
<file path=[Content_Types].xml><?xml version="1.0" encoding="utf-8"?>
<Types xmlns="http://schemas.openxmlformats.org/package/2006/content-types">
  <Default Extension="bin" ContentType="application/vnd.openxmlformats-officedocument.spreadsheetml.printerSettings"/>
  <Default Extension="emf" ContentType="image/x-emf"/>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theme/theme1.xml" ContentType="application/vnd.openxmlformats-officedocument.theme+xml"/>
  <Override PartName="/xl/connections.xml" ContentType="application/vnd.openxmlformats-officedocument.spreadsheetml.connections+xml"/>
  <Override PartName="/xl/styles.xml" ContentType="application/vnd.openxmlformats-officedocument.spreadsheetml.styles+xml"/>
  <Override PartName="/xl/sharedStrings.xml" ContentType="application/vnd.openxmlformats-officedocument.spreadsheetml.sharedStrings+xml"/>
  <Override PartName="/xl/customProperty1.bin" ContentType="application/vnd.openxmlformats-officedocument.spreadsheetml.customProperty"/>
  <Override PartName="/xl/drawings/drawing1.xml" ContentType="application/vnd.openxmlformats-officedocument.drawing+xml"/>
  <Override PartName="/xl/customProperty2.bin" ContentType="application/vnd.openxmlformats-officedocument.spreadsheetml.customProperty"/>
  <Override PartName="/xl/drawings/drawing2.xml" ContentType="application/vnd.openxmlformats-officedocument.drawing+xml"/>
  <Override PartName="/xl/customProperty3.bin" ContentType="application/vnd.openxmlformats-officedocument.spreadsheetml.customProperty"/>
  <Override PartName="/xl/customProperty4.bin" ContentType="application/vnd.openxmlformats-officedocument.spreadsheetml.customProperty"/>
  <Override PartName="/xl/drawings/drawing3.xml" ContentType="application/vnd.openxmlformats-officedocument.drawing+xml"/>
  <Override PartName="/xl/customProperty5.bin" ContentType="application/vnd.openxmlformats-officedocument.spreadsheetml.customProperty"/>
  <Override PartName="/xl/drawings/drawing4.xml" ContentType="application/vnd.openxmlformats-officedocument.drawing+xml"/>
  <Override PartName="/xl/customProperty6.bin" ContentType="application/vnd.openxmlformats-officedocument.spreadsheetml.customProperty"/>
  <Override PartName="/xl/customProperty7.bin" ContentType="application/vnd.openxmlformats-officedocument.spreadsheetml.customProperty"/>
  <Override PartName="/xl/customProperty8.bin" ContentType="application/vnd.openxmlformats-officedocument.spreadsheetml.customProperty"/>
  <Override PartName="/xl/customProperty9.bin" ContentType="application/vnd.openxmlformats-officedocument.spreadsheetml.customProperty"/>
  <Override PartName="/xl/customProperty10.bin" ContentType="application/vnd.openxmlformats-officedocument.spreadsheetml.customProperty"/>
  <Override PartName="/xl/drawings/drawing5.xml" ContentType="application/vnd.openxmlformats-officedocument.drawing+xml"/>
  <Override PartName="/xl/customProperty11.bin" ContentType="application/vnd.openxmlformats-officedocument.spreadsheetml.customProperty"/>
  <Override PartName="/xl/drawings/drawing6.xml" ContentType="application/vnd.openxmlformats-officedocument.drawing+xml"/>
  <Override PartName="/xl/customProperty12.bin" ContentType="application/vnd.openxmlformats-officedocument.spreadsheetml.customProperty"/>
  <Override PartName="/xl/drawings/drawing7.xml" ContentType="application/vnd.openxmlformats-officedocument.drawing+xml"/>
  <Override PartName="/xl/customProperty13.bin" ContentType="application/vnd.openxmlformats-officedocument.spreadsheetml.customProperty"/>
  <Override PartName="/xl/customProperty14.bin" ContentType="application/vnd.openxmlformats-officedocument.spreadsheetml.customProperty"/>
  <Override PartName="/xl/customProperty15.bin" ContentType="application/vnd.openxmlformats-officedocument.spreadsheetml.customProperty"/>
  <Override PartName="/xl/drawings/drawing8.xml" ContentType="application/vnd.openxmlformats-officedocument.drawing+xml"/>
  <Override PartName="/xl/customProperty16.bin" ContentType="application/vnd.openxmlformats-officedocument.spreadsheetml.customProperty"/>
  <Override PartName="/xl/tables/table1.xml" ContentType="application/vnd.openxmlformats-officedocument.spreadsheetml.table+xml"/>
  <Override PartName="/xl/queryTables/queryTable1.xml" ContentType="application/vnd.openxmlformats-officedocument.spreadsheetml.queryTable+xml"/>
  <Override PartName="/xl/customProperty17.bin" ContentType="application/vnd.openxmlformats-officedocument.spreadsheetml.customProperty"/>
  <Override PartName="/xl/tables/table2.xml" ContentType="application/vnd.openxmlformats-officedocument.spreadsheetml.table+xml"/>
  <Override PartName="/xl/queryTables/queryTable2.xml" ContentType="application/vnd.openxmlformats-officedocument.spreadsheetml.queryTable+xml"/>
  <Override PartName="/xl/customProperty18.bin" ContentType="application/vnd.openxmlformats-officedocument.spreadsheetml.customProperty"/>
  <Override PartName="/xl/drawings/drawing9.xml" ContentType="application/vnd.openxmlformats-officedocument.drawing+xml"/>
  <Override PartName="/xl/customProperty19.bin" ContentType="application/vnd.openxmlformats-officedocument.spreadsheetml.customProperty"/>
  <Override PartName="/xl/drawings/drawing10.xml" ContentType="application/vnd.openxmlformats-officedocument.drawing+xml"/>
  <Override PartName="/xl/customProperty20.bin" ContentType="application/vnd.openxmlformats-officedocument.spreadsheetml.customProperty"/>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6130"/>
  <workbookPr codeName="ThisWorkbook"/>
  <mc:AlternateContent xmlns:mc="http://schemas.openxmlformats.org/markup-compatibility/2006">
    <mc:Choice Requires="x15">
      <x15ac:absPath xmlns:x15ac="http://schemas.microsoft.com/office/spreadsheetml/2010/11/ac" url="C:\Users\I847778\OneDrive - SAP SE\Desktop\Roles\SCSI\SCC Projects\HPE\Guides\CIG\"/>
    </mc:Choice>
  </mc:AlternateContent>
  <xr:revisionPtr revIDLastSave="0" documentId="13_ncr:1_{39959FB1-6653-4AC0-A51F-BADD0610E948}" xr6:coauthVersionLast="47" xr6:coauthVersionMax="47" xr10:uidLastSave="{00000000-0000-0000-0000-000000000000}"/>
  <bookViews>
    <workbookView xWindow="-19310" yWindow="-100" windowWidth="19420" windowHeight="11500" tabRatio="822" activeTab="3" xr2:uid="{00000000-000D-0000-FFFF-FFFF00000000}"/>
  </bookViews>
  <sheets>
    <sheet name="Cover" sheetId="63" r:id="rId1"/>
    <sheet name="Read Me" sheetId="67" r:id="rId2"/>
    <sheet name="EDI samples" sheetId="77" r:id="rId3"/>
    <sheet name="Version History" sheetId="82" r:id="rId4"/>
    <sheet name="Buyer Process Requirement " sheetId="68" r:id="rId5"/>
    <sheet name="850 Outbound" sheetId="84" r:id="rId6"/>
    <sheet name="860 Outbound" sheetId="83" r:id="rId7"/>
    <sheet name="855 Inbound" sheetId="74" r:id="rId8"/>
    <sheet name="856 Inbound SOI" sheetId="90" r:id="rId9"/>
    <sheet name="856 Inbound SOPI" sheetId="91" r:id="rId10"/>
    <sheet name="OC ASN Requirements" sheetId="78" r:id="rId11"/>
    <sheet name="IN810 Inbound" sheetId="88" r:id="rId12"/>
    <sheet name="Invoice Status Table" sheetId="80" r:id="rId13"/>
    <sheet name="RC861_Outbound" sheetId="89" r:id="rId14"/>
    <sheet name="824 Outbound" sheetId="59" r:id="rId15"/>
    <sheet name="AN_Rules_All" sheetId="41" r:id="rId16"/>
    <sheet name="TEST_CountryBased_Rules" sheetId="42" r:id="rId17"/>
    <sheet name="PROD_Country_Based_Rules" sheetId="79" r:id="rId18"/>
    <sheet name="Support" sheetId="69" r:id="rId19"/>
    <sheet name="Closure Cover " sheetId="19" r:id="rId20"/>
    <sheet name="List Values" sheetId="14" state="hidden" r:id="rId21"/>
  </sheets>
  <definedNames>
    <definedName name="_xlnm._FilterDatabase" localSheetId="5" hidden="1">'850 Outbound'!$A$1:$O$1662</definedName>
    <definedName name="_xlnm._FilterDatabase" localSheetId="7" hidden="1">'855 Inbound'!$A$1:$Q$445</definedName>
    <definedName name="_xlnm._FilterDatabase" localSheetId="8" hidden="1">'856 Inbound SOI'!$A$1:$Q$1</definedName>
    <definedName name="_xlnm._FilterDatabase" localSheetId="11" hidden="1">'IN810 Inbound'!$A$1:$W$854</definedName>
    <definedName name="_xlnm._FilterDatabase" localSheetId="13">'RC861_Outbound'!$A$1:$R$159</definedName>
    <definedName name="ExternalData_1" localSheetId="17" hidden="1">PROD_Country_Based_Rules!$A$1:$AY$60</definedName>
    <definedName name="ExternalData_1" localSheetId="16" hidden="1">TEST_CountryBased_Rules!$A$1:$AY$60</definedName>
    <definedName name="_xlnm.Print_Area" localSheetId="7">'855 Inbound'!#REF!</definedName>
    <definedName name="_xlnm.Print_Area" localSheetId="13">'RC861_Outbound'!$A$1:$R$158</definedName>
    <definedName name="_xlnm.Print_Titles" localSheetId="13">'RC861_Outbound'!$1:$1</definedName>
    <definedName name="Z_2D6E3EB7_A67D_45A8_B853_3FEB971867AD_.wvu.Cols" localSheetId="5" hidden="1">'850 Outbound'!#REF!</definedName>
    <definedName name="Z_2D6E3EB7_A67D_45A8_B853_3FEB971867AD_.wvu.FilterData" localSheetId="5" hidden="1">'850 Outbound'!#REF!</definedName>
    <definedName name="Z_41246672_3F24_4CE0_9085_686294E6235D_.wvu.Cols" localSheetId="5" hidden="1">'850 Outbound'!#REF!,'850 Outbound'!#REF!</definedName>
    <definedName name="Z_41246672_3F24_4CE0_9085_686294E6235D_.wvu.FilterData" localSheetId="5" hidden="1">'850 Outbound'!#REF!</definedName>
    <definedName name="Z_7AFA1257_284D_4FD4_B31C_69E49A25D56D_.wvu.Cols" localSheetId="5" hidden="1">'850 Outbound'!#REF!,'850 Outbound'!#REF!</definedName>
    <definedName name="Z_7AFA1257_284D_4FD4_B31C_69E49A25D56D_.wvu.FilterData" localSheetId="5" hidden="1">'850 Outbound'!#REF!</definedName>
    <definedName name="Z_7C52D1F2_2D24_4D6F_AA2D_D24448E4277F_.wvu.Cols" localSheetId="7" hidden="1">'855 Inbound'!#REF!,'855 Inbound'!#REF!</definedName>
    <definedName name="Z_7C52D1F2_2D24_4D6F_AA2D_D24448E4277F_.wvu.FilterData" localSheetId="7" hidden="1">'855 Inbound'!#REF!</definedName>
    <definedName name="Z_7C52D1F2_2D24_4D6F_AA2D_D24448E4277F_.wvu.PrintArea" localSheetId="7" hidden="1">'855 Inbound'!#REF!</definedName>
    <definedName name="Z_88493777_AEE7_4647_9B8B_CA97EA8B4E6E_.wvu.FilterData" localSheetId="5" hidden="1">'850 Outbound'!#REF!</definedName>
    <definedName name="Z_9416DC97_C784_42A4_B80A_BB51D267015E_.wvu.Cols" localSheetId="7" hidden="1">'855 Inbound'!#REF!,'855 Inbound'!#REF!</definedName>
    <definedName name="Z_9416DC97_C784_42A4_B80A_BB51D267015E_.wvu.FilterData" localSheetId="7" hidden="1">'855 Inbound'!#REF!</definedName>
    <definedName name="Z_9416DC97_C784_42A4_B80A_BB51D267015E_.wvu.PrintArea" localSheetId="7" hidden="1">'855 Inbound'!#REF!</definedName>
    <definedName name="Z_953313A6_D37E_4B7E_9D61_A78387D9F370_.wvu.Cols" localSheetId="7" hidden="1">'855 Inbound'!#REF!,'855 Inbound'!#REF!</definedName>
    <definedName name="Z_953313A6_D37E_4B7E_9D61_A78387D9F370_.wvu.FilterData" localSheetId="7" hidden="1">'855 Inbound'!#REF!</definedName>
    <definedName name="Z_953313A6_D37E_4B7E_9D61_A78387D9F370_.wvu.PrintArea" localSheetId="7" hidden="1">'855 Inbound'!#REF!</definedName>
    <definedName name="Z_E8E269E4_5DAA_4CEB_8705_8E1CEDDAE613_.wvu.FilterData" localSheetId="5" hidden="1">'850 Outbound'!#REF!</definedName>
    <definedName name="Z_FB56ED25_AB94_4B1B_9FC0_64019D3CAC1B_.wvu.FilterData" localSheetId="5" hidden="1">'850 Outbound'!#REF!</definedName>
  </definedNames>
  <calcPr calcId="152511"/>
  <customWorkbookViews>
    <customWorkbookView name="Essig, Renee - Personal View" guid="{E92723BC-4B70-41C3-822B-14B3BE789ACE}" mergeInterval="0" personalView="1" maximized="1" xWindow="2792" yWindow="-8" windowWidth="1936" windowHeight="1056" tabRatio="584" activeSheetId="14"/>
  </customWorkbookViews>
  <extLst>
    <ext xmlns:x15="http://schemas.microsoft.com/office/spreadsheetml/2010/11/main" uri="{140A7094-0E35-4892-8432-C4D2E57EDEB5}">
      <x15:workbookPr chartTrackingRefBase="1"/>
    </ext>
  </extLst>
</workbook>
</file>

<file path=xl/connections.xml><?xml version="1.0" encoding="utf-8"?>
<connections xmlns="http://schemas.openxmlformats.org/spreadsheetml/2006/main" xmlns:mc="http://schemas.openxmlformats.org/markup-compatibility/2006" xmlns:xr16="http://schemas.microsoft.com/office/spreadsheetml/2017/revision16" mc:Ignorable="xr16">
  <connection id="1" xr16:uid="{00000000-0015-0000-FFFF-FFFF00000000}" keepAlive="1" name="Query - CountryRules" description="Connection to the 'CountryRules' query in the workbook." type="5" refreshedVersion="6" background="1" saveData="1">
    <dbPr connection="Provider=Microsoft.Mashup.OleDb.1;Data Source=$Workbook$;Location=CountryRules;Extended Properties=&quot;&quot;" command="SELECT * FROM [CountryRules]"/>
  </connection>
  <connection id="2" xr16:uid="{00000000-0015-0000-FFFF-FFFF01000000}" keepAlive="1" name="Query - CountryRules Test" description="Connection to the 'CountryRules Test' query in the workbook." type="5" refreshedVersion="6" background="1" saveData="1">
    <dbPr connection="Provider=Microsoft.Mashup.OleDb.1;Data Source=$Workbook$;Location=&quot;CountryRules Test&quot;;Extended Properties=&quot;&quot;" command="SELECT * FROM [CountryRules Test]"/>
  </connection>
</connections>
</file>

<file path=xl/sharedStrings.xml><?xml version="1.0" encoding="utf-8"?>
<sst xmlns="http://schemas.openxmlformats.org/spreadsheetml/2006/main" count="100162" uniqueCount="2905">
  <si>
    <t>Comments</t>
  </si>
  <si>
    <t>Date</t>
  </si>
  <si>
    <t>Required</t>
  </si>
  <si>
    <t>Description</t>
  </si>
  <si>
    <t xml:space="preserve">Version History </t>
  </si>
  <si>
    <t>Documents</t>
  </si>
  <si>
    <t xml:space="preserve">Types Supported </t>
  </si>
  <si>
    <t>Additional Requirements</t>
  </si>
  <si>
    <t xml:space="preserve">Unit of Measure </t>
  </si>
  <si>
    <t xml:space="preserve">Remit To </t>
  </si>
  <si>
    <t>Shipping Fees</t>
  </si>
  <si>
    <t xml:space="preserve">Allowances </t>
  </si>
  <si>
    <t xml:space="preserve">Direction </t>
  </si>
  <si>
    <t>Outbound</t>
  </si>
  <si>
    <t>Inbound</t>
  </si>
  <si>
    <t>Yes</t>
  </si>
  <si>
    <t>No</t>
  </si>
  <si>
    <t>Optional</t>
  </si>
  <si>
    <t>850 Purchase Order</t>
  </si>
  <si>
    <t>860 Change Purchase Order</t>
  </si>
  <si>
    <t>862 Scheduling Agreement</t>
  </si>
  <si>
    <t>856 Advance Ship Notice</t>
  </si>
  <si>
    <t>810 Invoice</t>
  </si>
  <si>
    <t>855 Order Confirmation</t>
  </si>
  <si>
    <t xml:space="preserve">846 MO-PO TimeSeries Qty </t>
  </si>
  <si>
    <t>830, Forecast/ ProductActivityMessage</t>
  </si>
  <si>
    <t xml:space="preserve">846 Consignment/Product Activity </t>
  </si>
  <si>
    <t>846. Product Replenishment</t>
  </si>
  <si>
    <t xml:space="preserve">866 Component Consumption Request </t>
  </si>
  <si>
    <t>850 Service Purchase Order</t>
  </si>
  <si>
    <t>850 Blanket Purchase Order</t>
  </si>
  <si>
    <t xml:space="preserve">850 Cancel Purchase Order </t>
  </si>
  <si>
    <t>850 Free Text Purchase Order</t>
  </si>
  <si>
    <t xml:space="preserve">204 Transport Request </t>
  </si>
  <si>
    <t>820 Payment Remittance</t>
  </si>
  <si>
    <t>862 Cancel Scheduling Agreement</t>
  </si>
  <si>
    <t>862 Change Scheduling Agreement</t>
  </si>
  <si>
    <t xml:space="preserve">850 Sales Order Request </t>
  </si>
  <si>
    <t xml:space="preserve">842 QualityNotificationRequest </t>
  </si>
  <si>
    <t>824 StatusUpdateRequest</t>
  </si>
  <si>
    <t>846 SMIProductActivityMessage</t>
  </si>
  <si>
    <t>864 StatusUpdateRequest Accepted</t>
  </si>
  <si>
    <t>846 Inventory ProductReplenishment</t>
  </si>
  <si>
    <t xml:space="preserve">214 TransportConfirmation </t>
  </si>
  <si>
    <t>997 Inbound Functional Acknowledgement</t>
  </si>
  <si>
    <t>997 Outbound Functional Acknowledgement</t>
  </si>
  <si>
    <t xml:space="preserve">850 Copy of Purchase Order </t>
  </si>
  <si>
    <t xml:space="preserve">850 Copy of Change PO </t>
  </si>
  <si>
    <t xml:space="preserve">856 CopyOf Advance Ship Notice </t>
  </si>
  <si>
    <t>861 ReceiptRequest / Goods Receipt</t>
  </si>
  <si>
    <t xml:space="preserve">855 Partial Order Confirmation </t>
  </si>
  <si>
    <t xml:space="preserve">855 Full Order Confirmation </t>
  </si>
  <si>
    <t xml:space="preserve">855 Full Rejection Order confirmation </t>
  </si>
  <si>
    <t>855 Partial Rejection Order Confirmation</t>
  </si>
  <si>
    <t>830, Forecast Commit/ProductReplenishmentMessage</t>
  </si>
  <si>
    <t>866 Inventory Product Replenishment</t>
  </si>
  <si>
    <t xml:space="preserve">866 MO/PO </t>
  </si>
  <si>
    <t>864 Functional Acknowledgement/StatusUpdateRequest</t>
  </si>
  <si>
    <t>830 ConsumptionReport</t>
  </si>
  <si>
    <t>866 Component Receipt</t>
  </si>
  <si>
    <t>856 Component ASN</t>
  </si>
  <si>
    <t xml:space="preserve">810 Credit Invoice </t>
  </si>
  <si>
    <t xml:space="preserve">855 Backorder Order Confirmation </t>
  </si>
  <si>
    <t>856 Return Advance Ship Notice</t>
  </si>
  <si>
    <t>862 Release Scheduling Agreement</t>
  </si>
  <si>
    <t>Must use</t>
  </si>
  <si>
    <t>Mandatory</t>
  </si>
  <si>
    <t>Monetary Amount</t>
  </si>
  <si>
    <t>AMT02</t>
  </si>
  <si>
    <t>Amount Qualifier Code</t>
  </si>
  <si>
    <t>AMT01</t>
  </si>
  <si>
    <t>Used</t>
  </si>
  <si>
    <t>AMT</t>
  </si>
  <si>
    <t>Hash Total</t>
  </si>
  <si>
    <t>Number of Line Items</t>
  </si>
  <si>
    <t>CTT</t>
  </si>
  <si>
    <t>Time Code</t>
  </si>
  <si>
    <t>DTM04</t>
  </si>
  <si>
    <t>Relational</t>
  </si>
  <si>
    <t>Time</t>
  </si>
  <si>
    <t>DTM03</t>
  </si>
  <si>
    <t>DTM02</t>
  </si>
  <si>
    <t>Date/Time Qualifier</t>
  </si>
  <si>
    <t>DTM01</t>
  </si>
  <si>
    <t>DTM</t>
  </si>
  <si>
    <t>Free-Form Message Text</t>
  </si>
  <si>
    <t>MSG01</t>
  </si>
  <si>
    <t>MSG</t>
  </si>
  <si>
    <t>Product/Service ID</t>
  </si>
  <si>
    <t>SLN14</t>
  </si>
  <si>
    <t>Product/Service ID Qualifier</t>
  </si>
  <si>
    <t>SLN13</t>
  </si>
  <si>
    <t>SLN12</t>
  </si>
  <si>
    <t>SLN11</t>
  </si>
  <si>
    <t>SLN10</t>
  </si>
  <si>
    <t>SLN09</t>
  </si>
  <si>
    <t>Not Used</t>
  </si>
  <si>
    <t>Relationship Code</t>
  </si>
  <si>
    <t>SLN08</t>
  </si>
  <si>
    <t>Basis of Unit Price Code</t>
  </si>
  <si>
    <t>SLN07</t>
  </si>
  <si>
    <t>Unit Price</t>
  </si>
  <si>
    <t>SLN06</t>
  </si>
  <si>
    <t>Unit or Basis for Measurement Code</t>
  </si>
  <si>
    <t>SLN05</t>
  </si>
  <si>
    <t>Quantity</t>
  </si>
  <si>
    <t>SLN04</t>
  </si>
  <si>
    <t>SLN03</t>
  </si>
  <si>
    <t>Assigned Identification</t>
  </si>
  <si>
    <t>SLN02</t>
  </si>
  <si>
    <t>SLN01</t>
  </si>
  <si>
    <t>SLN</t>
  </si>
  <si>
    <t>Communication Number</t>
  </si>
  <si>
    <t>PER08</t>
  </si>
  <si>
    <t>Communication Number Qualifier</t>
  </si>
  <si>
    <t>PER07</t>
  </si>
  <si>
    <t>PER06</t>
  </si>
  <si>
    <t>PER05</t>
  </si>
  <si>
    <t>PER04</t>
  </si>
  <si>
    <t>PER03</t>
  </si>
  <si>
    <t>Name</t>
  </si>
  <si>
    <t>PER02</t>
  </si>
  <si>
    <t>Contact Function Code</t>
  </si>
  <si>
    <t>PER01</t>
  </si>
  <si>
    <t>PER</t>
  </si>
  <si>
    <t>REF03</t>
  </si>
  <si>
    <t>Reference Identification</t>
  </si>
  <si>
    <t>REF02</t>
  </si>
  <si>
    <t>Reference Identification Qualifier</t>
  </si>
  <si>
    <t>REF01</t>
  </si>
  <si>
    <t>REF</t>
  </si>
  <si>
    <t>Location Identifier</t>
  </si>
  <si>
    <t>N406</t>
  </si>
  <si>
    <t>Location Qualifier</t>
  </si>
  <si>
    <t>N405</t>
  </si>
  <si>
    <t>Country Code</t>
  </si>
  <si>
    <t>N404</t>
  </si>
  <si>
    <t>Postal Code</t>
  </si>
  <si>
    <t>N403</t>
  </si>
  <si>
    <t>State or Province Code</t>
  </si>
  <si>
    <t>N402</t>
  </si>
  <si>
    <t>City Name</t>
  </si>
  <si>
    <t>N401</t>
  </si>
  <si>
    <t>N4</t>
  </si>
  <si>
    <t>Address Information</t>
  </si>
  <si>
    <t>N302</t>
  </si>
  <si>
    <t>N301</t>
  </si>
  <si>
    <t>N3</t>
  </si>
  <si>
    <t>N202</t>
  </si>
  <si>
    <t>N201</t>
  </si>
  <si>
    <t>N2</t>
  </si>
  <si>
    <t>Identification Code</t>
  </si>
  <si>
    <t>N104</t>
  </si>
  <si>
    <t>Identification Code Qualifier</t>
  </si>
  <si>
    <t>N103</t>
  </si>
  <si>
    <t>N102</t>
  </si>
  <si>
    <t>Entity Identifier Code</t>
  </si>
  <si>
    <t>N101</t>
  </si>
  <si>
    <t>N1</t>
  </si>
  <si>
    <t>TD503</t>
  </si>
  <si>
    <t>TD502</t>
  </si>
  <si>
    <t>Routing Sequence Code</t>
  </si>
  <si>
    <t>TD501</t>
  </si>
  <si>
    <t>TD5</t>
  </si>
  <si>
    <t>Special Handling Code</t>
  </si>
  <si>
    <t>TD4</t>
  </si>
  <si>
    <t>Shipment/Order Status Code</t>
  </si>
  <si>
    <t>TD506</t>
  </si>
  <si>
    <t>Routing</t>
  </si>
  <si>
    <t>TD505</t>
  </si>
  <si>
    <t>Transportation Method/Type Code</t>
  </si>
  <si>
    <t>TD504</t>
  </si>
  <si>
    <t>Free-form Description</t>
  </si>
  <si>
    <t>N903</t>
  </si>
  <si>
    <t>Not used</t>
  </si>
  <si>
    <t>N902</t>
  </si>
  <si>
    <t>N901</t>
  </si>
  <si>
    <t>N9</t>
  </si>
  <si>
    <t>Printer Carriage Control Code</t>
  </si>
  <si>
    <t>MSG02</t>
  </si>
  <si>
    <t>Reference Identifier</t>
  </si>
  <si>
    <t>C040</t>
  </si>
  <si>
    <t>N906</t>
  </si>
  <si>
    <t>N905</t>
  </si>
  <si>
    <t>N904</t>
  </si>
  <si>
    <t>MEA04</t>
  </si>
  <si>
    <t>C001</t>
  </si>
  <si>
    <t>Measurement Value</t>
  </si>
  <si>
    <t>MEA03</t>
  </si>
  <si>
    <t>Measurement Qualifier</t>
  </si>
  <si>
    <t>MEA02</t>
  </si>
  <si>
    <t>Measurement Reference ID Code</t>
  </si>
  <si>
    <t>MEA01</t>
  </si>
  <si>
    <t>MEA</t>
  </si>
  <si>
    <t>PKG05</t>
  </si>
  <si>
    <t>Packaging Description Code</t>
  </si>
  <si>
    <t>PKG04</t>
  </si>
  <si>
    <t>Agency Qualifier Code</t>
  </si>
  <si>
    <t>PKG03</t>
  </si>
  <si>
    <t>Packaging Characteristic Code</t>
  </si>
  <si>
    <t>PKG02</t>
  </si>
  <si>
    <t>Item Description Type</t>
  </si>
  <si>
    <t>PKG01</t>
  </si>
  <si>
    <t>PKG</t>
  </si>
  <si>
    <t>SCH08</t>
  </si>
  <si>
    <t>SCH07</t>
  </si>
  <si>
    <t>SCH06</t>
  </si>
  <si>
    <t>SCH05</t>
  </si>
  <si>
    <t>SCH04</t>
  </si>
  <si>
    <t>SCH03</t>
  </si>
  <si>
    <t>SCH02</t>
  </si>
  <si>
    <t>SCH01</t>
  </si>
  <si>
    <t>SCH</t>
  </si>
  <si>
    <t>SCH12</t>
  </si>
  <si>
    <t>Request Reference Number</t>
  </si>
  <si>
    <t>SCH11</t>
  </si>
  <si>
    <t>QTY02</t>
  </si>
  <si>
    <t>Quantity Qualifier</t>
  </si>
  <si>
    <t>QTY01</t>
  </si>
  <si>
    <t>QTY</t>
  </si>
  <si>
    <t>TXI10</t>
  </si>
  <si>
    <t>Tax Identification Number</t>
  </si>
  <si>
    <t>TXI09</t>
  </si>
  <si>
    <t>Dollar Basis For Percent</t>
  </si>
  <si>
    <t>TXI08</t>
  </si>
  <si>
    <t>TXI07</t>
  </si>
  <si>
    <t>Tax Exempt Code</t>
  </si>
  <si>
    <t>TXI06</t>
  </si>
  <si>
    <t>Tax Jurisdiction Code</t>
  </si>
  <si>
    <t>TXI05</t>
  </si>
  <si>
    <t>Tax Jurisdiction Code Qualifier</t>
  </si>
  <si>
    <t>TXI04</t>
  </si>
  <si>
    <t>Percent</t>
  </si>
  <si>
    <t>TXI03</t>
  </si>
  <si>
    <t>TXI02</t>
  </si>
  <si>
    <t>Tax Type Code</t>
  </si>
  <si>
    <t>TXI01</t>
  </si>
  <si>
    <t>TXI</t>
  </si>
  <si>
    <t>FOB07</t>
  </si>
  <si>
    <t>FOB06</t>
  </si>
  <si>
    <t>Transportation Terms Code</t>
  </si>
  <si>
    <t>FOB05</t>
  </si>
  <si>
    <t>Transportation Terms Qualifier Code</t>
  </si>
  <si>
    <t>FOB04</t>
  </si>
  <si>
    <t>FOB03</t>
  </si>
  <si>
    <t>FOB02</t>
  </si>
  <si>
    <t>Shipment Method of Payment</t>
  </si>
  <si>
    <t>FOB01</t>
  </si>
  <si>
    <t>FOB</t>
  </si>
  <si>
    <t>Currency Code</t>
  </si>
  <si>
    <t>CUR02</t>
  </si>
  <si>
    <t>CUR01</t>
  </si>
  <si>
    <t>CUR</t>
  </si>
  <si>
    <t>Language Code</t>
  </si>
  <si>
    <t>SAC16</t>
  </si>
  <si>
    <t>SAC15</t>
  </si>
  <si>
    <t>Option Number</t>
  </si>
  <si>
    <t>SAC14</t>
  </si>
  <si>
    <t>SAC13</t>
  </si>
  <si>
    <t>Allowance or Charge Method of Handling Code</t>
  </si>
  <si>
    <t>SAC12</t>
  </si>
  <si>
    <t>SAC11</t>
  </si>
  <si>
    <t>SAC10</t>
  </si>
  <si>
    <t>SAC09</t>
  </si>
  <si>
    <t>Rate</t>
  </si>
  <si>
    <t>SAC08</t>
  </si>
  <si>
    <t>SAC07</t>
  </si>
  <si>
    <t>Allowance/Charge Percent Qualifier</t>
  </si>
  <si>
    <t>SAC06</t>
  </si>
  <si>
    <t>Amount</t>
  </si>
  <si>
    <t>SAC05</t>
  </si>
  <si>
    <t>Agency Service, Promotion, Allowance, or Charge Code</t>
  </si>
  <si>
    <t>SAC04</t>
  </si>
  <si>
    <t>SAC03</t>
  </si>
  <si>
    <t>Service, Promotion, Allowance, or Charge Code</t>
  </si>
  <si>
    <t>SAC02</t>
  </si>
  <si>
    <t>Allowance or Charge Indicator</t>
  </si>
  <si>
    <t>SAC01</t>
  </si>
  <si>
    <t>SAC</t>
  </si>
  <si>
    <t>CUR12</t>
  </si>
  <si>
    <t>CUR11</t>
  </si>
  <si>
    <t>CUR10</t>
  </si>
  <si>
    <t>CUR09</t>
  </si>
  <si>
    <t>CUR08</t>
  </si>
  <si>
    <t>CUR07</t>
  </si>
  <si>
    <t>Currency Market/Exchange Code</t>
  </si>
  <si>
    <t>CUR06</t>
  </si>
  <si>
    <t>CUR05</t>
  </si>
  <si>
    <t>CUR04</t>
  </si>
  <si>
    <t>Exchange Rate</t>
  </si>
  <si>
    <t>CUR03</t>
  </si>
  <si>
    <t>PID05</t>
  </si>
  <si>
    <t>Product Description Code</t>
  </si>
  <si>
    <t>PID04</t>
  </si>
  <si>
    <t>PID03</t>
  </si>
  <si>
    <t>Product/Process Characteristic Code</t>
  </si>
  <si>
    <t>PID02</t>
  </si>
  <si>
    <t>PID01</t>
  </si>
  <si>
    <t>PID</t>
  </si>
  <si>
    <t>PID09</t>
  </si>
  <si>
    <t>Yes/No Condition or Response Code</t>
  </si>
  <si>
    <t>PID08</t>
  </si>
  <si>
    <t>Source Subqualifier</t>
  </si>
  <si>
    <t>PID07</t>
  </si>
  <si>
    <t>Surface/Layer/Position Code</t>
  </si>
  <si>
    <t>PID06</t>
  </si>
  <si>
    <t>CTP03</t>
  </si>
  <si>
    <t>Price Identifier Code</t>
  </si>
  <si>
    <t>CTP02</t>
  </si>
  <si>
    <t>Class of Trade Code</t>
  </si>
  <si>
    <t>CTP01</t>
  </si>
  <si>
    <t>CTP</t>
  </si>
  <si>
    <t>Multiplier</t>
  </si>
  <si>
    <t>649</t>
  </si>
  <si>
    <t>CTP07</t>
  </si>
  <si>
    <t>Price Multiplier Qualifier</t>
  </si>
  <si>
    <t>648</t>
  </si>
  <si>
    <t>CTP06</t>
  </si>
  <si>
    <t>355</t>
  </si>
  <si>
    <t>CTP05</t>
  </si>
  <si>
    <t>CTP04</t>
  </si>
  <si>
    <t>PO307</t>
  </si>
  <si>
    <t>PO306</t>
  </si>
  <si>
    <t>Basis of unit price code</t>
  </si>
  <si>
    <t>PO305</t>
  </si>
  <si>
    <t>PO304</t>
  </si>
  <si>
    <t>Price identifier code</t>
  </si>
  <si>
    <t>PO303</t>
  </si>
  <si>
    <t>PO302</t>
  </si>
  <si>
    <t>Change Reason Code</t>
  </si>
  <si>
    <t>PO301</t>
  </si>
  <si>
    <t>PO3</t>
  </si>
  <si>
    <t>PO121</t>
  </si>
  <si>
    <t>PO120</t>
  </si>
  <si>
    <t>PO119</t>
  </si>
  <si>
    <t>PO118</t>
  </si>
  <si>
    <t>PO117</t>
  </si>
  <si>
    <t>PO116</t>
  </si>
  <si>
    <t>PO115</t>
  </si>
  <si>
    <t>PO114</t>
  </si>
  <si>
    <t>PO113</t>
  </si>
  <si>
    <t>PO112</t>
  </si>
  <si>
    <t>PO111</t>
  </si>
  <si>
    <t>PO110</t>
  </si>
  <si>
    <t>PO109</t>
  </si>
  <si>
    <t>PO108</t>
  </si>
  <si>
    <t>PO107</t>
  </si>
  <si>
    <t>PO106</t>
  </si>
  <si>
    <t>PO105</t>
  </si>
  <si>
    <t>PO104</t>
  </si>
  <si>
    <t>PO103</t>
  </si>
  <si>
    <t>Quantity Ordered</t>
  </si>
  <si>
    <t>PO102</t>
  </si>
  <si>
    <t>PO101</t>
  </si>
  <si>
    <t>PO1</t>
  </si>
  <si>
    <t>Date Time Period</t>
  </si>
  <si>
    <t>DTM06</t>
  </si>
  <si>
    <t>Date Time Period Format Qualifier</t>
  </si>
  <si>
    <t>DTM05</t>
  </si>
  <si>
    <t>ITD15</t>
  </si>
  <si>
    <t>Payment Method Code</t>
  </si>
  <si>
    <t>ITD14</t>
  </si>
  <si>
    <t>Day of Month</t>
  </si>
  <si>
    <t>ITD13</t>
  </si>
  <si>
    <t>ITD12</t>
  </si>
  <si>
    <t>Percent of Invoice Payable</t>
  </si>
  <si>
    <t>ITD11</t>
  </si>
  <si>
    <t>Deferred Amount Due</t>
  </si>
  <si>
    <t>ITD10</t>
  </si>
  <si>
    <t>Terms Deferred Due Date</t>
  </si>
  <si>
    <t>ITD09</t>
  </si>
  <si>
    <t>Terms Discount Amount</t>
  </si>
  <si>
    <t>ITD08</t>
  </si>
  <si>
    <t>Terms Net Days</t>
  </si>
  <si>
    <t>ITD07</t>
  </si>
  <si>
    <t>Terms Net Due Date</t>
  </si>
  <si>
    <t>ITD06</t>
  </si>
  <si>
    <t>Terms Discount Days Due</t>
  </si>
  <si>
    <t>ITD05</t>
  </si>
  <si>
    <t>Terms Discount Due Date</t>
  </si>
  <si>
    <t>ITD04</t>
  </si>
  <si>
    <t>Terms Discount Percent</t>
  </si>
  <si>
    <t>ITD03</t>
  </si>
  <si>
    <t>Terms Basis Date Code</t>
  </si>
  <si>
    <t>ITD02</t>
  </si>
  <si>
    <t>Terms Type Code</t>
  </si>
  <si>
    <t>ITD01</t>
  </si>
  <si>
    <t>ITD</t>
  </si>
  <si>
    <t>Sales Requirement Code</t>
  </si>
  <si>
    <t>CSH01</t>
  </si>
  <si>
    <t>CSH</t>
  </si>
  <si>
    <t>BEG05</t>
  </si>
  <si>
    <t>Release Number</t>
  </si>
  <si>
    <t>BEG04</t>
  </si>
  <si>
    <t>Purchase Order Number</t>
  </si>
  <si>
    <t>BEG03</t>
  </si>
  <si>
    <t>Purchase Order Type Code</t>
  </si>
  <si>
    <t>BEG02</t>
  </si>
  <si>
    <t>Transaction Set Purpose Code</t>
  </si>
  <si>
    <t>BEG01</t>
  </si>
  <si>
    <t>BEG</t>
  </si>
  <si>
    <t>Transaction Set Control Number</t>
  </si>
  <si>
    <t>ST02</t>
  </si>
  <si>
    <t>Transaction Set Identifier Code</t>
  </si>
  <si>
    <t>ST01</t>
  </si>
  <si>
    <t>ST</t>
  </si>
  <si>
    <t>User Option</t>
  </si>
  <si>
    <t>Standard Option</t>
  </si>
  <si>
    <t>Element Name</t>
  </si>
  <si>
    <t>Element</t>
  </si>
  <si>
    <t>Element ID</t>
  </si>
  <si>
    <t>Composite ID</t>
  </si>
  <si>
    <t>Segment ID</t>
  </si>
  <si>
    <t>Change Order Sequence Number</t>
  </si>
  <si>
    <t>BCH</t>
  </si>
  <si>
    <t>Loop ID</t>
  </si>
  <si>
    <t>Loop Name</t>
  </si>
  <si>
    <t>Segment Position</t>
  </si>
  <si>
    <t>Segment Name</t>
  </si>
  <si>
    <t>Composite Name</t>
  </si>
  <si>
    <t>Element Position</t>
  </si>
  <si>
    <t>Header</t>
  </si>
  <si>
    <t>Transaction Set Header</t>
  </si>
  <si>
    <t>Details</t>
  </si>
  <si>
    <t>LIN</t>
  </si>
  <si>
    <t>Item Identification</t>
  </si>
  <si>
    <t>Product/Item Description</t>
  </si>
  <si>
    <t>Composite Unit of Measure</t>
  </si>
  <si>
    <t>Date/Time Reference</t>
  </si>
  <si>
    <t>Transaction Totals</t>
  </si>
  <si>
    <t>Loop Position</t>
  </si>
  <si>
    <t>Composite Position</t>
  </si>
  <si>
    <t>BSN</t>
  </si>
  <si>
    <t>Beginning Segment for Ship Notice</t>
  </si>
  <si>
    <t>Shipment Identification</t>
  </si>
  <si>
    <t>Hierarchical Structure Code</t>
  </si>
  <si>
    <t>Transaction Type Code</t>
  </si>
  <si>
    <t>Status Reason Code</t>
  </si>
  <si>
    <t>R</t>
  </si>
  <si>
    <t>Shipment</t>
  </si>
  <si>
    <t>HL</t>
  </si>
  <si>
    <t>Hierarchical Level</t>
  </si>
  <si>
    <t>Hierarchical ID Number</t>
  </si>
  <si>
    <t>Hierarchical Parent ID Number</t>
  </si>
  <si>
    <t>Hierarchical Level Code</t>
  </si>
  <si>
    <t>Hierarchical Child Code</t>
  </si>
  <si>
    <t>TD1</t>
  </si>
  <si>
    <t>Carrier Details (Quantity and Weight)</t>
  </si>
  <si>
    <t>Packaging Code</t>
  </si>
  <si>
    <t>Lading Quantity</t>
  </si>
  <si>
    <t>Commodity Code Qualifier</t>
  </si>
  <si>
    <t>Commodity Code</t>
  </si>
  <si>
    <t>Lading Description</t>
  </si>
  <si>
    <t>Weight Qualifier</t>
  </si>
  <si>
    <t>Weight</t>
  </si>
  <si>
    <t>Volume</t>
  </si>
  <si>
    <t>Carrier Details (Routing Sequence/Transit Time)</t>
  </si>
  <si>
    <t>Transit Direction Code</t>
  </si>
  <si>
    <t>Transit Time Direction Qualifier</t>
  </si>
  <si>
    <t>Transit Time</t>
  </si>
  <si>
    <t>Service Level Code</t>
  </si>
  <si>
    <t>TD3</t>
  </si>
  <si>
    <t>Carrier Details (Equipment)</t>
  </si>
  <si>
    <t>Equipment Description Code</t>
  </si>
  <si>
    <t>Equipment Initial</t>
  </si>
  <si>
    <t>Equipment Number</t>
  </si>
  <si>
    <t>Ownership Code</t>
  </si>
  <si>
    <t>Seal Status Code</t>
  </si>
  <si>
    <t>Seal Number</t>
  </si>
  <si>
    <t>Carrier Details (Special Handling, or Hazardous Materials, or Both)</t>
  </si>
  <si>
    <t>Hazardous Material Code Qualifier</t>
  </si>
  <si>
    <t>Hazardous Material Class Code</t>
  </si>
  <si>
    <t>F.O.B. Related Instructions</t>
  </si>
  <si>
    <t>Additional Name Information</t>
  </si>
  <si>
    <t>Geographic Location</t>
  </si>
  <si>
    <t>Administrative Communications Contact</t>
  </si>
  <si>
    <t>Currency</t>
  </si>
  <si>
    <t>Order</t>
  </si>
  <si>
    <r>
      <t xml:space="preserve">[MAP SEQUENCE 2]  </t>
    </r>
    <r>
      <rPr>
        <b/>
        <sz val="11"/>
        <rFont val="Arial"/>
        <family val="2"/>
        <scheme val="minor"/>
      </rPr>
      <t xml:space="preserve">HL ORDER </t>
    </r>
    <r>
      <rPr>
        <b/>
        <sz val="11"/>
        <color theme="0"/>
        <rFont val="Arial"/>
        <family val="2"/>
        <scheme val="minor"/>
      </rPr>
      <t xml:space="preserve"> | OCC  1..*  
[BSN_1005] can be
</t>
    </r>
    <r>
      <rPr>
        <b/>
        <sz val="11"/>
        <color theme="0" tint="-0.249977111117893"/>
        <rFont val="Arial"/>
        <family val="2"/>
        <scheme val="minor"/>
      </rPr>
      <t>"0004" HL S</t>
    </r>
    <r>
      <rPr>
        <b/>
        <sz val="11"/>
        <color theme="1"/>
        <rFont val="Arial"/>
        <family val="2"/>
        <scheme val="minor"/>
      </rPr>
      <t>O</t>
    </r>
    <r>
      <rPr>
        <b/>
        <sz val="11"/>
        <color theme="0" tint="-0.249977111117893"/>
        <rFont val="Arial"/>
        <family val="2"/>
        <scheme val="minor"/>
      </rPr>
      <t xml:space="preserve">IF
</t>
    </r>
    <r>
      <rPr>
        <b/>
        <sz val="11"/>
        <color rgb="FFF86F08"/>
        <rFont val="Arial"/>
        <family val="2"/>
        <scheme val="minor"/>
      </rPr>
      <t>"0002" HL S</t>
    </r>
    <r>
      <rPr>
        <b/>
        <sz val="11"/>
        <rFont val="Arial"/>
        <family val="2"/>
        <scheme val="minor"/>
      </rPr>
      <t>O</t>
    </r>
    <r>
      <rPr>
        <b/>
        <sz val="11"/>
        <color rgb="FFF86F08"/>
        <rFont val="Arial"/>
        <family val="2"/>
        <scheme val="minor"/>
      </rPr>
      <t>IFTP</t>
    </r>
    <r>
      <rPr>
        <b/>
        <sz val="11"/>
        <color theme="0"/>
        <rFont val="Arial"/>
        <family val="2"/>
        <scheme val="minor"/>
      </rPr>
      <t xml:space="preserve">
</t>
    </r>
    <r>
      <rPr>
        <b/>
        <sz val="11"/>
        <color rgb="FF7030A0"/>
        <rFont val="Arial"/>
        <family val="2"/>
        <scheme val="minor"/>
      </rPr>
      <t>"0001" HL S</t>
    </r>
    <r>
      <rPr>
        <b/>
        <sz val="11"/>
        <color theme="1"/>
        <rFont val="Arial"/>
        <family val="2"/>
        <scheme val="minor"/>
      </rPr>
      <t>O</t>
    </r>
    <r>
      <rPr>
        <b/>
        <sz val="11"/>
        <color rgb="FF7030A0"/>
        <rFont val="Arial"/>
        <family val="2"/>
        <scheme val="minor"/>
      </rPr>
      <t>TPIF</t>
    </r>
    <r>
      <rPr>
        <b/>
        <sz val="11"/>
        <color rgb="FFF86F08"/>
        <rFont val="Arial"/>
        <family val="2"/>
        <scheme val="minor"/>
      </rPr>
      <t/>
    </r>
  </si>
  <si>
    <t>PRF</t>
  </si>
  <si>
    <t>Purchase Order Reference</t>
  </si>
  <si>
    <t>Contract Number</t>
  </si>
  <si>
    <t>Item</t>
  </si>
  <si>
    <t>SN1</t>
  </si>
  <si>
    <t>Item Detail (Shipment)</t>
  </si>
  <si>
    <t>Number of Units Shipped</t>
  </si>
  <si>
    <t>Quantity Shipped to Date</t>
  </si>
  <si>
    <t>Subline Item Detail</t>
  </si>
  <si>
    <t>PO4</t>
  </si>
  <si>
    <t>Item Physical Details</t>
  </si>
  <si>
    <t>Pack</t>
  </si>
  <si>
    <t>Size</t>
  </si>
  <si>
    <t>Gross Weight per Pack</t>
  </si>
  <si>
    <t>Gross Volume per Pack</t>
  </si>
  <si>
    <t>Length</t>
  </si>
  <si>
    <t>Width</t>
  </si>
  <si>
    <t>Height</t>
  </si>
  <si>
    <t>Measurements</t>
  </si>
  <si>
    <t>MAN</t>
  </si>
  <si>
    <t>Marks and Numbers</t>
  </si>
  <si>
    <t>Marks and Numbers Qualifier</t>
  </si>
  <si>
    <t>Component</t>
  </si>
  <si>
    <r>
      <t xml:space="preserve">[MAP SEQUENCE 4] </t>
    </r>
    <r>
      <rPr>
        <b/>
        <sz val="11"/>
        <rFont val="Arial"/>
        <family val="2"/>
        <scheme val="minor"/>
      </rPr>
      <t>HL COMPONENT</t>
    </r>
    <r>
      <rPr>
        <b/>
        <sz val="11"/>
        <color theme="0"/>
        <rFont val="Arial"/>
        <family val="2"/>
        <scheme val="minor"/>
      </rPr>
      <t xml:space="preserve"> | OCC 0..*
[BSN_1005] can be
</t>
    </r>
    <r>
      <rPr>
        <b/>
        <sz val="11"/>
        <color theme="0" tint="-0.249977111117893"/>
        <rFont val="Arial"/>
        <family val="2"/>
        <scheme val="minor"/>
      </rPr>
      <t>"0004" HL SOI</t>
    </r>
    <r>
      <rPr>
        <b/>
        <sz val="11"/>
        <rFont val="Arial"/>
        <family val="2"/>
        <scheme val="minor"/>
      </rPr>
      <t>F</t>
    </r>
    <r>
      <rPr>
        <b/>
        <sz val="11"/>
        <color theme="0"/>
        <rFont val="Arial"/>
        <family val="2"/>
        <scheme val="minor"/>
      </rPr>
      <t xml:space="preserve">
</t>
    </r>
    <r>
      <rPr>
        <b/>
        <sz val="11"/>
        <color rgb="FFF86F08"/>
        <rFont val="Arial"/>
        <family val="2"/>
        <scheme val="minor"/>
      </rPr>
      <t>"0002" HL SOI</t>
    </r>
    <r>
      <rPr>
        <b/>
        <sz val="11"/>
        <rFont val="Arial"/>
        <family val="2"/>
        <scheme val="minor"/>
      </rPr>
      <t>F</t>
    </r>
    <r>
      <rPr>
        <b/>
        <sz val="11"/>
        <color rgb="FFF86F08"/>
        <rFont val="Arial"/>
        <family val="2"/>
        <scheme val="minor"/>
      </rPr>
      <t>TP</t>
    </r>
    <r>
      <rPr>
        <b/>
        <sz val="11"/>
        <color rgb="FF7030A0"/>
        <rFont val="Arial"/>
        <family val="2"/>
        <scheme val="minor"/>
      </rPr>
      <t xml:space="preserve">
"0001" HL SOTPI</t>
    </r>
    <r>
      <rPr>
        <b/>
        <sz val="11"/>
        <rFont val="Arial"/>
        <family val="2"/>
        <scheme val="minor"/>
      </rPr>
      <t>F</t>
    </r>
    <r>
      <rPr>
        <b/>
        <sz val="11"/>
        <color theme="0"/>
        <rFont val="Arial"/>
        <family val="2"/>
        <scheme val="minor"/>
      </rPr>
      <t xml:space="preserve">
</t>
    </r>
  </si>
  <si>
    <t>Packaging</t>
  </si>
  <si>
    <r>
      <t xml:space="preserve">[MAP SEQUENCE 5_0002] </t>
    </r>
    <r>
      <rPr>
        <b/>
        <sz val="11"/>
        <rFont val="Arial"/>
        <family val="2"/>
        <scheme val="minor"/>
      </rPr>
      <t xml:space="preserve"> HL TARE</t>
    </r>
    <r>
      <rPr>
        <b/>
        <sz val="11"/>
        <color theme="0"/>
        <rFont val="Arial"/>
        <family val="2"/>
        <scheme val="minor"/>
      </rPr>
      <t xml:space="preserve"> | OCC 0..*  
[BSN_1005 = "0002" HL SOIF</t>
    </r>
    <r>
      <rPr>
        <b/>
        <sz val="11"/>
        <rFont val="Arial"/>
        <family val="2"/>
        <scheme val="minor"/>
      </rPr>
      <t>T</t>
    </r>
    <r>
      <rPr>
        <b/>
        <sz val="11"/>
        <color theme="0"/>
        <rFont val="Arial"/>
        <family val="2"/>
        <scheme val="minor"/>
      </rPr>
      <t>P]</t>
    </r>
  </si>
  <si>
    <r>
      <t xml:space="preserve">[MAP SEQUENCE 6_0001]  </t>
    </r>
    <r>
      <rPr>
        <b/>
        <sz val="11"/>
        <rFont val="Arial"/>
        <family val="2"/>
        <scheme val="minor"/>
      </rPr>
      <t>HL TARE</t>
    </r>
    <r>
      <rPr>
        <b/>
        <sz val="11"/>
        <color theme="0"/>
        <rFont val="Arial"/>
        <family val="2"/>
        <scheme val="minor"/>
      </rPr>
      <t xml:space="preserve"> | OCC 0..*  
[BSN_1005 = "0001" HL SO</t>
    </r>
    <r>
      <rPr>
        <b/>
        <sz val="11"/>
        <rFont val="Arial"/>
        <family val="2"/>
        <scheme val="minor"/>
      </rPr>
      <t>T</t>
    </r>
    <r>
      <rPr>
        <b/>
        <sz val="11"/>
        <color theme="0"/>
        <rFont val="Arial"/>
        <family val="2"/>
        <scheme val="minor"/>
      </rPr>
      <t>PIF]</t>
    </r>
  </si>
  <si>
    <r>
      <t xml:space="preserve">[MAP SEQUENCE 6_0002] </t>
    </r>
    <r>
      <rPr>
        <b/>
        <sz val="11"/>
        <rFont val="Arial"/>
        <family val="2"/>
        <scheme val="minor"/>
      </rPr>
      <t>HL PACK</t>
    </r>
    <r>
      <rPr>
        <b/>
        <sz val="11"/>
        <color theme="0"/>
        <rFont val="Arial"/>
        <family val="2"/>
        <scheme val="minor"/>
      </rPr>
      <t xml:space="preserve"> | OCC 0..* / OCC 1..*
[Mandatory if HL TARE is present]
[BSN_1005 = "0002" HL SOIFT</t>
    </r>
    <r>
      <rPr>
        <b/>
        <sz val="11"/>
        <rFont val="Arial"/>
        <family val="2"/>
        <scheme val="minor"/>
      </rPr>
      <t>P</t>
    </r>
    <r>
      <rPr>
        <b/>
        <sz val="11"/>
        <color theme="0"/>
        <rFont val="Arial"/>
        <family val="2"/>
        <scheme val="minor"/>
      </rPr>
      <t xml:space="preserve">]
</t>
    </r>
  </si>
  <si>
    <r>
      <t xml:space="preserve">[MAP SEQUENCE 5_0001] </t>
    </r>
    <r>
      <rPr>
        <b/>
        <sz val="11"/>
        <rFont val="Arial"/>
        <family val="2"/>
        <scheme val="minor"/>
      </rPr>
      <t>HL PACK</t>
    </r>
    <r>
      <rPr>
        <b/>
        <sz val="11"/>
        <color theme="0"/>
        <rFont val="Arial"/>
        <family val="2"/>
        <scheme val="minor"/>
      </rPr>
      <t xml:space="preserve"> | OCC 0..* / OCC 1..*
[Mandatory if HL TARE is present]
[BSN_1005 = "0001" HL SOT</t>
    </r>
    <r>
      <rPr>
        <b/>
        <sz val="11"/>
        <rFont val="Arial"/>
        <family val="2"/>
        <scheme val="minor"/>
      </rPr>
      <t>P</t>
    </r>
    <r>
      <rPr>
        <b/>
        <sz val="11"/>
        <color theme="0"/>
        <rFont val="Arial"/>
        <family val="2"/>
        <scheme val="minor"/>
      </rPr>
      <t xml:space="preserve">IF]
</t>
    </r>
  </si>
  <si>
    <t>Summary</t>
  </si>
  <si>
    <t>AN</t>
  </si>
  <si>
    <t>N0</t>
  </si>
  <si>
    <t>Number of Included Segments</t>
  </si>
  <si>
    <t>Transaction Set Trailer</t>
  </si>
  <si>
    <t>SE</t>
  </si>
  <si>
    <t>ID</t>
  </si>
  <si>
    <t>Message Text</t>
  </si>
  <si>
    <t>/1</t>
  </si>
  <si>
    <t>Tax Information</t>
  </si>
  <si>
    <t>TM</t>
  </si>
  <si>
    <t>DT</t>
  </si>
  <si>
    <t>Line Item Status Code</t>
  </si>
  <si>
    <t>Line Item Acknowledgment</t>
  </si>
  <si>
    <t>ACK</t>
  </si>
  <si>
    <t>Status</t>
  </si>
  <si>
    <t>Service, Promotion, Allowance, or Charge Information</t>
  </si>
  <si>
    <t>&gt;1</t>
  </si>
  <si>
    <t>Source Sub qualifier</t>
  </si>
  <si>
    <t>Pricing Information</t>
  </si>
  <si>
    <t>Baseline Item Data</t>
  </si>
  <si>
    <t>Acknowledgment Type</t>
  </si>
  <si>
    <t>Beginning Segment for Purchase Order Acknowledgment</t>
  </si>
  <si>
    <t>BAK</t>
  </si>
  <si>
    <t>Max Length</t>
  </si>
  <si>
    <t>Min Length</t>
  </si>
  <si>
    <t>Data Type</t>
  </si>
  <si>
    <t>Max use</t>
  </si>
  <si>
    <t>BIG</t>
  </si>
  <si>
    <t>Beginning Segment for Invoice</t>
  </si>
  <si>
    <t>Invoice Number</t>
  </si>
  <si>
    <t>Action Code</t>
  </si>
  <si>
    <t>NTE</t>
  </si>
  <si>
    <t>Note/Special Instruction</t>
  </si>
  <si>
    <t>Note Reference Code</t>
  </si>
  <si>
    <t>Terms of Sale/Deferred Terms of Sale</t>
  </si>
  <si>
    <t>IT1</t>
  </si>
  <si>
    <t>Baseline Item Data [Invoice]</t>
  </si>
  <si>
    <t>Quantity Invoiced</t>
  </si>
  <si>
    <t>PAM</t>
  </si>
  <si>
    <t>Period Amount</t>
  </si>
  <si>
    <t>Composite Reference Identifier</t>
  </si>
  <si>
    <t>YNQ</t>
  </si>
  <si>
    <t>Yes/No Question</t>
  </si>
  <si>
    <t>Condition Indicator</t>
  </si>
  <si>
    <t>Code List Qualifier Code</t>
  </si>
  <si>
    <t>Industry Code</t>
  </si>
  <si>
    <t>TDS</t>
  </si>
  <si>
    <t>Total Monetary Value Summary</t>
  </si>
  <si>
    <t>BGN</t>
  </si>
  <si>
    <t>Beginning Segment</t>
  </si>
  <si>
    <t>OTI</t>
  </si>
  <si>
    <t>Original Transaction Identification</t>
  </si>
  <si>
    <t>Application Acknowledgment Code</t>
  </si>
  <si>
    <t>Application Sender's Code</t>
  </si>
  <si>
    <t>Application Receiver's Code</t>
  </si>
  <si>
    <t>Group Control Number</t>
  </si>
  <si>
    <t>Version / Release / Industry Identifier Code</t>
  </si>
  <si>
    <t>Application Type</t>
  </si>
  <si>
    <t>Transaction Handling Code</t>
  </si>
  <si>
    <t>TED</t>
  </si>
  <si>
    <t>Technical Error Description</t>
  </si>
  <si>
    <t>Application Error Condition Code</t>
  </si>
  <si>
    <t>Free Form Message</t>
  </si>
  <si>
    <t>-</t>
  </si>
  <si>
    <t>Invoice Status Table</t>
  </si>
  <si>
    <t xml:space="preserve">Support During Integration </t>
  </si>
  <si>
    <t>Post Go-Live Support</t>
  </si>
  <si>
    <t>The Supply Chain Seller Integrator will provide three weeks of support post Go-Live.</t>
  </si>
  <si>
    <t>Suppliers should communicate all issues as they arises to the SCSI during hyper-care.</t>
  </si>
  <si>
    <t>To Access Support</t>
  </si>
  <si>
    <t xml:space="preserve">Click on Support at the bottom of the page. </t>
  </si>
  <si>
    <t>Type (1) SCC in the search bar. Click  (2) Update</t>
  </si>
  <si>
    <t xml:space="preserve">Click Get help by email. </t>
  </si>
  <si>
    <t>Choose Supply Chain Collaboration under problem type.</t>
  </si>
  <si>
    <t xml:space="preserve">Complete the remaining fields in the ticket and submit. </t>
  </si>
  <si>
    <t>READING THIS DOCUMENT</t>
  </si>
  <si>
    <t>IMPLEMENTATION NOTES:</t>
  </si>
  <si>
    <t>ACCESSING DIGITAL DATA INTERCHANGE GUIDES</t>
  </si>
  <si>
    <t>WORKBOOK OVERVIEW</t>
  </si>
  <si>
    <t>Buyer Requirements</t>
  </si>
  <si>
    <t>AN_Rules_ALL</t>
  </si>
  <si>
    <t>850-Mapping</t>
  </si>
  <si>
    <t>860-Mapping</t>
  </si>
  <si>
    <t>IB846 - MO PO</t>
  </si>
  <si>
    <t>CountryBased_Inv_Rules</t>
  </si>
  <si>
    <t>Support</t>
  </si>
  <si>
    <t>CIG I-Flow logic will check if any of these default delimiter are present in the payload, then it replace the delimiter with another symbols dynamically.</t>
  </si>
  <si>
    <t xml:space="preserve">Delimiters will be replaced systematically according the </t>
  </si>
  <si>
    <t>ASCII list: '*', '~', '^', '|', '%', ')', '$', '#',':','&amp;gt;'(&gt;) ,'&amp;lt;' (&lt;) -    </t>
  </si>
  <si>
    <t>Per SAP policy, our software does not alter customers data even during translation from cXML to EDI.</t>
  </si>
  <si>
    <t xml:space="preserve">1. If you are a new customer to SAP Ariba, Download the Guides and build your map according to customer specifications. </t>
  </si>
  <si>
    <t>2. If you are currently transacting with other SAP Ariba trading partners, continue with your existing map and use this workbook to customize mapping to the new customer requirements</t>
  </si>
  <si>
    <t>Detailed Purchase Order  Mapping</t>
  </si>
  <si>
    <t>Customer specific examples and usage notes, if applicable.</t>
  </si>
  <si>
    <t>Detailed Replacement Order Mapping</t>
  </si>
  <si>
    <t>Detailed Product Visibility/Managed Inventory</t>
  </si>
  <si>
    <t>Detailed Order Confirmation Mapping</t>
  </si>
  <si>
    <t>Detailed Advanced Ship Notice Mapping</t>
  </si>
  <si>
    <t>Detailed Invoice Mapping</t>
  </si>
  <si>
    <t>Status update Request</t>
  </si>
  <si>
    <t>Instructions for Contacting Support</t>
  </si>
  <si>
    <t>When contacting support, make sure to Choose Supply Chain Collaboration under problem type.</t>
  </si>
  <si>
    <t>This workbook is designed to partner with the SAP Ariba Documentation of Digital Data Interchange ANSI X.12 Standard for each document in scope.
This workbook contains samples of customer specific documents, including buying rules, and extrinsics not found in the Digital Data Interchange Guides. 
For official documentation and Ariba Standards, please refer to the SAP Ariba ANSI X.12 Standard Digital Data Interchange Guides 
available in Resources on the Cloud Integration Gateway. (Instructions on how to access the Guides is available below.)</t>
  </si>
  <si>
    <t>Customer specific instructions details and message flow (if applicable)</t>
  </si>
  <si>
    <t>Country based invoice Rules</t>
  </si>
  <si>
    <t xml:space="preserve">Version Histroy </t>
  </si>
  <si>
    <t xml:space="preserve">Log of updates to this document </t>
  </si>
  <si>
    <t>Available in the Ariba Network &gt;&gt; Gear Symbol ⚙ &gt;&gt;Customer Relationships &gt;&gt; Click on the Customer Name</t>
  </si>
  <si>
    <t>Value</t>
  </si>
  <si>
    <t xml:space="preserve">Customer Usage example
</t>
  </si>
  <si>
    <t>850 - Purchase Order</t>
  </si>
  <si>
    <t>Beginning Segment for Purchase Order</t>
  </si>
  <si>
    <r>
      <t>00 - Original
03 - Delete</t>
    </r>
    <r>
      <rPr>
        <b/>
        <sz val="11"/>
        <color theme="1"/>
        <rFont val="Arial"/>
        <family val="2"/>
        <scheme val="minor"/>
      </rPr>
      <t>*</t>
    </r>
    <r>
      <rPr>
        <sz val="11"/>
        <color theme="1"/>
        <rFont val="Arial"/>
        <family val="2"/>
        <scheme val="minor"/>
      </rPr>
      <t xml:space="preserve">
05 - Replace</t>
    </r>
    <r>
      <rPr>
        <b/>
        <sz val="11"/>
        <color theme="1"/>
        <rFont val="Arial"/>
        <family val="2"/>
        <scheme val="minor"/>
      </rPr>
      <t>*</t>
    </r>
    <r>
      <rPr>
        <sz val="11"/>
        <color theme="1"/>
        <rFont val="Arial"/>
        <family val="2"/>
        <scheme val="minor"/>
      </rPr>
      <t xml:space="preserve">
</t>
    </r>
    <r>
      <rPr>
        <b/>
        <sz val="11"/>
        <color theme="1"/>
        <rFont val="Arial"/>
        <family val="2"/>
        <scheme val="minor"/>
      </rPr>
      <t>*Only used if PC860 is not in scope</t>
    </r>
  </si>
  <si>
    <r>
      <t>BK - Blanket Order
DS - Dropship
NE - New Order
RL - Release or Delivery Order</t>
    </r>
    <r>
      <rPr>
        <b/>
        <sz val="11"/>
        <color theme="1"/>
        <rFont val="Arial"/>
        <family val="2"/>
        <scheme val="minor"/>
      </rPr>
      <t>*</t>
    </r>
    <r>
      <rPr>
        <sz val="11"/>
        <color theme="1"/>
        <rFont val="Arial"/>
        <family val="2"/>
        <scheme val="minor"/>
      </rPr>
      <t xml:space="preserve">
RO - Rush Order
</t>
    </r>
    <r>
      <rPr>
        <b/>
        <sz val="11"/>
        <color theme="1"/>
        <rFont val="Arial"/>
        <family val="2"/>
        <scheme val="minor"/>
      </rPr>
      <t>*To specify a release blanket purchase order from an existing Master Agreement/Contract.</t>
    </r>
  </si>
  <si>
    <t>"BY"</t>
  </si>
  <si>
    <t>Please refer to SAP Ariba guideline for possible values</t>
  </si>
  <si>
    <t>"SE"</t>
  </si>
  <si>
    <t>"6"</t>
  </si>
  <si>
    <t>"0L"</t>
  </si>
  <si>
    <t>"FOB05"</t>
  </si>
  <si>
    <t>"PO"</t>
  </si>
  <si>
    <t>"8X"</t>
  </si>
  <si>
    <t>"orderType"</t>
  </si>
  <si>
    <t>"RQ"</t>
  </si>
  <si>
    <t>"BO"</t>
  </si>
  <si>
    <t>"AH"</t>
  </si>
  <si>
    <t>"PP"</t>
  </si>
  <si>
    <t>"2I"</t>
  </si>
  <si>
    <t>"CR"</t>
  </si>
  <si>
    <t>"ZB"</t>
  </si>
  <si>
    <t>"AEC"</t>
  </si>
  <si>
    <t>"D2"</t>
  </si>
  <si>
    <t>"DD"</t>
  </si>
  <si>
    <t>"RPP"</t>
  </si>
  <si>
    <t>"ZZ"</t>
  </si>
  <si>
    <t>"CT"</t>
  </si>
  <si>
    <t>"Q1"</t>
  </si>
  <si>
    <t>"PD"</t>
  </si>
  <si>
    <t>Sales Requirements</t>
  </si>
  <si>
    <t>"SC"</t>
  </si>
  <si>
    <t>"C"</t>
  </si>
  <si>
    <t>"G830"</t>
  </si>
  <si>
    <t>"N"</t>
  </si>
  <si>
    <t>"F050"</t>
  </si>
  <si>
    <t>"Original Price"</t>
  </si>
  <si>
    <t xml:space="preserve">"A" 
"C" </t>
  </si>
  <si>
    <t>"AMT_PRI"</t>
  </si>
  <si>
    <t>"196"</t>
  </si>
  <si>
    <t>"197"</t>
  </si>
  <si>
    <t>"3"</t>
  </si>
  <si>
    <t>"004"</t>
  </si>
  <si>
    <t>"007"</t>
  </si>
  <si>
    <t>"036"</t>
  </si>
  <si>
    <t>"118"</t>
  </si>
  <si>
    <t>"002"</t>
  </si>
  <si>
    <t>"070"</t>
  </si>
  <si>
    <t>"073"</t>
  </si>
  <si>
    <t>"F"</t>
  </si>
  <si>
    <t xml:space="preserve"> "93"</t>
  </si>
  <si>
    <t>"TX"</t>
  </si>
  <si>
    <t>"CD"</t>
  </si>
  <si>
    <t>"PSM"</t>
  </si>
  <si>
    <t>"UN"</t>
  </si>
  <si>
    <t>"L1"</t>
  </si>
  <si>
    <t>"Comments"</t>
  </si>
  <si>
    <t>"LC"</t>
  </si>
  <si>
    <t>"U2"</t>
  </si>
  <si>
    <t>"Terms"</t>
  </si>
  <si>
    <t>"TransportComments"</t>
  </si>
  <si>
    <t>"TODComments"</t>
  </si>
  <si>
    <t>"43"</t>
  </si>
  <si>
    <t>"External Document Reference"</t>
  </si>
  <si>
    <t>"KD"</t>
  </si>
  <si>
    <t>"OCValue"</t>
  </si>
  <si>
    <t>"OCLowerTimeToleranceInDays"</t>
  </si>
  <si>
    <t>"OCUpperTimeToleranceInDays"</t>
  </si>
  <si>
    <t>"ASNValue"</t>
  </si>
  <si>
    <t>"INVValue"</t>
  </si>
  <si>
    <t>"SESValue"</t>
  </si>
  <si>
    <t>"URL"</t>
  </si>
  <si>
    <t>"BT"</t>
  </si>
  <si>
    <t>"SP"</t>
  </si>
  <si>
    <t>"VX"</t>
  </si>
  <si>
    <t>"ME"</t>
  </si>
  <si>
    <t>"AP"</t>
  </si>
  <si>
    <t>"ST"</t>
  </si>
  <si>
    <t>"RE"</t>
  </si>
  <si>
    <t>"Z"</t>
  </si>
  <si>
    <t>TD401</t>
  </si>
  <si>
    <t>"ZZZ"</t>
  </si>
  <si>
    <t>TD402</t>
  </si>
  <si>
    <t>TD403</t>
  </si>
  <si>
    <t>TD404</t>
  </si>
  <si>
    <t>"DA"</t>
  </si>
  <si>
    <t xml:space="preserve">"SP" </t>
  </si>
  <si>
    <t>"CN"</t>
  </si>
  <si>
    <t>CTP0501</t>
  </si>
  <si>
    <t>"CSD"</t>
  </si>
  <si>
    <t>"TR"</t>
  </si>
  <si>
    <t>"MAX"</t>
  </si>
  <si>
    <t>"MIN"</t>
  </si>
  <si>
    <t>"UCP"</t>
  </si>
  <si>
    <t>MEA0401</t>
  </si>
  <si>
    <t>"GEN"</t>
  </si>
  <si>
    <t>"S"</t>
  </si>
  <si>
    <t>"MAC"</t>
  </si>
  <si>
    <t>"21"</t>
  </si>
  <si>
    <t>"Configurable Material"</t>
  </si>
  <si>
    <t>"ZA"</t>
  </si>
  <si>
    <t>"FL"</t>
  </si>
  <si>
    <t>"LT"</t>
  </si>
  <si>
    <t>"S1"</t>
  </si>
  <si>
    <t>"CO"</t>
  </si>
  <si>
    <t>"KQ"</t>
  </si>
  <si>
    <t>"IP"</t>
  </si>
  <si>
    <t>"Inspection Days"</t>
  </si>
  <si>
    <t>"18"</t>
  </si>
  <si>
    <t>"Planning Type"</t>
  </si>
  <si>
    <t xml:space="preserve">"N" </t>
  </si>
  <si>
    <t>"A"
"C"</t>
  </si>
  <si>
    <t>"B840"</t>
  </si>
  <si>
    <t>"01"</t>
  </si>
  <si>
    <t>"010"</t>
  </si>
  <si>
    <t>"LEA"</t>
  </si>
  <si>
    <t>"7D"</t>
  </si>
  <si>
    <t>"7E"</t>
  </si>
  <si>
    <t>Line Item Schedule</t>
  </si>
  <si>
    <t>Marking, Packaging, Loading</t>
  </si>
  <si>
    <t>"ACC"</t>
  </si>
  <si>
    <t>"return item"</t>
  </si>
  <si>
    <t>"yes"</t>
  </si>
  <si>
    <t>N90701</t>
  </si>
  <si>
    <t>"LI"</t>
  </si>
  <si>
    <t>N90702</t>
  </si>
  <si>
    <t>"PRT"</t>
  </si>
  <si>
    <t>"O"</t>
  </si>
  <si>
    <t>SLN0501</t>
  </si>
  <si>
    <t>"106"</t>
  </si>
  <si>
    <t>`</t>
  </si>
  <si>
    <t>"TT"</t>
  </si>
  <si>
    <t>Beginning Segment for Purchase Order Change</t>
  </si>
  <si>
    <t>"06"</t>
  </si>
  <si>
    <t>"PK"</t>
  </si>
  <si>
    <t xml:space="preserve">Value
</t>
  </si>
  <si>
    <t>Customer Usage example</t>
  </si>
  <si>
    <t>00 - Original</t>
  </si>
  <si>
    <t>"SU"</t>
  </si>
  <si>
    <t>856 - Ship Notice/Manifest</t>
  </si>
  <si>
    <t>00 - Original
03 - Delete
05 - Replace</t>
  </si>
  <si>
    <r>
      <t xml:space="preserve">"0001" or
"0002" or
"0004
</t>
    </r>
    <r>
      <rPr>
        <sz val="11"/>
        <rFont val="Arial"/>
        <family val="2"/>
        <scheme val="minor"/>
      </rPr>
      <t>Please refer to SAP Ariba guideline for more details</t>
    </r>
  </si>
  <si>
    <t>"111"</t>
  </si>
  <si>
    <t>"011"</t>
  </si>
  <si>
    <t>"017"</t>
  </si>
  <si>
    <r>
      <t xml:space="preserve">[MAP SEQUENCE 1] </t>
    </r>
    <r>
      <rPr>
        <b/>
        <sz val="11"/>
        <rFont val="Arial"/>
        <family val="2"/>
        <scheme val="minor"/>
      </rPr>
      <t>HL</t>
    </r>
    <r>
      <rPr>
        <b/>
        <sz val="11"/>
        <color theme="0"/>
        <rFont val="Arial"/>
        <family val="2"/>
        <scheme val="minor"/>
      </rPr>
      <t xml:space="preserve"> </t>
    </r>
    <r>
      <rPr>
        <b/>
        <sz val="11"/>
        <rFont val="Arial"/>
        <family val="2"/>
        <scheme val="minor"/>
      </rPr>
      <t>SHIPMENT</t>
    </r>
    <r>
      <rPr>
        <b/>
        <sz val="11"/>
        <color theme="0"/>
        <rFont val="Arial"/>
        <family val="2"/>
        <scheme val="minor"/>
      </rPr>
      <t xml:space="preserve"> | OCC 1
[BSN_1005] can be
</t>
    </r>
    <r>
      <rPr>
        <b/>
        <sz val="11"/>
        <color theme="0" tint="-0.249977111117893"/>
        <rFont val="Arial"/>
        <family val="2"/>
        <scheme val="minor"/>
      </rPr>
      <t>"0004" HL</t>
    </r>
    <r>
      <rPr>
        <b/>
        <sz val="11"/>
        <color theme="1"/>
        <rFont val="Arial"/>
        <family val="2"/>
        <scheme val="minor"/>
      </rPr>
      <t xml:space="preserve"> S</t>
    </r>
    <r>
      <rPr>
        <b/>
        <sz val="11"/>
        <color theme="0" tint="-0.249977111117893"/>
        <rFont val="Arial"/>
        <family val="2"/>
        <scheme val="minor"/>
      </rPr>
      <t>OIF</t>
    </r>
    <r>
      <rPr>
        <b/>
        <sz val="11"/>
        <color theme="0"/>
        <rFont val="Arial"/>
        <family val="2"/>
        <scheme val="minor"/>
      </rPr>
      <t xml:space="preserve">
</t>
    </r>
    <r>
      <rPr>
        <b/>
        <sz val="11"/>
        <color rgb="FFF86F08"/>
        <rFont val="Arial"/>
        <family val="2"/>
        <scheme val="minor"/>
      </rPr>
      <t xml:space="preserve">"0002" HL </t>
    </r>
    <r>
      <rPr>
        <b/>
        <sz val="11"/>
        <color theme="1"/>
        <rFont val="Arial"/>
        <family val="2"/>
        <scheme val="minor"/>
      </rPr>
      <t>S</t>
    </r>
    <r>
      <rPr>
        <b/>
        <sz val="11"/>
        <color rgb="FFF86F08"/>
        <rFont val="Arial"/>
        <family val="2"/>
        <scheme val="minor"/>
      </rPr>
      <t xml:space="preserve">OIFTP
</t>
    </r>
    <r>
      <rPr>
        <b/>
        <sz val="11"/>
        <color rgb="FF7030A0"/>
        <rFont val="Arial"/>
        <family val="2"/>
        <scheme val="minor"/>
      </rPr>
      <t>"0001" HL</t>
    </r>
    <r>
      <rPr>
        <b/>
        <sz val="11"/>
        <rFont val="Arial"/>
        <family val="2"/>
        <scheme val="minor"/>
      </rPr>
      <t xml:space="preserve"> S</t>
    </r>
    <r>
      <rPr>
        <b/>
        <sz val="11"/>
        <color rgb="FF7030A0"/>
        <rFont val="Arial"/>
        <family val="2"/>
        <scheme val="minor"/>
      </rPr>
      <t>OTPIF</t>
    </r>
    <r>
      <rPr>
        <b/>
        <sz val="11"/>
        <color rgb="FFF86F08"/>
        <rFont val="Arial"/>
        <family val="2"/>
        <scheme val="minor"/>
      </rPr>
      <t xml:space="preserve">
</t>
    </r>
  </si>
  <si>
    <t>For detailed structure and packaging examples please refer to sheets "HL SOI",  "HL SOIP" + "HL SOITP",  "HL SOPI" + "HL SOTPI".
Please refer to SAP Ariba guideline for possible values</t>
  </si>
  <si>
    <t>Sequential counter for each occurrence of HL segments within transaction set
Starting with "1"</t>
  </si>
  <si>
    <t>"1"</t>
  </si>
  <si>
    <t>"G"</t>
  </si>
  <si>
    <t>Can be "0N"</t>
  </si>
  <si>
    <t>Can be "ShipInstruct"</t>
  </si>
  <si>
    <t>"BM"</t>
  </si>
  <si>
    <t>For detailed structure and packaging examples please refer to sheets "HL SOI",  "HL SOIP" + "HL SOITP",  "HL SOPI" + "HL SOTPI".
Each HL O segment creates a new /ShipNoticeRequest/ShipNoticePortion
Please refer to SAP Ariba guideline for possible values</t>
  </si>
  <si>
    <t>Must be a sequential counter for each occurrence of HL segments within transaction set
Starting at "2"</t>
  </si>
  <si>
    <r>
      <t xml:space="preserve">Hierarchical Parent Identification. Refers to HL01 of the previous HL segment in the hierarchial structure.
Each HL </t>
    </r>
    <r>
      <rPr>
        <b/>
        <sz val="11"/>
        <color rgb="FFFF0000"/>
        <rFont val="Arial"/>
        <family val="2"/>
        <scheme val="minor"/>
      </rPr>
      <t>O</t>
    </r>
    <r>
      <rPr>
        <sz val="11"/>
        <rFont val="Arial"/>
        <family val="2"/>
        <scheme val="minor"/>
      </rPr>
      <t xml:space="preserve">RDER segment refers always to HL </t>
    </r>
    <r>
      <rPr>
        <b/>
        <sz val="11"/>
        <color theme="0" tint="-0.499984740745262"/>
        <rFont val="Arial"/>
        <family val="2"/>
        <scheme val="minor"/>
      </rPr>
      <t>S</t>
    </r>
    <r>
      <rPr>
        <sz val="11"/>
        <rFont val="Arial"/>
        <family val="2"/>
        <scheme val="minor"/>
      </rPr>
      <t>HIPMENT segment.
Should always be "1"</t>
    </r>
  </si>
  <si>
    <t>"1", when HL Item is present. Otherwise "0"</t>
  </si>
  <si>
    <t>[MAP SEQUENCE 3] HL ITEM | OCC 0..*[Required]
[BSN_1005] can be
"0004" HL SOIF
"0002" HL SOIFTP
"0001" HL SOTPIF</t>
  </si>
  <si>
    <t>For detailed structure and packaging examples please refer to sheets "HL SOI", "HL SOIP" + "HL SOTIP",  "HL SOPI" + "HL SOTPI".
Please refer to SAP Ariba guideline for possible values</t>
  </si>
  <si>
    <t>Must be a sequential counter for each occurrence of HL segments within transaction set.</t>
  </si>
  <si>
    <t xml:space="preserve">Hierarchical Parent Identification. Refers to HL01 of the previous HL segment in the hierarchial structure.
[BSN_1005]:
"0004" HL SOIF - Each HL ITEM segment refers to the related HL ORDER segment.
"0002" HL SOIFTP - Each HL ITEM segment refers to the related HL ORDER segment.
"0001" HL SOTPIF - Each HL ITEM segment refers either to the related HL PACK segment or HL ORDER segment.
</t>
  </si>
  <si>
    <t>Should always be "I"</t>
  </si>
  <si>
    <t xml:space="preserve">"0" or "1":
[BSN_1005]:
"0004" HL SOIF - If used, it "1", if  HL F follows. Otherwise "0". 
"0002" HL SOIFTP -  If used, it shoud be "1". (At least P should follow.)
"0001" HL SOTPIF - If used, it shoud be "1", if  HL F follows. Otherwise "0". </t>
  </si>
  <si>
    <t>Map to cXML</t>
  </si>
  <si>
    <t>"productionDate"</t>
  </si>
  <si>
    <t>(CCYYMMDDHHMMSS[timezone])</t>
  </si>
  <si>
    <t>"expirationDate"</t>
  </si>
  <si>
    <t>"inspectionDate"</t>
  </si>
  <si>
    <t>"shelfLife"</t>
  </si>
  <si>
    <t>(PnYn MnDTnH nMnS)</t>
  </si>
  <si>
    <t>"batchQuantity"</t>
  </si>
  <si>
    <t>"originCountryCode"</t>
  </si>
  <si>
    <t>"L"</t>
  </si>
  <si>
    <t>"511"</t>
  </si>
  <si>
    <t>Please refer to SAP Ariba guideline for details</t>
  </si>
  <si>
    <r>
      <t xml:space="preserve">Hierarchical Parent Identification. Refers to HL01 of the previous HL segment in the hierarchial structure.
Each HL </t>
    </r>
    <r>
      <rPr>
        <b/>
        <sz val="11"/>
        <color rgb="FF92D050"/>
        <rFont val="Arial"/>
        <family val="2"/>
        <scheme val="minor"/>
      </rPr>
      <t>F</t>
    </r>
    <r>
      <rPr>
        <sz val="11"/>
        <rFont val="Arial"/>
        <family val="2"/>
        <scheme val="minor"/>
      </rPr>
      <t>=COMPONENT</t>
    </r>
    <r>
      <rPr>
        <sz val="11"/>
        <color rgb="FFFF0000"/>
        <rFont val="Arial"/>
        <family val="2"/>
        <scheme val="minor"/>
      </rPr>
      <t xml:space="preserve"> </t>
    </r>
    <r>
      <rPr>
        <sz val="11"/>
        <rFont val="Arial"/>
        <family val="2"/>
        <scheme val="minor"/>
      </rPr>
      <t>segment refers always to HL</t>
    </r>
    <r>
      <rPr>
        <sz val="11"/>
        <color rgb="FFFF0000"/>
        <rFont val="Arial"/>
        <family val="2"/>
        <scheme val="minor"/>
      </rPr>
      <t xml:space="preserve"> </t>
    </r>
    <r>
      <rPr>
        <b/>
        <sz val="11"/>
        <color rgb="FF00B050"/>
        <rFont val="Arial"/>
        <family val="2"/>
        <scheme val="minor"/>
      </rPr>
      <t>I</t>
    </r>
    <r>
      <rPr>
        <sz val="11"/>
        <rFont val="Arial"/>
        <family val="2"/>
        <scheme val="minor"/>
      </rPr>
      <t>TEM segment.</t>
    </r>
  </si>
  <si>
    <t>Should always be "F"</t>
  </si>
  <si>
    <t>"0"</t>
  </si>
  <si>
    <t>Hierarchical Parent Identification. Refers to HL01 of the previous HL segment in the hierarchial structure.
[BSN_1005]:
"0002" HL SOIFTP - Each HL TARE segment refers to the related HL ITEM segment.
"0001" HL SOTPIF - Each HL TARE segment refers to the related HL ORDER segment.</t>
  </si>
  <si>
    <t>Should always be "T"
[BSN_1005]: Only if
"0002" HL SOIFTP  or "0001" HL SOTPIF - 
[Create always element /Description[/@xml:lang="en-US"] and hardcode/@type to "Packaging"]
[Hardcode /PackagingLevelCode to "0001"]
Refer to sheets MAP SEQUENCE 5_0002 and MAP SEQUENCE 6_0001.</t>
  </si>
  <si>
    <t>"1" as always HL PACK is expected.</t>
  </si>
  <si>
    <t>"GM"</t>
  </si>
  <si>
    <t>"CA"</t>
  </si>
  <si>
    <t>"GIAI"</t>
  </si>
  <si>
    <t>Hierarchical Parent Identification. Refers to HL01 of the previous HL segment in the hierarchial structure.
[BSN_1005]:
"0002" HL SOIFTP - Each HL PACK segment refers either to the related HL TARE segment (2lvl) or HL ITEM segment (1lvl).
"0001" HL SOTPIF - Each HL PACK segment refers either to the related HL TARE segment (2lvl) or HL ORDER segment (1lvl).</t>
  </si>
  <si>
    <t>Should always be "P"</t>
  </si>
  <si>
    <t>"0" or "1":
[BSN_1005]:
"0002" HL SOIFTP - If used, it shoud be "0". 
"0001" HL SOTPIF - If used, it shoud be "1" as HL ITEM is expected.</t>
  </si>
  <si>
    <t xml:space="preserve"> </t>
  </si>
  <si>
    <t>855 - Purchase Order Acknowledgment</t>
  </si>
  <si>
    <t>00 - Original
05 - Replace</t>
  </si>
  <si>
    <t>"IV"</t>
  </si>
  <si>
    <t>"ON"</t>
  </si>
  <si>
    <t>"DE"</t>
  </si>
  <si>
    <t>"H850"</t>
  </si>
  <si>
    <t>"13"</t>
  </si>
  <si>
    <t>"ACK"</t>
  </si>
  <si>
    <t>"VD"</t>
  </si>
  <si>
    <t xml:space="preserve">"L1"
</t>
  </si>
  <si>
    <t>"RejectionReason"</t>
  </si>
  <si>
    <t>"shipping"</t>
  </si>
  <si>
    <t>"tax"</t>
  </si>
  <si>
    <t>"AS"</t>
  </si>
  <si>
    <t>"WS"</t>
  </si>
  <si>
    <t>"068"</t>
  </si>
  <si>
    <t xml:space="preserve">Value 
</t>
  </si>
  <si>
    <t>810 - Invoice</t>
  </si>
  <si>
    <t>CN - Credit Invoice
CR - Credit Memo
DC - Debit Commission Invoice
DI - Debit Invoice
DR - Debit Memo
FD - Consolitdated Invoice</t>
  </si>
  <si>
    <t>00 - Original
03 - Delete</t>
  </si>
  <si>
    <t xml:space="preserve">"NA"
</t>
  </si>
  <si>
    <t>"REG"</t>
  </si>
  <si>
    <t>"CBH"</t>
  </si>
  <si>
    <t>"BY" or "SE"</t>
  </si>
  <si>
    <t>"I5"</t>
  </si>
  <si>
    <t>"MA"</t>
  </si>
  <si>
    <t>"VN"</t>
  </si>
  <si>
    <t>"EU"</t>
  </si>
  <si>
    <t>"KK"</t>
  </si>
  <si>
    <t>"RV"</t>
  </si>
  <si>
    <t>"4N"</t>
  </si>
  <si>
    <t>"SI"</t>
  </si>
  <si>
    <t>[CCYYMMDDHHMMSS[timezone]]</t>
  </si>
  <si>
    <t>"RG"</t>
  </si>
  <si>
    <t>"003"</t>
  </si>
  <si>
    <t>"922"</t>
  </si>
  <si>
    <t>"008"</t>
  </si>
  <si>
    <t>"050"</t>
  </si>
  <si>
    <t>"186"</t>
  </si>
  <si>
    <t>"187"</t>
  </si>
  <si>
    <r>
      <t xml:space="preserve">Details
</t>
    </r>
    <r>
      <rPr>
        <sz val="11"/>
        <rFont val="Arial"/>
        <family val="2"/>
        <scheme val="minor"/>
      </rPr>
      <t>Depending on the item type,</t>
    </r>
    <r>
      <rPr>
        <b/>
        <sz val="11"/>
        <rFont val="Arial"/>
        <family val="2"/>
        <scheme val="minor"/>
      </rPr>
      <t xml:space="preserve"> &lt;InvoiceDetailItem&gt; [Used with IT1 235="VP"] </t>
    </r>
    <r>
      <rPr>
        <sz val="11"/>
        <rFont val="Arial"/>
        <family val="2"/>
        <scheme val="minor"/>
      </rPr>
      <t>can be intercangeably used with</t>
    </r>
    <r>
      <rPr>
        <b/>
        <sz val="11"/>
        <rFont val="Arial"/>
        <family val="2"/>
        <scheme val="minor"/>
      </rPr>
      <t xml:space="preserve"> &lt;InvoiceDetailServiceItem&gt; [Used with IT1 235="SH"]</t>
    </r>
  </si>
  <si>
    <t>"GW"</t>
  </si>
  <si>
    <t>"EC"</t>
  </si>
  <si>
    <t>"FJ"</t>
  </si>
  <si>
    <t>"ACE"</t>
  </si>
  <si>
    <t>"Q3"</t>
  </si>
  <si>
    <t>"Y"</t>
  </si>
  <si>
    <t>iD</t>
  </si>
  <si>
    <t>"ad-hoc item"</t>
  </si>
  <si>
    <t>"150"</t>
  </si>
  <si>
    <t>"151"</t>
  </si>
  <si>
    <t>"214"</t>
  </si>
  <si>
    <t>"517"</t>
  </si>
  <si>
    <t>"472"</t>
  </si>
  <si>
    <t>"A"</t>
  </si>
  <si>
    <t>"C310"</t>
  </si>
  <si>
    <t>"H090"</t>
  </si>
  <si>
    <t>"AB"</t>
  </si>
  <si>
    <t>"BAP"</t>
  </si>
  <si>
    <t>"ZZ" or "TX"</t>
  </si>
  <si>
    <t>824 - Application Advice</t>
  </si>
  <si>
    <t>"TN"</t>
  </si>
  <si>
    <t>"DocumentID"</t>
  </si>
  <si>
    <t>"102"</t>
  </si>
  <si>
    <t xml:space="preserve">Value          
</t>
  </si>
  <si>
    <t>"2"</t>
  </si>
  <si>
    <t xml:space="preserve">"ERN" </t>
  </si>
  <si>
    <t>Login to CIG</t>
  </si>
  <si>
    <t>B. Select Implementation Guides</t>
  </si>
  <si>
    <t>A. Click on 'Resources'  on the top bar</t>
  </si>
  <si>
    <t>C. Wait 10 - 15 seconds, and menu lists available standards,  choose the standard (e.g. X12), message (810) and click on hyperlink to download the required pdf guide</t>
  </si>
  <si>
    <t>After the three week period, a Service Request should be created for support.</t>
  </si>
  <si>
    <t xml:space="preserve">For high impact issues, it is recommended that the supplier contact the buyer – </t>
  </si>
  <si>
    <t xml:space="preserve">where in return, the buyer will create an SR on their behalf.  </t>
  </si>
  <si>
    <t xml:space="preserve">If a service request is needed, please follow the steps outlined in this deck. </t>
  </si>
  <si>
    <t>Go to http://supplier.ariba.com</t>
  </si>
  <si>
    <t xml:space="preserve">Access the Help (?) section from the right corner from your Test / Production account </t>
  </si>
  <si>
    <t xml:space="preserve">and choose Help Center. </t>
  </si>
  <si>
    <t xml:space="preserve">NOTES &amp; DELIMITERS </t>
  </si>
  <si>
    <t>The above I-flow logic applies to outbound documents from CIG. But not for outbound 997. For outbound 997, CIG returns the same delimiter sent by the supplier in their 855/856/810.</t>
  </si>
  <si>
    <r>
      <t>The default delimiter are '</t>
    </r>
    <r>
      <rPr>
        <b/>
        <sz val="12"/>
        <color theme="1"/>
        <rFont val="Calibri"/>
        <family val="2"/>
      </rPr>
      <t>*</t>
    </r>
    <r>
      <rPr>
        <sz val="12"/>
        <color theme="1"/>
        <rFont val="Calibri"/>
        <family val="2"/>
      </rPr>
      <t>', '</t>
    </r>
    <r>
      <rPr>
        <b/>
        <sz val="12"/>
        <color theme="1"/>
        <rFont val="Calibri"/>
        <family val="2"/>
      </rPr>
      <t>~</t>
    </r>
    <r>
      <rPr>
        <sz val="12"/>
        <color theme="1"/>
        <rFont val="Calibri"/>
        <family val="2"/>
      </rPr>
      <t>', '</t>
    </r>
    <r>
      <rPr>
        <b/>
        <sz val="12"/>
        <color theme="1"/>
        <rFont val="Calibri"/>
        <family val="2"/>
      </rPr>
      <t>^</t>
    </r>
    <r>
      <rPr>
        <sz val="12"/>
        <color theme="1"/>
        <rFont val="Calibri"/>
        <family val="2"/>
      </rPr>
      <t>'. </t>
    </r>
  </si>
  <si>
    <t>Guideline v2.0</t>
  </si>
  <si>
    <t>REF0401</t>
  </si>
  <si>
    <t>REF0402</t>
  </si>
  <si>
    <t>PER09</t>
  </si>
  <si>
    <t>Contact Inquiry Reference</t>
  </si>
  <si>
    <t>"CompanyCode"</t>
  </si>
  <si>
    <t>"PurchasingOrganization"</t>
  </si>
  <si>
    <t>"PurchasingGroup"</t>
  </si>
  <si>
    <t>"INVVerification"</t>
  </si>
  <si>
    <t>"INV_unitPriceEditable"</t>
  </si>
  <si>
    <t>"SES_UnitPriceEditable"</t>
  </si>
  <si>
    <t>TD507</t>
  </si>
  <si>
    <t>TD508</t>
  </si>
  <si>
    <t>"12"</t>
  </si>
  <si>
    <t>"material" or "service"</t>
  </si>
  <si>
    <t>"compositte" or "item" or "lean"</t>
  </si>
  <si>
    <t>"QJ"</t>
  </si>
  <si>
    <t>"yes" or "empty"</t>
  </si>
  <si>
    <t>"requiresServiceEntry"</t>
  </si>
  <si>
    <t>"requiresBatch"</t>
  </si>
  <si>
    <t>"LS"</t>
  </si>
  <si>
    <t>"isHUMandatory"</t>
  </si>
  <si>
    <t>"requiresRealTimeConsumption"</t>
  </si>
  <si>
    <t>N90703</t>
  </si>
  <si>
    <t>"72"</t>
  </si>
  <si>
    <t>N90704</t>
  </si>
  <si>
    <t>"H6"</t>
  </si>
  <si>
    <t>"Control code"</t>
  </si>
  <si>
    <t>N9701</t>
  </si>
  <si>
    <t>N9702</t>
  </si>
  <si>
    <t>"Certificate type"</t>
  </si>
  <si>
    <t>"materialProvisionIndicator"</t>
  </si>
  <si>
    <t>REF04</t>
  </si>
  <si>
    <t>ST*850*0001~</t>
  </si>
  <si>
    <t>CUR*BY*USD~</t>
  </si>
  <si>
    <t>REF*ZZ*CompanyCode*PR11~</t>
  </si>
  <si>
    <t>FOB*DF*OF*TransportCondition*ZZ*EXW*ZZ*Other~</t>
  </si>
  <si>
    <t>N9*L1*EN*Comments~</t>
  </si>
  <si>
    <t>N9*43*External Document Reference*ARB~</t>
  </si>
  <si>
    <t>MSG*ARB~</t>
  </si>
  <si>
    <t>N9*ZZ**CompanyCode~</t>
  </si>
  <si>
    <t>MSG*PR11~</t>
  </si>
  <si>
    <t>N1*BT*HEWLETT PACKARD ENTERPRISE CRL*92*PR11~</t>
  </si>
  <si>
    <t>N3*Highway 110 Km 28 Bldg 1~</t>
  </si>
  <si>
    <t>N4*Aguadilla**00603*PR~</t>
  </si>
  <si>
    <t>N1*ST*Supplier name*92*10010611223~</t>
  </si>
  <si>
    <t>N3*1234 Main st</t>
  </si>
  <si>
    <t>N4*Pittsburgh**15235*PA</t>
  </si>
  <si>
    <t>TD4*ZZZ***92@domaincompanyName~</t>
  </si>
  <si>
    <t>N1*DA*CONSOLIDATION CENTER*92*8999200986~</t>
  </si>
  <si>
    <t>N3*Street address</t>
  </si>
  <si>
    <t>PER*CN*default*TE*420-2087385050~</t>
  </si>
  <si>
    <t>PO1*00010*3*EA*61.6**VP*865408-B21*BP*865408-B21*C3*39121004~</t>
  </si>
  <si>
    <t>CTP*WS***1*EA*CSD*1~</t>
  </si>
  <si>
    <t>PID*F*21***Configurable Material~</t>
  </si>
  <si>
    <t>PID*F****HPE 500W FS Plat Ht Plg LH Pwr Sply Kit****EN~</t>
  </si>
  <si>
    <t>REF*FL**item~</t>
  </si>
  <si>
    <t>REF*IP*Inspection Days*0~</t>
  </si>
  <si>
    <t>FOB*DF*OF*TransportCondition*01*ZZZ*ZZ~</t>
  </si>
  <si>
    <t>N9*KD*OCValue*requiredBeforeASN~</t>
  </si>
  <si>
    <t>N9*KD*OCLowerTimeToleranceInDays*999~</t>
  </si>
  <si>
    <t>N9*KD*OCUpperTimeToleranceInDays*999~</t>
  </si>
  <si>
    <t>N9*KD*INVValue*isNotERS~</t>
  </si>
  <si>
    <t>REF*ZZ*incoTerm*EXW~</t>
  </si>
  <si>
    <t>N4*City*State*Zip*US</t>
  </si>
  <si>
    <t>CTT*2*6~</t>
  </si>
  <si>
    <t>AMT*TT*202.8~</t>
  </si>
  <si>
    <t>BEG*00*NE*4530116892**20201012</t>
  </si>
  <si>
    <t>REF*PO*4530116892~</t>
  </si>
  <si>
    <t>DTM*004*20201012*130134*GM~</t>
  </si>
  <si>
    <t>DTM*010*20201029*000000*GM~</t>
  </si>
  <si>
    <t>SCH*3*EA***002*20201029*000000****0001~</t>
  </si>
  <si>
    <t>N9*KD*ASNValue*allowed~</t>
  </si>
  <si>
    <t>PO1*00020*3*EA~</t>
  </si>
  <si>
    <t>REF*ZZ*Ariba.invoicingAllowed*Yes~</t>
  </si>
  <si>
    <t>REF*ZZ*Ariba.availableAmount*202.8~</t>
  </si>
  <si>
    <t>REF*ZZ*partyAdditionalID*1000018061~</t>
  </si>
  <si>
    <t>REF*ZZ*Incoterm*Ex Works~</t>
  </si>
  <si>
    <t>REF*ZZ*PUName*1HEM~</t>
  </si>
  <si>
    <t>REF*ZZ*IncoTerm Ver~</t>
  </si>
  <si>
    <t>REF*ZZ*batchNo~</t>
  </si>
  <si>
    <t>REF*ZZ*exchangeRate*1.00000~</t>
  </si>
  <si>
    <t>REF*ZZ*alternateCurrency*USD~</t>
  </si>
  <si>
    <t>REF*ZZ*CarrierName*92~</t>
  </si>
  <si>
    <t>REF*ZZ*Priority*50~</t>
  </si>
  <si>
    <t>REF*ZZ*Requester*Requester~</t>
  </si>
  <si>
    <t>REF*ZZ*PaymentTerms*GN90~</t>
  </si>
  <si>
    <t>REF*ZZ*PO Document Type*NB~</t>
  </si>
  <si>
    <t>N9*ZZ**Ariba.invoicingAllowed~</t>
  </si>
  <si>
    <t>MSG*Yes~</t>
  </si>
  <si>
    <t>MSG*202.8~</t>
  </si>
  <si>
    <t>N9*ZZ**supplierVatID~</t>
  </si>
  <si>
    <t>N9*ZZ**partyAdditionalID~</t>
  </si>
  <si>
    <t>N9*ZZ**AribaNetwork.PaymentTermsExplanation~</t>
  </si>
  <si>
    <t>N9*ZZ**Incoterm~</t>
  </si>
  <si>
    <t>MSG*Ex Works~</t>
  </si>
  <si>
    <t>N9*ZZ**buyerVatID~</t>
  </si>
  <si>
    <t>N9*ZZ**PUName~</t>
  </si>
  <si>
    <t>MSG*1HEM~</t>
  </si>
  <si>
    <t>N9*ZZ**exchangeRate~</t>
  </si>
  <si>
    <t>MSG*1.00000~</t>
  </si>
  <si>
    <t>N9*ZZ**alternateCurrency~</t>
  </si>
  <si>
    <t>MSG*USD~</t>
  </si>
  <si>
    <t>N9*ZZ**incoTerm~</t>
  </si>
  <si>
    <t>MSG*EXW~</t>
  </si>
  <si>
    <t>N9*ZZ**incoTermDesc~</t>
  </si>
  <si>
    <t>MSG*yes~</t>
  </si>
  <si>
    <t>N9*ZZ**CarrierName~</t>
  </si>
  <si>
    <t>N9*ZZ**Priority~</t>
  </si>
  <si>
    <t>MSG*50~</t>
  </si>
  <si>
    <t>N9*ZZ**Requester~</t>
  </si>
  <si>
    <t>MSG*Requester~</t>
  </si>
  <si>
    <t>N9*ZZ**PaymentTerms~</t>
  </si>
  <si>
    <t>MSG*GN90~</t>
  </si>
  <si>
    <t>N9*ZZ**PO Document Type~</t>
  </si>
  <si>
    <t>MSG*NB~</t>
  </si>
  <si>
    <t>N3*245~</t>
  </si>
  <si>
    <t>PER*CN*default*TE*420-0733593215,327538110~</t>
  </si>
  <si>
    <t>PER*CN*default*TE*420-420466056686~</t>
  </si>
  <si>
    <t>REF*ZZ*AccountCategory*E~</t>
  </si>
  <si>
    <t>REF*ZZ*ReceivingType~</t>
  </si>
  <si>
    <t>REF*ZZ*specialClause*NOBuildHold~</t>
  </si>
  <si>
    <t>REF*ZZ*Inco Term Location 2*Ex Works~</t>
  </si>
  <si>
    <t>REF*ZZ*CarrierDetails*GEBW~</t>
  </si>
  <si>
    <t>REF*ZZ*PurchaseOrg*1HEM~</t>
  </si>
  <si>
    <t>REF*ZZ*PurchaseGroup*A01~</t>
  </si>
  <si>
    <t>N9*ZZ**AccountCategory~</t>
  </si>
  <si>
    <t>MSG*E~</t>
  </si>
  <si>
    <t>N9*ZZ**specialClause~</t>
  </si>
  <si>
    <t>MSG*NOBuildHold~</t>
  </si>
  <si>
    <t>N9*ZZ**Inco Term Location 2~</t>
  </si>
  <si>
    <t>N9*ZZ**CarrierDetails~</t>
  </si>
  <si>
    <t>MSG*GEBW~</t>
  </si>
  <si>
    <t>MSG*X~</t>
  </si>
  <si>
    <t>N9*ZZ**PurchaseOrg~</t>
  </si>
  <si>
    <t>N9*ZZ**PurchaseGroup~</t>
  </si>
  <si>
    <t>MSG*A01~</t>
  </si>
  <si>
    <t>PID*F****HPE ML30 Gen10 Mini SAS Cable Kit****EN~</t>
  </si>
  <si>
    <t>REF*ZZ*buyerVatID*VAT ID#~</t>
  </si>
  <si>
    <t>REF*ZZ*incoTermDesc*Description~</t>
  </si>
  <si>
    <t>MSG*VAT ID#~</t>
  </si>
  <si>
    <t>MSG*Description~</t>
  </si>
  <si>
    <t>N3*Street~</t>
  </si>
  <si>
    <t>N1*PD*Requestor~</t>
  </si>
  <si>
    <t>HL*1**S*1~</t>
  </si>
  <si>
    <t>TD4*ZZZ***carrier-details~</t>
  </si>
  <si>
    <t>FOB*DF*ZZ*EXW*ZZ*FOB*ZZ*NotSpecified~</t>
  </si>
  <si>
    <t>HL*2*1*O*1~</t>
  </si>
  <si>
    <t>HL*3*2*P*1~</t>
  </si>
  <si>
    <t>HL*4*3*I*0~</t>
  </si>
  <si>
    <t>SN1**1*EA**3*EA~</t>
  </si>
  <si>
    <t>TD4**U~</t>
  </si>
  <si>
    <t>REF*ZZ*shipmentOriginCode*CN1~</t>
  </si>
  <si>
    <t>HL*5*2*P*1~</t>
  </si>
  <si>
    <t>HL*6*5*I*0~</t>
  </si>
  <si>
    <t>HL*7*2*P*1~</t>
  </si>
  <si>
    <t>HL*8*7*I*0~</t>
  </si>
  <si>
    <t>N4*City*State*Postal Code*US</t>
  </si>
  <si>
    <t>REF*VX**VATID~</t>
  </si>
  <si>
    <t>REF*ZZ*Customer Reference~</t>
  </si>
  <si>
    <t>N1*RI*Customer name*92*Code~</t>
  </si>
  <si>
    <t>N3* Street Name</t>
  </si>
  <si>
    <t>N4*City Name*State*Postal Code*US</t>
  </si>
  <si>
    <t>ITD*52*3*0**90~</t>
  </si>
  <si>
    <t>CTT*1~</t>
  </si>
  <si>
    <t>CTP*WS***1*EA~</t>
  </si>
  <si>
    <t>REF*FJ*00010~</t>
  </si>
  <si>
    <t>REF*ZZ*supplierVatID*CZ25938002~</t>
  </si>
  <si>
    <t>REF*ZZ*taxExchangeRate*21.95300~</t>
  </si>
  <si>
    <t>N1*BT*HEWLETT PACKARD ENTERPRISE CRL~</t>
  </si>
  <si>
    <t>N3*10 Highway 110 Km 28 Bldg1~</t>
  </si>
  <si>
    <t>N4*Aguadilla, Puerto Rico**00603*PR~</t>
  </si>
  <si>
    <t>N1*SO*HEWLETT PACKARD ENTERPRISE CRL~</t>
  </si>
  <si>
    <t>N1*RB*Citibank Europe plc~</t>
  </si>
  <si>
    <t>REF*14**CZ43 2600 0000 0020 3277 0201~</t>
  </si>
  <si>
    <t>REF*02**CITICZPX~</t>
  </si>
  <si>
    <t>REF*9X**USD current account~</t>
  </si>
  <si>
    <t>REF*11**203 277 0201~</t>
  </si>
  <si>
    <t>REF*3L**2600~</t>
  </si>
  <si>
    <t>REF*FJ*00020~</t>
  </si>
  <si>
    <t>HPE Integrated Seller Transaction Workbook</t>
  </si>
  <si>
    <t>ANSI-X12</t>
  </si>
  <si>
    <t>ST*824*0001~</t>
  </si>
  <si>
    <t xml:space="preserve">Comments </t>
  </si>
  <si>
    <t>BEG02 = '00' is default and NE= NEW/Original PO, PO Number and Date</t>
  </si>
  <si>
    <t>PO Number</t>
  </si>
  <si>
    <t>Sales Order Type</t>
  </si>
  <si>
    <t>Order Priority / Description</t>
  </si>
  <si>
    <t>Company Code</t>
  </si>
  <si>
    <t>Terms of Delivery with Transport Terms</t>
  </si>
  <si>
    <t>PO Date (GM - Greenwich time)</t>
  </si>
  <si>
    <t>External Document Type</t>
  </si>
  <si>
    <t>Bill To Address</t>
  </si>
  <si>
    <t>Buyer VAT ID</t>
  </si>
  <si>
    <t>HPE determined/chosen SCAC Code in TD503 will be sent in N1*ST loop</t>
  </si>
  <si>
    <t>Delivery Contact</t>
  </si>
  <si>
    <t>Line Item Details - with UoM, qty , HPE PartNumber  classificationID and UNSPSC</t>
  </si>
  <si>
    <t>Pricing Details - PBQ</t>
  </si>
  <si>
    <t>Item Description</t>
  </si>
  <si>
    <t>Configurable Item - Free Form, Configureable Material, Has Product Characteristics</t>
  </si>
  <si>
    <t>Fine Line Classification</t>
  </si>
  <si>
    <t xml:space="preserve">Schedule Line with Requested Delivery Date </t>
  </si>
  <si>
    <t>Days until the OC can be created</t>
  </si>
  <si>
    <t>Days until the OC must be created</t>
  </si>
  <si>
    <t xml:space="preserve">Order Confimation required before ASN is send </t>
  </si>
  <si>
    <t>ship hold indicator - allowed (no hold), not allowed (hold)</t>
  </si>
  <si>
    <t>Control Keys - Line Level</t>
  </si>
  <si>
    <t>Line item configuration details (N9 - Product Type) (characteristics of product)</t>
  </si>
  <si>
    <t>MSG - Free form comment</t>
  </si>
  <si>
    <t>MSG*1000018061~</t>
  </si>
  <si>
    <t>PER*CN*default*EM*andrej.huszar@hpe.com~</t>
  </si>
  <si>
    <t>N3*U Zámecku 27~</t>
  </si>
  <si>
    <t>N4*Pardubice**530 03*CZ*SP*532~</t>
  </si>
  <si>
    <t>N1*ZZ*EMEA CONSOLIDATION CENTER*92*8999200010~</t>
  </si>
  <si>
    <t>REF*ZZ*PhysicalShipTo*8999200010~</t>
  </si>
  <si>
    <t>ST*855*29421~</t>
  </si>
  <si>
    <t>BAK*00*AC*4530116892*20201012****3003169349~</t>
  </si>
  <si>
    <t>DTM*ACK*20201016*152527*02~</t>
  </si>
  <si>
    <t>PO1*00010*3*EA~</t>
  </si>
  <si>
    <t>REF*ZZ*lettersOrNotes*IC1~</t>
  </si>
  <si>
    <t>ACK*IA*3*EA*068*20201019~</t>
  </si>
  <si>
    <t>DTM*017*20201019*000000~</t>
  </si>
  <si>
    <t>CTT*2~</t>
  </si>
  <si>
    <t>SE*14*29421~</t>
  </si>
  <si>
    <t>GE*1*29463~</t>
  </si>
  <si>
    <t>IEA*1*000029463~</t>
  </si>
  <si>
    <t>997-Functional Acknowlegment</t>
  </si>
  <si>
    <t>ST*997*0001~</t>
  </si>
  <si>
    <t>AK1*PR*29463~</t>
  </si>
  <si>
    <t>AK2*855*29421~</t>
  </si>
  <si>
    <t>AK5*A~</t>
  </si>
  <si>
    <t>AK9*A*1*1*1~</t>
  </si>
  <si>
    <t>SE*6*0001~</t>
  </si>
  <si>
    <t>GE*1*1~</t>
  </si>
  <si>
    <t>IEA*1*002497562~</t>
  </si>
  <si>
    <t>BGN*00*CN002497563*20201016*132532~</t>
  </si>
  <si>
    <t>OTI*TA*TN*4530116892*******855~</t>
  </si>
  <si>
    <t>REF*TN*DocumentID*4530116892~</t>
  </si>
  <si>
    <t>DTM*102*20201016*132532*GM~</t>
  </si>
  <si>
    <t>GE*1*002497563~</t>
  </si>
  <si>
    <t>IEA*1*002497563~</t>
  </si>
  <si>
    <t>824-Status Update Request</t>
  </si>
  <si>
    <t>ST*856*29431~</t>
  </si>
  <si>
    <t>BSN*00*FXC6400139*20201019*111554*0001~</t>
  </si>
  <si>
    <t>DTM*011*20201019*111554~</t>
  </si>
  <si>
    <t>DTM*017*20201019*111554*02~</t>
  </si>
  <si>
    <t>TD1*CTN*6~</t>
  </si>
  <si>
    <t>TD1******G*21.000*KG~</t>
  </si>
  <si>
    <t>TD1******N*21.000*KG~</t>
  </si>
  <si>
    <t>TD1*********0.148*CR~</t>
  </si>
  <si>
    <t>TD5**2*GEBW*J*GEBW**ZZ*1A002010190001~</t>
  </si>
  <si>
    <t>TD3*TL**TEST PO 45~</t>
  </si>
  <si>
    <t>REF*0N*1A002010190001~</t>
  </si>
  <si>
    <t>REF*ZZ*TrailerID*TEST PO 4530116892~</t>
  </si>
  <si>
    <t>PRF*4530116892~</t>
  </si>
  <si>
    <t>DTM*004*20201012~</t>
  </si>
  <si>
    <t>PO4****CTN**4.000*KG***100.000*30.000*40.000*CM~</t>
  </si>
  <si>
    <t>MAN*GM*1A00-5JULH~</t>
  </si>
  <si>
    <t>MAN*ZZ*GIAI*1A00-5JULH~</t>
  </si>
  <si>
    <t>LIN*1*PL*00010*VP*865408-B21*BP*865408-B21~</t>
  </si>
  <si>
    <t>PO4****CTN**4.000*KG***1.000*1.000*1.000*CM~</t>
  </si>
  <si>
    <t>MAN*GM*1A00-5JULI~</t>
  </si>
  <si>
    <t>MAN*ZZ*GIAI*1A00-5JULI~</t>
  </si>
  <si>
    <t>LIN*2*PL*00010*VP*865408-B21*BP*865408-B21~</t>
  </si>
  <si>
    <t>MAN*GM*1A00-5JULJ~</t>
  </si>
  <si>
    <t>MAN*ZZ*GIAI*1A00-5JULJ~</t>
  </si>
  <si>
    <t>LIN*3*PL*00010*VP*865408-B21*BP*865408-B21~</t>
  </si>
  <si>
    <t>HL*9*2*P*1~</t>
  </si>
  <si>
    <t>PO4****CTN**3.000*KG***1.000*1.000*1.000*CM~</t>
  </si>
  <si>
    <t>MAN*GM*1A00-5JULK~</t>
  </si>
  <si>
    <t>MAN*ZZ*GIAI*1A00-5JULK~</t>
  </si>
  <si>
    <t>HL*10*9*I*0~</t>
  </si>
  <si>
    <t>LIN*4*PL*00020*VP*P06307-B21*BP*P06307-B21~</t>
  </si>
  <si>
    <t>HL*11*2*P*1~</t>
  </si>
  <si>
    <t>PO4****CTN**3.000*KG***30.000*1.000*40.000*CM~</t>
  </si>
  <si>
    <t>MAN*GM*1A00-5JULL~</t>
  </si>
  <si>
    <t>MAN*ZZ*GIAI*1A00-5JULL~</t>
  </si>
  <si>
    <t>HL*12*11*I*0~</t>
  </si>
  <si>
    <t>LIN*5*PL*00020*VP*P06307-B21*BP*P06307-B21~</t>
  </si>
  <si>
    <t>HL*13*2*P*1~</t>
  </si>
  <si>
    <t>PO4****CTN**3.000*KG***30.000*30.000*30.000*CM~</t>
  </si>
  <si>
    <t>MAN*GM*1A00-5JULM~</t>
  </si>
  <si>
    <t>MAN*ZZ*GIAI*1A00-5JULM~</t>
  </si>
  <si>
    <t>HL*14*13*I*0~</t>
  </si>
  <si>
    <t>LIN*6*PL*00020*VP*P06307-B21*BP*P06307-B21~</t>
  </si>
  <si>
    <t>CTT*14~</t>
  </si>
  <si>
    <t>SE*81*29431~</t>
  </si>
  <si>
    <t>GE*1*29473~</t>
  </si>
  <si>
    <t>IEA*1*000029473~</t>
  </si>
  <si>
    <t>AK1*SH*29473~</t>
  </si>
  <si>
    <t>AK2*856*29431~</t>
  </si>
  <si>
    <t>IEA*1*002503473~</t>
  </si>
  <si>
    <t>ST*810*29435~</t>
  </si>
  <si>
    <t>BIG*20201019*6147592184**4530116892***DI*00~</t>
  </si>
  <si>
    <t>REF*MA*FXC6400139~</t>
  </si>
  <si>
    <t>N3*U Zámečku 27~</t>
  </si>
  <si>
    <t>N4*PARDUBICE IV**53003*CZ~</t>
  </si>
  <si>
    <t>DTM*003*20201019*0000*02~</t>
  </si>
  <si>
    <t>IT1*00010*3.000*EA*61.600**BP*865408-B21~</t>
  </si>
  <si>
    <t>PAM****1*184.80~</t>
  </si>
  <si>
    <t>PAM****KK*223.610~</t>
  </si>
  <si>
    <t>PAM****N*223.610~</t>
  </si>
  <si>
    <t>SAC*C*H850***3881********852.00**Tax description*EN~</t>
  </si>
  <si>
    <t>TXI*VA*38.81*21.000*VD*CZ25938002***184.80*vat*20201019~</t>
  </si>
  <si>
    <t>TXI*VA*852.00~</t>
  </si>
  <si>
    <t>IT1*00020*3.000*EA*6.000**BP*P06307-B21~</t>
  </si>
  <si>
    <t>PAM****1*18.00~</t>
  </si>
  <si>
    <t>PAM****KK*21.780~</t>
  </si>
  <si>
    <t>PAM****N*21.780~</t>
  </si>
  <si>
    <t>SAC*C*H850***378********82.98**Tax description*EN~</t>
  </si>
  <si>
    <t>TXI*VA*3.78*21.000*VD*CZ25938002***18.00*vat*20201019~</t>
  </si>
  <si>
    <t>TXI*VA*82.98~</t>
  </si>
  <si>
    <t>TDS*24539**24539~</t>
  </si>
  <si>
    <t>AMT*1*202.80~</t>
  </si>
  <si>
    <t>AMT*1*4452.07~</t>
  </si>
  <si>
    <t>AMT*BAP*245.39~</t>
  </si>
  <si>
    <t>AMT*BAP*5387.05~</t>
  </si>
  <si>
    <t>AMT*ZZ*202.80~</t>
  </si>
  <si>
    <t>AMT*ZZ*4452.07~</t>
  </si>
  <si>
    <t>SAC*C*H850***4259********934.98**Tax description*EN~</t>
  </si>
  <si>
    <t>TXI*VA*42.59*21.000*VD*CZ25938002***202.80*vat*20201019~</t>
  </si>
  <si>
    <t>TXI*VA*934.98~</t>
  </si>
  <si>
    <t>GE*1*29477~</t>
  </si>
  <si>
    <t>IEA*1*000029477~</t>
  </si>
  <si>
    <t>AK1*IN*29477~</t>
  </si>
  <si>
    <t>AK2*810*29435~</t>
  </si>
  <si>
    <t>IEA*1*002503552~</t>
  </si>
  <si>
    <t>BGN*00*CN002503599*20201019*105118~</t>
  </si>
  <si>
    <t>OTI*TA*TN*6147592184*******810*****2**C20~</t>
  </si>
  <si>
    <t>REF*ACC*reconciled~</t>
  </si>
  <si>
    <t>DTM*102*20201019*033000*18~</t>
  </si>
  <si>
    <t>GE*1*002503599~</t>
  </si>
  <si>
    <t>IEA*1*002503599~</t>
  </si>
  <si>
    <t>ST*860*0001~</t>
  </si>
  <si>
    <t>BGN*00*CN002503474*20201019*092215~</t>
  </si>
  <si>
    <t>OTI*TA*TN*FXC6400139*******856~</t>
  </si>
  <si>
    <t>REF*TN*DocumentID*FXC6400139~</t>
  </si>
  <si>
    <t>DTM*102*20201019*092215*GM~</t>
  </si>
  <si>
    <t>GE*1*002503474~</t>
  </si>
  <si>
    <t>IEA*1*002503474~</t>
  </si>
  <si>
    <t>ISA*00*          *00*          *ZZ*SupplierID     *ZZ*ARIBA          *201016*1525*U*00401*000029463*0*T*^~</t>
  </si>
  <si>
    <t>ISA*00*          *00*          *ZZ*SupplierID     *ZZ*ARIBA          *201019*1116*U*00401*000029473*0*T*^~</t>
  </si>
  <si>
    <t>ISA*00*          *00*          *ZZ*SupplierID     *ZZ*ARIBA          *201019*1205*U*00401*000029477*0*T*^~</t>
  </si>
  <si>
    <t>GS*SH*SupplierID*AN01037391420-T*20201019*1116*29473*X*004010~</t>
  </si>
  <si>
    <t>GS*IN*SupplierID*AN01037391420-T*20201019*1205*29477*X*004010~</t>
  </si>
  <si>
    <t>ISA*00*          *00*          *ZZ*ARIBA          *ZZ*SupplierID     *201016*0125*U*00401*002497562*0*T*^~</t>
  </si>
  <si>
    <t>GS*FA*AN01037391420-T*SupplierID*20201016*0125*1*X*004010~</t>
  </si>
  <si>
    <t>ISA*00*          *00*          *ZZ*ARIBA          *ZZ*SupplierID     *201016*1325*U*00401*002497563*0*T*^~</t>
  </si>
  <si>
    <t>GS*AG*AN01037391420-T*SupplierID*20201016*132532*002497563*X*004010~</t>
  </si>
  <si>
    <t>ISA*00*          *00*          *ZZ*ARIBA          *ZZ*SupplierID     *201019*1020*U*00401*002503552*0*T*^~</t>
  </si>
  <si>
    <t>GS*FA*AN01037391420-T*SupplierID*20201019*1020*1*X*004010~</t>
  </si>
  <si>
    <t>ISA*00*          *00*          *ZZ*ARIBA          *ZZ*SupplierID     *201019*0922*U*00401*002503473*0*T*^~</t>
  </si>
  <si>
    <t>GS*FA*AN01037391420-T*SupplierID*20201019*0922*1*X*004010~</t>
  </si>
  <si>
    <t>ISA*00*          *00*          *ZZ*ARIBA          *ZZ*SupplierID     *201019*1051*U*00401*002503599*0*T*^~</t>
  </si>
  <si>
    <t>GS*AG*AN01037391420-T*SupplierID*20201019*105118*002503599*X*004010~</t>
  </si>
  <si>
    <t>ISA*00*          *00*          *ZZ*ARIBA          *ZZ*SupplierID     *201019*0922*U*00401*002503474*0*T*^~</t>
  </si>
  <si>
    <t>GS*AG*AN01037391420-T*SupplierID*20201019*092216*002503474*X*004010~</t>
  </si>
  <si>
    <t>N1*RI*Supplier CZ s.r.o.*92*1000018061~</t>
  </si>
  <si>
    <t>N1*FR*Supplier CZ s.r.o.~</t>
  </si>
  <si>
    <t>N1*SF*Supplier CZ S.R.O*92*1000955368~</t>
  </si>
  <si>
    <t>N1*BF*Supplier CZ s.r.o.~</t>
  </si>
  <si>
    <t>REF*ACT**Supplier CZ s.r.o.~</t>
  </si>
  <si>
    <t>N1*SF*Supplier CZ, s.r.o.~</t>
  </si>
  <si>
    <t>REF*VX**VAT ID#~</t>
  </si>
  <si>
    <t>N1*ST*Supplier Ship To Entity*92*1001061063~</t>
  </si>
  <si>
    <t>N4*Street**284 01*CZ~</t>
  </si>
  <si>
    <t>N4*Description**Postal Code*CZ**20~</t>
  </si>
  <si>
    <t>N4*Street*State*ZipCode*US~~</t>
  </si>
  <si>
    <t>N1*SU*Supplier Entity*92*1001061063~</t>
  </si>
  <si>
    <t>N1*RI*Supplier Remit To*92*1000018061~</t>
  </si>
  <si>
    <t>N4*City*State*Postal Code*US~~~</t>
  </si>
  <si>
    <t>N4*City*State*Postal Code*US~~*SP*20~</t>
  </si>
  <si>
    <t>"Ariba.invoicingAllowed"</t>
  </si>
  <si>
    <t>Invoicing Allowed</t>
  </si>
  <si>
    <t>"Ariba.availableAmount"</t>
  </si>
  <si>
    <t>PO Amount</t>
  </si>
  <si>
    <t>"supplierVatID"</t>
  </si>
  <si>
    <t>Supplier VAT ID</t>
  </si>
  <si>
    <t>REF*ZZ*supplierVatID*CZ27512342~</t>
  </si>
  <si>
    <t>"partyAdditionalID"</t>
  </si>
  <si>
    <t>Supplier Vendor ID</t>
  </si>
  <si>
    <t>REF*ZZ*buyerVatID*CZ684280228~</t>
  </si>
  <si>
    <t>REF*ZZ*incoTermDesc*KUTNA HORA~</t>
  </si>
  <si>
    <t>Inco Term (between HPE and Supplier)</t>
  </si>
  <si>
    <t>HPE VAT ID</t>
  </si>
  <si>
    <t>REF*ZZ*buyerVatID*CZ684280123~</t>
  </si>
  <si>
    <t>Business Unit / Purchasing Org.</t>
  </si>
  <si>
    <t>Incoterms Version</t>
  </si>
  <si>
    <t xml:space="preserve">Alternate Currency - Standard Tag </t>
  </si>
  <si>
    <t>Inco Term Description</t>
  </si>
  <si>
    <t>Carrier Name</t>
  </si>
  <si>
    <t>Priority Level</t>
  </si>
  <si>
    <t>H3C Entity Name</t>
  </si>
  <si>
    <t>Requestor</t>
  </si>
  <si>
    <t>Payment Term Extrinisc - FYI Only no action by supplier</t>
  </si>
  <si>
    <t>Changes applicable for 2.2 Release, this segment is not applicable to all suppliers</t>
  </si>
  <si>
    <t>Regular (NB) or Dummy (DB) PO Indicator</t>
  </si>
  <si>
    <t>"Incoterm"</t>
  </si>
  <si>
    <t>"buyerVatID"</t>
  </si>
  <si>
    <t>"PUName"</t>
  </si>
  <si>
    <t>"exchangeRate"</t>
  </si>
  <si>
    <t>"alternateCurrency"</t>
  </si>
  <si>
    <t>"incoTerm"</t>
  </si>
  <si>
    <t>"incoTermDesc"</t>
  </si>
  <si>
    <t>"CarrierName"</t>
  </si>
  <si>
    <t>"Priority"</t>
  </si>
  <si>
    <t>"Requester"</t>
  </si>
  <si>
    <t>"PaymentTerms"</t>
  </si>
  <si>
    <t>"PO Document Type"</t>
  </si>
  <si>
    <t>"batchNo"</t>
  </si>
  <si>
    <t>Repeat of REF*ZZ segments as N9*MSG, the reason being the length of REF*ZZ is limited but N9*MSG can extend. REF~ZZ or N9~MSG to be consumed</t>
  </si>
  <si>
    <t>Company Name</t>
  </si>
  <si>
    <t>Number of Inspection Days</t>
  </si>
  <si>
    <t>PO Version</t>
  </si>
  <si>
    <t>Supplier VATID</t>
  </si>
  <si>
    <t>Sales Inco Location</t>
  </si>
  <si>
    <t>"ZG"</t>
  </si>
  <si>
    <t>HPE Sales Order Number  &lt;customerReferenceID&gt;</t>
  </si>
  <si>
    <t>Customer PO Number
 &lt; Extrinisc ultimateCustomerReferenceID&gt;</t>
  </si>
  <si>
    <t>"AribaNetwork.PaymentTermsExpla"</t>
  </si>
  <si>
    <t>incoTerm</t>
  </si>
  <si>
    <t>PO Date</t>
  </si>
  <si>
    <t>Reservation ID Text</t>
  </si>
  <si>
    <t>Supplier Information with HPE Vendor ID</t>
  </si>
  <si>
    <t>N4*City*State*Postal Code*US~</t>
  </si>
  <si>
    <t>"EN"</t>
  </si>
  <si>
    <t>Purchasing Agent</t>
  </si>
  <si>
    <t>Receiving Type</t>
  </si>
  <si>
    <t xml:space="preserve">Ack date </t>
  </si>
  <si>
    <t xml:space="preserve">PO Line item 1 with Qty, Price, UoM </t>
  </si>
  <si>
    <t xml:space="preserve">
The codes must match the list  attachned  in tab OC ASN Requirments </t>
  </si>
  <si>
    <t>Reason Code</t>
  </si>
  <si>
    <t>Category</t>
  </si>
  <si>
    <t>IC1</t>
  </si>
  <si>
    <t>Initial Commit</t>
  </si>
  <si>
    <t>Commit</t>
  </si>
  <si>
    <t>M01</t>
  </si>
  <si>
    <t>Material Allocation</t>
  </si>
  <si>
    <t>Material</t>
  </si>
  <si>
    <t>M02</t>
  </si>
  <si>
    <t>Material Delay</t>
  </si>
  <si>
    <t>M03</t>
  </si>
  <si>
    <t>Material Improvement</t>
  </si>
  <si>
    <t>M04</t>
  </si>
  <si>
    <t>Demand &gt; Forecast</t>
  </si>
  <si>
    <t>M05</t>
  </si>
  <si>
    <t>Material Stock Out</t>
  </si>
  <si>
    <t>C01</t>
  </si>
  <si>
    <t>CRDD Customer drive change</t>
  </si>
  <si>
    <t>Customer</t>
  </si>
  <si>
    <t>C02</t>
  </si>
  <si>
    <t>Ship Complete flag removed</t>
  </si>
  <si>
    <t>C03</t>
  </si>
  <si>
    <t>Pending Customer PO (prebuild)</t>
  </si>
  <si>
    <t>P01</t>
  </si>
  <si>
    <t>Production Delay</t>
  </si>
  <si>
    <t>Production</t>
  </si>
  <si>
    <t>P02</t>
  </si>
  <si>
    <t>Production Test Failure</t>
  </si>
  <si>
    <t>P03</t>
  </si>
  <si>
    <t>Config Error / unbuildable</t>
  </si>
  <si>
    <t>P04</t>
  </si>
  <si>
    <t>Capacity Constraint</t>
  </si>
  <si>
    <t>H01</t>
  </si>
  <si>
    <t>Technical hold applied</t>
  </si>
  <si>
    <t>Hold</t>
  </si>
  <si>
    <t>H02</t>
  </si>
  <si>
    <t>Unreleased Product</t>
  </si>
  <si>
    <t>H03</t>
  </si>
  <si>
    <t>Delayed Hold Removal</t>
  </si>
  <si>
    <t>R01</t>
  </si>
  <si>
    <t>Priority / Re prioritisation</t>
  </si>
  <si>
    <t>HPE</t>
  </si>
  <si>
    <t>R02</t>
  </si>
  <si>
    <t>ETO Integration centre extended time impacts</t>
  </si>
  <si>
    <t xml:space="preserve">HPE </t>
  </si>
  <si>
    <t>R03</t>
  </si>
  <si>
    <t>Purchase Order Reassignment</t>
  </si>
  <si>
    <t>IA Item Accepted  
with shipmentDate sent on 068 Qualifer. [The Delivery Date and Shipment Date will be the same if HPE is taking ownership once the material ships out of the Supplier's facility]</t>
  </si>
  <si>
    <t>Delivery Date with time and zone code</t>
  </si>
  <si>
    <t xml:space="preserve">Count </t>
  </si>
  <si>
    <t>Codes to be sent on OC Accept by Supplier</t>
  </si>
  <si>
    <t>AN Rules (Rules_Notes) could have changed during testing, please look up AN profile for the latest</t>
  </si>
  <si>
    <t>824 Success/Failure for rule validation and/or translation</t>
  </si>
  <si>
    <t>NO 824 will be sent by HPE for OC</t>
  </si>
  <si>
    <t>N1*ST*Ship to address*92*1000955368~</t>
  </si>
  <si>
    <t>N1*SF*Ship From address*92*1000955368~</t>
  </si>
  <si>
    <t>"Customer Reference"</t>
  </si>
  <si>
    <t>"taxExchangeRate"</t>
  </si>
  <si>
    <t>N1*BT*Customer name*92*Code~</t>
  </si>
  <si>
    <t>N1*FR*Customer name*92*Code~</t>
  </si>
  <si>
    <t>N1*BF*Customer name*92*Code~</t>
  </si>
  <si>
    <t>N1*SO*Customer name*92*Code~</t>
  </si>
  <si>
    <t>BGN*00*CN002503560*20201019*102110~</t>
  </si>
  <si>
    <t>REF*ACC*processing~</t>
  </si>
  <si>
    <t>ASN Must be sent before Invoice, Suppliers should wait for a Successful 824 from HPE before sending Invoices.</t>
  </si>
  <si>
    <t>HPE allows ASN update, the update is not allowed by AN on these conditions :</t>
  </si>
  <si>
    <t>The workbook provides guidence to the HPE required EDI document structure,AN Rules (Rules_Notes) could have changed during testing, please look up AN profile for the latest</t>
  </si>
  <si>
    <t xml:space="preserve">CIG Scans the document for any default delimitors are a part of data, if they are the delimiters are switched to an extended set per the list below :-
Default Delimiters -  *', '~', '^' 
Extended Set  - '|', '%', ')', '$', '#',':','&amp;gt;'(&gt;) ,'&amp;lt;' (&lt;) </t>
  </si>
  <si>
    <t>Ariba Network Business Rules Summary</t>
  </si>
  <si>
    <t xml:space="preserve">Ship To address to be sent on the PO at header level </t>
  </si>
  <si>
    <t>Payment terms information is sent on the PO</t>
  </si>
  <si>
    <t xml:space="preserve">An .xml file attachment of the resolved BOM would be sent along with purchase orders </t>
  </si>
  <si>
    <t xml:space="preserve">Purchase Order contains indicators of build hold or ship hold </t>
  </si>
  <si>
    <t>“Integrated” items have Aggregate Codes</t>
  </si>
  <si>
    <t xml:space="preserve">CIG Scans the document for any default delimitors are a part of data, if they are the delimiters are switched to an extended set per the list below
Default Delimiters -  *', '~', '^'
Extended Set  - '|', '%', ')', '$', '#',':','&amp;gt;'(&gt;) ,'&amp;lt;' (&lt;) </t>
  </si>
  <si>
    <t>Notes</t>
  </si>
  <si>
    <r>
      <t xml:space="preserve">Additionally, the following segmetns are </t>
    </r>
    <r>
      <rPr>
        <sz val="12"/>
        <color rgb="FFFF0000"/>
        <rFont val="Calibri"/>
        <family val="2"/>
      </rPr>
      <t>not used by HPE</t>
    </r>
    <r>
      <rPr>
        <sz val="12"/>
        <rFont val="Calibri"/>
        <family val="2"/>
      </rPr>
      <t xml:space="preserve"> BUT are only part of SAP Ariba Standard Guides</t>
    </r>
  </si>
  <si>
    <r>
      <t>Header Level</t>
    </r>
    <r>
      <rPr>
        <sz val="12"/>
        <rFont val="Calibri"/>
        <family val="2"/>
      </rPr>
      <t xml:space="preserve"> – 
Service Allowance, Charge or Promotion Information
TX1 – Header Tax 
Control Keys - Header</t>
    </r>
  </si>
  <si>
    <r>
      <rPr>
        <u/>
        <sz val="12"/>
        <rFont val="Calibri"/>
        <family val="2"/>
      </rPr>
      <t xml:space="preserve">Line Level – </t>
    </r>
    <r>
      <rPr>
        <sz val="12"/>
        <rFont val="Calibri"/>
        <family val="2"/>
      </rPr>
      <t xml:space="preserve">
Measurements
Service Allowance, Charge or Promotion Information
Quantity Range Min/Max
Packing Details
Subline Item Details</t>
    </r>
  </si>
  <si>
    <t>Notes - HPE ASN Reject Codes</t>
  </si>
  <si>
    <r>
      <t>HPE/Ariba Network will send specific Technical Acknowledgements will be sent for the 856 and 810 received from suppliers.So, Suppliers can receive detail error messages for the document they send. These error messages can originate from CIG due to syntax validation or Ariba Network due to Business Rules validation. In addition,  HPE can send the following list of error details for</t>
    </r>
    <r>
      <rPr>
        <b/>
        <sz val="11"/>
        <color rgb="FF00B0F0"/>
        <rFont val="Arial"/>
        <family val="2"/>
        <scheme val="minor"/>
      </rPr>
      <t xml:space="preserve"> ASN's</t>
    </r>
    <r>
      <rPr>
        <sz val="11"/>
        <color rgb="FF00B0F0"/>
        <rFont val="Arial"/>
        <family val="2"/>
        <scheme val="minor"/>
      </rPr>
      <t xml:space="preserve"> and will be passed on to the supplier. 
</t>
    </r>
    <r>
      <rPr>
        <sz val="11"/>
        <color rgb="FFFF0000"/>
        <rFont val="Arial"/>
        <family val="2"/>
        <scheme val="minor"/>
      </rPr>
      <t>Ariba Network / CIG  sends 824 for only 'Reject' Scenario's 
S4/HPE sends 824 for both Acceopt and Reject Scenario's
Suppliers can send 824 to CIG/AN as well.
There are no rules configured for this document type</t>
    </r>
  </si>
  <si>
    <t>Sl. No.</t>
  </si>
  <si>
    <t>Validation</t>
  </si>
  <si>
    <t>Duplicate Ship ID</t>
  </si>
  <si>
    <t>Message &gt; “IDOC with same Delivery already exists for this SO” / Duplicate Ship ID</t>
  </si>
  <si>
    <t>Duplicate Carton ID / HU in single delivery</t>
  </si>
  <si>
    <t>Duplicate Carton IDs/Handling Units not allowed</t>
  </si>
  <si>
    <t>Invalid Carton ID Format</t>
  </si>
  <si>
    <t>SAP expects 4-5 format (0105-ABCDE)</t>
  </si>
  <si>
    <t>Missing Carton ID / HU</t>
  </si>
  <si>
    <t>Carton ID must be provided for each item</t>
  </si>
  <si>
    <t>PO/SO Line Item is wrong</t>
  </si>
  <si>
    <t>Wrong line item number returned</t>
  </si>
  <si>
    <t>Part Number does not match</t>
  </si>
  <si>
    <t>Wrong part number returned</t>
  </si>
  <si>
    <t>Missing Bill of Lading</t>
  </si>
  <si>
    <t>Bill of Lading not provided</t>
  </si>
  <si>
    <t>Delivery Qty is Greater than Open Qty</t>
  </si>
  <si>
    <t>856 contains a Qty Greater than PO line Qty</t>
  </si>
  <si>
    <t>Duplicate Serial Number</t>
  </si>
  <si>
    <t>Duplicate Serial Numbers not allowed. In case of point next, this check will happen with in delivery since serial numbers will not be stored in serial master</t>
  </si>
  <si>
    <t>Serial Number not provided</t>
  </si>
  <si>
    <t>SAP indicates part is serialized, but SN not provided</t>
  </si>
  <si>
    <t>SCAC is valid in Route Determination</t>
  </si>
  <si>
    <t>Message &gt; No Route could be determined for SCAC and Shipping Condition</t>
  </si>
  <si>
    <t>If ASN is from CM/ODM , then tracking number and pack id field are mandatory to be filled in. Other vendors, we can have these fields optional.</t>
  </si>
  <si>
    <t>If ASN is from CM/ODM, then BOX ID/handling unit is mandatory</t>
  </si>
  <si>
    <t>Country of Origin</t>
  </si>
  <si>
    <t> Country of Origin for part is mandatory,</t>
  </si>
  <si>
    <t xml:space="preserve">Buyer Currency and Supplier Currency
</t>
  </si>
  <si>
    <t>ASN Reference</t>
  </si>
  <si>
    <t>Customer Reference (e.g STO# OR SO#)</t>
  </si>
  <si>
    <t>Remit To Information - Complete Address Segments Required, 
A valid Remit ID that is shared with customer must be sent</t>
  </si>
  <si>
    <t xml:space="preserve">Bill To Information </t>
  </si>
  <si>
    <t>From Address -  Complete Address Segments Required</t>
  </si>
  <si>
    <t xml:space="preserve">Bill From Address </t>
  </si>
  <si>
    <t>Sold-To Address - Complete Address Segments Required</t>
  </si>
  <si>
    <t>Payment Terms</t>
  </si>
  <si>
    <t>Invoice Date</t>
  </si>
  <si>
    <t xml:space="preserve">Line Item Currency </t>
  </si>
  <si>
    <t>Price Basis Quantity</t>
  </si>
  <si>
    <t>Line item subtotal</t>
  </si>
  <si>
    <t>Line Item Gross Amount</t>
  </si>
  <si>
    <t>Line Item Net Amount</t>
  </si>
  <si>
    <t xml:space="preserve">Item description </t>
  </si>
  <si>
    <t>Ship Notice Reference  is required (ASN line reference is not required)</t>
  </si>
  <si>
    <t>Invoice Line number</t>
  </si>
  <si>
    <t>Subtotal Amount - USD  [ Unit price * qty ]</t>
  </si>
  <si>
    <t>Due Amount - USD   [ Subtotal + taxes ]</t>
  </si>
  <si>
    <t>Invoice Line Count</t>
  </si>
  <si>
    <t xml:space="preserve">SAP-Ariba Description of various amounts </t>
  </si>
  <si>
    <t xml:space="preserve">Comments from Tax </t>
  </si>
  <si>
    <t>Required to be defined</t>
  </si>
  <si>
    <t>Local currency is based on Ship to country and not supplier country</t>
  </si>
  <si>
    <t>Required SO Reference</t>
  </si>
  <si>
    <t>Require Customer's VAT/TaxID</t>
  </si>
  <si>
    <t>Require your company's VAT ID only for intra-EU trade</t>
  </si>
  <si>
    <t>Require a Remit To address on invoice</t>
  </si>
  <si>
    <t>Enforce strict address validation for required address fields</t>
  </si>
  <si>
    <t xml:space="preserve">Require a From Address on invoice </t>
  </si>
  <si>
    <t xml:space="preserve">Require a Sold To address on invoice </t>
  </si>
  <si>
    <t>Require invoice Sold To Name and Country to match PO Bill To Name and Country (or Sold To information if available).</t>
  </si>
  <si>
    <t>BGN*00*CN002522821*20201027*133400~</t>
  </si>
  <si>
    <t>OTI*TR*TN*6147592199*******810*****2**REJ~</t>
  </si>
  <si>
    <t>REF*ACC*rejected*Network Rejection: validation failed~</t>
  </si>
  <si>
    <t>DTM*102*20201019*150000*18~</t>
  </si>
  <si>
    <t>TED*ZZZ*Network Rejection: validation failed~</t>
  </si>
  <si>
    <t>NTE*ERN*INV-1: An invoice with the Invoice ID 6147592199 has already been received~</t>
  </si>
  <si>
    <t xml:space="preserve">HPE requires the invoice ID to include only alphanumeric characters and a maximum of 16 characters, no special characters permitted  </t>
  </si>
  <si>
    <t>HPE PAID FREIGHT</t>
  </si>
  <si>
    <t>SUPPLIER PAID FREIGHT</t>
  </si>
  <si>
    <t>Required (optional for delete BSN01=03)</t>
  </si>
  <si>
    <t>Required (optional for delete  BSN01=03)</t>
  </si>
  <si>
    <t>BSN01=00NEW/03-Delete/05-Update. BSN02 is the unique ASN ID
BSN05 = 0001 for SOPI and BSN = 0004 for SOI</t>
  </si>
  <si>
    <t>Hierarchical Level - Shipment 1</t>
  </si>
  <si>
    <t>Total Number of Packing included in the shipment  - 1 BOX, 2 PAL etc.
( Just the number of packages in the shipment (no nesting count)</t>
  </si>
  <si>
    <t>Net Weight</t>
  </si>
  <si>
    <t xml:space="preserve">Required for 2.2 (TD106 can be 'G' for Gross Weight)
</t>
  </si>
  <si>
    <t xml:space="preserve">Optional
</t>
  </si>
  <si>
    <t xml:space="preserve">Required </t>
  </si>
  <si>
    <t>Not Required</t>
  </si>
  <si>
    <t>Carrier Details (Equipment) - Truck Information - TD303 = LicencePlate Number if sent</t>
  </si>
  <si>
    <t>Hazard Information with code - Shipment level</t>
  </si>
  <si>
    <t>Required, if applicable upto 5 TD4 segments can be sent</t>
  </si>
  <si>
    <t>Trailer ID - 16 char' length (License Plate)</t>
  </si>
  <si>
    <r>
      <t>017 - Delivery Date</t>
    </r>
    <r>
      <rPr>
        <sz val="10"/>
        <color theme="1"/>
        <rFont val="Arial"/>
        <family val="2"/>
        <scheme val="minor"/>
      </rPr>
      <t xml:space="preserve"> (with time and timezone)</t>
    </r>
  </si>
  <si>
    <t>FOB Instructions</t>
  </si>
  <si>
    <t>Ship From Address</t>
  </si>
  <si>
    <t>Ship To Address (Address must match per the PO - N1*ST segment )</t>
  </si>
  <si>
    <t>Hierarchial Level - Shipment 1, Order 1</t>
  </si>
  <si>
    <t>Required - 1 PO/ASN Only</t>
  </si>
  <si>
    <t>Hierarchical Level - Shipment 1, Order - Package 1 - BOX 1</t>
  </si>
  <si>
    <t>HANDLING UNIT SCENARIO</t>
  </si>
  <si>
    <t>Item Physical Details - Carton, 100 dimensions in CM</t>
  </si>
  <si>
    <t>Required, POR04</t>
  </si>
  <si>
    <t>HPE Box ID in MAN02 - Same Format</t>
  </si>
  <si>
    <t>Hierarchical Level - Shipment 1, Order - Package 1 - Item 1 in BOX 1</t>
  </si>
  <si>
    <t>Line Item Identifier 1 - HPE part Number BP*Value Required</t>
  </si>
  <si>
    <t>Item Detail from PO, 5 digit PO Line number reference (qty shipped = count of unique serial numbers)</t>
  </si>
  <si>
    <t>Hazard Information with code - Item level</t>
  </si>
  <si>
    <t>Required if Applicable - upto 5 TD4 segments can be sent</t>
  </si>
  <si>
    <t>Argentina</t>
  </si>
  <si>
    <t>Australia</t>
  </si>
  <si>
    <t>Austria</t>
  </si>
  <si>
    <t>Belgium</t>
  </si>
  <si>
    <t>Brazil</t>
  </si>
  <si>
    <t>Canada</t>
  </si>
  <si>
    <t>Switzerland</t>
  </si>
  <si>
    <t>Chile</t>
  </si>
  <si>
    <t>China</t>
  </si>
  <si>
    <t>Colombia</t>
  </si>
  <si>
    <t>Costa Rica</t>
  </si>
  <si>
    <t>Czech Republic</t>
  </si>
  <si>
    <t>Germany</t>
  </si>
  <si>
    <t>Denmark</t>
  </si>
  <si>
    <t>Algeria</t>
  </si>
  <si>
    <t>Ecuador</t>
  </si>
  <si>
    <t>Egypt</t>
  </si>
  <si>
    <t>Spain</t>
  </si>
  <si>
    <t>Finland</t>
  </si>
  <si>
    <t>France</t>
  </si>
  <si>
    <t>United Kingdom</t>
  </si>
  <si>
    <t>Hong Kong</t>
  </si>
  <si>
    <t>Hungary</t>
  </si>
  <si>
    <t>Indonesia</t>
  </si>
  <si>
    <t>India</t>
  </si>
  <si>
    <t>Ireland</t>
  </si>
  <si>
    <t>Italy</t>
  </si>
  <si>
    <t>Japan</t>
  </si>
  <si>
    <t>Republic of Korea</t>
  </si>
  <si>
    <t>Luxembourg</t>
  </si>
  <si>
    <t>Morocco</t>
  </si>
  <si>
    <t>Mexico</t>
  </si>
  <si>
    <t>Malaysia</t>
  </si>
  <si>
    <t>Nigeria</t>
  </si>
  <si>
    <t>Netherlands</t>
  </si>
  <si>
    <t>Norway</t>
  </si>
  <si>
    <t>New Zealand</t>
  </si>
  <si>
    <t>Peru</t>
  </si>
  <si>
    <t>Philippines</t>
  </si>
  <si>
    <t>Poland</t>
  </si>
  <si>
    <t>Puerto Rico</t>
  </si>
  <si>
    <t>Portugal</t>
  </si>
  <si>
    <t>Romania</t>
  </si>
  <si>
    <t>Saudi Arabia</t>
  </si>
  <si>
    <t>Singapore</t>
  </si>
  <si>
    <t>Slovakia</t>
  </si>
  <si>
    <t>Sweden</t>
  </si>
  <si>
    <t>United States</t>
  </si>
  <si>
    <t>Venezuela</t>
  </si>
  <si>
    <t>South Africa</t>
  </si>
  <si>
    <t>Allow suppliers to send invoices to this account.</t>
  </si>
  <si>
    <t>Allow suppliers to send header credit memos and debit memos.</t>
  </si>
  <si>
    <t>Allow suppliers to send line-item credit memo.</t>
  </si>
  <si>
    <t>Require suppliers to provide a reason for each credit memo.</t>
  </si>
  <si>
    <t>Allow suppliers to cancel invoices they create.</t>
  </si>
  <si>
    <t>Allow the invoice numbers of invoices in the Canceled state to be reused.</t>
  </si>
  <si>
    <t>Allow the invoice numbers of invoices in the Rejected state to be reused.</t>
  </si>
  <si>
    <t>Allow the invoice numbers of invoices in the Failed state to be reused.</t>
  </si>
  <si>
    <t>Allow suppliers to reuse invoice numbers from past calendar years.</t>
  </si>
  <si>
    <t>Require suppliers to choose from your list of valid tax values.</t>
  </si>
  <si>
    <t>Apply the following rule to invoices sent through cXML or EDI: Require suppliers to choose from your list of valid tax values.</t>
  </si>
  <si>
    <t>Configured Tax Values.</t>
  </si>
  <si>
    <t>0% VAT / VAT
0% VAT / MWST_1
0% VAT / TVA_1
7% VAT / MWST_1
12% VAT / TVA_1
7.7% MWST_1 / MWST - Value Added Tax - Switzerland</t>
  </si>
  <si>
    <t>0% VAT / VAT
0% Sales Tax / Sales Tax
0% GST / GST
0% SST / SST</t>
  </si>
  <si>
    <t>0% Sales Tax / Malaysia SST</t>
  </si>
  <si>
    <t>Allow suppliers to create a tax rate and type for invoices and credit memos.</t>
  </si>
  <si>
    <t>Require suppliers to provide their tax ID on invoices.</t>
  </si>
  <si>
    <t>Allow suppliers to add shipping and special handling costs and tax details as separate invoice lines.</t>
  </si>
  <si>
    <t>Require suppliers to enter taxes at line item level.</t>
  </si>
  <si>
    <t>Allow suppliers to enter discounts at the header level.</t>
  </si>
  <si>
    <t>Require supplier GST and QST registration numbers when GST/HST or QST are chosen as tax categories respectively.</t>
  </si>
  <si>
    <t>Require a Sold To address on invoices.</t>
  </si>
  <si>
    <t>Require a From address on invoices.</t>
  </si>
  <si>
    <t>Require a Remit To address on invoices.</t>
  </si>
  <si>
    <t>Require Ship From and Ship To addresses on invoices.</t>
  </si>
  <si>
    <t>Enforce strict address validation for required address fields.</t>
  </si>
  <si>
    <t>Enable BPO-specific invoice rules.</t>
  </si>
  <si>
    <t>Require suppliers to choose from your list of valid tax values when creating invoices for a blanket purchase order.</t>
  </si>
  <si>
    <t>Apply the following rule to invoices sent through cXML or EDI for a blanket purchase order: Require suppliers to choose from your list of valid tax values.</t>
  </si>
  <si>
    <t>Allow suppliers to create a tax rate and type in invoices and credit memos created for a blanket purchase order.</t>
  </si>
  <si>
    <t>Require suppliers to provide penalty information or terms on invoices.</t>
  </si>
  <si>
    <t>Require suppliers to provide discount information or terms on invoices.</t>
  </si>
  <si>
    <t>Require suppliers to provide net term information on the invoice.</t>
  </si>
  <si>
    <t>Require suppliers to include bank account details on invoices.</t>
  </si>
  <si>
    <t>Require suppliers to include IBAN on invoices.</t>
  </si>
  <si>
    <t>Require customer's VAT/Tax ID.</t>
  </si>
  <si>
    <t>Require supplier's VAT/Tax ID.</t>
  </si>
  <si>
    <t>Require suppliers to provide VAT information in invoice headers or line items.</t>
  </si>
  <si>
    <t>Require supply date when VAT is chosen as tax category.</t>
  </si>
  <si>
    <t>Require tax amounts in local currency.</t>
  </si>
  <si>
    <t>Require subtotal and amount due in local currency.</t>
  </si>
  <si>
    <t>Determine local currency based on supplier country.</t>
  </si>
  <si>
    <t>Require explanation for zero rate VAT.</t>
  </si>
  <si>
    <t>Require explanation for zero rate GST.</t>
  </si>
  <si>
    <t>Require detailed tax information in tax summaries.</t>
  </si>
  <si>
    <t>Display text boxes for buyer and supplier VAT IDs in invoice headers.</t>
  </si>
  <si>
    <t>Require your company's VAT ID only for intra-EU trade.</t>
  </si>
  <si>
    <t>Require your company's VAT ID for domestic trade.</t>
  </si>
  <si>
    <t>Require VAT details only for domestic and intra-EU trade.</t>
  </si>
  <si>
    <t>Display invoice totals as Subtotal, Tax Amount, and Amount Due.</t>
  </si>
  <si>
    <t>Allow suppliers to include parafiscal taxes.</t>
  </si>
  <si>
    <t>Enable automatic invoice creation from Receipts.</t>
  </si>
  <si>
    <t>Copy Bill To address on purchase orders to Sold To address on invoices.</t>
  </si>
  <si>
    <t>Require suppliers to provide tax information in invoice.</t>
  </si>
  <si>
    <t>Hide Bill From address on invoices.</t>
  </si>
  <si>
    <t>Enable Tax Summary by Tax Category and Tax Rate.</t>
  </si>
  <si>
    <t>Allow the Customer Tax Representative to be displayed in GUI, cXML, and PDF.</t>
  </si>
  <si>
    <t>Allow suppliers to view the Payment Due Date field on the invoice creation page.</t>
  </si>
  <si>
    <t>Require suppliers to provide the Payment Due Date information on the invoice creation page.</t>
  </si>
  <si>
    <r>
      <t>BAK*00*</t>
    </r>
    <r>
      <rPr>
        <sz val="14"/>
        <color rgb="FFFF0000"/>
        <rFont val="Arial"/>
        <family val="2"/>
        <scheme val="minor"/>
      </rPr>
      <t>AC</t>
    </r>
    <r>
      <rPr>
        <sz val="14"/>
        <color theme="1"/>
        <rFont val="Arial"/>
        <family val="2"/>
        <scheme val="minor"/>
      </rPr>
      <t>*</t>
    </r>
    <r>
      <rPr>
        <sz val="14"/>
        <color rgb="FFFF0000"/>
        <rFont val="Arial"/>
        <family val="2"/>
        <scheme val="minor"/>
      </rPr>
      <t>4530116892</t>
    </r>
    <r>
      <rPr>
        <sz val="14"/>
        <color theme="1"/>
        <rFont val="Arial"/>
        <family val="2"/>
        <scheme val="minor"/>
      </rPr>
      <t>*20201012****</t>
    </r>
    <r>
      <rPr>
        <sz val="14"/>
        <color rgb="FFFF0000"/>
        <rFont val="Arial"/>
        <family val="2"/>
        <scheme val="minor"/>
      </rPr>
      <t>3003169349</t>
    </r>
    <r>
      <rPr>
        <sz val="14"/>
        <color theme="1"/>
        <rFont val="Arial"/>
        <family val="2"/>
        <scheme val="minor"/>
      </rPr>
      <t>~</t>
    </r>
  </si>
  <si>
    <t>Mandatory or Optional depending on business process. Please consult HPE representative.</t>
  </si>
  <si>
    <r>
      <t>REF*ZZ*lettersOrNotes*</t>
    </r>
    <r>
      <rPr>
        <sz val="14"/>
        <color rgb="FFFF0000"/>
        <rFont val="Arial"/>
        <family val="2"/>
        <scheme val="minor"/>
      </rPr>
      <t>IC1</t>
    </r>
    <r>
      <rPr>
        <sz val="14"/>
        <color theme="1"/>
        <rFont val="Arial"/>
        <family val="2"/>
        <scheme val="minor"/>
      </rPr>
      <t>~</t>
    </r>
  </si>
  <si>
    <r>
      <t>ACK*</t>
    </r>
    <r>
      <rPr>
        <sz val="14"/>
        <color rgb="FFFF0000"/>
        <rFont val="Arial"/>
        <family val="2"/>
        <scheme val="minor"/>
      </rPr>
      <t>IA</t>
    </r>
    <r>
      <rPr>
        <sz val="14"/>
        <color theme="1"/>
        <rFont val="Arial"/>
        <family val="2"/>
        <scheme val="minor"/>
      </rPr>
      <t>*3*EA*</t>
    </r>
    <r>
      <rPr>
        <sz val="14"/>
        <color rgb="FFFF0000"/>
        <rFont val="Arial"/>
        <family val="2"/>
        <scheme val="minor"/>
      </rPr>
      <t>068</t>
    </r>
    <r>
      <rPr>
        <sz val="14"/>
        <color theme="1"/>
        <rFont val="Arial"/>
        <family val="2"/>
        <scheme val="minor"/>
      </rPr>
      <t>*20201019~</t>
    </r>
  </si>
  <si>
    <t>Required (VP and BP when accept with detail)</t>
  </si>
  <si>
    <r>
      <t>DTM*</t>
    </r>
    <r>
      <rPr>
        <sz val="14"/>
        <color rgb="FFFF0000"/>
        <rFont val="Arial"/>
        <family val="2"/>
        <scheme val="minor"/>
      </rPr>
      <t>017</t>
    </r>
    <r>
      <rPr>
        <sz val="14"/>
        <color theme="1"/>
        <rFont val="Arial"/>
        <family val="2"/>
        <scheme val="minor"/>
      </rPr>
      <t>*20201019*000000~</t>
    </r>
  </si>
  <si>
    <t>CR Changes</t>
  </si>
  <si>
    <t>Version</t>
  </si>
  <si>
    <t>BAK*05*AC*4530116892*20201012****3003169349~</t>
  </si>
  <si>
    <t>ACK*IA*1*EA*068*20201019~</t>
  </si>
  <si>
    <t>ACK*IA*2*EA*068*20201021~</t>
  </si>
  <si>
    <t>DTM*017*20201021*000000~</t>
  </si>
  <si>
    <t>SE*16*29422~</t>
  </si>
  <si>
    <t>ST*855*29422~</t>
  </si>
  <si>
    <t xml:space="preserve">IEA*1*000029464~ </t>
  </si>
  <si>
    <t>ISA*00*          *00*          *ZZ*SupplierID     *ZZ*ARIBA          *201016*1525*U*00401*000029464*0*T*^~</t>
  </si>
  <si>
    <t>GE*1*29464~</t>
  </si>
  <si>
    <t>GS*PR*SupplierID*AN01037391420-T*20201016*1535*29464*X*004010~</t>
  </si>
  <si>
    <t>HPE Sales Order Number  &lt;customerReferenceID&gt;, only has qualifier no description</t>
  </si>
  <si>
    <t/>
  </si>
  <si>
    <t>Require suppliers to provide their supplier legal form of their business on invoices.</t>
  </si>
  <si>
    <t>Require suppliers to provide their supplier company capital amount and currency on invoices.</t>
  </si>
  <si>
    <t>Sales Requirement - Ship Complete (exists if applicable per the sales Order). 
Not applicable on single line  orders</t>
  </si>
  <si>
    <t>"IncoTerm Ver"</t>
  </si>
  <si>
    <t>TransportTerms</t>
  </si>
  <si>
    <t>H3C Distributor</t>
  </si>
  <si>
    <t>H3C Sales Office Attention-To</t>
  </si>
  <si>
    <t>Run Rate Indicator</t>
  </si>
  <si>
    <t>Config Id</t>
  </si>
  <si>
    <t>H3CCarrierCodeName</t>
  </si>
  <si>
    <t xml:space="preserve">N9*ZZ**Ariba.availableAmount~ </t>
  </si>
  <si>
    <t>TD5*Z*ZZ*GEBW****ZZ*USE RESERVED FROM PO 45XXXXXXX~</t>
  </si>
  <si>
    <t>REF*ZZ*HTS Code*8504407012~</t>
  </si>
  <si>
    <t>REF*ZZ*OEMOrderIdentifier*OEMOrderID~</t>
  </si>
  <si>
    <t>REF*ZZ*ModeOFShipment*air~</t>
  </si>
  <si>
    <t>""</t>
  </si>
  <si>
    <t>Payment Terms - no discount, Invoice Date, 90 net days, 0 penalty</t>
  </si>
  <si>
    <t>N2*Contact Name*Phone and Email~</t>
  </si>
  <si>
    <t>REF*ZZ*Tax Exempt Code*R~</t>
  </si>
  <si>
    <r>
      <rPr>
        <b/>
        <sz val="14"/>
        <color rgb="FF000000"/>
        <rFont val="Segoe UI"/>
        <family val="2"/>
      </rPr>
      <t>Physical ShipTo :</t>
    </r>
    <r>
      <rPr>
        <sz val="14"/>
        <color rgb="FF000000"/>
        <rFont val="Segoe UI"/>
        <family val="2"/>
      </rPr>
      <t xml:space="preserve">  for supplier to consume for Supply chain/logistics process, e.g. print shipping documents. Supplier </t>
    </r>
    <r>
      <rPr>
        <u/>
        <sz val="14"/>
        <color rgb="FFFF0000"/>
        <rFont val="Segoe UI"/>
        <family val="2"/>
      </rPr>
      <t>must use this</t>
    </r>
    <r>
      <rPr>
        <sz val="14"/>
        <color rgb="FF000000"/>
        <rFont val="Segoe UI"/>
        <family val="2"/>
      </rPr>
      <t xml:space="preserve"> to drive all their Supply Chain/ Logistics processes (shipping documents, customs)  </t>
    </r>
  </si>
  <si>
    <r>
      <rPr>
        <b/>
        <sz val="14"/>
        <color theme="1"/>
        <rFont val="Arial"/>
        <family val="2"/>
        <scheme val="minor"/>
      </rPr>
      <t xml:space="preserve">Ship To Address </t>
    </r>
    <r>
      <rPr>
        <sz val="14"/>
        <color theme="1"/>
        <rFont val="Arial"/>
        <family val="2"/>
        <scheme val="minor"/>
      </rPr>
      <t xml:space="preserve">- LegalVATShipTo - for supplier to consume for AP/Invoice process 
Supplier </t>
    </r>
    <r>
      <rPr>
        <u/>
        <sz val="14"/>
        <color rgb="FFFF0000"/>
        <rFont val="Arial"/>
        <family val="2"/>
        <scheme val="minor"/>
      </rPr>
      <t>must use this</t>
    </r>
    <r>
      <rPr>
        <sz val="14"/>
        <color theme="1"/>
        <rFont val="Arial"/>
        <family val="2"/>
        <scheme val="minor"/>
      </rPr>
      <t xml:space="preserve"> in the ASN and invoice to HPE</t>
    </r>
  </si>
  <si>
    <t>"S4"</t>
  </si>
  <si>
    <t>N9*ZZ**OEMOrderIdentifier~</t>
  </si>
  <si>
    <t>MSG*OEMOrderID~</t>
  </si>
  <si>
    <t>N9*ZZ**ModeOFShipment~</t>
  </si>
  <si>
    <t>MSG*air~</t>
  </si>
  <si>
    <t>N9*ZZ**HTS Code~</t>
  </si>
  <si>
    <t>MSG*8504407012~</t>
  </si>
  <si>
    <t>N9*ZZ**requiresSerialNumber~</t>
  </si>
  <si>
    <t>N9*ZZ**Tax Exempt Code~</t>
  </si>
  <si>
    <t>MSG*R~</t>
  </si>
  <si>
    <t>N9*ZZ**ReceivingType~</t>
  </si>
  <si>
    <t>MSG*~</t>
  </si>
  <si>
    <t>IncoTerm</t>
  </si>
  <si>
    <t>Logistics Special Code1</t>
  </si>
  <si>
    <t>Logistics Special Code1  Description</t>
  </si>
  <si>
    <t>N9*ZZ**IncoTerm Ver~</t>
  </si>
  <si>
    <t>N9*ZZ**batchNo~</t>
  </si>
  <si>
    <t>End customer PO number</t>
  </si>
  <si>
    <t>Nokia Email Notification contact information</t>
  </si>
  <si>
    <t>Nokia Customer Comments</t>
  </si>
  <si>
    <t>Country code for Israel components for use in Global Trade Anti boycott processes</t>
  </si>
  <si>
    <t xml:space="preserve">VAT ID </t>
  </si>
  <si>
    <t>Contact Information</t>
  </si>
  <si>
    <t>REF segments explains the address segment</t>
  </si>
  <si>
    <r>
      <t xml:space="preserve">Same as N1*DA. Supplier </t>
    </r>
    <r>
      <rPr>
        <u/>
        <sz val="14"/>
        <color rgb="FFFF0000"/>
        <rFont val="Arial"/>
        <family val="2"/>
        <scheme val="minor"/>
      </rPr>
      <t>can also use this</t>
    </r>
    <r>
      <rPr>
        <u/>
        <sz val="14"/>
        <rFont val="Arial"/>
        <family val="2"/>
        <scheme val="minor"/>
      </rPr>
      <t xml:space="preserve"> </t>
    </r>
    <r>
      <rPr>
        <sz val="14"/>
        <rFont val="Arial"/>
        <family val="2"/>
        <scheme val="minor"/>
      </rPr>
      <t>to drive all their Supply Chain/ Logistics processes (shipping documents, customs)  </t>
    </r>
  </si>
  <si>
    <t>Remit To Address with ID</t>
  </si>
  <si>
    <t>N3*Address~</t>
  </si>
  <si>
    <t>Build Hold clause or NoBuildHold</t>
  </si>
  <si>
    <t xml:space="preserve">Mode of shipment </t>
  </si>
  <si>
    <t>Carrier Details</t>
  </si>
  <si>
    <t>Tax Exempt Code , it is a single character code sent only for line items that qualify tax exemption. In this e.g. this segment contains 'R' to indicate 'Resale Exemption' there could be other tax exemption values  possible. Please refer to the attached document for a listing of exempt codes</t>
  </si>
  <si>
    <t>OEM Order Identifier</t>
  </si>
  <si>
    <t>incoTerm Location</t>
  </si>
  <si>
    <t>incoTerm Description</t>
  </si>
  <si>
    <t>Repeat of REF*ZZ segments as N9*MSG, the reason being the length of REF*ZZ is limited but N9*MSG can extend. REF*ZZ or N9*MSG to be consumed</t>
  </si>
  <si>
    <t>00 is new OC with PO Number and OC ID along with header ack code , 05 is Replace (Update)
AC Acknowledge  
AE Accept with Exception
Please refer to OC ASN Requirements tab for details</t>
  </si>
  <si>
    <t>N3*Karlov 245~</t>
  </si>
  <si>
    <t>PID*F*GEN***General Shipment Text****EN~</t>
  </si>
  <si>
    <t>Free Form, General Description, Text</t>
  </si>
  <si>
    <t>Gross Volume</t>
  </si>
  <si>
    <t xml:space="preserve">TD1******N*21.000*KG~
</t>
  </si>
  <si>
    <t>Carrier Details = J - Motor, Location Identifier, Air Economy
(TD502=ZZ) Shipping contract number/SCAC code  in TD503, Tracking number in TD508</t>
  </si>
  <si>
    <t>TD4**U*1993*FLAMMABLE LIQUID, N.O.S. ~</t>
  </si>
  <si>
    <t>Shipping Condition, the value as per PO
Some business processes require the Shipping Instruction value sent in EDI850 to be populated in the Shipping Condition segment in EDI856. Please contact HPE for details.</t>
  </si>
  <si>
    <t>Required,  if applicable to the business process</t>
  </si>
  <si>
    <t>REF*ZZ*ASNEntryNo*value123~</t>
  </si>
  <si>
    <t>Suppliers need to send an ‘ASN Entry Number’ to clear customs at the border</t>
  </si>
  <si>
    <t>Customs Requirement - applicable per business process</t>
  </si>
  <si>
    <t>REF*D2**Supplier Reference ID~</t>
  </si>
  <si>
    <t>must be populated with carrier name and tracking number These are business process specific.Please contact HPE for details.</t>
  </si>
  <si>
    <t>ShipInstructions</t>
  </si>
  <si>
    <t>N2*andrej huszar*andrej.huszar@hpe.com~</t>
  </si>
  <si>
    <t>PID*F*08***HP OEM INE1054606 0096 BL460G9 2620 Svr~</t>
  </si>
  <si>
    <t>MAN*L*SN*2Z6823B235*L*AT*CZ~</t>
  </si>
  <si>
    <t>Required for Serialized Items</t>
  </si>
  <si>
    <t>Scenario : PO with 1 line item, 4 qty, packed into 2 HU’s - SEIALIZED ITEMS</t>
  </si>
  <si>
    <t>PRF*4510000403~</t>
  </si>
  <si>
    <t>DTM*004*20181104~</t>
  </si>
  <si>
    <t>BOX 1</t>
  </si>
  <si>
    <t>PO4****BOX**1*KG***10*10*10*CM~</t>
  </si>
  <si>
    <t>MAN*GM*G138-HPE01~</t>
  </si>
  <si>
    <t>HPE BoxID 1</t>
  </si>
  <si>
    <t>HL*4*3*I*1~</t>
  </si>
  <si>
    <t>LIN*1*VP*875760-S01*VN*0200***BP*M8V88A~</t>
  </si>
  <si>
    <t>SN1*000010*3*EA**4*EA~</t>
  </si>
  <si>
    <t xml:space="preserve">3/4  Serialized ITEMS IN BOX 1 shipped of 4 ordered- Line 10 </t>
  </si>
  <si>
    <t>TD4**U*0004*UNDG Description~</t>
  </si>
  <si>
    <t>MAN*L*SN*2S6823B235*L*AT*CZ~</t>
  </si>
  <si>
    <t>Serial Number WITH Country of Origin for 3 shipped qty - MAN03 with Country of Origin MAN05</t>
  </si>
  <si>
    <t>MAN*L*SN*2S6823B236*L*AT*CZ~</t>
  </si>
  <si>
    <t>MAN*L*SN*2S6823B237*L*AT*CZ~</t>
  </si>
  <si>
    <t>MAN*GM*G138-HPE02~</t>
  </si>
  <si>
    <t>HPE BoxID 2</t>
  </si>
  <si>
    <t>LIN*2*VP*875760-S01*VN*0200***BP*M9V88A~</t>
  </si>
  <si>
    <t>SN1*00010*1*EA**4*EA~</t>
  </si>
  <si>
    <t xml:space="preserve">1/4 Serialized ITEMS IN BOX 1 shipped of 4 ordered- Line 10 </t>
  </si>
  <si>
    <t>MAN*L*SN*2S6823B238*L*AT*CZ~</t>
  </si>
  <si>
    <t>Serial Number WITH Country of Origin for 1 shipped qty - MAN03 with Country of Origin MAN05</t>
  </si>
  <si>
    <t xml:space="preserve">Scenario : PO with 1 line item, 4 qty, packed into 2 HU’s - NON - SERIALIZED items </t>
  </si>
  <si>
    <t>3/4 ITEMS IN BOX 1 - Line 10</t>
  </si>
  <si>
    <t>REF*ZZ*shipmentOriginCode*US1-MY2~</t>
  </si>
  <si>
    <t xml:space="preserve"> Country of Origin for 3 shipped qty - 1 from US and 2 from Malaysia </t>
  </si>
  <si>
    <t xml:space="preserve">1/4 Serialized ITEMS IN BOX 1 - Line 10 </t>
  </si>
  <si>
    <t>REF*ZZ*shipmentOriginCode*CH1~</t>
  </si>
  <si>
    <t xml:space="preserve"> Country of Origin 1 shipped qty - 1  from China</t>
  </si>
  <si>
    <t xml:space="preserve">FRACTIONAL QTY Scenario </t>
  </si>
  <si>
    <t>ST*856*0428~</t>
  </si>
  <si>
    <t>BSN*00*SOPI_lp1*20190715*0000*0001~</t>
  </si>
  <si>
    <t>PRF*4530016574~</t>
  </si>
  <si>
    <t>DTM*004*20190715~</t>
  </si>
  <si>
    <t>BOX1</t>
  </si>
  <si>
    <t>MAN*GM*G131-HPE01~</t>
  </si>
  <si>
    <t>LIN*1*VP*871932-B21***BP*871932-B21~</t>
  </si>
  <si>
    <t>SN1*00010*0.60*EA**1*EA~</t>
  </si>
  <si>
    <t>0.6 qty of 1 shipped in box 1</t>
  </si>
  <si>
    <t>PID*F*08***871932-B21 Svr~</t>
  </si>
  <si>
    <t>MAN*L*SN*2S6823B235A*L*AT*CZ~</t>
  </si>
  <si>
    <t>Only the box with qty &gt;0.5 would  have the serial number</t>
  </si>
  <si>
    <t>BOX2</t>
  </si>
  <si>
    <t>MAN*GM*G131-HPE02~</t>
  </si>
  <si>
    <t>HL*6*5*I*1~</t>
  </si>
  <si>
    <t>LIN*2*VP*871932-B21***BP*871932-B21~</t>
  </si>
  <si>
    <t>SN1*00010*0.08*EA**1*EA~</t>
  </si>
  <si>
    <t>.08 qty is shipped in Box 2, 3,4,5,6 making up the remaining 0.4 qty</t>
  </si>
  <si>
    <t>PID*F*08***871932-B21  Svr~</t>
  </si>
  <si>
    <t>BOX3</t>
  </si>
  <si>
    <t>MAN*GM*G131-HPE03~</t>
  </si>
  <si>
    <t>HL*8*7*I*1~</t>
  </si>
  <si>
    <t>LIN*3*VP*871932-B21***BP*871932-B21~</t>
  </si>
  <si>
    <t>BOX4</t>
  </si>
  <si>
    <t>MAN*GM*G131-HPE04~</t>
  </si>
  <si>
    <t>HL*10*9*I*1~</t>
  </si>
  <si>
    <t>LIN*4*VP*871932-B21***BP*871932-B21~</t>
  </si>
  <si>
    <t>BOX5</t>
  </si>
  <si>
    <t>MAN*GM*G131-HPE05~</t>
  </si>
  <si>
    <t>HL*12*11*I*1~</t>
  </si>
  <si>
    <t>LIN*5*VP*871932-B21***BP*871932-B21~</t>
  </si>
  <si>
    <t>BOX6</t>
  </si>
  <si>
    <t>MAN*GM*G131-HPE06~</t>
  </si>
  <si>
    <t>HL*14*13*I*1~</t>
  </si>
  <si>
    <t>LIN*6*VP*871932-B21***BP*871932-B21~</t>
  </si>
  <si>
    <t>CTT*2*1~</t>
  </si>
  <si>
    <t>SE*71*0428~</t>
  </si>
  <si>
    <t>GE*1*000000011~</t>
  </si>
  <si>
    <t>IEA*1*000000011~</t>
  </si>
  <si>
    <t>SE*45*0428~</t>
  </si>
  <si>
    <t>These could have changed during testing, please look up AN for latest</t>
  </si>
  <si>
    <t>AC/AE GUIDING PRINCIPLES</t>
  </si>
  <si>
    <t>1. Supplier must not be able to update the ship notice if it is referenced in any receipt document unless the receipt has been fully reversed (canceled) or returned. If the receipt has only been partially reversed or returned, ship notice update will not be possible.</t>
  </si>
  <si>
    <t>2. If the rule “Require references to ship notices on invoices” is enabled, then supplier will not be able to update ship notices that have lines referenced by an invoice.</t>
  </si>
  <si>
    <t>3. If a change order is received after the ship notice is submitted and this change order adds the “ASN not allowed indicator” to at least one of the lines in the ship notice, supplier must not be able to update this ship notice.</t>
  </si>
  <si>
    <t xml:space="preserve">4. If a component receipt exists for a ship notice, that ship notice cannot be updated.   </t>
  </si>
  <si>
    <t xml:space="preserve">5. For ASN containing packaging data (i.e. SOPI structure)
•	Total qty of component / SKU in the ASN should not exceed 200,000.
•	If a PO physical shipment contains greater than 200,000 qty, then multiple ASN’s must be sent. 
</t>
  </si>
  <si>
    <t xml:space="preserve">6. For ASN sent without packaging data (i.e. SOI structure)
Total qty of component / SKU in the ASN should not exceed 400,000.
If a PO physical shipment contains greater than 400,000 qty, then multiple ASN’s must be sent.
</t>
  </si>
  <si>
    <t>Document</t>
  </si>
  <si>
    <t>Change</t>
  </si>
  <si>
    <t>v12</t>
  </si>
  <si>
    <t>850/860</t>
  </si>
  <si>
    <t>This segment is sent only when the PO line items are eligible for multiple shipments at the line item level /CTO configuration . This applies for all regions - EMEA, APJ, Americas</t>
  </si>
  <si>
    <t>Applicable Release</t>
  </si>
  <si>
    <t>R2.2</t>
  </si>
  <si>
    <t>855 Order Confirmation - Update for Sample 2</t>
  </si>
  <si>
    <t>SOPI - BSN05 = 0001 for SOPI Required</t>
  </si>
  <si>
    <t>SOI - BSN05 = 0004 for SOI (SOPI Optional)</t>
  </si>
  <si>
    <r>
      <t xml:space="preserve">011 - Shipped Date </t>
    </r>
    <r>
      <rPr>
        <sz val="10"/>
        <rFont val="Arial"/>
        <family val="2"/>
        <scheme val="minor"/>
      </rPr>
      <t xml:space="preserve"> (with time and timezone)</t>
    </r>
  </si>
  <si>
    <t>N1*RB*BANK Europe plc~</t>
  </si>
  <si>
    <t>REF*02**BANKCZPX~</t>
  </si>
  <si>
    <t>Accepted  Customer Usage example Invoice</t>
  </si>
  <si>
    <t>Rejected  - Customer Usage example INVOICE</t>
  </si>
  <si>
    <t> </t>
  </si>
  <si>
    <t>SUCCESS from CIG sent to supplier upon successful translation and validation (if it passess all rule validation)</t>
  </si>
  <si>
    <t>ISA*00*          *00*          *ZZ*ARIBA          *ZZ*ABCDAS2TST     *190107*0912*U*00401*001007094*0*T*^~</t>
  </si>
  <si>
    <t>ISA^00^          ^00^          ^ZZ^ARIBA          ^ZZ^ABCDAS2TST     ^190103^1317^U^00401^001002032^0^T^*~</t>
  </si>
  <si>
    <t>GS*AG*AN01037391420-T*ABCDAS2TST*20190107*091234*001007094*X*004010~</t>
  </si>
  <si>
    <t>GS^AG^AN01037391420-T^ABCDAS2TST^20190103^131707^001002032^X^004010~</t>
  </si>
  <si>
    <t>ST^824^0001~</t>
  </si>
  <si>
    <t>BGN*00*CN001106991*20190107*091234~</t>
  </si>
  <si>
    <t>BGN^00^CN001106995^20190103^131707~</t>
  </si>
  <si>
    <t>OTI*TA*TN*CN001106991*******856*******C20~</t>
  </si>
  <si>
    <t>OTI^TR^TN^CN001106995^^^^^^^856^^^^^^^REJ~</t>
  </si>
  <si>
    <r>
      <t>REF*TN*DocumentID*</t>
    </r>
    <r>
      <rPr>
        <sz val="11"/>
        <color rgb="FF7030A0"/>
        <rFont val="Arial"/>
        <family val="2"/>
        <scheme val="minor"/>
      </rPr>
      <t>ECF3651208</t>
    </r>
    <r>
      <rPr>
        <sz val="11"/>
        <color theme="1"/>
        <rFont val="Arial"/>
        <family val="2"/>
        <scheme val="minor"/>
      </rPr>
      <t>~</t>
    </r>
  </si>
  <si>
    <r>
      <t>REF^TN^DocumentID^</t>
    </r>
    <r>
      <rPr>
        <sz val="11"/>
        <color rgb="FF7030A0"/>
        <rFont val="Arial"/>
        <family val="2"/>
        <scheme val="minor"/>
      </rPr>
      <t>ECF3651208</t>
    </r>
    <r>
      <rPr>
        <sz val="11"/>
        <color theme="1"/>
        <rFont val="Arial"/>
        <family val="2"/>
        <scheme val="minor"/>
      </rPr>
      <t>~</t>
    </r>
  </si>
  <si>
    <t>DTM*102*20190107*091234*GM~</t>
  </si>
  <si>
    <t>DTM^102^20190103^131707~</t>
  </si>
  <si>
    <t>TED^ZZZ^Ariba Network Response is :&amp;quot;Bad Request&amp;quot; and Error~</t>
  </si>
  <si>
    <t>GE*1*001007094~</t>
  </si>
  <si>
    <t>NTE^ERN^Ariba Network Response is :&amp;quot;Bad Request&amp;quot; and Error Code:&amp;quot;400&amp;quo~</t>
  </si>
  <si>
    <t>IEA*1*001007094~</t>
  </si>
  <si>
    <t>NTE^ERN^t; and Error Code Response:&amp;quot;Error:OC-7: Cannot find the referenced PO 4510~</t>
  </si>
  <si>
    <t>NTE^ERN^001053. Please contact support with the Error Reference Number: ANERR-500000000~</t>
  </si>
  <si>
    <t>NTE^ERN^00000000904097329 for more details. Suggested Action : Document Failed in Ariba~</t>
  </si>
  <si>
    <t>NTE^ERN^ Network.For further assistance, please contact Ariba Support with the code men~</t>
  </si>
  <si>
    <t>NTE^ERN^tioned in Response.CIG Support Error Code : CIG-PLT-00644~</t>
  </si>
  <si>
    <t>SE^13^0001~</t>
  </si>
  <si>
    <t>GE^1^001002032~</t>
  </si>
  <si>
    <t>IEA^1^001002032~</t>
  </si>
  <si>
    <t>Success from S4/HPE sent to supplier via CIG</t>
  </si>
  <si>
    <t>Reject from S4/HPE sent to supplier via CIG</t>
  </si>
  <si>
    <t>ISA*00*          *00*          *ZZ*ARIBA          *ZZ*ABCDAS2TST     *190107*0946*U*00401*001007130*0*T*^~</t>
  </si>
  <si>
    <t>ISA*00*          *00*          *ZZ*ARIBA          *ZZ*ABCDAS2TST     *190107*0946*U*00401*001007132*0*T*^~</t>
  </si>
  <si>
    <t>GS*AG*AN01037391420-T*ABCDAS2TST*20190107*094614*001007130*X*004010~</t>
  </si>
  <si>
    <t>GS*AG*AN01037391420-T*ABCDAS2TST*20190107*094646*001007132*X*004010~</t>
  </si>
  <si>
    <t>BGN*00*CN001007130*20190107*094614~</t>
  </si>
  <si>
    <t>BGN*00*CN001007132*20190107*094646~</t>
  </si>
  <si>
    <r>
      <t>OTI*TA*TN*</t>
    </r>
    <r>
      <rPr>
        <sz val="11"/>
        <color rgb="FF7030A0"/>
        <rFont val="Arial"/>
        <family val="2"/>
        <scheme val="minor"/>
      </rPr>
      <t>ECF3651208</t>
    </r>
    <r>
      <rPr>
        <sz val="11"/>
        <color theme="1"/>
        <rFont val="Arial"/>
        <family val="2"/>
        <scheme val="minor"/>
      </rPr>
      <t>*******856*****</t>
    </r>
    <r>
      <rPr>
        <sz val="11"/>
        <color rgb="FF7030A0"/>
        <rFont val="Arial"/>
        <family val="2"/>
        <scheme val="minor"/>
      </rPr>
      <t>2</t>
    </r>
    <r>
      <rPr>
        <sz val="11"/>
        <color theme="1"/>
        <rFont val="Arial"/>
        <family val="2"/>
        <scheme val="minor"/>
      </rPr>
      <t>**C20~</t>
    </r>
  </si>
  <si>
    <r>
      <t>OTI*TR*TN*</t>
    </r>
    <r>
      <rPr>
        <sz val="11"/>
        <color rgb="FF7030A0"/>
        <rFont val="Arial"/>
        <family val="2"/>
        <scheme val="minor"/>
      </rPr>
      <t>ECF3651208</t>
    </r>
    <r>
      <rPr>
        <sz val="11"/>
        <color theme="1"/>
        <rFont val="Arial"/>
        <family val="2"/>
        <scheme val="minor"/>
      </rPr>
      <t>*******856****</t>
    </r>
    <r>
      <rPr>
        <sz val="11"/>
        <color rgb="FF7030A0"/>
        <rFont val="Arial"/>
        <family val="2"/>
        <scheme val="minor"/>
      </rPr>
      <t>*2</t>
    </r>
    <r>
      <rPr>
        <sz val="11"/>
        <color theme="1"/>
        <rFont val="Arial"/>
        <family val="2"/>
        <scheme val="minor"/>
      </rPr>
      <t>**REJ~</t>
    </r>
  </si>
  <si>
    <t>OTI15 = 2 Indicates 824 is from S4</t>
  </si>
  <si>
    <t>DTM*102*20190107*011325*</t>
  </si>
  <si>
    <t>DTM*102*20190103*080912*GM~</t>
  </si>
  <si>
    <t>GM~SE*6*0001~</t>
  </si>
  <si>
    <t>TED*ZZZ*OK~</t>
  </si>
  <si>
    <t>GE*1*001007130~</t>
  </si>
  <si>
    <t>NTE*ERN*Country of Origin for part is mandatory 4510001053 000040 Country of Origin for~</t>
  </si>
  <si>
    <t>IEA*1*001007130~</t>
  </si>
  <si>
    <t>NTE*ERN* part is mandatory ECF3651208 000010 Serial/COO is inconsistent for ECF3651208 ~</t>
  </si>
  <si>
    <t>NTE*ERN*000010 Country of Origin for part is mandatory ECF3651208 000020 Serial/COO is ~</t>
  </si>
  <si>
    <t>NTE*ERN*inconsistent for ECF3651208 000020 Country of Origin for part is mandatory ECF3~</t>
  </si>
  <si>
    <t>NTE*ERN*651208 000030 Serial/COO is inconsistent for ECF3651208 000030 Country of Origi~</t>
  </si>
  <si>
    <t>NTE*ERN*n for part is mandatory ECF3651208 000040 Serial/COO is inconsistent for ECF365~</t>
  </si>
  <si>
    <t>NTE*ERN*1208 000040~</t>
  </si>
  <si>
    <t>SE*14*0001~</t>
  </si>
  <si>
    <t>GE*1*001007132~</t>
  </si>
  <si>
    <t>IEA*1*001007132~</t>
  </si>
  <si>
    <t>FAILURE from CIG sent to supplier – error during translation or validation (if it passess all rule validation) ANERR Code is only sent only from AN originated REJECT MESSAGE</t>
  </si>
  <si>
    <t>ADDITIONAL EXAMPLES</t>
  </si>
  <si>
    <t xml:space="preserve">856 Advance Ship Notice </t>
  </si>
  <si>
    <t xml:space="preserve">810 Invoice </t>
  </si>
  <si>
    <t>"GV"</t>
  </si>
  <si>
    <t>Batch Number - n/a</t>
  </si>
  <si>
    <t>REF*ZZ*Header text*PRMO - Test Shipping Instructions Text Box 1 PRMO - Test Shipping Instructions T~</t>
  </si>
  <si>
    <t>MSG*PRMO - Test Shipping Instructions Text Box 1 PRMO - Test Shipping Instructions Text Box 2 PRMO - Test Shipping Instructions Text Box 3 PRMO - Test Shipping Instructions Text Box 4 PRMO - Test Shipping Instructions Text Box 5 PRMO - Test Shipping Instructions Text ~</t>
  </si>
  <si>
    <t>N9*ZZ**HeaderText~</t>
  </si>
  <si>
    <t>PID*F****TestItem****EN~</t>
  </si>
  <si>
    <t>PID*S*MAC*AS*CHASSIS***MaterialGroup~</t>
  </si>
  <si>
    <t>Material Group</t>
  </si>
  <si>
    <t>Some business processes require this value to be populated in the Shipping Condition segment of EDI856. Please contact HPE for guidance.”</t>
  </si>
  <si>
    <t>requestedShipDate of Item (Target ShipDate)</t>
  </si>
  <si>
    <t>N9*PRT**Fixed planning cstic 00~</t>
  </si>
  <si>
    <t>MSG*0~</t>
  </si>
  <si>
    <t>N9*PRT**HP_IOX_MFG_CHAR~</t>
  </si>
  <si>
    <t>N9*PRT**SuperDome MFG Charateri~</t>
  </si>
  <si>
    <t>N9*PRT**HP_G10_93M_FAST_MFG_CHAR~</t>
  </si>
  <si>
    <t>N9*PRT**set qty based upon A5207A~</t>
  </si>
  <si>
    <t>N9*PRT**Value 1 if I2 Order~</t>
  </si>
  <si>
    <t>N9*PRT**Value 1 if Demo Order~</t>
  </si>
  <si>
    <t>N9*PRT**Value 1 for all Trade Orders~</t>
  </si>
  <si>
    <t>N9*PRT**HP_RB_MS_LABEL_CHAR~</t>
  </si>
  <si>
    <t>REF*ZZ*AribaNetwork.PaymentTermsExpla*EOA +65(30 day accum starts 29th of cal mon) EOA +65(30 day accum starts 29th of~</t>
  </si>
  <si>
    <t>MSG*NT90 - EOA +65(30 day accum starts 29th of cal mon) EOA +65(30 day accum starts 29th of cal mon)~</t>
  </si>
  <si>
    <t>PID*F****Aruba AP-365 (RW) Outdoor AP****EN~</t>
  </si>
  <si>
    <t>PID*S*MAC*AS*43222609***unspsc~</t>
  </si>
  <si>
    <t>PID*S*MAC*AS*JX966A***ExternalProgram~</t>
  </si>
  <si>
    <t>PID*S*MAC*AS*NET-RTER***MaterialGroup~</t>
  </si>
  <si>
    <t>UNSPSC</t>
  </si>
  <si>
    <t>REF*ZZ*requiresSerialNumber*yes~</t>
  </si>
  <si>
    <t>N9*ZZ**ShippingInstructionsCode~</t>
  </si>
  <si>
    <t>GS*SH*AN01037391420-T*AN01401717892-T*20191121*190140*001587883*X*004010~</t>
  </si>
  <si>
    <t>ST*856*0001~</t>
  </si>
  <si>
    <r>
      <t>BSN*00*</t>
    </r>
    <r>
      <rPr>
        <sz val="11"/>
        <color rgb="FFFF0000"/>
        <rFont val="Arial"/>
        <family val="2"/>
        <scheme val="minor"/>
      </rPr>
      <t>80027840</t>
    </r>
    <r>
      <rPr>
        <sz val="11"/>
        <color theme="1"/>
        <rFont val="Arial"/>
        <family val="2"/>
        <scheme val="minor"/>
      </rPr>
      <t>*20191121*190025*0004*PL~</t>
    </r>
  </si>
  <si>
    <t>DTM*111*20191121*190025~</t>
  </si>
  <si>
    <t>DTM*011*20191120*230000~</t>
  </si>
  <si>
    <t>DTM*017*20191118*000000~</t>
  </si>
  <si>
    <t>N1*SF*HP Caribe BV, c/o Foxconn~</t>
  </si>
  <si>
    <t>N4*Kutna Hora**284 01*CZ~</t>
  </si>
  <si>
    <t>N3*Woodcote Grove,Ashley Road~</t>
  </si>
  <si>
    <t>N4*EPSOM**KT18 5BW*GB~</t>
  </si>
  <si>
    <t>PRF*4530076160~</t>
  </si>
  <si>
    <t>REF*PO**4530076160~</t>
  </si>
  <si>
    <t>HL*3*2*I*0~</t>
  </si>
  <si>
    <t>LIN*10*PL*10*VP*655710-B21~</t>
  </si>
  <si>
    <t>SN1*10*10.0*EA~</t>
  </si>
  <si>
    <t>PID*F****HPE 1TB SATA 7.2K SFF SC DS HDD****EN~</t>
  </si>
  <si>
    <t>MEA*PD*G*4.54*KE~</t>
  </si>
  <si>
    <t>MEA*PD*WT*4.54*KE~</t>
  </si>
  <si>
    <t>MEA*PD*VOL*0.06*CR~</t>
  </si>
  <si>
    <t>SE*24*0001~</t>
  </si>
  <si>
    <t>GE*1*001587883~</t>
  </si>
  <si>
    <t>IEA*1*001587883~</t>
  </si>
  <si>
    <t>Return ASN Outbound(IF APPLICABLE)</t>
  </si>
  <si>
    <t>MSG*RMA#123456~</t>
  </si>
  <si>
    <t>N9*ACC*return item*yes~</t>
  </si>
  <si>
    <t>Return item indicator</t>
  </si>
  <si>
    <t>REF*PO*4530119110~</t>
  </si>
  <si>
    <t>REF*ZZ*CompanyCode*DO00~</t>
  </si>
  <si>
    <t>REF*ZZ*partyAdditionalID*1000007295~</t>
  </si>
  <si>
    <t>REF*ZZ*buyerVatID*0048174-0016~</t>
  </si>
  <si>
    <t>REF*ZZ*PUName*1EAM~</t>
  </si>
  <si>
    <t>REF*ZZ*Header text*Sample Shipping Instructions Text~</t>
  </si>
  <si>
    <t>REF*ZZ*incoTermDesc*ORIGIN~</t>
  </si>
  <si>
    <t>REF*ZZ*CarrierName*02~</t>
  </si>
  <si>
    <t>REF*ZZ*Priority~</t>
  </si>
  <si>
    <t>REF*ZZ*PaymentTerms*AP65~</t>
  </si>
  <si>
    <t>REF*GV*7000000091~</t>
  </si>
  <si>
    <t>REF*ZZ*PO Comments*7000000091~</t>
  </si>
  <si>
    <t>MSG*DO00~</t>
  </si>
  <si>
    <t>N9*ZZ**Ariba.availableAmount~</t>
  </si>
  <si>
    <t>MSG*1000007295~</t>
  </si>
  <si>
    <t>MSG*EOA +65(30 day accum starts 29th of cal mon) EOA +65(30 day accum starts 29th of cal mon)~</t>
  </si>
  <si>
    <t>MSG*0048174-0016~</t>
  </si>
  <si>
    <t>MSG*1EAM~</t>
  </si>
  <si>
    <t>N9*ZZ**Header text~</t>
  </si>
  <si>
    <t>MSG*Sample Shipping Instructions Text~</t>
  </si>
  <si>
    <t>MSG*ORIGIN~</t>
  </si>
  <si>
    <t>MSG*02~</t>
  </si>
  <si>
    <t>MSG*AP65~</t>
  </si>
  <si>
    <t>N9*ZZ**additionalReferenceID~</t>
  </si>
  <si>
    <t>MSG*7000000091~</t>
  </si>
  <si>
    <t>N9*ZZ**PO Comments~</t>
  </si>
  <si>
    <t>TD4*ZZZ***02@domaincompanyName~</t>
  </si>
  <si>
    <t>N1*BT*Hewlett Packard Caribe BV LLC*92*DO00~</t>
  </si>
  <si>
    <t>REF*VX**0048174-0016~</t>
  </si>
  <si>
    <t>PER*CN*default*TE*852-8618601639466~</t>
  </si>
  <si>
    <t>PER*CN*default*EM*a~</t>
  </si>
  <si>
    <t>REF*ZZ*PhysicalShipTo~</t>
  </si>
  <si>
    <t>REF*ZZ*AccountCategory*W~</t>
  </si>
  <si>
    <t>REF*ZZ*ShippingInstructionsCode*OC~</t>
  </si>
  <si>
    <t>REF*ZZ*HTS Code*8517620090~</t>
  </si>
  <si>
    <t>REF*ZZ*PurchaseOrg*1EAM~</t>
  </si>
  <si>
    <t>REF*ZZ*PurchaseGroup*100~</t>
  </si>
  <si>
    <t>DTM*010*20201224*000000*GM~</t>
  </si>
  <si>
    <t>MSG*Line Item Text Sample~</t>
  </si>
  <si>
    <t>MSG*W~</t>
  </si>
  <si>
    <t>MSG*OC~</t>
  </si>
  <si>
    <t>MSG*8517620090~</t>
  </si>
  <si>
    <t>MSG*100~</t>
  </si>
  <si>
    <t>SE*150*0001~</t>
  </si>
  <si>
    <t>BCH*05*KN*4530119110***20201110~</t>
  </si>
  <si>
    <t>REF*ZZ*Ariba.availableAmount*1700~</t>
  </si>
  <si>
    <t>DTM*004*20201110*205435*GM~</t>
  </si>
  <si>
    <t>MSG*1700~</t>
  </si>
  <si>
    <t>POC*00010*RZ*20*20*EA*85**VP*JX966A*BP*JX966A*C3*43222609~</t>
  </si>
  <si>
    <t>SCH*20*EA***002*20201224*000000****0001~</t>
  </si>
  <si>
    <t>CTT*1*20~</t>
  </si>
  <si>
    <t>AMT*TT*1700~</t>
  </si>
  <si>
    <t>GE*1*002545764~</t>
  </si>
  <si>
    <t>IEA*1*002545764~</t>
  </si>
  <si>
    <t>ISA*00*          *00*          *ZZ*ARIBA          *ZZ*AN01407771681-T*201110*2007*U*00401*002545692*0*T*^~</t>
  </si>
  <si>
    <t>BEG*00*NE*4530119107**20201110~</t>
  </si>
  <si>
    <t>REF*PO*4530119107~</t>
  </si>
  <si>
    <t>REF*ZZ*Ariba.availableAmount*85~</t>
  </si>
  <si>
    <t>REF*ZZ*buyerVatID*1017385-0013~</t>
  </si>
  <si>
    <t>REF*ZZ*PUName*1EEM~</t>
  </si>
  <si>
    <t>REF*GV*7000000067~</t>
  </si>
  <si>
    <t>DTM*004*20201110*200704*GM~</t>
  </si>
  <si>
    <t>MSG*85~</t>
  </si>
  <si>
    <t>MSG*1EEM~</t>
  </si>
  <si>
    <t>MSG*7000000067~</t>
  </si>
  <si>
    <t>N1*ST*HEWLETT PACKARD ENTERPRISE CRL*92*8999100007~</t>
  </si>
  <si>
    <t>N3*Highway 110 Km 28 Bldg. #1~</t>
  </si>
  <si>
    <t>N4*Aguadilla**603*PR~</t>
  </si>
  <si>
    <t>REF*VX**1017385-0013~</t>
  </si>
  <si>
    <t>N1*PD*Antoinette Alvarez~</t>
  </si>
  <si>
    <t>PER*CN*default*EM*antoinette.alvarez-ramirez@hpe.com~</t>
  </si>
  <si>
    <t>REF*ZZ*PhysicalShipTo*1000007295~</t>
  </si>
  <si>
    <t>PO1*00010*1*EA*85**VP*JX966A*BP*JX966A*C3*43222609~</t>
  </si>
  <si>
    <t>REF*ZZ*ShippingInstructionsCode*AF~</t>
  </si>
  <si>
    <t>REF*ZZ*Inco Term Location 2~</t>
  </si>
  <si>
    <t>REF*ZZ*HTS Code*85176290~</t>
  </si>
  <si>
    <t>REF*ZZ*PurchaseOrg*1EEM~</t>
  </si>
  <si>
    <t>REF*ZZ*PurchaseGroup*M19~</t>
  </si>
  <si>
    <t>DTM*010*20201015*000000*GM~</t>
  </si>
  <si>
    <t>SCH*1*EA***002*20201015*000000****0001~</t>
  </si>
  <si>
    <t>MSG*AF~</t>
  </si>
  <si>
    <t>MSG*85176290~</t>
  </si>
  <si>
    <t>MSG*M19~</t>
  </si>
  <si>
    <t>N9*KD*OCValue*notAllowed~</t>
  </si>
  <si>
    <t>CTT*1*1~</t>
  </si>
  <si>
    <t>AMT*TT*-85~</t>
  </si>
  <si>
    <t>SE*141*0001~</t>
  </si>
  <si>
    <t>GE*1*002545692~</t>
  </si>
  <si>
    <t>IEA*1*002545692~</t>
  </si>
  <si>
    <t xml:space="preserve">850 - Return </t>
  </si>
  <si>
    <t>GS*PR*D3:D4*AN01037391420-T*20201016*1525*29463*X*004010~</t>
  </si>
  <si>
    <t>GS*PO*AN01037391420-T*SupplierID*20201110*200712*002545692*X*004010~</t>
  </si>
  <si>
    <t>ISA*00*          *00*          *ZZ*ARIBA          *ZZ*SupplierID     *201110*2054*U*00401*002545764*0*T*^~</t>
  </si>
  <si>
    <t>GS*PC*AN01037391420-T*SupplierID*20201110*205450*002545764*X*004010~CB2:B3</t>
  </si>
  <si>
    <t>ISA*00*          *00*          *ZZ*ARIBA          *ZZ*SupplierID     *191121*1901*U*00401*001587883*0*T*^~</t>
  </si>
  <si>
    <t>N4*City*State*Zip*Contry code</t>
  </si>
  <si>
    <t>N1*RI*Supplier Entity*92*1001061063~</t>
  </si>
  <si>
    <t>N4*City*State*Zip*Contry code~</t>
  </si>
  <si>
    <t>N2*Contact Name~</t>
  </si>
  <si>
    <t>N1*ST*Hewlett Packard Caribe BV LLC*92*DO00~</t>
  </si>
  <si>
    <t>860 - Change PO</t>
  </si>
  <si>
    <t>MSG*1018195-0013~</t>
  </si>
  <si>
    <t>IncoTerm Version</t>
  </si>
  <si>
    <t>Alternate Currency</t>
  </si>
  <si>
    <t>Transport Conditions</t>
  </si>
  <si>
    <t>HPE PO Reference</t>
  </si>
  <si>
    <t>Purchase Order Payment Terms</t>
  </si>
  <si>
    <t>Purchase Order Requester</t>
  </si>
  <si>
    <t>Purchase Order Priority - n/a</t>
  </si>
  <si>
    <t>Transport Dates</t>
  </si>
  <si>
    <t>Multiline shipping instructions</t>
  </si>
  <si>
    <t>PER*CN*default*EM*email~</t>
  </si>
  <si>
    <t>N2*Contact Name*Phone~</t>
  </si>
  <si>
    <t>HPE Company Code</t>
  </si>
  <si>
    <t>"Header text"</t>
  </si>
  <si>
    <t>HPE PO  Reference</t>
  </si>
  <si>
    <t>Purchasing Agent Address</t>
  </si>
  <si>
    <t>Line Item Details - HPE PartNumber , Supplier Part Aux ID, classificationID and UNSPSC</t>
  </si>
  <si>
    <t>BCH = "05" indicating change / KN - Purchase Order</t>
  </si>
  <si>
    <t>LR2</t>
  </si>
  <si>
    <t>Consolidated into document,new format, RMA Number segment added to 850 / 860 Tabs</t>
  </si>
  <si>
    <r>
      <t xml:space="preserve">the reason code is not required for ONLY  for </t>
    </r>
    <r>
      <rPr>
        <b/>
        <sz val="11"/>
        <rFont val="Abadi"/>
        <family val="2"/>
      </rPr>
      <t>dummy PO</t>
    </r>
    <r>
      <rPr>
        <sz val="11"/>
        <rFont val="Calibri"/>
        <family val="2"/>
      </rPr>
      <t xml:space="preserve"> which is tied to a CIR (Customer Independent Requirement) instead of a real SO</t>
    </r>
  </si>
  <si>
    <t>Invoice indicator</t>
  </si>
  <si>
    <r>
      <rPr>
        <b/>
        <sz val="12"/>
        <color theme="1"/>
        <rFont val="Arial"/>
        <family val="2"/>
        <scheme val="minor"/>
      </rPr>
      <t xml:space="preserve">Ship To Address </t>
    </r>
    <r>
      <rPr>
        <sz val="12"/>
        <color theme="1"/>
        <rFont val="Arial"/>
        <family val="2"/>
        <scheme val="minor"/>
      </rPr>
      <t xml:space="preserve">- LegalVATShipTo - for supplier to consume for AP/Invoice process 
Supplier </t>
    </r>
    <r>
      <rPr>
        <u/>
        <sz val="12"/>
        <color rgb="FFFF0000"/>
        <rFont val="Arial"/>
        <family val="2"/>
        <scheme val="minor"/>
      </rPr>
      <t>must use this</t>
    </r>
    <r>
      <rPr>
        <sz val="12"/>
        <color theme="1"/>
        <rFont val="Arial"/>
        <family val="2"/>
        <scheme val="minor"/>
      </rPr>
      <t xml:space="preserve"> in the ASN and invoice to HPE</t>
    </r>
  </si>
  <si>
    <r>
      <t xml:space="preserve">Same as N1*DA. Supplier </t>
    </r>
    <r>
      <rPr>
        <u/>
        <sz val="12"/>
        <color rgb="FFFF0000"/>
        <rFont val="Arial"/>
        <family val="2"/>
        <scheme val="minor"/>
      </rPr>
      <t>can also use this</t>
    </r>
    <r>
      <rPr>
        <u/>
        <sz val="12"/>
        <rFont val="Arial"/>
        <family val="2"/>
        <scheme val="minor"/>
      </rPr>
      <t xml:space="preserve"> </t>
    </r>
    <r>
      <rPr>
        <sz val="12"/>
        <rFont val="Arial"/>
        <family val="2"/>
        <scheme val="minor"/>
      </rPr>
      <t>to drive all their Supply Chain/ Logistics processes (shipping documents, customs)  </t>
    </r>
  </si>
  <si>
    <r>
      <t>This is the harmonized tariff schedule classification sent by HPE to suppliers to be used by supplier if/when preparing customs invoices preparing customs invoices for HPE to import shipment. HTS will be sent for all products and is only to be used for preparation of customs invoices for HPE to import shipments.</t>
    </r>
    <r>
      <rPr>
        <sz val="12"/>
        <color rgb="FF1F497D"/>
        <rFont val="Arial"/>
        <family val="2"/>
        <scheme val="minor"/>
      </rPr>
      <t xml:space="preserve"> </t>
    </r>
    <r>
      <rPr>
        <sz val="12"/>
        <rFont val="Arial"/>
        <family val="2"/>
        <scheme val="minor"/>
      </rPr>
      <t>Please refer to HPE Customs policy design for more details</t>
    </r>
  </si>
  <si>
    <t>Added ASN limitations for SOPI and SOI</t>
  </si>
  <si>
    <t>CTT02</t>
  </si>
  <si>
    <t>CTT01</t>
  </si>
  <si>
    <t>N1*EN*name*92*10010611223~</t>
  </si>
  <si>
    <t>N9*0L*7100189054*HPE Sales Order****LI^000030~</t>
  </si>
  <si>
    <t>MSG*LOID10~</t>
  </si>
  <si>
    <t>N9*PRT**LOID Prelabelled media text~</t>
  </si>
  <si>
    <t>MSG*None~</t>
  </si>
  <si>
    <t>N9*PRT**Test Profile = Flag~</t>
  </si>
  <si>
    <t>MSG*Work Center Routing 0 days~</t>
  </si>
  <si>
    <t>N9*PRT**Value for 8o00 WCR~</t>
  </si>
  <si>
    <t>MSG*3,000~</t>
  </si>
  <si>
    <t>N9*PRT**Cumulative Order Quantity in S~</t>
  </si>
  <si>
    <t>MSG*GB~</t>
  </si>
  <si>
    <t>N9*PRT**Ship-to country~</t>
  </si>
  <si>
    <t>MSG*1~</t>
  </si>
  <si>
    <t>N9*PRT**HP_POWER_SUPPLY_COUNT~</t>
  </si>
  <si>
    <t>MSG*ZNST</t>
  </si>
  <si>
    <t>N9*PRT**Sales document type~</t>
  </si>
  <si>
    <t>N9*ZZ**Integration Center Flag~</t>
  </si>
  <si>
    <t>MSG*000030~</t>
  </si>
  <si>
    <t>N9*ZZ**customerPOLineNumber~</t>
  </si>
  <si>
    <t>MSG*000~</t>
  </si>
  <si>
    <t>N9*ZZ**Delivery Group~</t>
  </si>
  <si>
    <t>MSG*000000~</t>
  </si>
  <si>
    <t>N9*ZZ**AggregateCode~</t>
  </si>
  <si>
    <t>MSG*000010~</t>
  </si>
  <si>
    <t>N9*ZZ**Brazil Product ID Parent Item ~</t>
  </si>
  <si>
    <t>N9*ZZ**High Lvl Brazil Product ID flg~</t>
  </si>
  <si>
    <t>MSG*29153999~</t>
  </si>
  <si>
    <t>N9*ZZ**Brazil NCM code~</t>
  </si>
  <si>
    <t>MSG*JG749AAE~</t>
  </si>
  <si>
    <t>N9*ZZ**Brazil Product ID~</t>
  </si>
  <si>
    <t>MSG*INR~</t>
  </si>
  <si>
    <t>N9*ZZ**India MRP Price Currency~</t>
  </si>
  <si>
    <t>MSG*1318.36~</t>
  </si>
  <si>
    <t>N9*ZZ**India MRP Price~</t>
  </si>
  <si>
    <t>MSG*KEYBOARD 1 N, MOUSE 1 N, POWERCORD SET 1 N, CDSET 1 N, MANUAL 1 N</t>
  </si>
  <si>
    <t>N9*ZZ**India MRP No of Units Part 2</t>
  </si>
  <si>
    <t>MSG*SERVER</t>
  </si>
  <si>
    <t>N9*ZZ**India MRP No of Units Part 1</t>
  </si>
  <si>
    <t>N9*ZZ**India MRP Generic Name</t>
  </si>
  <si>
    <t>N9*ZZ**Indonesia Bahasa Label Flag~</t>
  </si>
  <si>
    <t>N9*ZZ**Indonesia KSO Inspection Flag~</t>
  </si>
  <si>
    <t>MSG*01~</t>
  </si>
  <si>
    <t>N9*ZZ**transportationPriorityNo~</t>
  </si>
  <si>
    <t>MSG*HPE 500W Flex Slot Platinum Hot Plug Low Halogen Power Supply Kit~</t>
  </si>
  <si>
    <t>N9*ZZ**billOfLadingNo~</t>
  </si>
  <si>
    <t>MSG*CTOID1234567~</t>
  </si>
  <si>
    <t>N9*ZZ**CTO ID~</t>
  </si>
  <si>
    <t>MSG*BUNDLE DETAILS~</t>
  </si>
  <si>
    <t>N9*ZZ**Bundle Description~</t>
  </si>
  <si>
    <t>MSG*BUNDLE ID~</t>
  </si>
  <si>
    <t>N9*ZZ**BundleId~</t>
  </si>
  <si>
    <t>MSG*Display only Bundle Top level (no HPE product numbers) with rolled up~</t>
  </si>
  <si>
    <t>N9*ZZ**BundlePrintFormat~</t>
  </si>
  <si>
    <t>MSG*10~</t>
  </si>
  <si>
    <t>N9*ZZ**BundleQuantity~</t>
  </si>
  <si>
    <t>N9*ZZ**Do not Preship~</t>
  </si>
  <si>
    <t>MSG*00030~</t>
  </si>
  <si>
    <t>MSG*12390~</t>
  </si>
  <si>
    <t>N9*ZZ**deliveryOrderNumber~</t>
  </si>
  <si>
    <t>MSG*6103554170-03~</t>
  </si>
  <si>
    <t>N9*ZZ**Customer Intent~</t>
  </si>
  <si>
    <t>MSG*XML~</t>
  </si>
  <si>
    <t>N9*ZZ**XML Document Reference~</t>
  </si>
  <si>
    <t>MSG*728272~</t>
  </si>
  <si>
    <t>N9*ZZ**ApprovalFANNumber~</t>
  </si>
  <si>
    <t>requestedShipDate of Item ( Target ShipDate)</t>
  </si>
  <si>
    <t>requestedDeliveryDate of item ( 
In R2.2 - This segment contains Customer Required Ship Date (CRSD) . CRSD indicates the date by which the product should be shipped so that is reaches the customer by the expected delivery date. CRSD takes transit time into account )</t>
  </si>
  <si>
    <t>DTM*002*20201019*000000*GM~</t>
  </si>
  <si>
    <t>Sales Order Number</t>
  </si>
  <si>
    <t>REF*ZG*HPE Sales Order*7100189054~</t>
  </si>
  <si>
    <t>Sales Order Line Number</t>
  </si>
  <si>
    <t>REF*ZG*HPE Sales Line*000030~</t>
  </si>
  <si>
    <t>Services requires routing steps to Global Integration centers are triggred by this flag</t>
  </si>
  <si>
    <t>REF*ZZ*Integration Center Flag*Yes~</t>
  </si>
  <si>
    <t>Customer PO Line Number</t>
  </si>
  <si>
    <t>REF*ZZ*customerPOLineNumber*000030~</t>
  </si>
  <si>
    <t>REF*ZZ*Delivery Group*000~</t>
  </si>
  <si>
    <t>Parent Item - 000000</t>
  </si>
  <si>
    <t>REF*ZZ*AggregateCode*000000~</t>
  </si>
  <si>
    <t>REF*ZZ*Brazil Product ID Parent Item *000010~</t>
  </si>
  <si>
    <t>REF*ZZ*High Lvl Brazil Product ID flg*X~</t>
  </si>
  <si>
    <t>REF*ZZ*Brazil NCM code*29153999~</t>
  </si>
  <si>
    <t>REF*ZZ*Brazil Product ID*JG749AAE~</t>
  </si>
  <si>
    <t>REF*ZZ*India MRP Price Currency*INR~</t>
  </si>
  <si>
    <t>REF*ZZ*India MRP Price*13535.20~</t>
  </si>
  <si>
    <t>REF*ZZ*India MRP No of Units Part 2*KEYBOARD 1 N, MOUSE 1 N, POWERCORD SET 1 N, CDSET 1 N, MANUAL 1 N</t>
  </si>
  <si>
    <t>REF*ZZ*India MRP No of Units Part 1*SERVER</t>
  </si>
  <si>
    <t>REF*ZZ*India MRP Generic Name*SERVER</t>
  </si>
  <si>
    <t>REF*ZZ*Indonesia Bahasa Label Flag*X~</t>
  </si>
  <si>
    <t>REF*ZZ*Indonesia KSO Inspection Flag*X~</t>
  </si>
  <si>
    <t>Service Level Code - Must be sent on ASN REF*ZZ</t>
  </si>
  <si>
    <t>REF*ZZ*transportationPriorityNo*01~</t>
  </si>
  <si>
    <t>Bill of Lading Number - indicates  Transaction Reference Number in S4 Sales Order</t>
  </si>
  <si>
    <t>REF*ZZ*billOfLadingNo*HPE 500W Flex Slot Platinum Hot Plug Low Halogen Power Supply Kit~</t>
  </si>
  <si>
    <r>
      <t>This is the harmonized tariff schedule classification sent by HPE to suppliers to be used by supplier if/when preparing customs invoices preparing customs invoices for HPE to import shipment. HTS will be sent for all products and is only to be used for preparation of customs invoices for HPE to import shipments.</t>
    </r>
    <r>
      <rPr>
        <sz val="14"/>
        <color rgb="FF1F497D"/>
        <rFont val="Arial"/>
        <family val="2"/>
        <scheme val="minor"/>
      </rPr>
      <t xml:space="preserve"> </t>
    </r>
    <r>
      <rPr>
        <sz val="14"/>
        <rFont val="Arial"/>
        <family val="2"/>
        <scheme val="minor"/>
      </rPr>
      <t>Please refer to HPE Customs policy design for more details</t>
    </r>
    <r>
      <rPr>
        <sz val="14"/>
        <color theme="1"/>
        <rFont val="Arial"/>
        <family val="2"/>
        <scheme val="minor"/>
      </rPr>
      <t>. HTSID is 30 char' long</t>
    </r>
  </si>
  <si>
    <t xml:space="preserve">This is a configured product ID code sent by HPE to suppliers where applicable, supplier to include it if/when preparing customs invoices for HPE to import shipment which contains configured to order (CTO) products. Field will be blank if product is not a CTO.  Please refer to HPE Customs policy design for more details. CTOID is 25 char' long </t>
  </si>
  <si>
    <t>REF*ZZ*CTO ID*CTOID1234567~</t>
  </si>
  <si>
    <t>Bundle Details</t>
  </si>
  <si>
    <t>REF*ZZ*Bundle Description*BUNDLE DETAILS~</t>
  </si>
  <si>
    <t>BundleID</t>
  </si>
  <si>
    <t>REF*ZZ*BundleId*BUNDLE ID~</t>
  </si>
  <si>
    <t>BundlePrintFormat</t>
  </si>
  <si>
    <t>REF*ZZ*BundlePrintFormat*Display only Bundle Top level (no HPE product numbers) with rolled up~</t>
  </si>
  <si>
    <t xml:space="preserve">Serialzed item </t>
  </si>
  <si>
    <t>REF~ZZ*requiresSerialNumber*yes~</t>
  </si>
  <si>
    <t>Bundle Quantity</t>
  </si>
  <si>
    <t>REF*ZZ*BundleQuantity*10~</t>
  </si>
  <si>
    <t xml:space="preserve">X means that "Do Not Preship" flag is active and blank means that it is not.  The customer has specifically asked  not to ship before a specific date </t>
  </si>
  <si>
    <t>REF*ZZ*Do not Preship*X~</t>
  </si>
  <si>
    <t>REF*ZZ*deliveryOrderNumber*12390~</t>
  </si>
  <si>
    <t>unique ID to pull 'Customer Intent Document' that provides special instructions during Build</t>
  </si>
  <si>
    <t>REF*ZZ*Customer Intent*6103554170-03~</t>
  </si>
  <si>
    <t>XML Document Reference</t>
  </si>
  <si>
    <t>REF*ZZ*XML Document Reference*XML~</t>
  </si>
  <si>
    <t>Factory Authorization number</t>
  </si>
  <si>
    <t>REF*ZZ*ApprovalFANNumber*728272~</t>
  </si>
  <si>
    <t>SO Line number</t>
  </si>
  <si>
    <t>PID*S*MAC*AS*000030***SOLINE~</t>
  </si>
  <si>
    <t>PID*S*MAC*AS*PS***MaterialGroup~</t>
  </si>
  <si>
    <t>Customer Material Number</t>
  </si>
  <si>
    <t>PID*S*MAC*AS*865408-B21***ExternalProgram~</t>
  </si>
  <si>
    <t>Material Classification - Assigned By Seller</t>
  </si>
  <si>
    <t>PID*S*MAC*AS*SI***LineOfBusiness~</t>
  </si>
  <si>
    <t>UNSPSC Classification</t>
  </si>
  <si>
    <t>PID*S*MAC*AS*39121004***unspsc~</t>
  </si>
  <si>
    <t xml:space="preserve">The email address is used by the supplier to send electronic software information </t>
  </si>
  <si>
    <t>PER*CN*default*EM*Name@gmail.com*TE*Phone#~</t>
  </si>
  <si>
    <t>REF*ZZ*EndCustomer*9000117332~</t>
  </si>
  <si>
    <t>N4****GB~</t>
  </si>
  <si>
    <t>N2*k~</t>
  </si>
  <si>
    <t>End Customer Contact information (Name, Phone and Email only) to receive electronic software key</t>
  </si>
  <si>
    <t>N1*ZZ*Name~</t>
  </si>
  <si>
    <t>REF*ZZ*ShipToAttention~</t>
  </si>
  <si>
    <t>Ship-To Attention line details to be populated in Customer Packing List and in Nokia Cover Sheet</t>
  </si>
  <si>
    <t>PER*CN*default*TE*44-2087385050~</t>
  </si>
  <si>
    <t>REF*ZZ*CustomerBillTo*1000714058~</t>
  </si>
  <si>
    <t>N3*Address~~</t>
  </si>
  <si>
    <t>Customer BillTo Information</t>
  </si>
  <si>
    <t>N1*ZZ*Name*92*1000714058~</t>
  </si>
  <si>
    <t>PER*CN*default*EM*test@hpe.com*FX*420-420929283648~</t>
  </si>
  <si>
    <t>REF*ZZ*supplierAccount~</t>
  </si>
  <si>
    <t>N4*Prague**292 01*CZ~</t>
  </si>
  <si>
    <t>Goods Supplier/supplierAccount</t>
  </si>
  <si>
    <t>N1*SE*HPE Test Supplier~</t>
  </si>
  <si>
    <t>REF*ZZ*Reseller*1000833610~</t>
  </si>
  <si>
    <t>N4*CITY**R07 4AH*GB~</t>
  </si>
  <si>
    <t>N3*Park Road*Thale~</t>
  </si>
  <si>
    <t>Reseller Partner Information</t>
  </si>
  <si>
    <t>N1*ZZ*Company LIMITED*92*1000833610~</t>
  </si>
  <si>
    <t>REF*ZZ*endUser*1000714058~</t>
  </si>
  <si>
    <t>N4*WEST DRAYTON***GB*SP*ENG~</t>
  </si>
  <si>
    <t>End User</t>
  </si>
  <si>
    <t>N1*EN*Name*92*1000714058~</t>
  </si>
  <si>
    <t>Sold-To Information</t>
  </si>
  <si>
    <t>N1*SO*Name*92*1000714058~</t>
  </si>
  <si>
    <t>MSG*Y~</t>
  </si>
  <si>
    <t>N9*ZZ**Partial Shipments Allowed~</t>
  </si>
  <si>
    <t>MSG*GH34564~</t>
  </si>
  <si>
    <t>N9*ZZ**End Customer PO number~</t>
  </si>
  <si>
    <t>MSG*Nokia Customer Comments~</t>
  </si>
  <si>
    <t>N9*ZZ**Customer / Invoice Comments~</t>
  </si>
  <si>
    <t>N9*ZZ**India MRP Not Retail Indicator~</t>
  </si>
  <si>
    <t>N9*ZZ**Destination Country~</t>
  </si>
  <si>
    <t>MSG*nokia@test.com~</t>
  </si>
  <si>
    <t>N9*ZZ**Nokia Email Notification~</t>
  </si>
  <si>
    <t>N9*ZZ**Logistics Special Code8 Desc~</t>
  </si>
  <si>
    <t>MSG*8~</t>
  </si>
  <si>
    <t>N9*ZZ**Logistics Special Code8~</t>
  </si>
  <si>
    <t>N9*ZZ**Logistics Special Code7 Desc~</t>
  </si>
  <si>
    <t>MSG*7~</t>
  </si>
  <si>
    <t>N9*ZZ**Logistics Special Code7~</t>
  </si>
  <si>
    <t>N9*ZZ**Logistics Special Code6 Desc~</t>
  </si>
  <si>
    <t>MSG*6~</t>
  </si>
  <si>
    <t>N9*ZZ**Logistics Special Code6~</t>
  </si>
  <si>
    <t>N9*ZZ**Logistics Special Code5 Desc~</t>
  </si>
  <si>
    <t>MSG*5~</t>
  </si>
  <si>
    <t>N9*ZZ**Logistics Special Code5~</t>
  </si>
  <si>
    <t>N9*ZZ**Logistics Special Code4 Desc~</t>
  </si>
  <si>
    <t>MSG*4~</t>
  </si>
  <si>
    <t>N9*ZZ**Logistics Special Code4~</t>
  </si>
  <si>
    <t>N9*ZZ**Logistics Special Code3 Desc~</t>
  </si>
  <si>
    <t>MSG*3~</t>
  </si>
  <si>
    <t>N9*ZZ**Logistics Special Code3~</t>
  </si>
  <si>
    <t>N9*ZZ**Logistics Special Code2 Desc~</t>
  </si>
  <si>
    <t>MSG*2~</t>
  </si>
  <si>
    <t>N9*ZZ**Logistics Special Code2~</t>
  </si>
  <si>
    <t>MSG*NIMBLE ORDER~</t>
  </si>
  <si>
    <t>N9*ZZ**Logistics Special Code1 Desc~</t>
  </si>
  <si>
    <t>N9*ZZ**Logistics Special Code1~</t>
  </si>
  <si>
    <t>MSG*BOM_ITN_4530116892_V0_20201012_142820.XML~</t>
  </si>
  <si>
    <t>N9*ZZ**Resolved BOM File Name~</t>
  </si>
  <si>
    <t>MSG*XY Logistics Group Co., Ltd~</t>
  </si>
  <si>
    <t>N9*ZZ**H3CCarrierCodeName~</t>
  </si>
  <si>
    <t>MSG*0100-30121445~</t>
  </si>
  <si>
    <t>N9*ZZ**Config Id~</t>
  </si>
  <si>
    <t>MSG*Run Rate Indicator Text~</t>
  </si>
  <si>
    <t>N9*ZZ**Run Rate Indicator~</t>
  </si>
  <si>
    <t>MSG*Name~</t>
  </si>
  <si>
    <t>N9*ZZ**H3C Entity Name~</t>
  </si>
  <si>
    <t>MSG*H3C Sales Office Attention Text~</t>
  </si>
  <si>
    <t>N9*ZZ**H3C Sales Office Attention-To~</t>
  </si>
  <si>
    <t>MSG*XY Railway Information Engineering Co., Ltd.~</t>
  </si>
  <si>
    <t>N9*ZZ**H3C Distributor~</t>
  </si>
  <si>
    <t>MSG*92~</t>
  </si>
  <si>
    <t>N9*ZZ**ShipComplete~</t>
  </si>
  <si>
    <t>MSG*Carrier Instr. Text~</t>
  </si>
  <si>
    <t>N9*ZZ**TransportTerms~</t>
  </si>
  <si>
    <t>MSG*USE RESERVED FROM PO 45XXXXXXXX~</t>
  </si>
  <si>
    <t>N9*ZZ**ShippingInstructionText~</t>
  </si>
  <si>
    <t>MSG*Destination Loc Inco 2020~</t>
  </si>
  <si>
    <t>N9*ZZ**salesIncoTerms2~</t>
  </si>
  <si>
    <t>MSG*DDP~</t>
  </si>
  <si>
    <t>N9*ZZ**salesIncoTerms1~</t>
  </si>
  <si>
    <t>MSG*Packing List Instr. Text~</t>
  </si>
  <si>
    <t>N9*ZZ**Packaging List Comments~</t>
  </si>
  <si>
    <t>MSG*IC Duration - 3 Days~</t>
  </si>
  <si>
    <t>N9*ZZ**Special Instruction~</t>
  </si>
  <si>
    <t>MSG*Export Instr Text~</t>
  </si>
  <si>
    <t>N9*ZZ**Export Instruction~</t>
  </si>
  <si>
    <t>MSG*Picking Instr. Text~</t>
  </si>
  <si>
    <t>N9*ZZ**Picking Instruction~</t>
  </si>
  <si>
    <t>MSG*NT90 - Baseline w/ GR comparison~</t>
  </si>
  <si>
    <t>(loops to 3 lines due to characters)</t>
  </si>
  <si>
    <t>MSG*All purchases made by HPE are subject to HPE's Terms and Conditions of Purchase in effect at the date this purchase order ('Order') is issued to you, which can be found at the following uniform resource locator: https://service.ariba.com/Authenticator.aw/ad/termsC
MSG*enter?tou=supplier To request a hard copy of these Terms and Conditions of Purchase, please contact the HPE Purchasing Department. HPE explicitly disclaims and rejects all other terms and conditions of any other party associated with HPE's purchases~</t>
  </si>
  <si>
    <t>N9*ZZ**Terms And Conditions~</t>
  </si>
  <si>
    <t>Transport Comments</t>
  </si>
  <si>
    <t>N9*0L*EN*TransportComments~</t>
  </si>
  <si>
    <t>N9*URL*URL~</t>
  </si>
  <si>
    <t>Terms of Delivery Transport Condition Comments (used as Shipping Instructions)</t>
  </si>
  <si>
    <t>PID*F*93***USE RESERVED FROM PO 45XXXXXXXX****EN~</t>
  </si>
  <si>
    <t>ITD~05~3~~~~~90~~~~~~~~0^</t>
  </si>
  <si>
    <t>CSH*SC~</t>
  </si>
  <si>
    <t>Customer PO Number  &lt; Extrinisc ultimateCustomerReferenceID&gt;</t>
  </si>
  <si>
    <t>REF*CO*LR2 Supplier Test~</t>
  </si>
  <si>
    <t>REF*ZG*7100189054~</t>
  </si>
  <si>
    <t>REF*ZZ*Partial Shipments Allowed*Y~</t>
  </si>
  <si>
    <t>REF*ZZ*End Customer PO number*GH34564~</t>
  </si>
  <si>
    <t>REF*ZZ*Customer / Invoice Comments*Customer Comments~</t>
  </si>
  <si>
    <t>REF*ZZ*Nokia Email Notification*nokia@test.com~</t>
  </si>
  <si>
    <t>India MRP Not Retail Indicator</t>
  </si>
  <si>
    <t>REF*ZZ*India MRP Not Retail Indicator*X~</t>
  </si>
  <si>
    <t>REF*ZZ*Destination Country*GB~</t>
  </si>
  <si>
    <t>"Destination Country"</t>
  </si>
  <si>
    <t>REF*ZZ*Logistics Special Code8 Desc*~</t>
  </si>
  <si>
    <t>REF*ZZ*Logistics Special Code8*8~</t>
  </si>
  <si>
    <t>REF*ZZ*Logistics Special Code7 Desc*~</t>
  </si>
  <si>
    <t>REF*ZZ*Logistics Special Code7*7~</t>
  </si>
  <si>
    <t>REF*ZZ*Logistics Special Code6 Desc*~</t>
  </si>
  <si>
    <t>REF*ZZ*Logistics Special Code6*6~</t>
  </si>
  <si>
    <t>REF*ZZ*Logistics Special Code5 Desc*~</t>
  </si>
  <si>
    <t>REF*ZZ*Logistics Special Code5*5~</t>
  </si>
  <si>
    <t>REF*ZZ*Logistics Special Code4 Desc*~</t>
  </si>
  <si>
    <t>REF*ZZ*Logistics Special Code4*4~</t>
  </si>
  <si>
    <t>REF*ZZ*Logistics Special Code3 Desc*~</t>
  </si>
  <si>
    <t>REF*ZZ*Logistics Special Code3*3~</t>
  </si>
  <si>
    <t>REF*ZZ*Logistics Special Code2 Desc*~</t>
  </si>
  <si>
    <t>REF*ZZ*Logistics Special Code2*2~</t>
  </si>
  <si>
    <t>REF*ZZ*Logistics Special Code1 Desc*NIMBLE ORDER~</t>
  </si>
  <si>
    <t>"Logistics Special Code Desc"</t>
  </si>
  <si>
    <t>REF*ZZ*Logistics Special Code1*1~</t>
  </si>
  <si>
    <t>"Logistics Special Code"</t>
  </si>
  <si>
    <t>REF*ZZ*Resolved BOM File Name*BOM_ITN_4530116892_V0_20201012_142820.XML~</t>
  </si>
  <si>
    <t>"Resolved BOM File Name"</t>
  </si>
  <si>
    <t>REF*ZZ*H3CCarrierCodeName*XY Logistics Group Co., Ltd~</t>
  </si>
  <si>
    <t>"H3CCarrierCodeName"</t>
  </si>
  <si>
    <t>REF*ZZ*Config Id*0100-30121445~</t>
  </si>
  <si>
    <t>"Config Id"</t>
  </si>
  <si>
    <t>REF*ZZ*Run Rate Indicator*Run Rate Indicator Text~</t>
  </si>
  <si>
    <t>"Run Rate Indicator"</t>
  </si>
  <si>
    <t>REF*ZZ*H3C Entity Name*Name~</t>
  </si>
  <si>
    <t>"H3C Entity Name"</t>
  </si>
  <si>
    <t>REF*ZZ*H3C Sales Office Attention-To*H3C Sales Office Attention Text~</t>
  </si>
  <si>
    <t>"H3C Sales Office Attention-To"</t>
  </si>
  <si>
    <t>REF*ZZ*H3C Distributor*XY Railway Information Engineering Co., Ltd.~</t>
  </si>
  <si>
    <t>"H3C Distributor"</t>
  </si>
  <si>
    <t>REF*ZZ*ShipComplete*yes~</t>
  </si>
  <si>
    <t>"ShipComplete"</t>
  </si>
  <si>
    <t>REF*ZZ*TransportTerms*Carrier Instr. Text~</t>
  </si>
  <si>
    <t>"TransportTerms"</t>
  </si>
  <si>
    <t>REF*ZZ*ShippingInstructionText*USE RESERVED FROM PO 45XXXXXXXX~</t>
  </si>
  <si>
    <t>"ShippingInstructionText"</t>
  </si>
  <si>
    <t>Sales Inco Term Location</t>
  </si>
  <si>
    <t>REF*ZZ*salesIncoTerms2*Destination Loc Inco 2020~</t>
  </si>
  <si>
    <t>"salesIncoTerms2"</t>
  </si>
  <si>
    <t>Sales Inco Term  (between HPE and HPE Customer)</t>
  </si>
  <si>
    <t>REF*ZZ*salesIncoTerms1*DDP~</t>
  </si>
  <si>
    <t>"salesIncoTerms1"</t>
  </si>
  <si>
    <t>Batch Number</t>
  </si>
  <si>
    <t>Packing List Comments</t>
  </si>
  <si>
    <t>REF*ZZ*Packaging List Comments*Packing List Instr. Text~</t>
  </si>
  <si>
    <t>"Packaging List Comments"</t>
  </si>
  <si>
    <t>Special Instructions - Contains Integration Center additional time.</t>
  </si>
  <si>
    <t>REF*ZZ*Special Instruction*IC Duration - 3 Days~</t>
  </si>
  <si>
    <t>"Special Instruction"</t>
  </si>
  <si>
    <t>Export Instructions  - Follow export instructions as per country requirements - 3E001</t>
  </si>
  <si>
    <t>REF*ZZ*Export Instruction*Export Instr Text~</t>
  </si>
  <si>
    <t>"Export Instruction"</t>
  </si>
  <si>
    <t>Picking Instructions - Don’t pick partial quantities and pick along with HU materials.</t>
  </si>
  <si>
    <t>REF*ZZ*Picking Instruction*Picking Instr. Text~</t>
  </si>
  <si>
    <t>"Picking Instruction"</t>
  </si>
  <si>
    <t>REF*ZZ*AribaNetwork.PaymentTermsExpla*NT90 - Baseline w/ GR comparison~</t>
  </si>
  <si>
    <t>REF*ZZ*Terms And Conditions*All purchases made by HPE are subject to HPE's Terms and Conditions of Purchase~</t>
  </si>
  <si>
    <t>"Terms And Conditions"</t>
  </si>
  <si>
    <t>REF*RPP*5*50~</t>
  </si>
  <si>
    <t>REF*8X*orderType*ZNST-HPE Non Stkng Order~</t>
  </si>
  <si>
    <r>
      <t xml:space="preserve">Total Amount without Taxes  - USD
</t>
    </r>
    <r>
      <rPr>
        <sz val="11"/>
        <color rgb="FF7030A0"/>
        <rFont val="Arial Nova Light"/>
        <family val="2"/>
      </rPr>
      <t>All must be -ve for a credit memo (BIG07=CN)</t>
    </r>
  </si>
  <si>
    <r>
      <t xml:space="preserve">Line item Tax  VAT details in PO currency [USD] - 
TXI03 is tax rate required, must be 0 when TXI06 = 0
TXI05 to be tax location need not be VATID
</t>
    </r>
    <r>
      <rPr>
        <sz val="11"/>
        <rFont val="Arial Nova Light"/>
        <family val="2"/>
      </rPr>
      <t xml:space="preserve">TXI06 = 0 for zero rated, 2 for exempt, no value for standard tax rate. 
</t>
    </r>
    <r>
      <rPr>
        <sz val="11"/>
        <color theme="1"/>
        <rFont val="Arial Nova Light"/>
        <family val="2"/>
      </rPr>
      <t xml:space="preserve">TXI08 (line taxable amount (Dollar basis for percent)in local currency)) </t>
    </r>
    <r>
      <rPr>
        <sz val="11"/>
        <color rgb="FFFF0000"/>
        <rFont val="Arial Nova Light"/>
        <family val="2"/>
      </rPr>
      <t xml:space="preserve">Suppliers must follow rounding rules per ISO 4217 standards. </t>
    </r>
    <r>
      <rPr>
        <sz val="11"/>
        <color rgb="FF7030A0"/>
        <rFont val="Arial Nova Light"/>
        <family val="2"/>
      </rPr>
      <t>This value must be -ve for a credit memo BIG07=CN</t>
    </r>
    <r>
      <rPr>
        <sz val="11"/>
        <color theme="1"/>
        <rFont val="Arial Nova Light"/>
        <family val="2"/>
      </rPr>
      <t xml:space="preserve">
</t>
    </r>
    <r>
      <rPr>
        <sz val="11"/>
        <color rgb="FFFF0000"/>
        <rFont val="Arial Nova Light"/>
        <family val="2"/>
      </rPr>
      <t>TXI10 - DateofSupply/TaxPointDate is optional at line level</t>
    </r>
  </si>
  <si>
    <r>
      <t xml:space="preserve">Service/Allowance - </t>
    </r>
    <r>
      <rPr>
        <sz val="11"/>
        <rFont val="Arial Nova Light"/>
        <family val="2"/>
      </rPr>
      <t xml:space="preserve">H850 in SAC02 indicates the tax charges, this must be </t>
    </r>
    <r>
      <rPr>
        <sz val="11"/>
        <color theme="1"/>
        <rFont val="Arial Nova Light"/>
        <family val="2"/>
      </rPr>
      <t xml:space="preserve"> in dual currencies - PO currency and Invoice Currency, SAC05 has an implied 2 digit decimal.
</t>
    </r>
    <r>
      <rPr>
        <sz val="11"/>
        <color rgb="FF7030A0"/>
        <rFont val="Arial Nova Light"/>
        <family val="2"/>
      </rPr>
      <t>Both the monetary amount must be -ve for a credit memo (BIG07=CN)</t>
    </r>
  </si>
  <si>
    <t xml:space="preserve">Used for Credit Memo Only to indicate Return </t>
  </si>
  <si>
    <t>YNQ*Q3*Y</t>
  </si>
  <si>
    <r>
      <t xml:space="preserve">Line Item Details - VP Optional, BP Required
</t>
    </r>
    <r>
      <rPr>
        <sz val="11"/>
        <color rgb="FF7030A0"/>
        <rFont val="Arial Nova Light"/>
        <family val="2"/>
      </rPr>
      <t>IT102 = -ve when BIG07 = CN</t>
    </r>
  </si>
  <si>
    <r>
      <t xml:space="preserve">Invoice Number and PO Number, BIG07 = DI is debit invoice, </t>
    </r>
    <r>
      <rPr>
        <sz val="11"/>
        <color rgb="FF7030A0"/>
        <rFont val="Arial Nova Light"/>
        <family val="2"/>
      </rPr>
      <t>CN = lineLevelCreditMemo</t>
    </r>
  </si>
  <si>
    <r>
      <rPr>
        <sz val="11"/>
        <color theme="4"/>
        <rFont val="Arial"/>
        <family val="2"/>
        <scheme val="minor"/>
      </rPr>
      <t xml:space="preserve">Related Rule Referance </t>
    </r>
    <r>
      <rPr>
        <sz val="11"/>
        <rFont val="Arial"/>
        <family val="2"/>
        <scheme val="minor"/>
      </rPr>
      <t xml:space="preserve">or additional HPE IM requirements </t>
    </r>
    <r>
      <rPr>
        <sz val="11"/>
        <color rgb="FFFF0000"/>
        <rFont val="Arial"/>
        <family val="2"/>
        <scheme val="minor"/>
      </rPr>
      <t>or Instructions</t>
    </r>
  </si>
  <si>
    <t>ISA*00*          *00*          *ZZ*ARIBA          *ZZ*SupplierID     *201012*1302*U*00401*002486431*0*T*^~</t>
  </si>
  <si>
    <t>GS*PO*AN01037391420-T*SupplierID*20201012*130254*002486431*X*004010~</t>
  </si>
  <si>
    <t>BEG*00*NE*4530116892**20201012~</t>
  </si>
  <si>
    <t>REF*ZZ*supplierVatID*VAT ID#~</t>
  </si>
  <si>
    <t>REF*CO*LR2 Supplier CZ Test~</t>
  </si>
  <si>
    <t>N9*ZZ**ultimateCustomerReferenceID~</t>
  </si>
  <si>
    <t>MSG*LR2 Supplier Test~</t>
  </si>
  <si>
    <t>N9*ZZ**customerReferenceID~</t>
  </si>
  <si>
    <t>MSG*7100189054~</t>
  </si>
  <si>
    <t>PER*RE*default*TE*420-0733593215~</t>
  </si>
  <si>
    <t>TD5*Z*ZZ*GEBW~</t>
  </si>
  <si>
    <t>N1*DA*EMEA CONSOLIDATION CENTER*92*8999200010~</t>
  </si>
  <si>
    <t xml:space="preserve">REF*ZZ*India MRP No of Units Part 2*KEYBOARD 1 N, MOUSE 1 N, POWERCORD SET 1 N, </t>
  </si>
  <si>
    <t>REF*ZZ*NCM + Brazil Product ID*656569~</t>
  </si>
  <si>
    <t>MSG*13535.20~</t>
  </si>
  <si>
    <t>N9*ZZ**NCM + Brazil Product ID~</t>
  </si>
  <si>
    <t>MSG*656569~</t>
  </si>
  <si>
    <t>MSG*ZNST~</t>
  </si>
  <si>
    <t>N1*EN*Name~</t>
  </si>
  <si>
    <t>N4*WEST DRAYTON**UB7 0GA*GB~</t>
  </si>
  <si>
    <t>PO1*00020*3*EA*6**VP*P06307-B21*BP*P06307-B21*C3*26121604~</t>
  </si>
  <si>
    <t>PID*S*MAC*AS*26121604***unspsc~</t>
  </si>
  <si>
    <t>PID*S*MAC*AS*LA***LineOfBusiness~</t>
  </si>
  <si>
    <t>PID*S*MAC*AS*P06307-B21***ExternalProgram~</t>
  </si>
  <si>
    <t>PID*S*MAC*AS*CABL-SNL***MaterialGroup~</t>
  </si>
  <si>
    <t>PID*S*MAC*AS*000040***SOLINE~</t>
  </si>
  <si>
    <t>REF*ZZ*billOfLadingNo*HPE ML30 Gen10 Mini SAS Cable Kit~</t>
  </si>
  <si>
    <t>REF*ZZ*India MRP Generic Name*SERVER~</t>
  </si>
  <si>
    <t>REF*ZZ*India MRP No of Units Part 1*SERVER~</t>
  </si>
  <si>
    <t>REF*ZZ*India MRP No of Units Part 2*KEYBOARD 1 N, MOUSE 1 N, POWERCORD SET 1 N, CDSET 1 N, MANUAL 1 N~</t>
  </si>
  <si>
    <t>REF*ZZ*NCM + Brazil Product ID*656570~</t>
  </si>
  <si>
    <t>REF*ZZ*customerPOLineNumber*000040~</t>
  </si>
  <si>
    <t>REF*ZG*HPE Sales Line*000040~</t>
  </si>
  <si>
    <t>MSG*HPE ML30 Gen10 Mini SAS Cable Kit~</t>
  </si>
  <si>
    <t>MSG*656570~</t>
  </si>
  <si>
    <t>MSG*000000~A327</t>
  </si>
  <si>
    <t>MSG*000040~</t>
  </si>
  <si>
    <t>N9*0L*7100189054*HPE Sales Order****LI^000040~</t>
  </si>
  <si>
    <t>SE*351*0001~</t>
  </si>
  <si>
    <t>GE*1*002486431~</t>
  </si>
  <si>
    <t>IEA*1*002486431~</t>
  </si>
  <si>
    <t>850 Purchase order</t>
  </si>
  <si>
    <t>810/850/856</t>
  </si>
  <si>
    <t>v12.2</t>
  </si>
  <si>
    <t>Updatedes made the documents format</t>
  </si>
  <si>
    <t>Field to be mandatory</t>
  </si>
  <si>
    <t>Tax base amount - a must for Japan</t>
  </si>
  <si>
    <t>Field to be mandatory, please read Tax comments</t>
  </si>
  <si>
    <t>Mandatory field from tax</t>
  </si>
  <si>
    <t>Mandatory field only for return order Credit notes</t>
  </si>
  <si>
    <t>Field to be mandatory. Require a Remit To address with Invoicing BP ID on invoice</t>
  </si>
  <si>
    <t>Require a Remit To address with Invoicing BP ID on invoice</t>
  </si>
  <si>
    <t>Field to be mandatory
Require a Remit To address with Invoicing BP ID on invoice</t>
  </si>
  <si>
    <t xml:space="preserve">Optional for Japan  </t>
  </si>
  <si>
    <t>This is mandatory for domestic transaction in Singapore</t>
  </si>
  <si>
    <t>Optional for Japan ( there is a plan to make it mandatory from October 1st, 2023)</t>
  </si>
  <si>
    <t>This is mandatory for domestic transactions in Singapore. Optional for the cross border transaction (provided the vendor is not registered in Singapore and not using it Singapore registeration for invoicing to HPE)</t>
  </si>
  <si>
    <t xml:space="preserve">
Require only for Domestic and EU transactions ( exception : Japan, Malaysia &amp; US where we have made the field optional) Aligned with Tax, please read Tax comments</t>
  </si>
  <si>
    <t xml:space="preserve">Field to be mandatory, please read Tax comments. Local currency is based on Ship to country and not supplier country </t>
  </si>
  <si>
    <t>Comments from Tax ( Japan)</t>
  </si>
  <si>
    <t>Comments from Tax (Singapore)</t>
  </si>
  <si>
    <t>Added Credit Memo sample and qualifier</t>
  </si>
  <si>
    <t xml:space="preserve">Comments from Tax updated, added Comments from Tax (Singapore) and Comments from Tax (Japan) </t>
  </si>
  <si>
    <t>Customer Usage example GR(101)</t>
  </si>
  <si>
    <t>Customer Usage example GR Reversal(102)</t>
  </si>
  <si>
    <t>ST*861*0001~</t>
  </si>
  <si>
    <t>"861" - "Receiving Advice/Acceptance Certificate"</t>
  </si>
  <si>
    <t>BRA</t>
  </si>
  <si>
    <t>Beginning Segment for Receiving Advice or Acceptance Certificate</t>
  </si>
  <si>
    <t>BRA*5100229928*20201123*00*2*125400**AC~</t>
  </si>
  <si>
    <t>BRA*5100235946*20201203*00*2*204855**AC~</t>
  </si>
  <si>
    <t xml:space="preserve">BRA01 = HPE Goods Receipt Document Reference                                          BRA02 = Receiving advice date                                                BRA03 = Purpose code 00=Original; 03=Delete 05 =Replace </t>
  </si>
  <si>
    <t>"00" - "new"</t>
  </si>
  <si>
    <t>Receiving Advice or Acceptance Certificate Type Code</t>
  </si>
  <si>
    <t>Receiving Condition Code</t>
  </si>
  <si>
    <t>"AC"</t>
  </si>
  <si>
    <t>DTM*050*20201123*125400*GM~</t>
  </si>
  <si>
    <t>DTM*050*20201203*204855*GM~</t>
  </si>
  <si>
    <t xml:space="preserve">DTM01-050=Received </t>
  </si>
  <si>
    <t>RCD</t>
  </si>
  <si>
    <t>Receiving Conditions</t>
  </si>
  <si>
    <t>RCD*0001*10*EA~</t>
  </si>
  <si>
    <t>RCD*0001*-10*EA~</t>
  </si>
  <si>
    <t>RCD01=Receiving advice line number                                           RCD02=Quantity units</t>
  </si>
  <si>
    <t>Quantity Units Received or Accepted</t>
  </si>
  <si>
    <t>Quantity Units Returned</t>
  </si>
  <si>
    <t>LIN*0001*PL*00010*VP*430145-001~</t>
  </si>
  <si>
    <t>LIN01=Receiving advice line number                                             LIN03=Purchase Order/SA line number</t>
  </si>
  <si>
    <t>"CL"</t>
  </si>
  <si>
    <t>REF*AH*5600010504~</t>
  </si>
  <si>
    <t xml:space="preserve">REF02=HPE PO/SA </t>
  </si>
  <si>
    <t>REF*MA*2ASNSA504~</t>
  </si>
  <si>
    <t>REF*MA*0180119062~</t>
  </si>
  <si>
    <t>REF02 = Ship notice number</t>
  </si>
  <si>
    <t>N1*DA**92~</t>
  </si>
  <si>
    <t>Delivery Address</t>
  </si>
  <si>
    <t>Brazil Only - FCI ID
For non-serialized material, country of origin value should come in extrinsic shipmentOriginCode at item level.
If shipping quantity is 5 then country of origin for all these 5 items will be send in one extrinsic value at line item level.
If one country of origin is same for all these 5 quantity then value will come as CN5.
If different country of origins then value should be separate by ‘–‘ . Example : CN2-BR3.
Even if quantity for line item is 1 then COO value in extrinsic should appear as CN1.</t>
  </si>
  <si>
    <t>REF*2A*FCI ID 456~
REF*ZZ*shipmentOriginCode*CN1~</t>
  </si>
  <si>
    <t>PO/SA Reference Number</t>
  </si>
  <si>
    <t xml:space="preserve">GPS Tracking Number
Brazil Only - NotaFiscal ID
</t>
  </si>
  <si>
    <r>
      <t xml:space="preserve">REF*AEC**gps1462~
REF*HH*Nota Fiscal ID 123~
</t>
    </r>
    <r>
      <rPr>
        <sz val="11"/>
        <color rgb="FFFF0000"/>
        <rFont val="Arial"/>
        <family val="2"/>
        <scheme val="minor"/>
      </rPr>
      <t xml:space="preserve">
</t>
    </r>
  </si>
  <si>
    <t>856 Advance Ship Notice for Multi-line</t>
  </si>
  <si>
    <t>ISA*00*          *00*          *ZZ*Supplier ID-T*ZZ*ARIBA          *201015*0715*U*00401*000000126*1*T*^~</t>
  </si>
  <si>
    <t>GS*SH*Supplier ID-T*AN01037391420-T*20201015*0715*000000126*X*004010~</t>
  </si>
  <si>
    <t>ST*856*000000001~</t>
  </si>
  <si>
    <t>BSN*00*SUP0020054*20201015*07151200*0001~</t>
  </si>
  <si>
    <t>DTM*011*20201010*10212000*MT~</t>
  </si>
  <si>
    <t>DTM*017*20201010*10212000*MT~</t>
  </si>
  <si>
    <t>TD1*BOX*23~</t>
  </si>
  <si>
    <t>TD1******G*866.71*KG~</t>
  </si>
  <si>
    <t>TD1*********3.024163*CR~</t>
  </si>
  <si>
    <t>TD5**2*UPSG*J*UPSG**ZZ* 1Z47877Y1495061151~</t>
  </si>
  <si>
    <t>REF*ZZ*TrailerID~</t>
  </si>
  <si>
    <t>REF*ZZ*ASNEntryNo*79994368567~</t>
  </si>
  <si>
    <t>FOB*DF*ZZ*FCA*ZZ*FOB*ZZ*NotSpecified~</t>
  </si>
  <si>
    <t>N1*ST*El Paso Consolidation Hewlett Packard Enterprise*92*8999100111~</t>
  </si>
  <si>
    <t>N3*Strret address~</t>
  </si>
  <si>
    <t>N4*EL PASO*TX*79936*US~</t>
  </si>
  <si>
    <t>N1*SF*Hewlett Packard Enterprise C/O eCMMS*92*1000832177~</t>
  </si>
  <si>
    <t>N4*Cd. Juárez**32690*MX~</t>
  </si>
  <si>
    <t>PRF*4530113213~</t>
  </si>
  <si>
    <t>DTM*004*20200915~</t>
  </si>
  <si>
    <t>PO4****BOX**0.45*KG***25*0.5*1*CM~</t>
  </si>
  <si>
    <t>MAN*GM*2100-A00AC~</t>
  </si>
  <si>
    <t>LIN*1*VP*L7F21A*VN*00150***BP*L7F21A~</t>
  </si>
  <si>
    <t>SN1*00150*1*EA**1*EA~</t>
  </si>
  <si>
    <t>PID*F*08***HPE 3PAR All-in Mult-sys SW Latest Media~</t>
  </si>
  <si>
    <t>REF*ZZ*shipmentOriginCode*MX1~</t>
  </si>
  <si>
    <t>PO4****BOX**0.45*KG***10*30*30*CM~</t>
  </si>
  <si>
    <t>MAN*GM*2100-A00AD~</t>
  </si>
  <si>
    <t>LIN*2*VP*QK735A*VN*00160***BP*QK735A~</t>
  </si>
  <si>
    <t>SN1*00160*1*EA**16*EA~</t>
  </si>
  <si>
    <t>PID*F*08***HPE Premier Flex LC/LC OM4 2f 15m Cbl~</t>
  </si>
  <si>
    <t>MAN*L*SN*THO0380003*L*AT*TH~</t>
  </si>
  <si>
    <t>MAN*GM*2100-A00AE~</t>
  </si>
  <si>
    <t>LIN*3*VP*QK735A*VN*00160***BP*QK735A~</t>
  </si>
  <si>
    <t>MAN*L*SN*THO0380004*L*AT*TH~</t>
  </si>
  <si>
    <t>MAN*GM*2100-A00AF~</t>
  </si>
  <si>
    <t>LIN*4*VP*QK735A*VN*00160***BP*QK735A~</t>
  </si>
  <si>
    <t>MAN*L*SN*THO0380005*L*AT*TH~</t>
  </si>
  <si>
    <t>MAN*GM*2100-A00AG~</t>
  </si>
  <si>
    <t>LIN*5*VP*QK735A*VN*00160***BP*QK735A~</t>
  </si>
  <si>
    <t>MAN*L*SN*THO0380006*L*AT*TH~</t>
  </si>
  <si>
    <t>MAN*GM*2100-A00AH~</t>
  </si>
  <si>
    <t>LIN*6*VP*QK735A*VN*00160***BP*QK735A~</t>
  </si>
  <si>
    <t>MAN*L*SN*THO0380007*L*AT*TH~</t>
  </si>
  <si>
    <t>HL*15*2*P*1~</t>
  </si>
  <si>
    <t>MAN*GM*2100-A00AI~</t>
  </si>
  <si>
    <t>HL*16*15*I*0~</t>
  </si>
  <si>
    <t>LIN*7*VP*QK735A*VN*00160***BP*QK735A~</t>
  </si>
  <si>
    <t>MAN*L*SN*THO0380008*L*AT*TH~</t>
  </si>
  <si>
    <t>HL*17*2*P*1~</t>
  </si>
  <si>
    <t>MAN*GM*2100-A00AJ~</t>
  </si>
  <si>
    <t>HL*18*17*I*0~</t>
  </si>
  <si>
    <t>LIN*8*VP*QK735A*VN*00160***BP*QK735A~</t>
  </si>
  <si>
    <t>MAN*L*SN*THO0380009*L*AT*TH~</t>
  </si>
  <si>
    <t>HL*19*2*P*1~</t>
  </si>
  <si>
    <t>MAN*GM*2100-A00AK~</t>
  </si>
  <si>
    <t>HL*20*19*I*0~</t>
  </si>
  <si>
    <t>LIN*9*VP*QK735A*VN*00160***BP*QK735A~</t>
  </si>
  <si>
    <t>MAN*L*SN*THO038000B*L*AT*TH~</t>
  </si>
  <si>
    <t>HL*21*2*P*1~</t>
  </si>
  <si>
    <t>MAN*GM*2100-A00AL~</t>
  </si>
  <si>
    <t>HL*22*21*I*0~</t>
  </si>
  <si>
    <t>LIN*10*VP*QK735A*VN*00160***BP*QK735A~</t>
  </si>
  <si>
    <t>MAN*L*SN*THO038000C*L*AT*TH~</t>
  </si>
  <si>
    <t>HL*23*2*P*1~</t>
  </si>
  <si>
    <t>MAN*GM*2100-A00AM~</t>
  </si>
  <si>
    <t>HL*24*23*I*0~</t>
  </si>
  <si>
    <t>LIN*11*VP*QK735A*VN*00160***BP*QK735A~</t>
  </si>
  <si>
    <t>MAN*L*SN*THO038000D*L*AT*TH~</t>
  </si>
  <si>
    <t>HL*25*2*P*1~</t>
  </si>
  <si>
    <t>MAN*GM*2100-A00AN~</t>
  </si>
  <si>
    <t>HL*26*25*I*0~</t>
  </si>
  <si>
    <t>LIN*12*VP*QK735A*VN*00160***BP*QK735A~</t>
  </si>
  <si>
    <t>MAN*L*SN*THO038000F*L*AT*TH~</t>
  </si>
  <si>
    <t>HL*27*2*P*1~</t>
  </si>
  <si>
    <t>MAN*GM*2100-A00AO~</t>
  </si>
  <si>
    <t>HL*28*27*I*0~</t>
  </si>
  <si>
    <t>LIN*13*VP*QK735A*VN*00160***BP*QK735A~</t>
  </si>
  <si>
    <t>MAN*L*SN*THO038000G*L*AT*TH~</t>
  </si>
  <si>
    <t>HL*29*2*P*1~</t>
  </si>
  <si>
    <t>MAN*GM*2100-A00AP~</t>
  </si>
  <si>
    <t>HL*30*29*I*0~</t>
  </si>
  <si>
    <t>LIN*14*VP*QK735A*VN*00160***BP*QK735A~</t>
  </si>
  <si>
    <t>MAN*L*SN*THO038000H*L*AT*TH~</t>
  </si>
  <si>
    <t>HL*31*2*P*1~</t>
  </si>
  <si>
    <t>MAN*GM*2100-A00AQ~</t>
  </si>
  <si>
    <t>HL*32*31*I*0~</t>
  </si>
  <si>
    <t>LIN*15*VP*QK735A*VN*00160***BP*QK735A~</t>
  </si>
  <si>
    <t>MAN*L*SN*THO038000J*L*AT*TH~</t>
  </si>
  <si>
    <t>HL*33*2*P*1~</t>
  </si>
  <si>
    <t>MAN*GM*2100-A00AR~</t>
  </si>
  <si>
    <t>HL*34*33*I*0~</t>
  </si>
  <si>
    <t>LIN*16*VP*QK735A*VN*00160***BP*QK735A~</t>
  </si>
  <si>
    <t>MAN*L*SN*THO038000K*L*AT*TH~</t>
  </si>
  <si>
    <t>HL*35*2*P*1~</t>
  </si>
  <si>
    <t>MAN*GM*2100-A00AS~</t>
  </si>
  <si>
    <t>HL*36*35*I*0~</t>
  </si>
  <si>
    <t>LIN*17*VP*QK735A*VN*00160***BP*QK735A~</t>
  </si>
  <si>
    <t>MAN*L*SN*THO038000L*L*AT*TH~</t>
  </si>
  <si>
    <t>HL*37*2*P*1~</t>
  </si>
  <si>
    <t>PO4****BOX**0.45*KG***3*2.5*4*CM~</t>
  </si>
  <si>
    <t>MAN*GM*2100-A00AX~</t>
  </si>
  <si>
    <t>HL*38*37*I*0~</t>
  </si>
  <si>
    <t>LIN*18*VP*R1P00A*VN*00170***BP*R1P00A~</t>
  </si>
  <si>
    <t>SN1*00170*1*EA**5*EA~</t>
  </si>
  <si>
    <t>PID*F*08***HPE 100Gb QSFP28 Bidi MM 100m XCVR~</t>
  </si>
  <si>
    <t>MAN*L*SN*THO0400001*L*AT*MX~</t>
  </si>
  <si>
    <t>HL*39*2*P*1~</t>
  </si>
  <si>
    <t>MAN*GM*2100-A00AW~</t>
  </si>
  <si>
    <t>HL*40*39*I*0~</t>
  </si>
  <si>
    <t>LIN*19*VP*R1P00A*VN*00170***BP*R1P00A~</t>
  </si>
  <si>
    <t>MAN*L*SN*THO0400002*L*AT*MX~</t>
  </si>
  <si>
    <t>HL*41*2*P*1~</t>
  </si>
  <si>
    <t>MAN*GM*2100-A00AV~</t>
  </si>
  <si>
    <t>HL*42*41*I*0~</t>
  </si>
  <si>
    <t>LIN*20*VP*R1P00A*VN*00170***BP*R1P00A~</t>
  </si>
  <si>
    <t>MAN*L*SN*THO0400003*L*AT*MX~</t>
  </si>
  <si>
    <t>HL*43*2*P*1~</t>
  </si>
  <si>
    <t>MAN*GM*2100-A00AU~</t>
  </si>
  <si>
    <t>HL*44*43*I*0~</t>
  </si>
  <si>
    <t>LIN*21*VP*R1P00A*VN*00170***BP*R1P00A~</t>
  </si>
  <si>
    <t>MAN*L*SN*THO0400004*L*AT*MX~</t>
  </si>
  <si>
    <t>HL*45*2*P*1~</t>
  </si>
  <si>
    <t>MAN*GM*2100-A00AT~</t>
  </si>
  <si>
    <t>HL*46*45*I*0~</t>
  </si>
  <si>
    <t>LIN*22*VP*R1P00A*VN*00170***BP*R1P00A~</t>
  </si>
  <si>
    <t>MAN*L*SN*THO0400005*L*AT*MX~</t>
  </si>
  <si>
    <t>HL*47*2*P*1~</t>
  </si>
  <si>
    <t>PO4****BOX**50*KG***200*80*180*CM~</t>
  </si>
  <si>
    <t>MAN*GM*2100-A00AB~</t>
  </si>
  <si>
    <t>HL*48*47*I*0~</t>
  </si>
  <si>
    <t>LIN*23*VP*P9K10A*VN*00010***BP*P9K10A~</t>
  </si>
  <si>
    <t>SN1*00010*1*EA**1*EA~</t>
  </si>
  <si>
    <t>PID*F*08***HPE 42U 600x1200mm Adv G2 Kit Shock Rack~</t>
  </si>
  <si>
    <t>TD4**U*3481*LF: UN3481 /PI967 Sect I /Class 9 label / DG form, UN38.3 TS~</t>
  </si>
  <si>
    <t>MAN*L*SN*2M2038083N*L*AT*MX~</t>
  </si>
  <si>
    <t>HL*49*47*I*0~</t>
  </si>
  <si>
    <t>LIN*24*VP*P9Q55A*VN*00020***BP*P9Q55A~</t>
  </si>
  <si>
    <t>SN1*00020*2*EA**2*EA~</t>
  </si>
  <si>
    <t>PID*F*08***HPE G2 Basic 3Ph 8.6kVA/5-20R NA/JP PDU~</t>
  </si>
  <si>
    <t>REF*ZZ*shipmentOriginCode*MX2~</t>
  </si>
  <si>
    <t>HL*50*47*I*0~</t>
  </si>
  <si>
    <t>LIN*25*VP*Q0E92A*VN*00030***BP*Q0E92A~</t>
  </si>
  <si>
    <t>SN1*00030*1*EA**1*EA~</t>
  </si>
  <si>
    <t>PID*F*08***HPE 3PAR 9450 2N+SW Storage Base~</t>
  </si>
  <si>
    <t>MAN*L*SN*2M2038083B*L*AT*MX~</t>
  </si>
  <si>
    <t>HL*51*47*I*0~</t>
  </si>
  <si>
    <t>LIN*26*VP*Q0E97A*VN*00040***BP*Q0E97A~</t>
  </si>
  <si>
    <t>SN1*00040*4*EA**4*EA~</t>
  </si>
  <si>
    <t>PID*F*08***HPE 3PAR 9000 4pt 16Gb FC HBA~</t>
  </si>
  <si>
    <t>MAN*L*SN*2M2038083Q*L*AT*MX~</t>
  </si>
  <si>
    <t>MAN*L*SN*2M2038083R*L*AT*MX~</t>
  </si>
  <si>
    <t>MAN*L*SN*2M2038083S*L*AT*MX~</t>
  </si>
  <si>
    <t>MAN*L*SN*2M2038083T*L*AT*MX~</t>
  </si>
  <si>
    <t>HL*52*47*I*0~</t>
  </si>
  <si>
    <t>LIN*27*VP*P9M30A*VN*00050***BP*P9M30A~</t>
  </si>
  <si>
    <t>SN1*00050*1*EA**1*EA~</t>
  </si>
  <si>
    <t>PID*F*08***HPE 3PAR Direct Connect Cabling Option~</t>
  </si>
  <si>
    <t>HL*53*47*I*0~</t>
  </si>
  <si>
    <t>LIN*28*VP*Q7F41A*VN*00060***BP*Q7F41A~</t>
  </si>
  <si>
    <t>SN1*00060*2*EA**2*EA~</t>
  </si>
  <si>
    <t>PID*F*08***HPE 3PAR 9450+SW Storage Node~</t>
  </si>
  <si>
    <t>MAN*L*SN*2M20380838*L*AT*MX~</t>
  </si>
  <si>
    <t>MAN*L*SN*2M20380839*L*AT*MX~</t>
  </si>
  <si>
    <t>HL*54*47*I*0~</t>
  </si>
  <si>
    <t>LIN*29*VP*L7F04A*VN*00070***BP*L7F04A~</t>
  </si>
  <si>
    <t>SN1*00070*1*EA**1*EA~</t>
  </si>
  <si>
    <t>PID*F*08***HPE 3PAR 9450 All-in Multi-system SW LTU~</t>
  </si>
  <si>
    <t>HL*55*47*I*0~</t>
  </si>
  <si>
    <t>LIN*30*VP*L7F18A*VN*00080***BP*L7F18A~</t>
  </si>
  <si>
    <t>SN1*00080*1*EA**1*EA~</t>
  </si>
  <si>
    <t>PID*F*08***HPE 3PAR 9450 Data Encryption LTU~</t>
  </si>
  <si>
    <t>HL*56*47*I*0~</t>
  </si>
  <si>
    <t>LIN*31*VP*Q0E95A*VN*00090***BP*Q0E95A~</t>
  </si>
  <si>
    <t>SN1*00090*8*EA**8*EA~</t>
  </si>
  <si>
    <t>PID*F*08***HPE 3PAR 9000 2U SFF Drive Enclosure~</t>
  </si>
  <si>
    <t>MAN*L*SN*2M2038083C*L*AT*US~</t>
  </si>
  <si>
    <t>MAN*L*SN*2M2038083D*L*AT*US~</t>
  </si>
  <si>
    <t>MAN*L*SN*2M2038083F*L*AT*US~</t>
  </si>
  <si>
    <t>MAN*L*SN*2M2038083G*L*AT*US~</t>
  </si>
  <si>
    <t>MAN*L*SN*2M2038083H*L*AT*US~</t>
  </si>
  <si>
    <t>MAN*L*SN*2M2038083J*L*AT*US~</t>
  </si>
  <si>
    <t>MAN*L*SN*2M2038083K*L*AT*US~</t>
  </si>
  <si>
    <t>MAN*L*SN*2M2038083L*L*AT*US~</t>
  </si>
  <si>
    <t>HL*57*47*I*0~</t>
  </si>
  <si>
    <t>LIN*32*VP*Q0F45A*VN*00100***BP*Q0F45A~</t>
  </si>
  <si>
    <t>SN1*00100*64*EA**64*EA~</t>
  </si>
  <si>
    <t>PID*F*08***HPE 3PAR 9000 7.68TB+SW SFF FE SSD~</t>
  </si>
  <si>
    <t>MAN*L*SN*UWSQUA11111111*L*AT*MX~</t>
  </si>
  <si>
    <t>MAN*L*SN*UWSQUA11111112*L*AT*MX~</t>
  </si>
  <si>
    <t>MAN*L*SN*UWSQUA11111113*L*AT*MX~</t>
  </si>
  <si>
    <t>MAN*L*SN*UWSQUA11111114*L*AT*MX~</t>
  </si>
  <si>
    <t>MAN*L*SN*UWSQUA11111115*L*AT*MX~</t>
  </si>
  <si>
    <t>MAN*L*SN*UWSQUA11111116*L*AT*MX~</t>
  </si>
  <si>
    <t>MAN*L*SN*UWSQUA11111117*L*AT*MX~</t>
  </si>
  <si>
    <t>MAN*L*SN*UWSQUA11111118*L*AT*MX~</t>
  </si>
  <si>
    <t>MAN*L*SN*UWSQUA11111119*L*AT*MX~</t>
  </si>
  <si>
    <t>MAN*L*SN*UWSQUA11111120*L*AT*MX~</t>
  </si>
  <si>
    <t>MAN*L*SN*UWSQUA11111121*L*AT*MX~</t>
  </si>
  <si>
    <t>MAN*L*SN*UWSQUA11111122*L*AT*MX~</t>
  </si>
  <si>
    <t>MAN*L*SN*UWSQUA11111123*L*AT*MX~</t>
  </si>
  <si>
    <t>MAN*L*SN*UWSQUA11111124*L*AT*MX~</t>
  </si>
  <si>
    <t>MAN*L*SN*UWSQUA11111125*L*AT*MX~</t>
  </si>
  <si>
    <t>MAN*L*SN*UWSQUA11111126*L*AT*MX~</t>
  </si>
  <si>
    <t>MAN*L*SN*UWSQUA11111127*L*AT*MX~</t>
  </si>
  <si>
    <t>MAN*L*SN*UWSQUA11111128*L*AT*MX~</t>
  </si>
  <si>
    <t>MAN*L*SN*UWSQUA11111129*L*AT*MX~</t>
  </si>
  <si>
    <t>MAN*L*SN*UWSQUA11111130*L*AT*MX~</t>
  </si>
  <si>
    <t>MAN*L*SN*UWSQUA11111131*L*AT*MX~</t>
  </si>
  <si>
    <t>MAN*L*SN*UWSQUA11111132*L*AT*MX~</t>
  </si>
  <si>
    <t>MAN*L*SN*UWSQUA11111133*L*AT*MX~</t>
  </si>
  <si>
    <t>MAN*L*SN*UWSQUA11111134*L*AT*MX~</t>
  </si>
  <si>
    <t>MAN*L*SN*UWSQUA11111135*L*AT*MX~</t>
  </si>
  <si>
    <t>MAN*L*SN*UWSQUA11111136*L*AT*MX~</t>
  </si>
  <si>
    <t>MAN*L*SN*UWSQUA11111137*L*AT*MX~</t>
  </si>
  <si>
    <t>MAN*L*SN*UWSQUA11111138*L*AT*MX~</t>
  </si>
  <si>
    <t>MAN*L*SN*UWSQUA11111139*L*AT*MX~</t>
  </si>
  <si>
    <t>MAN*L*SN*UWSQUA11111140*L*AT*MX~</t>
  </si>
  <si>
    <t>MAN*L*SN*UWSQUA11111141*L*AT*MX~</t>
  </si>
  <si>
    <t>MAN*L*SN*UWSQUA11111142*L*AT*MX~</t>
  </si>
  <si>
    <t>MAN*L*SN*UWSQUA11111143*L*AT*MX~</t>
  </si>
  <si>
    <t>MAN*L*SN*UWSQUA11111144*L*AT*MX~</t>
  </si>
  <si>
    <t>MAN*L*SN*UWSQUA11111145*L*AT*MX~</t>
  </si>
  <si>
    <t>MAN*L*SN*UWSQUA11111146*L*AT*MX~</t>
  </si>
  <si>
    <t>MAN*L*SN*UWSQUA11111147*L*AT*MX~</t>
  </si>
  <si>
    <t>MAN*L*SN*UWSQUA11111148*L*AT*MX~</t>
  </si>
  <si>
    <t>MAN*L*SN*UWSQUA11111149*L*AT*MX~</t>
  </si>
  <si>
    <t>MAN*L*SN*UWSQUA11111150*L*AT*MX~</t>
  </si>
  <si>
    <t>MAN*L*SN*UWSQUA11111151*L*AT*MX~</t>
  </si>
  <si>
    <t>MAN*L*SN*UWSQUA11111152*L*AT*MX~</t>
  </si>
  <si>
    <t>MAN*L*SN*UWSQUA11111153*L*AT*MX~</t>
  </si>
  <si>
    <t>MAN*L*SN*UWSQUA11111154*L*AT*MX~</t>
  </si>
  <si>
    <t>MAN*L*SN*UWSQUA11111155*L*AT*MX~</t>
  </si>
  <si>
    <t>MAN*L*SN*UWSQUA11111156*L*AT*MX~</t>
  </si>
  <si>
    <t>MAN*L*SN*UWSQUA11111157*L*AT*MX~</t>
  </si>
  <si>
    <t>MAN*L*SN*UWSQUA11111158*L*AT*MX~</t>
  </si>
  <si>
    <t>MAN*L*SN*UWSQUA11111159*L*AT*MX~</t>
  </si>
  <si>
    <t>MAN*L*SN*UWSQUA11111160*L*AT*MX~</t>
  </si>
  <si>
    <t>MAN*L*SN*UWSQUA11111161*L*AT*MX~</t>
  </si>
  <si>
    <t>MAN*L*SN*UWSQUA11111162*L*AT*MX~</t>
  </si>
  <si>
    <t>MAN*L*SN*UWSQUA11111163*L*AT*MX~</t>
  </si>
  <si>
    <t>MAN*L*SN*UWSQUA11111164*L*AT*MX~</t>
  </si>
  <si>
    <t>MAN*L*SN*UWSQUA11111165*L*AT*MX~</t>
  </si>
  <si>
    <t>MAN*L*SN*UWSQUA11111166*L*AT*MX~</t>
  </si>
  <si>
    <t>MAN*L*SN*UWSQUA11111167*L*AT*MX~</t>
  </si>
  <si>
    <t>MAN*L*SN*UWSQUA11111168*L*AT*MX~</t>
  </si>
  <si>
    <t>MAN*L*SN*UWSQUA11111169*L*AT*MX~</t>
  </si>
  <si>
    <t>MAN*L*SN*UWSQUA11111170*L*AT*MX~</t>
  </si>
  <si>
    <t>MAN*L*SN*UWSQUA11111171*L*AT*MX~</t>
  </si>
  <si>
    <t>MAN*L*SN*UWSQUA11111172*L*AT*MX~</t>
  </si>
  <si>
    <t>MAN*L*SN*UWSQUA11111173*L*AT*MX~</t>
  </si>
  <si>
    <t>MAN*L*SN*UWSQUA11111174*L*AT*MX~</t>
  </si>
  <si>
    <t>HL*58*47*I*0~</t>
  </si>
  <si>
    <t>LIN*33*VP*716197-B21*VN*00110***BP*716197-B21~</t>
  </si>
  <si>
    <t>SN1*00110*16*EA**16*EA~</t>
  </si>
  <si>
    <t>PID*F*08***HPE Ext 2.0m MiniSAS HD-MiniSAS HD Cbl~</t>
  </si>
  <si>
    <t>REF*ZZ*shipmentOriginCode*MX16~</t>
  </si>
  <si>
    <t>HL*59*47*I*0~</t>
  </si>
  <si>
    <t>LIN*34*VP*Q2S13A*VN*00120***BP*Q2S13A~</t>
  </si>
  <si>
    <t>SN1*00120*1*EA**1*EA~</t>
  </si>
  <si>
    <t>PID*F*08***HPE 3PAR StoreServ RPS Service Processor~</t>
  </si>
  <si>
    <t>MAN*L*SN*2M2038083M*L*AT*MX~</t>
  </si>
  <si>
    <t>HL*60*47*I*0~</t>
  </si>
  <si>
    <t>LIN*35*VP*ZU708A*VN*00130***BP*ZU708A~</t>
  </si>
  <si>
    <t>SN1*00130*1*EA**1*EA~</t>
  </si>
  <si>
    <t>PID*F*08***HPE Rack Customization Package~</t>
  </si>
  <si>
    <t>HL*61*47*I*0~</t>
  </si>
  <si>
    <t>LIN*36*VP*Q1H95A*VN*00140***BP*Q1H95A~</t>
  </si>
  <si>
    <t>SN1*00140*1*EA**1*EA~</t>
  </si>
  <si>
    <t>PID*F*08***HPE Storage 1U Rack Accessories Kit~</t>
  </si>
  <si>
    <t>SE*348*000000001~</t>
  </si>
  <si>
    <t>GE*1*000000126~</t>
  </si>
  <si>
    <t>IEA*1*000000126~</t>
  </si>
  <si>
    <t xml:space="preserve">PO Line Item reference to indicate multiple shipments </t>
  </si>
  <si>
    <t>V12.3</t>
  </si>
  <si>
    <t>RC861 - Goods receipt tab added</t>
  </si>
  <si>
    <t>V12.4</t>
  </si>
  <si>
    <t>Added TCP address</t>
  </si>
  <si>
    <t>N1*ZZ*CZ Optimization Hub</t>
  </si>
  <si>
    <t>REF*ZZ*TCPAddress~</t>
  </si>
  <si>
    <t>REF segments explains the address TCP segment</t>
  </si>
  <si>
    <t>REF segments explains the TCP address segment</t>
  </si>
  <si>
    <t xml:space="preserve">Box ID is optional </t>
  </si>
  <si>
    <t>HPE BoxID 1(optional)</t>
  </si>
  <si>
    <t xml:space="preserve">HPE BoxID 2 is optional </t>
  </si>
  <si>
    <t>Removed TXI09 segment for high monetary amount</t>
  </si>
  <si>
    <t>OC ASN Requirement tab</t>
  </si>
  <si>
    <t xml:space="preserve">Added new reason codes M06 and P05, </t>
  </si>
  <si>
    <t>ASN character limit as well as making DTM 017 required</t>
  </si>
  <si>
    <t>REF*ZZ*transportationPriorityNo~</t>
  </si>
  <si>
    <t>M06</t>
  </si>
  <si>
    <t>Material Critical Constraint</t>
  </si>
  <si>
    <t>To be used when LT or ETA of material is &gt; 40 days and commit is capped.</t>
  </si>
  <si>
    <t>P05</t>
  </si>
  <si>
    <t>Production Improvement</t>
  </si>
  <si>
    <t>To be used when previous production issue is resolved or Improved PCT.</t>
  </si>
  <si>
    <t>V12.4.1</t>
  </si>
  <si>
    <t>Serial Number MAN03 with Country of Origin MAN06</t>
  </si>
  <si>
    <t>Added the comment Serial Number MAN03 with Country of Origin MAN06</t>
  </si>
  <si>
    <t>REF*2A*FCI ID 456~</t>
  </si>
  <si>
    <t>V12.5</t>
  </si>
  <si>
    <t>N1*Supplier Name~</t>
  </si>
  <si>
    <t>N1*Buyer Name~</t>
  </si>
  <si>
    <t>SE*81*29435~</t>
  </si>
  <si>
    <t>Added N2 Segment(additional name) in 810 data</t>
  </si>
  <si>
    <t>N2*Supplier Contact Name*Phone and Email~</t>
  </si>
  <si>
    <t>N2*Buyer Contact Name*Phone and Email~</t>
  </si>
  <si>
    <t>v12.6</t>
  </si>
  <si>
    <t>"order_version"</t>
  </si>
  <si>
    <t>REF*ZZ*order_version*00000~</t>
  </si>
  <si>
    <t>Order Version - "00000" = original</t>
  </si>
  <si>
    <t>Order Version: 00001 = 1st update   00002 = 2nd update   etc.</t>
  </si>
  <si>
    <t>REF*ZZ*order_version*00001~</t>
  </si>
  <si>
    <t>Added order_version extrinsic to PO and Change PO</t>
  </si>
  <si>
    <t>Updated calleout on REF*PP</t>
  </si>
  <si>
    <t>v12.6.1</t>
  </si>
  <si>
    <t>850/860 China, 850/860</t>
  </si>
  <si>
    <t>REF*06*ITGCLNT300~</t>
  </si>
  <si>
    <t>ITGCLNT300 - S4 Test ID until 12/2022
ITNCLNT300 - S4 Updgrade Test ID
DCPCLNT300 - S4 Prod System ID</t>
  </si>
  <si>
    <t>v12.6.2</t>
  </si>
  <si>
    <t>SystemID added to all 850/860, EDI Samples</t>
  </si>
  <si>
    <t>This version references CI-9 version 12.5</t>
  </si>
  <si>
    <t xml:space="preserve">v12.6.2 - HPE S4 PO version number moved to REF*ZZ*order_version*" </t>
  </si>
  <si>
    <t>REF*PP numbering updated for CIG release, guides and samples</t>
  </si>
  <si>
    <t>v12.6.3</t>
  </si>
  <si>
    <t>REF*PP*1~ (leading zeros were eliminated)</t>
  </si>
  <si>
    <t>850/860 EDI Samples</t>
  </si>
  <si>
    <t>REF*PP*1~</t>
  </si>
  <si>
    <t>REF*PP*2~</t>
  </si>
  <si>
    <t xml:space="preserve">Note to SCSI: All NEW Suppliers must be onboarded to the EU DC ONLY in CIG </t>
  </si>
  <si>
    <t>N3*7 BULIM STREET LEVEL 3 (NR)</t>
  </si>
  <si>
    <t>N4*SINGAPORE**648175*SG</t>
  </si>
  <si>
    <t xml:space="preserve">810 and 810 EDI Samples </t>
  </si>
  <si>
    <t>Ship To addresses updated for 810 and EDI Samples 810</t>
  </si>
  <si>
    <t>PER*ZZ*US98*******CompanyCode~</t>
  </si>
  <si>
    <t>PER*ZZ*1HAM*******PurchasingOrg~</t>
  </si>
  <si>
    <t>PER*ZZ*AM3*******PurchasingGroup~</t>
  </si>
  <si>
    <t>PER*ZZ*US98*******CompanyCode~                                                                                                     PER*ZZ*1HAM*******PurchasingOrg~                                                                                           PER*ZZ*AM3*******PurchasingGroup~</t>
  </si>
  <si>
    <t>RMA#</t>
  </si>
  <si>
    <t>TDS*20280*24539</t>
  </si>
  <si>
    <t>Total Monetary Value
TDS01 = Line Item Value (negative for CR Memo)
TDS02 = Total Line Item Value (Value + Taxes) (negative for CR Memo)</t>
  </si>
  <si>
    <t>In order to have the REF*FJ, REF*LT and REF*L9 EDI segments translated to cXML in CIG, we need to enable the 1500 list of standard Extrinsics.
In the Ariba Network --&gt; Select Supplier Account settings --&gt; Customer Relationship --&gt; Select Action on the Buyer
                                           From the drop down select --&gt; cXML to EDI transformation
Enable the rule shown below</t>
  </si>
  <si>
    <t>After selecting above, Log into CIG Supplier side –&gt;Go To My configuration–&gt;Cross Reference and enable the Standard extrinsics</t>
  </si>
  <si>
    <t>N9~L1~en~Comments</t>
  </si>
  <si>
    <t>Reason Comment for RMA CR Memo</t>
  </si>
  <si>
    <t>Mandatory for CR Memo</t>
  </si>
  <si>
    <t>MSG~RMA#123456</t>
  </si>
  <si>
    <t>M3 RMA #</t>
  </si>
  <si>
    <t>856 SOI and 856 SOPI</t>
  </si>
  <si>
    <t>v12.6.4</t>
  </si>
  <si>
    <t xml:space="preserve">Comment added: (must start loop with SF followed by ST) </t>
  </si>
  <si>
    <t>REF*FJ*000010~    Invoice Line Number
REF*LT*SG1049023758372022~ Consignment Movement Number
REF*L9*809463-001~ Customer Part Number</t>
  </si>
  <si>
    <t>Instructions for Suppliers to enable the standard mapping segment REF*FJ REF*LT and REF*L9</t>
  </si>
  <si>
    <t>v12.6.5</t>
  </si>
  <si>
    <t>Comments added - For Plant Code values &gt; 302M &amp; 301M return blank value in N104</t>
  </si>
  <si>
    <t>Added Customer Usage Examples/Rules for:
N9~L1~en~Comments
MSG~RMA#123456
TDS*20280*24539</t>
  </si>
  <si>
    <t>v12.6.6</t>
  </si>
  <si>
    <t>February 2023</t>
  </si>
  <si>
    <t>v12.6.7</t>
  </si>
  <si>
    <t>Require suppliers to include bank account details on invoices</t>
  </si>
  <si>
    <r>
      <t xml:space="preserve">Invoice Rules </t>
    </r>
    <r>
      <rPr>
        <sz val="11"/>
        <color rgb="FFC00000"/>
        <rFont val="Calibri"/>
        <family val="2"/>
      </rPr>
      <t>(Based on Ship-to Country)</t>
    </r>
  </si>
  <si>
    <t xml:space="preserve">Subtotal Amount - Local Currency </t>
  </si>
  <si>
    <t xml:space="preserve">Due Amount - Local Currency </t>
  </si>
  <si>
    <t xml:space="preserve">Total Amount without Taxes - Local Currency </t>
  </si>
  <si>
    <t>REF*ZZ*taxExchangeRate - Clarified Exchange Rate requirement
AMT - Added description of Local Currency Fields</t>
  </si>
  <si>
    <t>Refer to Country Specific Rules Table for Mandatory Countries (based on Ship-to Country)</t>
  </si>
  <si>
    <t>Field required for Mandatory Country(SWIFT Identification Number)</t>
  </si>
  <si>
    <t>Field required for Mandatory Country(Bank Name)</t>
  </si>
  <si>
    <t>Field required for Mandatory Country (Bank Account Number)</t>
  </si>
  <si>
    <t>Field required for Mandatory Country (Bank Account Name)</t>
  </si>
  <si>
    <t>N1*RB - Banking Information &gt; Highlighted to refer to Country Specific Rules
Updated Country Specific Invoices Rules Tabs for Test/Production to highlight Ship-to Country</t>
  </si>
  <si>
    <r>
      <t xml:space="preserve">Require only for Domestic transactions if invoice is in foreign currency </t>
    </r>
    <r>
      <rPr>
        <b/>
        <sz val="14"/>
        <color rgb="FFC00000"/>
        <rFont val="Arial"/>
        <family val="2"/>
        <scheme val="minor"/>
      </rPr>
      <t>M2 and M3</t>
    </r>
    <r>
      <rPr>
        <sz val="14"/>
        <color theme="1"/>
        <rFont val="Arial"/>
        <family val="2"/>
        <scheme val="minor"/>
      </rPr>
      <t xml:space="preserve"> </t>
    </r>
    <r>
      <rPr>
        <b/>
        <sz val="14"/>
        <color rgb="FFC00000"/>
        <rFont val="Arial"/>
        <family val="2"/>
        <scheme val="minor"/>
      </rPr>
      <t>(ex., SG to SG in USD)</t>
    </r>
    <r>
      <rPr>
        <sz val="14"/>
        <color theme="1"/>
        <rFont val="Arial"/>
        <family val="2"/>
        <scheme val="minor"/>
      </rPr>
      <t xml:space="preserve">.However, due to technical issues,Ariba Network enforces the exchange rate and Local currency details even for Single currency invoices. Aligned with Tax, please read Tax comments
</t>
    </r>
    <r>
      <rPr>
        <b/>
        <sz val="14"/>
        <color rgb="FFC00000"/>
        <rFont val="Arial"/>
        <family val="2"/>
        <scheme val="minor"/>
      </rPr>
      <t>Transactions from SG to Other Countries &gt; Not Required (if Taxes = 0)
Transactions from US to Other Countries &gt; Not Required (if Taxes = 0)</t>
    </r>
  </si>
  <si>
    <t>If ST = SG, apply GST tax type
If SF and ST,  domestic tax percentage apply 8%
If ST = overseas shipment apply VAT tax type
If SF and ST are different tax percentage apply 0%"</t>
  </si>
  <si>
    <r>
      <t xml:space="preserve">If ST = SG, apply GST tax type
If SF and ST,  domestic tax percentage apply 8%
If ST = overseas shipment apply VAT tax type
If SF and ST are different tax percentage apply 0%               </t>
    </r>
    <r>
      <rPr>
        <sz val="14"/>
        <color rgb="FFFF0000"/>
        <rFont val="Arial (Body)"/>
      </rPr>
      <t>There are exceptions to the 0% and 8% GST Rules, these will be provided as required on a specific scenario basis</t>
    </r>
  </si>
  <si>
    <t>Comment added:There are exceptions to the 0% and 8% GST Rules, these will be provided as required on a specific scenario basis</t>
  </si>
  <si>
    <t>"taxInvoiceNumber</t>
  </si>
  <si>
    <t>REF*ZZ*taxInvoiceNumber*26028864~</t>
  </si>
  <si>
    <t xml:space="preserve">Required for Singapore </t>
  </si>
  <si>
    <t xml:space="preserve">Required for Singapore: REF*ZZ*taxInvoiceNumber*26028864~ </t>
  </si>
  <si>
    <t>810 and 810 EDI Samples</t>
  </si>
  <si>
    <t>v12.6.8</t>
  </si>
  <si>
    <t>REF*GT**NOREGISTRA</t>
  </si>
  <si>
    <t>Supplier Tax ID</t>
  </si>
  <si>
    <t>Populated only for Tax in Local Currency</t>
  </si>
  <si>
    <t>Mandatory field from tax, even if 0</t>
  </si>
  <si>
    <t>Line Item Tax in Local Currency- VAT CZK</t>
  </si>
  <si>
    <t>CUR*SE*USD~</t>
  </si>
  <si>
    <t>CUR*SE*USD**SE*CZK~</t>
  </si>
  <si>
    <t>Field to be Mandatory for Suppliers shipping to Singapore with Local Currency</t>
  </si>
  <si>
    <t>N1*ST*HEWLETT PACKARD ENTERPRISE SINGAPORE PTE. LTD.*92</t>
  </si>
  <si>
    <t>ISA*00*          *00*          *14*051983567WDC   *ZZ*ARIBAP         *230705*1120*U*00401*000037094*0*P*^</t>
  </si>
  <si>
    <t>GS*IN*051983567WDC*AN01037391420*20230705*1120*8398*X*004010</t>
  </si>
  <si>
    <t>ST*810*0001</t>
  </si>
  <si>
    <t>BIG*20230705*3003236591*20230703*4501044259***DI</t>
  </si>
  <si>
    <t>REF*ZZ*0086612942</t>
  </si>
  <si>
    <t>REF*ZZ*buyerVatID*M90370143E</t>
  </si>
  <si>
    <t>REF*ZZ*supplierVatID*201021203W</t>
  </si>
  <si>
    <t>REF*ZZ*taxExchangeRate*1.35310</t>
  </si>
  <si>
    <t>REF*ZZ*taxInvoiceNumber*3003236591</t>
  </si>
  <si>
    <t>N3*9 Tampines Grande, unit no04-22, Asia Green</t>
  </si>
  <si>
    <t>N4*Singapore*SG*528735*SG</t>
  </si>
  <si>
    <t>N1*BT*Hewlett Packard Enterprise Singapor Pte. Ltd.*92</t>
  </si>
  <si>
    <t>N3*1 Depot Close #11-01</t>
  </si>
  <si>
    <t>N4*Singapore*''*109841*SG</t>
  </si>
  <si>
    <t>REF*GT**201021203W</t>
  </si>
  <si>
    <t>REF*02**HSBCSGSG</t>
  </si>
  <si>
    <t>REF*11**260447511178</t>
  </si>
  <si>
    <t>N1*ST*Hewlett Packard Enterprise Singapor Pte. Ltd.*92</t>
  </si>
  <si>
    <t>N3*7 BULIM STREET LEVEL 3 (SE)</t>
  </si>
  <si>
    <t>N4*Singapore**648175*SG</t>
  </si>
  <si>
    <t>DTM*003*20230705*0000*02</t>
  </si>
  <si>
    <t>IT1*000010*100*EA*243**BP*P09160-004</t>
  </si>
  <si>
    <t>CUR*SE*USD</t>
  </si>
  <si>
    <t>CTP*WS***100*EA</t>
  </si>
  <si>
    <t>PAM****1*24300</t>
  </si>
  <si>
    <t>PAM****KK*26244</t>
  </si>
  <si>
    <t>PAM****N*26244</t>
  </si>
  <si>
    <t>PID*F****LEE Drive ASM 14.0TB, 512e, SAS P3_PWDIS****EN</t>
  </si>
  <si>
    <t>REF*FJ*000010</t>
  </si>
  <si>
    <t>SAC*C*H850***194400********2630.43</t>
  </si>
  <si>
    <t>TXI*CG*1944*8*VD*201021203W***24300*gst</t>
  </si>
  <si>
    <t>TXI*CG*2630.43</t>
  </si>
  <si>
    <t>TDS*2624400**2624400</t>
  </si>
  <si>
    <t>CAD****AMER*AMER**BM*NA</t>
  </si>
  <si>
    <t>AMT*1*24300</t>
  </si>
  <si>
    <t>AMT*1*32880.33</t>
  </si>
  <si>
    <t>AMT*BAP*26244</t>
  </si>
  <si>
    <t>AMT*BAP*35510.76</t>
  </si>
  <si>
    <t>AMT*ZZ*24300</t>
  </si>
  <si>
    <t>AMT*ZZ*32880.33</t>
  </si>
  <si>
    <t>CTT*1</t>
  </si>
  <si>
    <t>SE*60*0001</t>
  </si>
  <si>
    <t>GE*1*8398</t>
  </si>
  <si>
    <t>IEA*1*000037094</t>
  </si>
  <si>
    <t>CUR*SE*USD**SE*SGD</t>
  </si>
  <si>
    <t>REF~MA~P1475716</t>
  </si>
  <si>
    <t>N1*FR*Singapore Supplier Pte. Ltd.*92*5220</t>
  </si>
  <si>
    <t>N1*BF*Singapore Supplier Pte. Ltd.*92*5220</t>
  </si>
  <si>
    <t>N1*SO*Hewlett Packard Enterprise Singapor Pte. Ltd.*92*SG10</t>
  </si>
  <si>
    <t>N1*RB*BANKING CORPORATION LIMITED</t>
  </si>
  <si>
    <t>REF*ACT**Bank Acct Name~</t>
  </si>
  <si>
    <t>N1*SF*Singapore Supplier Pte. Lt*92*H058</t>
  </si>
  <si>
    <t>For Zero Tax/Shipping from Non-Singapore Location=NOREGISTRA
For Local Tax/Shipping from Singapore = Supplier Tax ID</t>
  </si>
  <si>
    <t>N1*RI*Singapore Supplier Pte. Ltd.*92*10354xxxxx</t>
  </si>
  <si>
    <t>810 Invoice (Local Currency / Taxes)</t>
  </si>
  <si>
    <t>Return as received in the 850 N1*ST</t>
  </si>
  <si>
    <t>Return value received in 850 N1*BT</t>
  </si>
  <si>
    <t>For Plant Code values only &gt; 302M &amp; 301M return blank value in N104.          N1*ST*HEWLETT PACKARD ENTERPRISE SINGAPORE PTE. LTD.*92</t>
  </si>
  <si>
    <t>N1*ST*Hewlett Packard Enterprise Singapore Pte. Ltd*92*8999100193</t>
  </si>
  <si>
    <t>N4*SINGAPORE**109841*SG</t>
  </si>
  <si>
    <t>REF*GT segment added
TXI segment for Tax in Local Currecny updated
File name date format changed to YYYY/MM/DD</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xmlns:xr9="http://schemas.microsoft.com/office/spreadsheetml/2016/revision9" mc:Ignorable="x14ac x16r2 xr xr9">
  <fonts count="118">
    <font>
      <sz val="11"/>
      <color theme="1"/>
      <name val="Arial"/>
      <family val="2"/>
      <scheme val="minor"/>
    </font>
    <font>
      <sz val="12"/>
      <color theme="1"/>
      <name val="Arial"/>
      <family val="2"/>
      <scheme val="minor"/>
    </font>
    <font>
      <sz val="12"/>
      <color theme="1"/>
      <name val="Arial"/>
      <family val="2"/>
      <scheme val="minor"/>
    </font>
    <font>
      <sz val="12"/>
      <color theme="1"/>
      <name val="Arial"/>
      <family val="2"/>
      <scheme val="minor"/>
    </font>
    <font>
      <sz val="12"/>
      <color theme="1"/>
      <name val="Arial"/>
      <family val="2"/>
      <scheme val="minor"/>
    </font>
    <font>
      <b/>
      <sz val="11"/>
      <color theme="1"/>
      <name val="Arial"/>
      <family val="2"/>
      <scheme val="minor"/>
    </font>
    <font>
      <sz val="11"/>
      <name val="Arial"/>
      <family val="2"/>
      <scheme val="minor"/>
    </font>
    <font>
      <b/>
      <sz val="11"/>
      <color rgb="FF000000"/>
      <name val="Arial"/>
      <family val="2"/>
      <scheme val="minor"/>
    </font>
    <font>
      <b/>
      <sz val="11"/>
      <color rgb="FFFF0000"/>
      <name val="Arial"/>
      <family val="2"/>
      <scheme val="minor"/>
    </font>
    <font>
      <b/>
      <sz val="11"/>
      <color theme="9" tint="-0.499984740745262"/>
      <name val="Arial"/>
      <family val="2"/>
      <scheme val="minor"/>
    </font>
    <font>
      <sz val="11"/>
      <color rgb="FF9C0006"/>
      <name val="Arial"/>
      <family val="2"/>
      <scheme val="minor"/>
    </font>
    <font>
      <sz val="11"/>
      <color rgb="FF3F3F76"/>
      <name val="Arial"/>
      <family val="2"/>
      <scheme val="minor"/>
    </font>
    <font>
      <b/>
      <sz val="11"/>
      <color theme="0"/>
      <name val="Arial"/>
      <family val="2"/>
      <scheme val="minor"/>
    </font>
    <font>
      <sz val="11"/>
      <color rgb="FFFF0000"/>
      <name val="Arial"/>
      <family val="2"/>
      <scheme val="minor"/>
    </font>
    <font>
      <sz val="11"/>
      <color theme="0" tint="-0.34998626667073579"/>
      <name val="Arial"/>
      <family val="2"/>
      <scheme val="minor"/>
    </font>
    <font>
      <strike/>
      <sz val="11"/>
      <color theme="1"/>
      <name val="Arial"/>
      <family val="2"/>
      <scheme val="minor"/>
    </font>
    <font>
      <b/>
      <sz val="11"/>
      <color rgb="FF00B050"/>
      <name val="Arial"/>
      <family val="2"/>
      <scheme val="minor"/>
    </font>
    <font>
      <b/>
      <sz val="11"/>
      <color rgb="FF0070C0"/>
      <name val="Arial"/>
      <family val="2"/>
      <scheme val="minor"/>
    </font>
    <font>
      <sz val="10"/>
      <name val="Arial"/>
      <family val="2"/>
    </font>
    <font>
      <b/>
      <sz val="11"/>
      <name val="Arial"/>
      <family val="2"/>
      <scheme val="minor"/>
    </font>
    <font>
      <b/>
      <sz val="11"/>
      <color rgb="FFF86F08"/>
      <name val="Arial"/>
      <family val="2"/>
      <scheme val="minor"/>
    </font>
    <font>
      <b/>
      <sz val="11"/>
      <color rgb="FF7030A0"/>
      <name val="Arial"/>
      <family val="2"/>
      <scheme val="minor"/>
    </font>
    <font>
      <b/>
      <sz val="11"/>
      <color theme="0" tint="-0.249977111117893"/>
      <name val="Arial"/>
      <family val="2"/>
      <scheme val="minor"/>
    </font>
    <font>
      <b/>
      <sz val="12"/>
      <name val="Arial"/>
      <family val="2"/>
      <scheme val="minor"/>
    </font>
    <font>
      <sz val="11"/>
      <color theme="0" tint="-0.14999847407452621"/>
      <name val="Arial"/>
      <family val="2"/>
      <scheme val="minor"/>
    </font>
    <font>
      <u/>
      <sz val="11"/>
      <color theme="1"/>
      <name val="Arial"/>
      <family val="2"/>
      <scheme val="minor"/>
    </font>
    <font>
      <sz val="11"/>
      <color theme="1"/>
      <name val="Calibri"/>
      <family val="2"/>
    </font>
    <font>
      <sz val="11"/>
      <color theme="1"/>
      <name val="72"/>
      <family val="2"/>
    </font>
    <font>
      <b/>
      <sz val="11"/>
      <color theme="1"/>
      <name val="72"/>
      <family val="2"/>
    </font>
    <font>
      <sz val="10"/>
      <color theme="1"/>
      <name val="Calibri"/>
      <family val="2"/>
    </font>
    <font>
      <sz val="11"/>
      <color rgb="FF000000"/>
      <name val="Arial"/>
      <family val="2"/>
    </font>
    <font>
      <b/>
      <sz val="10"/>
      <color rgb="FF000000"/>
      <name val="Arial"/>
      <family val="2"/>
    </font>
    <font>
      <sz val="10"/>
      <color rgb="FF000000"/>
      <name val="Arial"/>
      <family val="2"/>
    </font>
    <font>
      <b/>
      <sz val="11"/>
      <color theme="1"/>
      <name val="Calibri"/>
      <family val="2"/>
    </font>
    <font>
      <u/>
      <sz val="11"/>
      <color theme="10"/>
      <name val="Arial"/>
      <family val="2"/>
      <scheme val="minor"/>
    </font>
    <font>
      <sz val="11"/>
      <color theme="1"/>
      <name val="Arial"/>
      <family val="2"/>
      <scheme val="minor"/>
    </font>
    <font>
      <sz val="11"/>
      <color theme="0" tint="-0.499984740745262"/>
      <name val="Arial"/>
      <family val="2"/>
      <scheme val="minor"/>
    </font>
    <font>
      <b/>
      <sz val="11"/>
      <color theme="0" tint="-0.499984740745262"/>
      <name val="Arial"/>
      <family val="2"/>
      <scheme val="minor"/>
    </font>
    <font>
      <b/>
      <sz val="11"/>
      <color rgb="FF92D050"/>
      <name val="Arial"/>
      <family val="2"/>
      <scheme val="minor"/>
    </font>
    <font>
      <sz val="11"/>
      <color theme="0" tint="-0.249977111117893"/>
      <name val="Arial"/>
      <family val="2"/>
      <scheme val="minor"/>
    </font>
    <font>
      <sz val="14"/>
      <color theme="1"/>
      <name val="Arial"/>
      <family val="2"/>
      <scheme val="minor"/>
    </font>
    <font>
      <sz val="14"/>
      <color rgb="FFFF0000"/>
      <name val="Arial"/>
      <family val="2"/>
      <scheme val="minor"/>
    </font>
    <font>
      <i/>
      <sz val="11"/>
      <color rgb="FF000000"/>
      <name val="Arial"/>
      <family val="2"/>
      <scheme val="minor"/>
    </font>
    <font>
      <sz val="11"/>
      <color theme="10"/>
      <name val="Arial"/>
      <family val="2"/>
      <scheme val="minor"/>
    </font>
    <font>
      <b/>
      <sz val="12"/>
      <color theme="3"/>
      <name val="Calibri"/>
      <family val="2"/>
    </font>
    <font>
      <sz val="12"/>
      <color theme="1"/>
      <name val="Arial"/>
      <family val="2"/>
      <scheme val="minor"/>
    </font>
    <font>
      <sz val="12"/>
      <color theme="1"/>
      <name val="Calibri"/>
      <family val="2"/>
    </font>
    <font>
      <b/>
      <sz val="12"/>
      <color theme="1"/>
      <name val="Calibri"/>
      <family val="2"/>
    </font>
    <font>
      <b/>
      <sz val="12"/>
      <color theme="3"/>
      <name val="Arial"/>
      <family val="2"/>
      <scheme val="minor"/>
    </font>
    <font>
      <b/>
      <sz val="20"/>
      <color theme="1"/>
      <name val="Arial"/>
      <family val="2"/>
      <scheme val="minor"/>
    </font>
    <font>
      <b/>
      <sz val="14"/>
      <color rgb="FF000000"/>
      <name val="Segoe UI"/>
      <family val="2"/>
    </font>
    <font>
      <sz val="14"/>
      <color rgb="FF000000"/>
      <name val="Calibri"/>
      <family val="2"/>
    </font>
    <font>
      <b/>
      <sz val="14"/>
      <color theme="1"/>
      <name val="Arial"/>
      <family val="2"/>
      <scheme val="minor"/>
    </font>
    <font>
      <sz val="14"/>
      <name val="Arial"/>
      <family val="2"/>
      <scheme val="minor"/>
    </font>
    <font>
      <sz val="11"/>
      <color rgb="FFF0AB00"/>
      <name val="Arial"/>
      <family val="2"/>
      <scheme val="minor"/>
    </font>
    <font>
      <sz val="11"/>
      <color theme="9" tint="0.79998168889431442"/>
      <name val="Arial"/>
      <family val="2"/>
      <scheme val="minor"/>
    </font>
    <font>
      <b/>
      <sz val="16"/>
      <color theme="1"/>
      <name val="Arial"/>
      <family val="2"/>
      <scheme val="minor"/>
    </font>
    <font>
      <strike/>
      <sz val="11"/>
      <color rgb="FF00B050"/>
      <name val="Arial"/>
      <family val="2"/>
      <scheme val="minor"/>
    </font>
    <font>
      <b/>
      <u/>
      <sz val="11"/>
      <color rgb="FF3F3F76"/>
      <name val="Arial"/>
      <family val="2"/>
      <scheme val="minor"/>
    </font>
    <font>
      <b/>
      <sz val="20"/>
      <color rgb="FFFF0000"/>
      <name val="Arial"/>
      <family val="2"/>
      <scheme val="minor"/>
    </font>
    <font>
      <b/>
      <sz val="22"/>
      <color theme="1"/>
      <name val="Arial"/>
      <family val="2"/>
      <scheme val="minor"/>
    </font>
    <font>
      <b/>
      <sz val="11"/>
      <color rgb="FF002060"/>
      <name val="Arial"/>
      <family val="2"/>
    </font>
    <font>
      <sz val="11"/>
      <color rgb="FF002060"/>
      <name val="Arial"/>
      <family val="2"/>
    </font>
    <font>
      <b/>
      <sz val="24"/>
      <color theme="1"/>
      <name val="Calibri"/>
      <family val="2"/>
    </font>
    <font>
      <b/>
      <sz val="24"/>
      <name val="Calibri"/>
      <family val="2"/>
    </font>
    <font>
      <sz val="12"/>
      <name val="Calibri"/>
      <family val="2"/>
    </font>
    <font>
      <sz val="12"/>
      <color rgb="FFFF0000"/>
      <name val="Calibri"/>
      <family val="2"/>
    </font>
    <font>
      <u/>
      <sz val="12"/>
      <name val="Calibri"/>
      <family val="2"/>
    </font>
    <font>
      <sz val="11"/>
      <color rgb="FF00B0F0"/>
      <name val="Arial"/>
      <family val="2"/>
      <scheme val="minor"/>
    </font>
    <font>
      <b/>
      <sz val="11"/>
      <color rgb="FF00B0F0"/>
      <name val="Arial"/>
      <family val="2"/>
      <scheme val="minor"/>
    </font>
    <font>
      <b/>
      <sz val="9"/>
      <name val="Metric Regular"/>
    </font>
    <font>
      <b/>
      <sz val="18"/>
      <color rgb="FF002060"/>
      <name val="Arial"/>
      <family val="2"/>
    </font>
    <font>
      <sz val="11"/>
      <name val="Arial Nova Light"/>
      <family val="2"/>
    </font>
    <font>
      <b/>
      <sz val="11"/>
      <color rgb="FFFFC000"/>
      <name val="Arial"/>
      <family val="2"/>
      <scheme val="minor"/>
    </font>
    <font>
      <sz val="12"/>
      <name val="Arial"/>
      <family val="2"/>
      <scheme val="minor"/>
    </font>
    <font>
      <sz val="10"/>
      <color theme="1"/>
      <name val="Arial"/>
      <family val="2"/>
      <scheme val="minor"/>
    </font>
    <font>
      <sz val="10"/>
      <name val="Arial"/>
      <family val="2"/>
      <scheme val="minor"/>
    </font>
    <font>
      <b/>
      <sz val="12"/>
      <color theme="1"/>
      <name val="Arial"/>
      <family val="2"/>
      <scheme val="minor"/>
    </font>
    <font>
      <u/>
      <sz val="14"/>
      <color rgb="FFFF0000"/>
      <name val="Arial"/>
      <family val="2"/>
      <scheme val="minor"/>
    </font>
    <font>
      <b/>
      <sz val="16"/>
      <color theme="0"/>
      <name val="Arial"/>
      <family val="2"/>
      <scheme val="minor"/>
    </font>
    <font>
      <b/>
      <sz val="18"/>
      <color theme="0"/>
      <name val="Arial"/>
      <family val="2"/>
      <scheme val="minor"/>
    </font>
    <font>
      <sz val="14"/>
      <color rgb="FF000000"/>
      <name val="Segoe UI"/>
      <family val="2"/>
    </font>
    <font>
      <u/>
      <sz val="14"/>
      <color rgb="FFFF0000"/>
      <name val="Segoe UI"/>
      <family val="2"/>
    </font>
    <font>
      <u/>
      <sz val="14"/>
      <name val="Arial"/>
      <family val="2"/>
      <scheme val="minor"/>
    </font>
    <font>
      <sz val="14"/>
      <color rgb="FF1F497D"/>
      <name val="Arial"/>
      <family val="2"/>
      <scheme val="minor"/>
    </font>
    <font>
      <sz val="11"/>
      <color rgb="FF7030A0"/>
      <name val="Arial"/>
      <family val="2"/>
      <scheme val="minor"/>
    </font>
    <font>
      <sz val="11"/>
      <color rgb="FF000000"/>
      <name val="Arial"/>
      <family val="2"/>
      <scheme val="minor"/>
    </font>
    <font>
      <sz val="11"/>
      <color theme="3" tint="0.39997558519241921"/>
      <name val="Arial"/>
      <family val="2"/>
      <scheme val="minor"/>
    </font>
    <font>
      <sz val="11"/>
      <name val="Arial"/>
      <family val="2"/>
    </font>
    <font>
      <b/>
      <sz val="18"/>
      <name val="Arial"/>
      <family val="2"/>
    </font>
    <font>
      <sz val="11"/>
      <color rgb="FF000000"/>
      <name val="Calibri"/>
      <family val="2"/>
    </font>
    <font>
      <sz val="11"/>
      <color theme="6" tint="0.39997558519241921"/>
      <name val="Arial"/>
      <family val="2"/>
      <scheme val="minor"/>
    </font>
    <font>
      <b/>
      <sz val="11"/>
      <name val="Arial"/>
      <family val="2"/>
    </font>
    <font>
      <sz val="11"/>
      <name val="Calibri"/>
      <family val="2"/>
    </font>
    <font>
      <b/>
      <sz val="11"/>
      <name val="Abadi"/>
      <family val="2"/>
    </font>
    <font>
      <b/>
      <sz val="12"/>
      <color theme="0"/>
      <name val="Arial"/>
      <family val="2"/>
      <scheme val="minor"/>
    </font>
    <font>
      <u/>
      <sz val="12"/>
      <color rgb="FFFF0000"/>
      <name val="Arial"/>
      <family val="2"/>
      <scheme val="minor"/>
    </font>
    <font>
      <u/>
      <sz val="12"/>
      <name val="Arial"/>
      <family val="2"/>
      <scheme val="minor"/>
    </font>
    <font>
      <sz val="12"/>
      <color rgb="FF1F497D"/>
      <name val="Arial"/>
      <family val="2"/>
      <scheme val="minor"/>
    </font>
    <font>
      <sz val="12"/>
      <color rgb="FFFF0000"/>
      <name val="Arial"/>
      <family val="2"/>
      <scheme val="minor"/>
    </font>
    <font>
      <b/>
      <sz val="12"/>
      <color rgb="FF0070C0"/>
      <name val="Arial"/>
      <family val="2"/>
      <scheme val="minor"/>
    </font>
    <font>
      <b/>
      <sz val="12"/>
      <color rgb="FFFF0000"/>
      <name val="Arial"/>
      <family val="2"/>
      <scheme val="minor"/>
    </font>
    <font>
      <sz val="14"/>
      <color rgb="FF000000"/>
      <name val="Arial"/>
      <family val="2"/>
      <scheme val="minor"/>
    </font>
    <font>
      <sz val="11"/>
      <color rgb="FFFF0000"/>
      <name val="Calibri"/>
      <family val="2"/>
    </font>
    <font>
      <sz val="11"/>
      <color rgb="FF7030A0"/>
      <name val="Arial Nova Light"/>
      <family val="2"/>
    </font>
    <font>
      <sz val="11"/>
      <color theme="1"/>
      <name val="Arial Nova Light"/>
      <family val="2"/>
    </font>
    <font>
      <sz val="11"/>
      <color rgb="FFFF0000"/>
      <name val="Arial Nova Light"/>
      <family val="2"/>
    </font>
    <font>
      <sz val="11"/>
      <color theme="4"/>
      <name val="Arial"/>
      <family val="2"/>
      <scheme val="minor"/>
    </font>
    <font>
      <b/>
      <sz val="11"/>
      <color theme="1"/>
      <name val="Arial"/>
      <family val="2"/>
      <scheme val="major"/>
    </font>
    <font>
      <b/>
      <sz val="10"/>
      <name val="Arial"/>
      <family val="2"/>
      <scheme val="minor"/>
    </font>
    <font>
      <i/>
      <sz val="11"/>
      <color theme="1"/>
      <name val="Arial"/>
      <family val="2"/>
      <scheme val="minor"/>
    </font>
    <font>
      <i/>
      <sz val="12"/>
      <name val="Arial"/>
      <family val="2"/>
      <scheme val="minor"/>
    </font>
    <font>
      <sz val="14"/>
      <color theme="1"/>
      <name val="Calibri"/>
      <family val="2"/>
    </font>
    <font>
      <sz val="8"/>
      <name val="Arial"/>
      <family val="2"/>
      <scheme val="minor"/>
    </font>
    <font>
      <sz val="16"/>
      <color theme="1"/>
      <name val="Arial"/>
      <family val="2"/>
      <scheme val="minor"/>
    </font>
    <font>
      <sz val="11"/>
      <color rgb="FFC00000"/>
      <name val="Calibri"/>
      <family val="2"/>
    </font>
    <font>
      <b/>
      <sz val="14"/>
      <color rgb="FFC00000"/>
      <name val="Arial"/>
      <family val="2"/>
      <scheme val="minor"/>
    </font>
    <font>
      <sz val="14"/>
      <color rgb="FFFF0000"/>
      <name val="Arial (Body)"/>
    </font>
  </fonts>
  <fills count="29">
    <fill>
      <patternFill patternType="none"/>
    </fill>
    <fill>
      <patternFill patternType="gray125"/>
    </fill>
    <fill>
      <patternFill patternType="solid">
        <fgColor theme="4" tint="0.39997558519241921"/>
        <bgColor indexed="64"/>
      </patternFill>
    </fill>
    <fill>
      <patternFill patternType="solid">
        <fgColor rgb="FFFFC000"/>
        <bgColor indexed="64"/>
      </patternFill>
    </fill>
    <fill>
      <patternFill patternType="solid">
        <fgColor theme="3" tint="0.59999389629810485"/>
        <bgColor indexed="64"/>
      </patternFill>
    </fill>
    <fill>
      <patternFill patternType="solid">
        <fgColor rgb="FFFFFF00"/>
        <bgColor indexed="64"/>
      </patternFill>
    </fill>
    <fill>
      <patternFill patternType="solid">
        <fgColor rgb="FFFFC7CE"/>
      </patternFill>
    </fill>
    <fill>
      <patternFill patternType="solid">
        <fgColor rgb="FFFFCC99"/>
      </patternFill>
    </fill>
    <fill>
      <patternFill patternType="solid">
        <fgColor theme="0" tint="-0.14999847407452621"/>
        <bgColor indexed="64"/>
      </patternFill>
    </fill>
    <fill>
      <patternFill patternType="solid">
        <fgColor rgb="FF00B050"/>
        <bgColor indexed="64"/>
      </patternFill>
    </fill>
    <fill>
      <patternFill patternType="solid">
        <fgColor rgb="FF00B0F0"/>
        <bgColor indexed="64"/>
      </patternFill>
    </fill>
    <fill>
      <patternFill patternType="solid">
        <fgColor rgb="FF999999"/>
        <bgColor indexed="64"/>
      </patternFill>
    </fill>
    <fill>
      <patternFill patternType="solid">
        <fgColor theme="1" tint="0.34998626667073579"/>
        <bgColor indexed="64"/>
      </patternFill>
    </fill>
    <fill>
      <patternFill patternType="solid">
        <fgColor theme="1" tint="0.499984740745262"/>
        <bgColor indexed="64"/>
      </patternFill>
    </fill>
    <fill>
      <patternFill patternType="solid">
        <fgColor rgb="FFFF0000"/>
        <bgColor indexed="64"/>
      </patternFill>
    </fill>
    <fill>
      <patternFill patternType="solid">
        <fgColor rgb="FF92D050"/>
        <bgColor indexed="64"/>
      </patternFill>
    </fill>
    <fill>
      <patternFill patternType="solid">
        <fgColor rgb="FF1003BD"/>
        <bgColor indexed="64"/>
      </patternFill>
    </fill>
    <fill>
      <patternFill patternType="solid">
        <fgColor rgb="FFF86F08"/>
        <bgColor indexed="64"/>
      </patternFill>
    </fill>
    <fill>
      <patternFill patternType="solid">
        <fgColor rgb="FF7030A0"/>
        <bgColor indexed="64"/>
      </patternFill>
    </fill>
    <fill>
      <patternFill patternType="solid">
        <fgColor rgb="FF0070C0"/>
        <bgColor indexed="64"/>
      </patternFill>
    </fill>
    <fill>
      <patternFill patternType="solid">
        <fgColor theme="6" tint="0.79998168889431442"/>
        <bgColor indexed="64"/>
      </patternFill>
    </fill>
    <fill>
      <patternFill patternType="solid">
        <fgColor theme="3" tint="0.79998168889431442"/>
        <bgColor indexed="64"/>
      </patternFill>
    </fill>
    <fill>
      <patternFill patternType="solid">
        <fgColor theme="2" tint="-9.9978637043366805E-2"/>
        <bgColor indexed="64"/>
      </patternFill>
    </fill>
    <fill>
      <patternFill patternType="solid">
        <fgColor rgb="FF00A982"/>
        <bgColor indexed="64"/>
      </patternFill>
    </fill>
    <fill>
      <patternFill patternType="solid">
        <fgColor theme="0"/>
        <bgColor indexed="64"/>
      </patternFill>
    </fill>
    <fill>
      <patternFill patternType="solid">
        <fgColor theme="0" tint="-0.249977111117893"/>
        <bgColor indexed="64"/>
      </patternFill>
    </fill>
    <fill>
      <patternFill patternType="solid">
        <fgColor theme="9" tint="0.59999389629810485"/>
        <bgColor indexed="64"/>
      </patternFill>
    </fill>
    <fill>
      <patternFill patternType="solid">
        <fgColor theme="4"/>
        <bgColor indexed="64"/>
      </patternFill>
    </fill>
    <fill>
      <patternFill patternType="solid">
        <fgColor theme="9" tint="0.79998168889431442"/>
        <bgColor indexed="64"/>
      </patternFill>
    </fill>
  </fills>
  <borders count="56">
    <border>
      <left/>
      <right/>
      <top/>
      <bottom/>
      <diagonal/>
    </border>
    <border>
      <left style="thin">
        <color indexed="64"/>
      </left>
      <right style="thin">
        <color indexed="64"/>
      </right>
      <top style="thin">
        <color indexed="64"/>
      </top>
      <bottom style="thin">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rgb="FFA3A3A3"/>
      </left>
      <right style="medium">
        <color rgb="FFA3A3A3"/>
      </right>
      <top style="medium">
        <color rgb="FFA3A3A3"/>
      </top>
      <bottom style="medium">
        <color rgb="FFA3A3A3"/>
      </bottom>
      <diagonal/>
    </border>
    <border>
      <left style="medium">
        <color rgb="FFA3A3A3"/>
      </left>
      <right style="medium">
        <color rgb="FFA3A3A3"/>
      </right>
      <top style="medium">
        <color rgb="FFA3A3A3"/>
      </top>
      <bottom/>
      <diagonal/>
    </border>
    <border>
      <left style="medium">
        <color rgb="FFA3A3A3"/>
      </left>
      <right style="medium">
        <color rgb="FFA3A3A3"/>
      </right>
      <top/>
      <bottom/>
      <diagonal/>
    </border>
    <border>
      <left style="medium">
        <color rgb="FFA3A3A3"/>
      </left>
      <right/>
      <top style="medium">
        <color rgb="FFA3A3A3"/>
      </top>
      <bottom style="medium">
        <color rgb="FFA3A3A3"/>
      </bottom>
      <diagonal/>
    </border>
    <border>
      <left/>
      <right style="medium">
        <color rgb="FFA3A3A3"/>
      </right>
      <top style="medium">
        <color rgb="FFA3A3A3"/>
      </top>
      <bottom style="medium">
        <color rgb="FFA3A3A3"/>
      </bottom>
      <diagonal/>
    </border>
    <border>
      <left/>
      <right/>
      <top/>
      <bottom style="medium">
        <color rgb="FFA3A3A3"/>
      </bottom>
      <diagonal/>
    </border>
    <border>
      <left style="medium">
        <color rgb="FFA3A3A3"/>
      </left>
      <right/>
      <top/>
      <bottom style="medium">
        <color rgb="FFA3A3A3"/>
      </bottom>
      <diagonal/>
    </border>
    <border>
      <left/>
      <right style="medium">
        <color rgb="FFA3A3A3"/>
      </right>
      <top/>
      <bottom style="medium">
        <color rgb="FFA3A3A3"/>
      </bottom>
      <diagonal/>
    </border>
    <border>
      <left/>
      <right style="medium">
        <color indexed="64"/>
      </right>
      <top/>
      <bottom/>
      <diagonal/>
    </border>
    <border>
      <left style="thin">
        <color indexed="64"/>
      </left>
      <right/>
      <top/>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thin">
        <color indexed="64"/>
      </right>
      <top/>
      <bottom/>
      <diagonal/>
    </border>
    <border>
      <left style="medium">
        <color rgb="FFC6C9CA"/>
      </left>
      <right/>
      <top style="medium">
        <color rgb="FFC6C9CA"/>
      </top>
      <bottom style="medium">
        <color rgb="FFC6C9CA"/>
      </bottom>
      <diagonal/>
    </border>
    <border>
      <left/>
      <right/>
      <top style="medium">
        <color rgb="FFC6C9CA"/>
      </top>
      <bottom style="medium">
        <color rgb="FFC6C9CA"/>
      </bottom>
      <diagonal/>
    </border>
    <border>
      <left/>
      <right style="medium">
        <color rgb="FFC6C9CA"/>
      </right>
      <top style="medium">
        <color rgb="FFC6C9CA"/>
      </top>
      <bottom style="medium">
        <color rgb="FFC6C9CA"/>
      </bottom>
      <diagonal/>
    </border>
    <border>
      <left style="medium">
        <color rgb="FFC6C9CA"/>
      </left>
      <right/>
      <top/>
      <bottom style="medium">
        <color rgb="FFC6C9CA"/>
      </bottom>
      <diagonal/>
    </border>
    <border>
      <left/>
      <right/>
      <top/>
      <bottom style="medium">
        <color rgb="FFC6C9CA"/>
      </bottom>
      <diagonal/>
    </border>
    <border>
      <left/>
      <right style="medium">
        <color rgb="FFC6C9CA"/>
      </right>
      <top/>
      <bottom style="medium">
        <color rgb="FFC6C9CA"/>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medium">
        <color rgb="FF01A082"/>
      </right>
      <top style="medium">
        <color rgb="FF01A082"/>
      </top>
      <bottom style="medium">
        <color rgb="FF01A082"/>
      </bottom>
      <diagonal/>
    </border>
    <border>
      <left/>
      <right style="medium">
        <color rgb="FF01A082"/>
      </right>
      <top style="medium">
        <color rgb="FF01A082"/>
      </top>
      <bottom style="medium">
        <color rgb="FF01A082"/>
      </bottom>
      <diagonal/>
    </border>
    <border>
      <left/>
      <right style="thin">
        <color indexed="64"/>
      </right>
      <top style="medium">
        <color rgb="FF01A082"/>
      </top>
      <bottom style="medium">
        <color rgb="FF01A082"/>
      </bottom>
      <diagonal/>
    </border>
    <border>
      <left style="thin">
        <color indexed="64"/>
      </left>
      <right style="medium">
        <color rgb="FF01A082"/>
      </right>
      <top/>
      <bottom style="medium">
        <color rgb="FF01A082"/>
      </bottom>
      <diagonal/>
    </border>
    <border>
      <left/>
      <right style="medium">
        <color rgb="FF01A082"/>
      </right>
      <top/>
      <bottom style="medium">
        <color rgb="FF01A082"/>
      </bottom>
      <diagonal/>
    </border>
    <border>
      <left/>
      <right style="thin">
        <color indexed="64"/>
      </right>
      <top/>
      <bottom style="medium">
        <color rgb="FF01A082"/>
      </bottom>
      <diagonal/>
    </border>
    <border>
      <left style="thin">
        <color indexed="64"/>
      </left>
      <right style="medium">
        <color rgb="FF01A082"/>
      </right>
      <top/>
      <bottom style="thin">
        <color indexed="64"/>
      </bottom>
      <diagonal/>
    </border>
    <border>
      <left/>
      <right style="medium">
        <color rgb="FF01A082"/>
      </right>
      <top/>
      <bottom style="thin">
        <color indexed="64"/>
      </bottom>
      <diagonal/>
    </border>
    <border>
      <left/>
      <right style="thin">
        <color indexed="64"/>
      </right>
      <top/>
      <bottom style="thin">
        <color indexed="64"/>
      </bottom>
      <diagonal/>
    </border>
    <border>
      <left style="thin">
        <color indexed="64"/>
      </left>
      <right/>
      <top/>
      <bottom style="thin">
        <color theme="0" tint="-0.14999847407452621"/>
      </bottom>
      <diagonal/>
    </border>
    <border>
      <left style="medium">
        <color indexed="64"/>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style="medium">
        <color indexed="64"/>
      </right>
      <top/>
      <bottom style="medium">
        <color indexed="64"/>
      </bottom>
      <diagonal/>
    </border>
    <border>
      <left/>
      <right/>
      <top style="medium">
        <color rgb="FFC6C9CA"/>
      </top>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diagonal/>
    </border>
  </borders>
  <cellStyleXfs count="5">
    <xf numFmtId="0" fontId="0" fillId="0" borderId="0"/>
    <xf numFmtId="0" fontId="10" fillId="6" borderId="0" applyNumberFormat="0" applyBorder="0" applyAlignment="0" applyProtection="0"/>
    <xf numFmtId="0" fontId="11" fillId="7" borderId="3" applyNumberFormat="0" applyAlignment="0" applyProtection="0"/>
    <xf numFmtId="0" fontId="18" fillId="0" borderId="0"/>
    <xf numFmtId="0" fontId="34" fillId="0" borderId="0" applyNumberFormat="0" applyFill="0" applyBorder="0" applyAlignment="0" applyProtection="0"/>
  </cellStyleXfs>
  <cellXfs count="438">
    <xf numFmtId="0" fontId="0" fillId="0" borderId="0" xfId="0"/>
    <xf numFmtId="0" fontId="0" fillId="0" borderId="1" xfId="0" applyBorder="1"/>
    <xf numFmtId="0" fontId="0" fillId="0" borderId="0" xfId="0" applyAlignment="1">
      <alignment wrapText="1"/>
    </xf>
    <xf numFmtId="0" fontId="0" fillId="0" borderId="0" xfId="0" applyAlignment="1">
      <alignment vertical="center"/>
    </xf>
    <xf numFmtId="0" fontId="8" fillId="0" borderId="0" xfId="0" applyFont="1"/>
    <xf numFmtId="0" fontId="9" fillId="0" borderId="0" xfId="0" applyFont="1"/>
    <xf numFmtId="0" fontId="0" fillId="3" borderId="0" xfId="0" applyFill="1"/>
    <xf numFmtId="0" fontId="0" fillId="2" borderId="0" xfId="0" applyFill="1"/>
    <xf numFmtId="0" fontId="0" fillId="0" borderId="0" xfId="0" applyAlignment="1">
      <alignment horizontal="left" vertical="top"/>
    </xf>
    <xf numFmtId="0" fontId="0" fillId="5" borderId="0" xfId="0" applyFill="1" applyAlignment="1">
      <alignment horizontal="left" vertical="top"/>
    </xf>
    <xf numFmtId="0" fontId="0" fillId="0" borderId="0" xfId="0" applyAlignment="1">
      <alignment vertical="top"/>
    </xf>
    <xf numFmtId="0" fontId="6" fillId="0" borderId="0" xfId="0" applyFont="1" applyAlignment="1">
      <alignment horizontal="left" vertical="top"/>
    </xf>
    <xf numFmtId="0" fontId="8" fillId="0" borderId="0" xfId="0" applyFont="1" applyAlignment="1">
      <alignment horizontal="left" vertical="top" wrapText="1"/>
    </xf>
    <xf numFmtId="0" fontId="14" fillId="0" borderId="0" xfId="1" applyFont="1" applyFill="1" applyBorder="1" applyAlignment="1">
      <alignment horizontal="left" vertical="top"/>
    </xf>
    <xf numFmtId="0" fontId="6" fillId="0" borderId="0" xfId="0" applyFont="1"/>
    <xf numFmtId="0" fontId="0" fillId="5" borderId="0" xfId="0" applyFill="1" applyAlignment="1">
      <alignment horizontal="center"/>
    </xf>
    <xf numFmtId="0" fontId="0" fillId="8" borderId="0" xfId="0" applyFill="1" applyAlignment="1">
      <alignment horizontal="left"/>
    </xf>
    <xf numFmtId="0" fontId="0" fillId="8" borderId="0" xfId="0" applyFill="1" applyAlignment="1">
      <alignment horizontal="left" vertical="top"/>
    </xf>
    <xf numFmtId="0" fontId="6" fillId="0" borderId="0" xfId="0" applyFont="1" applyAlignment="1">
      <alignment horizontal="left" vertical="top" wrapText="1"/>
    </xf>
    <xf numFmtId="0" fontId="14" fillId="0" borderId="0" xfId="0" applyFont="1" applyAlignment="1">
      <alignment horizontal="left" vertical="top"/>
    </xf>
    <xf numFmtId="0" fontId="5" fillId="0" borderId="0" xfId="0" applyFont="1" applyAlignment="1">
      <alignment vertical="top"/>
    </xf>
    <xf numFmtId="0" fontId="5" fillId="5" borderId="0" xfId="0" applyFont="1" applyFill="1" applyAlignment="1">
      <alignment horizontal="left" vertical="top"/>
    </xf>
    <xf numFmtId="0" fontId="12" fillId="12" borderId="0" xfId="0" applyFont="1" applyFill="1" applyAlignment="1">
      <alignment horizontal="left" vertical="top"/>
    </xf>
    <xf numFmtId="0" fontId="5" fillId="12" borderId="0" xfId="0" applyFont="1" applyFill="1" applyAlignment="1">
      <alignment horizontal="left" vertical="top"/>
    </xf>
    <xf numFmtId="0" fontId="13" fillId="0" borderId="0" xfId="0" applyFont="1" applyAlignment="1">
      <alignment horizontal="left" vertical="top"/>
    </xf>
    <xf numFmtId="0" fontId="14" fillId="0" borderId="0" xfId="0" applyFont="1" applyAlignment="1">
      <alignment horizontal="left" vertical="top" wrapText="1"/>
    </xf>
    <xf numFmtId="0" fontId="8" fillId="0" borderId="0" xfId="0" applyFont="1" applyAlignment="1">
      <alignment horizontal="left" vertical="top"/>
    </xf>
    <xf numFmtId="0" fontId="19" fillId="0" borderId="0" xfId="0" applyFont="1" applyAlignment="1">
      <alignment horizontal="left" vertical="top"/>
    </xf>
    <xf numFmtId="0" fontId="12" fillId="14" borderId="0" xfId="0" applyFont="1" applyFill="1" applyAlignment="1">
      <alignment horizontal="left" vertical="top"/>
    </xf>
    <xf numFmtId="0" fontId="5" fillId="14" borderId="0" xfId="0" applyFont="1" applyFill="1" applyAlignment="1">
      <alignment horizontal="left" vertical="top"/>
    </xf>
    <xf numFmtId="0" fontId="12" fillId="0" borderId="0" xfId="0" applyFont="1" applyAlignment="1">
      <alignment horizontal="left" vertical="top" wrapText="1"/>
    </xf>
    <xf numFmtId="0" fontId="12" fillId="9" borderId="0" xfId="0" applyFont="1" applyFill="1" applyAlignment="1">
      <alignment horizontal="left" vertical="top"/>
    </xf>
    <xf numFmtId="0" fontId="5" fillId="9" borderId="0" xfId="0" applyFont="1" applyFill="1" applyAlignment="1">
      <alignment horizontal="left" vertical="top"/>
    </xf>
    <xf numFmtId="0" fontId="6" fillId="0" borderId="0" xfId="0" applyFont="1" applyAlignment="1">
      <alignment vertical="top"/>
    </xf>
    <xf numFmtId="0" fontId="12" fillId="15" borderId="0" xfId="0" applyFont="1" applyFill="1" applyAlignment="1">
      <alignment horizontal="left" vertical="top"/>
    </xf>
    <xf numFmtId="0" fontId="5" fillId="15" borderId="0" xfId="0" applyFont="1" applyFill="1" applyAlignment="1">
      <alignment horizontal="left" vertical="top"/>
    </xf>
    <xf numFmtId="0" fontId="12" fillId="16" borderId="0" xfId="0" applyFont="1" applyFill="1" applyAlignment="1">
      <alignment horizontal="left" vertical="top"/>
    </xf>
    <xf numFmtId="0" fontId="12" fillId="18" borderId="0" xfId="0" applyFont="1" applyFill="1" applyAlignment="1">
      <alignment vertical="top" wrapText="1"/>
    </xf>
    <xf numFmtId="0" fontId="12" fillId="10" borderId="0" xfId="0" applyFont="1" applyFill="1" applyAlignment="1">
      <alignment horizontal="left" vertical="top"/>
    </xf>
    <xf numFmtId="0" fontId="5" fillId="10" borderId="0" xfId="0" applyFont="1" applyFill="1" applyAlignment="1">
      <alignment horizontal="left" vertical="top"/>
    </xf>
    <xf numFmtId="0" fontId="16" fillId="0" borderId="0" xfId="0" applyFont="1" applyAlignment="1">
      <alignment horizontal="left" vertical="top" wrapText="1"/>
    </xf>
    <xf numFmtId="0" fontId="6" fillId="0" borderId="0" xfId="0" applyFont="1" applyAlignment="1">
      <alignment horizontal="left"/>
    </xf>
    <xf numFmtId="49" fontId="12" fillId="11" borderId="0" xfId="3" applyNumberFormat="1" applyFont="1" applyFill="1" applyAlignment="1">
      <alignment horizontal="left" vertical="top"/>
    </xf>
    <xf numFmtId="0" fontId="0" fillId="0" borderId="0" xfId="0" applyAlignment="1">
      <alignment horizontal="center" vertical="top"/>
    </xf>
    <xf numFmtId="0" fontId="6" fillId="0" borderId="0" xfId="0" applyFont="1" applyAlignment="1">
      <alignment horizontal="left" wrapText="1"/>
    </xf>
    <xf numFmtId="0" fontId="0" fillId="0" borderId="0" xfId="0" applyAlignment="1">
      <alignment horizontal="left"/>
    </xf>
    <xf numFmtId="0" fontId="13" fillId="0" borderId="0" xfId="0" applyFont="1" applyAlignment="1">
      <alignment horizontal="left"/>
    </xf>
    <xf numFmtId="0" fontId="0" fillId="5" borderId="0" xfId="0" applyFill="1" applyAlignment="1">
      <alignment horizontal="left"/>
    </xf>
    <xf numFmtId="0" fontId="6" fillId="8" borderId="0" xfId="0" applyFont="1" applyFill="1" applyAlignment="1">
      <alignment horizontal="left"/>
    </xf>
    <xf numFmtId="0" fontId="0" fillId="8" borderId="0" xfId="0" applyFill="1"/>
    <xf numFmtId="0" fontId="24" fillId="0" borderId="0" xfId="0" applyFont="1" applyAlignment="1">
      <alignment horizontal="left"/>
    </xf>
    <xf numFmtId="0" fontId="6" fillId="8" borderId="0" xfId="0" applyFont="1" applyFill="1"/>
    <xf numFmtId="0" fontId="28" fillId="0" borderId="0" xfId="0" applyFont="1" applyAlignment="1">
      <alignment vertical="center" wrapText="1"/>
    </xf>
    <xf numFmtId="0" fontId="26" fillId="0" borderId="0" xfId="0" applyFont="1" applyAlignment="1">
      <alignment vertical="center" wrapText="1"/>
    </xf>
    <xf numFmtId="0" fontId="27" fillId="0" borderId="0" xfId="0" applyFont="1" applyAlignment="1">
      <alignment vertical="center" wrapText="1"/>
    </xf>
    <xf numFmtId="0" fontId="26" fillId="0" borderId="0" xfId="0" applyFont="1" applyAlignment="1">
      <alignment vertical="center"/>
    </xf>
    <xf numFmtId="0" fontId="30" fillId="0" borderId="0" xfId="0" applyFont="1" applyAlignment="1">
      <alignment horizontal="left" vertical="center" indent="1"/>
    </xf>
    <xf numFmtId="0" fontId="26" fillId="0" borderId="0" xfId="0" applyFont="1" applyAlignment="1">
      <alignment horizontal="left" vertical="center" indent="6"/>
    </xf>
    <xf numFmtId="0" fontId="31" fillId="0" borderId="0" xfId="0" applyFont="1" applyAlignment="1">
      <alignment vertical="center"/>
    </xf>
    <xf numFmtId="0" fontId="32" fillId="0" borderId="0" xfId="0" applyFont="1" applyAlignment="1">
      <alignment horizontal="left" vertical="center" indent="1"/>
    </xf>
    <xf numFmtId="0" fontId="29" fillId="0" borderId="0" xfId="0" applyFont="1" applyAlignment="1">
      <alignment horizontal="left" vertical="center" indent="6"/>
    </xf>
    <xf numFmtId="0" fontId="32" fillId="0" borderId="0" xfId="0" applyFont="1" applyAlignment="1">
      <alignment horizontal="left" vertical="center" indent="2"/>
    </xf>
    <xf numFmtId="0" fontId="33" fillId="0" borderId="0" xfId="0" applyFont="1" applyAlignment="1">
      <alignment vertical="center"/>
    </xf>
    <xf numFmtId="0" fontId="34" fillId="0" borderId="0" xfId="4" applyAlignment="1">
      <alignment horizontal="left" vertical="center" indent="1"/>
    </xf>
    <xf numFmtId="0" fontId="30" fillId="0" borderId="0" xfId="0" applyFont="1" applyAlignment="1">
      <alignment horizontal="left" vertical="center" indent="3"/>
    </xf>
    <xf numFmtId="0" fontId="26" fillId="0" borderId="0" xfId="0" applyFont="1" applyAlignment="1">
      <alignment horizontal="left" vertical="center" indent="3"/>
    </xf>
    <xf numFmtId="0" fontId="0" fillId="0" borderId="0" xfId="0" applyAlignment="1">
      <alignment horizontal="left" vertical="center" indent="3"/>
    </xf>
    <xf numFmtId="0" fontId="0" fillId="0" borderId="0" xfId="0" applyAlignment="1">
      <alignment vertical="center" readingOrder="1"/>
    </xf>
    <xf numFmtId="0" fontId="0" fillId="0" borderId="0" xfId="0" applyAlignment="1">
      <alignment horizontal="left" vertical="center" indent="6"/>
    </xf>
    <xf numFmtId="49" fontId="12" fillId="11" borderId="0" xfId="3" applyNumberFormat="1" applyFont="1" applyFill="1" applyAlignment="1">
      <alignment horizontal="left" vertical="top" wrapText="1"/>
    </xf>
    <xf numFmtId="49" fontId="0" fillId="0" borderId="0" xfId="0" applyNumberFormat="1" applyAlignment="1">
      <alignment horizontal="left" vertical="top" wrapText="1"/>
    </xf>
    <xf numFmtId="0" fontId="0" fillId="9" borderId="1" xfId="0" applyFill="1" applyBorder="1" applyAlignment="1">
      <alignment vertical="top"/>
    </xf>
    <xf numFmtId="0" fontId="0" fillId="0" borderId="0" xfId="0" applyAlignment="1">
      <alignment horizontal="left" vertical="top" wrapText="1"/>
    </xf>
    <xf numFmtId="0" fontId="0" fillId="5" borderId="0" xfId="0" applyFill="1" applyAlignment="1">
      <alignment horizontal="center" vertical="top"/>
    </xf>
    <xf numFmtId="0" fontId="19" fillId="8" borderId="0" xfId="0" applyFont="1" applyFill="1" applyAlignment="1">
      <alignment horizontal="left" vertical="top" wrapText="1"/>
    </xf>
    <xf numFmtId="0" fontId="6" fillId="8" borderId="0" xfId="0" applyFont="1" applyFill="1" applyAlignment="1">
      <alignment horizontal="left" vertical="top"/>
    </xf>
    <xf numFmtId="0" fontId="19" fillId="8" borderId="0" xfId="0" applyFont="1" applyFill="1" applyAlignment="1">
      <alignment horizontal="left" vertical="top"/>
    </xf>
    <xf numFmtId="0" fontId="5" fillId="8" borderId="0" xfId="0" applyFont="1" applyFill="1" applyAlignment="1">
      <alignment horizontal="left" vertical="top" wrapText="1"/>
    </xf>
    <xf numFmtId="0" fontId="6" fillId="8" borderId="0" xfId="0" applyFont="1" applyFill="1" applyAlignment="1">
      <alignment horizontal="left" vertical="top" wrapText="1"/>
    </xf>
    <xf numFmtId="0" fontId="13" fillId="8" borderId="0" xfId="0" applyFont="1" applyFill="1" applyAlignment="1">
      <alignment horizontal="left" vertical="top"/>
    </xf>
    <xf numFmtId="0" fontId="12" fillId="13" borderId="0" xfId="0" applyFont="1" applyFill="1" applyAlignment="1">
      <alignment vertical="top" wrapText="1"/>
    </xf>
    <xf numFmtId="0" fontId="6" fillId="0" borderId="0" xfId="0" applyFont="1" applyAlignment="1">
      <alignment vertical="top" wrapText="1"/>
    </xf>
    <xf numFmtId="0" fontId="12" fillId="17" borderId="0" xfId="0" applyFont="1" applyFill="1" applyAlignment="1">
      <alignment vertical="top" wrapText="1"/>
    </xf>
    <xf numFmtId="0" fontId="8" fillId="8" borderId="0" xfId="0" applyFont="1" applyFill="1" applyAlignment="1">
      <alignment horizontal="left" vertical="top" wrapText="1"/>
    </xf>
    <xf numFmtId="0" fontId="35" fillId="8" borderId="0" xfId="0" applyFont="1" applyFill="1" applyAlignment="1">
      <alignment horizontal="left"/>
    </xf>
    <xf numFmtId="0" fontId="35" fillId="8" borderId="0" xfId="0" applyFont="1" applyFill="1" applyAlignment="1">
      <alignment horizontal="left" vertical="top"/>
    </xf>
    <xf numFmtId="0" fontId="35" fillId="8" borderId="0" xfId="0" applyFont="1" applyFill="1" applyAlignment="1">
      <alignment horizontal="left" vertical="top" wrapText="1"/>
    </xf>
    <xf numFmtId="0" fontId="35" fillId="0" borderId="0" xfId="0" applyFont="1" applyAlignment="1">
      <alignment horizontal="left" vertical="top"/>
    </xf>
    <xf numFmtId="0" fontId="35" fillId="0" borderId="0" xfId="0" applyFont="1" applyAlignment="1">
      <alignment horizontal="left"/>
    </xf>
    <xf numFmtId="0" fontId="35" fillId="0" borderId="0" xfId="0" applyFont="1" applyAlignment="1">
      <alignment horizontal="left" vertical="top" wrapText="1"/>
    </xf>
    <xf numFmtId="0" fontId="14" fillId="8" borderId="0" xfId="0" applyFont="1" applyFill="1" applyAlignment="1">
      <alignment horizontal="left" vertical="top" wrapText="1"/>
    </xf>
    <xf numFmtId="0" fontId="39" fillId="0" borderId="0" xfId="0" applyFont="1" applyAlignment="1">
      <alignment horizontal="left" vertical="top"/>
    </xf>
    <xf numFmtId="0" fontId="5" fillId="0" borderId="0" xfId="0" applyFont="1" applyAlignment="1">
      <alignment horizontal="left" vertical="top" wrapText="1"/>
    </xf>
    <xf numFmtId="0" fontId="0" fillId="0" borderId="0" xfId="0" applyAlignment="1">
      <alignment vertical="top" wrapText="1"/>
    </xf>
    <xf numFmtId="0" fontId="24" fillId="0" borderId="0" xfId="0" applyFont="1"/>
    <xf numFmtId="0" fontId="6" fillId="0" borderId="0" xfId="0" applyFont="1" applyAlignment="1">
      <alignment wrapText="1"/>
    </xf>
    <xf numFmtId="0" fontId="5" fillId="5" borderId="0" xfId="0" applyFont="1" applyFill="1"/>
    <xf numFmtId="0" fontId="0" fillId="5" borderId="0" xfId="0" applyFill="1"/>
    <xf numFmtId="0" fontId="40" fillId="0" borderId="0" xfId="0" applyFont="1"/>
    <xf numFmtId="0" fontId="40" fillId="0" borderId="0" xfId="0" applyFont="1" applyAlignment="1">
      <alignment wrapText="1"/>
    </xf>
    <xf numFmtId="0" fontId="43" fillId="0" borderId="0" xfId="4" applyFont="1" applyAlignment="1">
      <alignment horizontal="left" vertical="center" indent="1"/>
    </xf>
    <xf numFmtId="0" fontId="35" fillId="0" borderId="0" xfId="0" applyFont="1"/>
    <xf numFmtId="14" fontId="0" fillId="0" borderId="1" xfId="0" applyNumberFormat="1" applyBorder="1"/>
    <xf numFmtId="0" fontId="44" fillId="0" borderId="14" xfId="0" applyFont="1" applyBorder="1" applyAlignment="1">
      <alignment vertical="center"/>
    </xf>
    <xf numFmtId="0" fontId="45" fillId="0" borderId="15" xfId="0" applyFont="1" applyBorder="1"/>
    <xf numFmtId="0" fontId="45" fillId="0" borderId="2" xfId="0" applyFont="1" applyBorder="1"/>
    <xf numFmtId="0" fontId="46" fillId="0" borderId="16" xfId="0" applyFont="1" applyBorder="1" applyAlignment="1">
      <alignment vertical="center"/>
    </xf>
    <xf numFmtId="0" fontId="45" fillId="0" borderId="0" xfId="0" applyFont="1"/>
    <xf numFmtId="0" fontId="45" fillId="0" borderId="12" xfId="0" applyFont="1" applyBorder="1"/>
    <xf numFmtId="0" fontId="47" fillId="0" borderId="12" xfId="0" applyFont="1" applyBorder="1" applyAlignment="1">
      <alignment vertical="center" wrapText="1"/>
    </xf>
    <xf numFmtId="0" fontId="44" fillId="0" borderId="16" xfId="0" applyFont="1" applyBorder="1" applyAlignment="1">
      <alignment vertical="center"/>
    </xf>
    <xf numFmtId="0" fontId="46" fillId="0" borderId="16" xfId="0" applyFont="1" applyBorder="1" applyAlignment="1">
      <alignment horizontal="left" vertical="center" indent="1"/>
    </xf>
    <xf numFmtId="0" fontId="46" fillId="0" borderId="16" xfId="0" applyFont="1" applyBorder="1" applyAlignment="1">
      <alignment horizontal="left" vertical="center" indent="3"/>
    </xf>
    <xf numFmtId="0" fontId="45" fillId="0" borderId="16" xfId="0" applyFont="1" applyBorder="1"/>
    <xf numFmtId="0" fontId="46" fillId="0" borderId="12" xfId="0" applyFont="1" applyBorder="1" applyAlignment="1">
      <alignment horizontal="left" vertical="center" indent="1"/>
    </xf>
    <xf numFmtId="0" fontId="46" fillId="0" borderId="12" xfId="0" applyFont="1" applyBorder="1" applyAlignment="1">
      <alignment horizontal="left" vertical="center" wrapText="1" indent="1"/>
    </xf>
    <xf numFmtId="0" fontId="46" fillId="0" borderId="16" xfId="0" applyFont="1" applyBorder="1" applyAlignment="1">
      <alignment horizontal="left" vertical="center" indent="9"/>
    </xf>
    <xf numFmtId="0" fontId="45" fillId="2" borderId="0" xfId="0" applyFont="1" applyFill="1"/>
    <xf numFmtId="0" fontId="46" fillId="0" borderId="5" xfId="0" applyFont="1" applyBorder="1" applyAlignment="1">
      <alignment vertical="center" wrapText="1"/>
    </xf>
    <xf numFmtId="0" fontId="46" fillId="0" borderId="4" xfId="0" applyFont="1" applyBorder="1" applyAlignment="1">
      <alignment vertical="center" wrapText="1"/>
    </xf>
    <xf numFmtId="0" fontId="46" fillId="0" borderId="6" xfId="0" applyFont="1" applyBorder="1" applyAlignment="1">
      <alignment vertical="center" wrapText="1"/>
    </xf>
    <xf numFmtId="0" fontId="48" fillId="0" borderId="0" xfId="0" applyFont="1"/>
    <xf numFmtId="0" fontId="46" fillId="0" borderId="0" xfId="0" applyFont="1" applyAlignment="1">
      <alignment horizontal="left" vertical="center" indent="3"/>
    </xf>
    <xf numFmtId="0" fontId="0" fillId="20" borderId="0" xfId="0" applyFill="1"/>
    <xf numFmtId="0" fontId="0" fillId="20" borderId="0" xfId="0" applyFill="1" applyAlignment="1">
      <alignment wrapText="1"/>
    </xf>
    <xf numFmtId="0" fontId="49" fillId="0" borderId="0" xfId="0" applyFont="1"/>
    <xf numFmtId="0" fontId="49" fillId="0" borderId="0" xfId="0" applyFont="1" applyAlignment="1">
      <alignment wrapText="1"/>
    </xf>
    <xf numFmtId="0" fontId="0" fillId="21" borderId="0" xfId="0" applyFill="1"/>
    <xf numFmtId="0" fontId="0" fillId="21" borderId="0" xfId="0" applyFill="1" applyAlignment="1">
      <alignment wrapText="1"/>
    </xf>
    <xf numFmtId="0" fontId="54" fillId="0" borderId="0" xfId="0" applyFont="1" applyAlignment="1">
      <alignment horizontal="left" vertical="center" indent="1" readingOrder="1"/>
    </xf>
    <xf numFmtId="0" fontId="54" fillId="0" borderId="0" xfId="0" applyFont="1" applyAlignment="1">
      <alignment horizontal="left" vertical="center" wrapText="1" indent="1" readingOrder="1"/>
    </xf>
    <xf numFmtId="0" fontId="13" fillId="0" borderId="0" xfId="0" applyFont="1"/>
    <xf numFmtId="49" fontId="12" fillId="11" borderId="0" xfId="3" applyNumberFormat="1" applyFont="1" applyFill="1" applyAlignment="1">
      <alignment vertical="top"/>
    </xf>
    <xf numFmtId="0" fontId="19" fillId="5" borderId="0" xfId="0" applyFont="1" applyFill="1" applyAlignment="1">
      <alignment horizontal="left" vertical="top"/>
    </xf>
    <xf numFmtId="49" fontId="12" fillId="5" borderId="0" xfId="3" applyNumberFormat="1" applyFont="1" applyFill="1" applyAlignment="1">
      <alignment vertical="top"/>
    </xf>
    <xf numFmtId="49" fontId="19" fillId="5" borderId="0" xfId="3" applyNumberFormat="1" applyFont="1" applyFill="1" applyAlignment="1">
      <alignment vertical="top"/>
    </xf>
    <xf numFmtId="49" fontId="12" fillId="5" borderId="0" xfId="3" applyNumberFormat="1" applyFont="1" applyFill="1" applyAlignment="1">
      <alignment horizontal="left" vertical="top"/>
    </xf>
    <xf numFmtId="49" fontId="12" fillId="5" borderId="0" xfId="3" applyNumberFormat="1" applyFont="1" applyFill="1" applyAlignment="1">
      <alignment vertical="top" wrapText="1"/>
    </xf>
    <xf numFmtId="0" fontId="0" fillId="8" borderId="0" xfId="0" applyFill="1" applyAlignment="1">
      <alignment horizontal="left" vertical="top" wrapText="1"/>
    </xf>
    <xf numFmtId="0" fontId="0" fillId="8" borderId="0" xfId="0" applyFill="1" applyAlignment="1">
      <alignment vertical="top"/>
    </xf>
    <xf numFmtId="0" fontId="14" fillId="0" borderId="0" xfId="0" applyFont="1" applyAlignment="1">
      <alignment vertical="top"/>
    </xf>
    <xf numFmtId="0" fontId="6" fillId="8" borderId="0" xfId="0" applyFont="1" applyFill="1" applyAlignment="1">
      <alignment vertical="top" wrapText="1"/>
    </xf>
    <xf numFmtId="0" fontId="6" fillId="8" borderId="0" xfId="0" applyFont="1" applyFill="1" applyAlignment="1">
      <alignment vertical="top"/>
    </xf>
    <xf numFmtId="0" fontId="13" fillId="0" borderId="0" xfId="0" applyFont="1" applyAlignment="1">
      <alignment vertical="top"/>
    </xf>
    <xf numFmtId="0" fontId="13" fillId="0" borderId="0" xfId="0" applyFont="1" applyAlignment="1">
      <alignment horizontal="left" vertical="top" wrapText="1"/>
    </xf>
    <xf numFmtId="0" fontId="17" fillId="0" borderId="0" xfId="0" applyFont="1" applyAlignment="1">
      <alignment horizontal="left" vertical="top"/>
    </xf>
    <xf numFmtId="0" fontId="14" fillId="0" borderId="0" xfId="0" applyFont="1" applyAlignment="1">
      <alignment vertical="top" wrapText="1"/>
    </xf>
    <xf numFmtId="0" fontId="57" fillId="0" borderId="0" xfId="0" applyFont="1" applyAlignment="1">
      <alignment horizontal="left" vertical="top"/>
    </xf>
    <xf numFmtId="0" fontId="57" fillId="0" borderId="0" xfId="0" applyFont="1" applyAlignment="1">
      <alignment vertical="top"/>
    </xf>
    <xf numFmtId="0" fontId="0" fillId="5" borderId="0" xfId="0" applyFill="1" applyAlignment="1">
      <alignment horizontal="left" vertical="top" wrapText="1"/>
    </xf>
    <xf numFmtId="49" fontId="0" fillId="0" borderId="0" xfId="0" applyNumberFormat="1" applyAlignment="1">
      <alignment horizontal="left" vertical="top"/>
    </xf>
    <xf numFmtId="0" fontId="0" fillId="0" borderId="1" xfId="0" applyBorder="1" applyAlignment="1">
      <alignment vertical="top"/>
    </xf>
    <xf numFmtId="0" fontId="36" fillId="0" borderId="0" xfId="0" applyFont="1" applyAlignment="1">
      <alignment horizontal="left" vertical="top"/>
    </xf>
    <xf numFmtId="0" fontId="19" fillId="5" borderId="0" xfId="0" applyFont="1" applyFill="1"/>
    <xf numFmtId="0" fontId="19" fillId="5" borderId="0" xfId="0" applyFont="1" applyFill="1" applyAlignment="1">
      <alignment vertical="top"/>
    </xf>
    <xf numFmtId="0" fontId="23" fillId="5" borderId="0" xfId="0" applyFont="1" applyFill="1" applyAlignment="1">
      <alignment vertical="top"/>
    </xf>
    <xf numFmtId="0" fontId="0" fillId="8" borderId="0" xfId="0" applyFill="1" applyAlignment="1">
      <alignment vertical="top" wrapText="1"/>
    </xf>
    <xf numFmtId="0" fontId="5" fillId="5" borderId="0" xfId="0" applyFont="1" applyFill="1" applyAlignment="1">
      <alignment vertical="top"/>
    </xf>
    <xf numFmtId="0" fontId="0" fillId="15" borderId="0" xfId="0" applyFill="1" applyAlignment="1">
      <alignment horizontal="left" vertical="top"/>
    </xf>
    <xf numFmtId="0" fontId="0" fillId="15" borderId="0" xfId="0" applyFill="1" applyAlignment="1">
      <alignment horizontal="left" vertical="top" wrapText="1"/>
    </xf>
    <xf numFmtId="0" fontId="19" fillId="0" borderId="0" xfId="0" applyFont="1" applyAlignment="1">
      <alignment horizontal="left" vertical="top" wrapText="1"/>
    </xf>
    <xf numFmtId="0" fontId="34" fillId="0" borderId="0" xfId="4"/>
    <xf numFmtId="0" fontId="58" fillId="7" borderId="3" xfId="2" applyFont="1"/>
    <xf numFmtId="49" fontId="0" fillId="0" borderId="0" xfId="0" applyNumberFormat="1"/>
    <xf numFmtId="0" fontId="59" fillId="0" borderId="0" xfId="0" applyFont="1"/>
    <xf numFmtId="0" fontId="55" fillId="0" borderId="0" xfId="0" applyFont="1" applyAlignment="1">
      <alignment wrapText="1"/>
    </xf>
    <xf numFmtId="0" fontId="25" fillId="0" borderId="0" xfId="0" applyFont="1" applyAlignment="1">
      <alignment horizontal="center" wrapText="1"/>
    </xf>
    <xf numFmtId="0" fontId="61" fillId="23" borderId="18" xfId="0" applyFont="1" applyFill="1" applyBorder="1" applyAlignment="1">
      <alignment vertical="center" wrapText="1"/>
    </xf>
    <xf numFmtId="0" fontId="61" fillId="23" borderId="19" xfId="0" applyFont="1" applyFill="1" applyBorder="1" applyAlignment="1">
      <alignment vertical="center" wrapText="1"/>
    </xf>
    <xf numFmtId="0" fontId="61" fillId="23" borderId="20" xfId="0" applyFont="1" applyFill="1" applyBorder="1" applyAlignment="1">
      <alignment vertical="center" wrapText="1"/>
    </xf>
    <xf numFmtId="0" fontId="62" fillId="0" borderId="21" xfId="0" applyFont="1" applyBorder="1" applyAlignment="1">
      <alignment vertical="center" wrapText="1"/>
    </xf>
    <xf numFmtId="0" fontId="62" fillId="0" borderId="22" xfId="0" applyFont="1" applyBorder="1" applyAlignment="1">
      <alignment vertical="center" wrapText="1"/>
    </xf>
    <xf numFmtId="0" fontId="62" fillId="0" borderId="23" xfId="0" applyFont="1" applyBorder="1" applyAlignment="1">
      <alignment vertical="center" wrapText="1"/>
    </xf>
    <xf numFmtId="0" fontId="50" fillId="0" borderId="0" xfId="0" applyFont="1" applyAlignment="1">
      <alignment horizontal="center" vertical="top" wrapText="1" readingOrder="1"/>
    </xf>
    <xf numFmtId="0" fontId="51" fillId="0" borderId="0" xfId="0" applyFont="1" applyAlignment="1">
      <alignment horizontal="center" vertical="top" wrapText="1" readingOrder="1"/>
    </xf>
    <xf numFmtId="0" fontId="53" fillId="0" borderId="0" xfId="0" applyFont="1" applyAlignment="1">
      <alignment horizontal="center" vertical="top" wrapText="1"/>
    </xf>
    <xf numFmtId="0" fontId="52" fillId="0" borderId="0" xfId="0" applyFont="1"/>
    <xf numFmtId="0" fontId="52" fillId="0" borderId="0" xfId="0" applyFont="1" applyAlignment="1">
      <alignment wrapText="1"/>
    </xf>
    <xf numFmtId="0" fontId="46" fillId="5" borderId="0" xfId="0" applyFont="1" applyFill="1" applyAlignment="1">
      <alignment wrapText="1"/>
    </xf>
    <xf numFmtId="0" fontId="46" fillId="0" borderId="0" xfId="0" applyFont="1"/>
    <xf numFmtId="0" fontId="46" fillId="24" borderId="1" xfId="0" applyFont="1" applyFill="1" applyBorder="1" applyAlignment="1">
      <alignment vertical="top" wrapText="1"/>
    </xf>
    <xf numFmtId="0" fontId="46" fillId="0" borderId="0" xfId="0" applyFont="1" applyAlignment="1">
      <alignment horizontal="left" vertical="top"/>
    </xf>
    <xf numFmtId="0" fontId="63" fillId="22" borderId="1" xfId="0" applyFont="1" applyFill="1" applyBorder="1" applyAlignment="1">
      <alignment horizontal="center" vertical="center"/>
    </xf>
    <xf numFmtId="0" fontId="46" fillId="24" borderId="27" xfId="0" applyFont="1" applyFill="1" applyBorder="1"/>
    <xf numFmtId="0" fontId="46" fillId="24" borderId="28" xfId="0" applyFont="1" applyFill="1" applyBorder="1"/>
    <xf numFmtId="0" fontId="64" fillId="22" borderId="1" xfId="0" applyFont="1" applyFill="1" applyBorder="1" applyAlignment="1">
      <alignment horizontal="center" vertical="center"/>
    </xf>
    <xf numFmtId="0" fontId="65" fillId="24" borderId="1" xfId="0" applyFont="1" applyFill="1" applyBorder="1"/>
    <xf numFmtId="0" fontId="67" fillId="24" borderId="1" xfId="0" applyFont="1" applyFill="1" applyBorder="1" applyAlignment="1">
      <alignment vertical="center" wrapText="1"/>
    </xf>
    <xf numFmtId="0" fontId="65" fillId="24" borderId="29" xfId="0" applyFont="1" applyFill="1" applyBorder="1" applyAlignment="1">
      <alignment vertical="center" wrapText="1"/>
    </xf>
    <xf numFmtId="0" fontId="65" fillId="24" borderId="1" xfId="0" applyFont="1" applyFill="1" applyBorder="1" applyAlignment="1">
      <alignment wrapText="1"/>
    </xf>
    <xf numFmtId="0" fontId="13" fillId="24" borderId="13" xfId="0" applyFont="1" applyFill="1" applyBorder="1"/>
    <xf numFmtId="0" fontId="0" fillId="24" borderId="0" xfId="0" applyFill="1"/>
    <xf numFmtId="0" fontId="0" fillId="24" borderId="17" xfId="0" applyFill="1" applyBorder="1"/>
    <xf numFmtId="0" fontId="70" fillId="24" borderId="30" xfId="0" applyFont="1" applyFill="1" applyBorder="1" applyAlignment="1">
      <alignment horizontal="center" vertical="center" wrapText="1"/>
    </xf>
    <xf numFmtId="0" fontId="70" fillId="24" borderId="31" xfId="0" applyFont="1" applyFill="1" applyBorder="1" applyAlignment="1">
      <alignment horizontal="center" vertical="center" wrapText="1"/>
    </xf>
    <xf numFmtId="0" fontId="70" fillId="24" borderId="32" xfId="0" applyFont="1" applyFill="1" applyBorder="1" applyAlignment="1">
      <alignment horizontal="center" vertical="center" wrapText="1"/>
    </xf>
    <xf numFmtId="0" fontId="33" fillId="24" borderId="33" xfId="0" applyFont="1" applyFill="1" applyBorder="1" applyAlignment="1">
      <alignment horizontal="center" vertical="center" wrapText="1"/>
    </xf>
    <xf numFmtId="0" fontId="33" fillId="24" borderId="34" xfId="0" applyFont="1" applyFill="1" applyBorder="1" applyAlignment="1">
      <alignment vertical="center" wrapText="1"/>
    </xf>
    <xf numFmtId="0" fontId="33" fillId="24" borderId="35" xfId="0" applyFont="1" applyFill="1" applyBorder="1" applyAlignment="1">
      <alignment vertical="center" wrapText="1"/>
    </xf>
    <xf numFmtId="0" fontId="33" fillId="24" borderId="36" xfId="0" applyFont="1" applyFill="1" applyBorder="1" applyAlignment="1">
      <alignment horizontal="center" vertical="center" wrapText="1"/>
    </xf>
    <xf numFmtId="0" fontId="33" fillId="24" borderId="37" xfId="0" applyFont="1" applyFill="1" applyBorder="1" applyAlignment="1">
      <alignment vertical="center" wrapText="1"/>
    </xf>
    <xf numFmtId="0" fontId="33" fillId="24" borderId="38" xfId="0" applyFont="1" applyFill="1" applyBorder="1" applyAlignment="1">
      <alignment vertical="center" wrapText="1"/>
    </xf>
    <xf numFmtId="0" fontId="40" fillId="0" borderId="0" xfId="0" applyFont="1" applyAlignment="1">
      <alignment vertical="center" wrapText="1"/>
    </xf>
    <xf numFmtId="0" fontId="40" fillId="0" borderId="0" xfId="0" applyFont="1" applyAlignment="1">
      <alignment vertical="top" wrapText="1"/>
    </xf>
    <xf numFmtId="49" fontId="73" fillId="11" borderId="0" xfId="3" applyNumberFormat="1" applyFont="1" applyFill="1" applyAlignment="1">
      <alignment horizontal="left" vertical="top" wrapText="1"/>
    </xf>
    <xf numFmtId="0" fontId="45" fillId="0" borderId="0" xfId="0" applyFont="1" applyAlignment="1">
      <alignment wrapText="1"/>
    </xf>
    <xf numFmtId="0" fontId="75" fillId="0" borderId="0" xfId="0" applyFont="1" applyAlignment="1">
      <alignment vertical="top"/>
    </xf>
    <xf numFmtId="0" fontId="40" fillId="0" borderId="0" xfId="0" applyFont="1" applyAlignment="1">
      <alignment vertical="top"/>
    </xf>
    <xf numFmtId="0" fontId="53" fillId="0" borderId="0" xfId="0" applyFont="1"/>
    <xf numFmtId="0" fontId="53" fillId="0" borderId="0" xfId="0" applyFont="1" applyAlignment="1">
      <alignment wrapText="1"/>
    </xf>
    <xf numFmtId="0" fontId="53" fillId="0" borderId="0" xfId="0" applyFont="1" applyAlignment="1">
      <alignment vertical="top" wrapText="1"/>
    </xf>
    <xf numFmtId="49" fontId="12" fillId="0" borderId="0" xfId="3" applyNumberFormat="1" applyFont="1" applyAlignment="1">
      <alignment horizontal="left" vertical="top" wrapText="1"/>
    </xf>
    <xf numFmtId="0" fontId="26" fillId="0" borderId="0" xfId="0" applyFont="1"/>
    <xf numFmtId="0" fontId="26" fillId="0" borderId="0" xfId="0" applyFont="1" applyAlignment="1">
      <alignment vertical="top"/>
    </xf>
    <xf numFmtId="0" fontId="26" fillId="0" borderId="0" xfId="0" applyFont="1" applyAlignment="1">
      <alignment vertical="top" wrapText="1"/>
    </xf>
    <xf numFmtId="0" fontId="75" fillId="0" borderId="0" xfId="0" applyFont="1" applyAlignment="1">
      <alignment vertical="top" wrapText="1"/>
    </xf>
    <xf numFmtId="0" fontId="40" fillId="0" borderId="29" xfId="0" applyFont="1" applyBorder="1"/>
    <xf numFmtId="0" fontId="40" fillId="0" borderId="27" xfId="0" applyFont="1" applyBorder="1"/>
    <xf numFmtId="0" fontId="40" fillId="0" borderId="28" xfId="0" applyFont="1" applyBorder="1"/>
    <xf numFmtId="0" fontId="40" fillId="0" borderId="39" xfId="0" applyFont="1" applyBorder="1" applyAlignment="1">
      <alignment wrapText="1"/>
    </xf>
    <xf numFmtId="0" fontId="40" fillId="0" borderId="13" xfId="0" applyFont="1" applyBorder="1" applyAlignment="1">
      <alignment wrapText="1"/>
    </xf>
    <xf numFmtId="49" fontId="40" fillId="0" borderId="13" xfId="0" applyNumberFormat="1" applyFont="1" applyBorder="1" applyAlignment="1">
      <alignment vertical="top" wrapText="1"/>
    </xf>
    <xf numFmtId="0" fontId="86" fillId="0" borderId="40" xfId="0" applyFont="1" applyBorder="1"/>
    <xf numFmtId="0" fontId="87" fillId="0" borderId="0" xfId="0" applyFont="1" applyAlignment="1">
      <alignment horizontal="left" vertical="top"/>
    </xf>
    <xf numFmtId="0" fontId="85" fillId="0" borderId="16" xfId="0" applyFont="1" applyBorder="1"/>
    <xf numFmtId="0" fontId="45" fillId="0" borderId="12" xfId="0" applyFont="1" applyBorder="1" applyAlignment="1">
      <alignment wrapText="1"/>
    </xf>
    <xf numFmtId="0" fontId="0" fillId="0" borderId="16" xfId="0" applyBorder="1"/>
    <xf numFmtId="0" fontId="0" fillId="10" borderId="16" xfId="0" applyFill="1" applyBorder="1"/>
    <xf numFmtId="0" fontId="45" fillId="0" borderId="42" xfId="0" applyFont="1" applyBorder="1" applyAlignment="1">
      <alignment wrapText="1"/>
    </xf>
    <xf numFmtId="0" fontId="86" fillId="0" borderId="43" xfId="0" applyFont="1" applyBorder="1"/>
    <xf numFmtId="0" fontId="19" fillId="0" borderId="0" xfId="0" applyFont="1" applyAlignment="1">
      <alignment wrapText="1"/>
    </xf>
    <xf numFmtId="0" fontId="8" fillId="0" borderId="0" xfId="0" applyFont="1" applyAlignment="1">
      <alignment wrapText="1"/>
    </xf>
    <xf numFmtId="0" fontId="88" fillId="0" borderId="0" xfId="0" applyFont="1" applyAlignment="1">
      <alignment wrapText="1"/>
    </xf>
    <xf numFmtId="0" fontId="61" fillId="0" borderId="18" xfId="0" applyFont="1" applyBorder="1" applyAlignment="1">
      <alignment vertical="center" wrapText="1"/>
    </xf>
    <xf numFmtId="0" fontId="88" fillId="0" borderId="0" xfId="0" applyFont="1" applyAlignment="1">
      <alignment vertical="center" wrapText="1"/>
    </xf>
    <xf numFmtId="14" fontId="0" fillId="0" borderId="0" xfId="0" applyNumberFormat="1"/>
    <xf numFmtId="0" fontId="0" fillId="5" borderId="0" xfId="0" applyFill="1" applyAlignment="1">
      <alignment vertical="top" wrapText="1"/>
    </xf>
    <xf numFmtId="0" fontId="91" fillId="0" borderId="0" xfId="0" applyFont="1"/>
    <xf numFmtId="0" fontId="5" fillId="0" borderId="0" xfId="0" applyFont="1"/>
    <xf numFmtId="0" fontId="92" fillId="0" borderId="18" xfId="0" applyFont="1" applyBorder="1" applyAlignment="1">
      <alignment vertical="center" wrapText="1"/>
    </xf>
    <xf numFmtId="0" fontId="93" fillId="0" borderId="0" xfId="0" applyFont="1" applyAlignment="1">
      <alignment vertical="center" wrapText="1"/>
    </xf>
    <xf numFmtId="0" fontId="45" fillId="0" borderId="27" xfId="0" applyFont="1" applyBorder="1"/>
    <xf numFmtId="49" fontId="95" fillId="11" borderId="0" xfId="3" applyNumberFormat="1" applyFont="1" applyFill="1" applyAlignment="1">
      <alignment horizontal="left" vertical="top" wrapText="1"/>
    </xf>
    <xf numFmtId="0" fontId="45" fillId="0" borderId="0" xfId="0" applyFont="1" applyAlignment="1">
      <alignment vertical="top"/>
    </xf>
    <xf numFmtId="0" fontId="74" fillId="0" borderId="13" xfId="0" applyFont="1" applyBorder="1" applyAlignment="1">
      <alignment wrapText="1"/>
    </xf>
    <xf numFmtId="0" fontId="45" fillId="0" borderId="27" xfId="0" applyFont="1" applyBorder="1" applyAlignment="1">
      <alignment vertical="top"/>
    </xf>
    <xf numFmtId="0" fontId="45" fillId="0" borderId="29" xfId="0" applyFont="1" applyBorder="1"/>
    <xf numFmtId="0" fontId="45" fillId="0" borderId="28" xfId="0" applyFont="1" applyBorder="1"/>
    <xf numFmtId="0" fontId="45" fillId="0" borderId="13" xfId="0" applyFont="1" applyBorder="1" applyAlignment="1">
      <alignment wrapText="1"/>
    </xf>
    <xf numFmtId="0" fontId="74" fillId="0" borderId="0" xfId="0" applyFont="1" applyAlignment="1">
      <alignment vertical="top"/>
    </xf>
    <xf numFmtId="0" fontId="99" fillId="0" borderId="0" xfId="0" applyFont="1" applyAlignment="1">
      <alignment vertical="top"/>
    </xf>
    <xf numFmtId="0" fontId="45" fillId="0" borderId="0" xfId="0" applyFont="1" applyAlignment="1">
      <alignment horizontal="left" vertical="top"/>
    </xf>
    <xf numFmtId="0" fontId="74" fillId="0" borderId="0" xfId="0" applyFont="1" applyAlignment="1">
      <alignment horizontal="left" vertical="top" wrapText="1"/>
    </xf>
    <xf numFmtId="0" fontId="99" fillId="0" borderId="0" xfId="0" applyFont="1" applyAlignment="1">
      <alignment horizontal="left" vertical="top" wrapText="1"/>
    </xf>
    <xf numFmtId="0" fontId="100" fillId="0" borderId="0" xfId="0" applyFont="1" applyAlignment="1">
      <alignment horizontal="left" vertical="top"/>
    </xf>
    <xf numFmtId="0" fontId="45" fillId="0" borderId="0" xfId="0" applyFont="1" applyAlignment="1">
      <alignment horizontal="left" vertical="top" wrapText="1"/>
    </xf>
    <xf numFmtId="0" fontId="101" fillId="0" borderId="0" xfId="0" applyFont="1" applyAlignment="1">
      <alignment horizontal="left" vertical="top" wrapText="1"/>
    </xf>
    <xf numFmtId="0" fontId="45" fillId="0" borderId="0" xfId="0" applyFont="1" applyAlignment="1">
      <alignment vertical="top" wrapText="1"/>
    </xf>
    <xf numFmtId="0" fontId="45" fillId="0" borderId="29" xfId="0" applyFont="1" applyBorder="1" applyAlignment="1">
      <alignment vertical="top" wrapText="1"/>
    </xf>
    <xf numFmtId="0" fontId="45" fillId="0" borderId="27" xfId="0" applyFont="1" applyBorder="1" applyAlignment="1">
      <alignment vertical="top" wrapText="1"/>
    </xf>
    <xf numFmtId="0" fontId="45" fillId="0" borderId="28" xfId="0" applyFont="1" applyBorder="1" applyAlignment="1">
      <alignment vertical="top" wrapText="1"/>
    </xf>
    <xf numFmtId="0" fontId="8" fillId="0" borderId="0" xfId="0" applyFont="1" applyAlignment="1">
      <alignment vertical="top" wrapText="1"/>
    </xf>
    <xf numFmtId="0" fontId="6" fillId="0" borderId="0" xfId="0" applyFont="1" applyAlignment="1">
      <alignment horizontal="center" vertical="top"/>
    </xf>
    <xf numFmtId="0" fontId="40" fillId="0" borderId="17" xfId="0" applyFont="1" applyBorder="1" applyAlignment="1">
      <alignment wrapText="1"/>
    </xf>
    <xf numFmtId="0" fontId="40" fillId="0" borderId="13" xfId="0" applyFont="1" applyBorder="1" applyAlignment="1">
      <alignment vertical="top" wrapText="1"/>
    </xf>
    <xf numFmtId="0" fontId="102" fillId="0" borderId="0" xfId="0" applyFont="1"/>
    <xf numFmtId="0" fontId="103" fillId="0" borderId="0" xfId="0" applyFont="1"/>
    <xf numFmtId="0" fontId="102" fillId="0" borderId="0" xfId="0" applyFont="1" applyAlignment="1">
      <alignment vertical="center"/>
    </xf>
    <xf numFmtId="0" fontId="53" fillId="0" borderId="0" xfId="0" applyFont="1" applyAlignment="1">
      <alignment horizontal="left" vertical="top" wrapText="1"/>
    </xf>
    <xf numFmtId="49" fontId="79" fillId="0" borderId="0" xfId="3" applyNumberFormat="1" applyFont="1" applyAlignment="1">
      <alignment horizontal="center" vertical="center" wrapText="1"/>
    </xf>
    <xf numFmtId="49" fontId="35" fillId="0" borderId="0" xfId="0" applyNumberFormat="1" applyFont="1" applyAlignment="1">
      <alignment horizontal="left" vertical="top" wrapText="1"/>
    </xf>
    <xf numFmtId="0" fontId="15" fillId="0" borderId="0" xfId="0" applyFont="1" applyAlignment="1">
      <alignment horizontal="left" vertical="top"/>
    </xf>
    <xf numFmtId="0" fontId="39" fillId="0" borderId="0" xfId="0" applyFont="1" applyAlignment="1">
      <alignment horizontal="left" vertical="top" wrapText="1"/>
    </xf>
    <xf numFmtId="49" fontId="12" fillId="11" borderId="0" xfId="3" applyNumberFormat="1" applyFont="1" applyFill="1" applyAlignment="1">
      <alignment vertical="top" wrapText="1"/>
    </xf>
    <xf numFmtId="0" fontId="0" fillId="0" borderId="42" xfId="0" applyBorder="1" applyAlignment="1">
      <alignment horizontal="left" vertical="top" wrapText="1"/>
    </xf>
    <xf numFmtId="0" fontId="0" fillId="0" borderId="41" xfId="0" applyBorder="1" applyAlignment="1">
      <alignment horizontal="left" vertical="top"/>
    </xf>
    <xf numFmtId="0" fontId="0" fillId="0" borderId="12" xfId="0" applyBorder="1" applyAlignment="1">
      <alignment horizontal="left" vertical="top" wrapText="1"/>
    </xf>
    <xf numFmtId="0" fontId="0" fillId="0" borderId="16" xfId="0" applyBorder="1" applyAlignment="1">
      <alignment horizontal="left" vertical="top"/>
    </xf>
    <xf numFmtId="0" fontId="0" fillId="0" borderId="42" xfId="0" applyBorder="1" applyAlignment="1">
      <alignment horizontal="left" vertical="top"/>
    </xf>
    <xf numFmtId="0" fontId="0" fillId="0" borderId="41" xfId="0" applyBorder="1"/>
    <xf numFmtId="0" fontId="0" fillId="0" borderId="12" xfId="0" applyBorder="1" applyAlignment="1">
      <alignment horizontal="left" vertical="top"/>
    </xf>
    <xf numFmtId="0" fontId="0" fillId="24" borderId="12" xfId="0" applyFill="1" applyBorder="1" applyAlignment="1">
      <alignment vertical="top" wrapText="1"/>
    </xf>
    <xf numFmtId="0" fontId="0" fillId="24" borderId="16" xfId="0" applyFill="1" applyBorder="1" applyAlignment="1">
      <alignment vertical="top"/>
    </xf>
    <xf numFmtId="0" fontId="0" fillId="0" borderId="12" xfId="0" applyBorder="1" applyAlignment="1">
      <alignment vertical="top" wrapText="1"/>
    </xf>
    <xf numFmtId="0" fontId="0" fillId="0" borderId="16" xfId="0" applyBorder="1" applyAlignment="1">
      <alignment vertical="top"/>
    </xf>
    <xf numFmtId="0" fontId="0" fillId="0" borderId="12" xfId="0" applyBorder="1" applyAlignment="1">
      <alignment wrapText="1"/>
    </xf>
    <xf numFmtId="0" fontId="0" fillId="24" borderId="16" xfId="0" applyFill="1" applyBorder="1"/>
    <xf numFmtId="0" fontId="0" fillId="0" borderId="2" xfId="0" applyBorder="1" applyAlignment="1">
      <alignment wrapText="1"/>
    </xf>
    <xf numFmtId="0" fontId="0" fillId="0" borderId="14" xfId="0" applyBorder="1"/>
    <xf numFmtId="49" fontId="12" fillId="0" borderId="0" xfId="3" applyNumberFormat="1" applyFont="1" applyAlignment="1">
      <alignment horizontal="left" vertical="top"/>
    </xf>
    <xf numFmtId="0" fontId="35" fillId="5" borderId="0" xfId="0" applyFont="1" applyFill="1" applyAlignment="1">
      <alignment horizontal="left" vertical="top"/>
    </xf>
    <xf numFmtId="0" fontId="41" fillId="0" borderId="0" xfId="0" applyFont="1" applyAlignment="1">
      <alignment vertical="top" wrapText="1"/>
    </xf>
    <xf numFmtId="0" fontId="35" fillId="0" borderId="0" xfId="0" applyFont="1" applyAlignment="1">
      <alignment vertical="top"/>
    </xf>
    <xf numFmtId="0" fontId="12" fillId="13" borderId="0" xfId="0" applyFont="1" applyFill="1" applyAlignment="1">
      <alignment horizontal="left" vertical="top" wrapText="1"/>
    </xf>
    <xf numFmtId="0" fontId="12" fillId="17" borderId="0" xfId="0" applyFont="1" applyFill="1" applyAlignment="1">
      <alignment horizontal="left" vertical="top" wrapText="1"/>
    </xf>
    <xf numFmtId="0" fontId="12" fillId="18" borderId="0" xfId="0" applyFont="1" applyFill="1" applyAlignment="1">
      <alignment horizontal="left" vertical="top" wrapText="1"/>
    </xf>
    <xf numFmtId="0" fontId="108" fillId="0" borderId="0" xfId="0" applyFont="1"/>
    <xf numFmtId="0" fontId="108" fillId="0" borderId="0" xfId="0" applyFont="1" applyAlignment="1">
      <alignment wrapText="1"/>
    </xf>
    <xf numFmtId="0" fontId="8" fillId="8" borderId="0" xfId="0" applyFont="1" applyFill="1" applyAlignment="1">
      <alignment horizontal="left" vertical="top"/>
    </xf>
    <xf numFmtId="0" fontId="8" fillId="0" borderId="0" xfId="0" applyFont="1" applyAlignment="1">
      <alignment vertical="top"/>
    </xf>
    <xf numFmtId="0" fontId="19" fillId="0" borderId="0" xfId="0" applyFont="1"/>
    <xf numFmtId="0" fontId="19" fillId="0" borderId="0" xfId="0" applyFont="1" applyAlignment="1">
      <alignment vertical="top"/>
    </xf>
    <xf numFmtId="0" fontId="75" fillId="0" borderId="0" xfId="0" applyFont="1" applyAlignment="1">
      <alignment wrapText="1"/>
    </xf>
    <xf numFmtId="0" fontId="76" fillId="0" borderId="0" xfId="0" applyFont="1" applyAlignment="1">
      <alignment wrapText="1"/>
    </xf>
    <xf numFmtId="0" fontId="76" fillId="0" borderId="0" xfId="0" applyFont="1" applyAlignment="1">
      <alignment vertical="top" wrapText="1"/>
    </xf>
    <xf numFmtId="0" fontId="75" fillId="0" borderId="0" xfId="0" applyFont="1" applyAlignment="1">
      <alignment horizontal="left" vertical="top"/>
    </xf>
    <xf numFmtId="0" fontId="75" fillId="0" borderId="0" xfId="0" applyFont="1" applyAlignment="1">
      <alignment horizontal="left" vertical="top" wrapText="1"/>
    </xf>
    <xf numFmtId="0" fontId="74" fillId="0" borderId="0" xfId="0" applyFont="1" applyAlignment="1">
      <alignment wrapText="1"/>
    </xf>
    <xf numFmtId="0" fontId="0" fillId="24" borderId="0" xfId="0" applyFill="1" applyAlignment="1">
      <alignment wrapText="1"/>
    </xf>
    <xf numFmtId="0" fontId="110" fillId="0" borderId="0" xfId="0" applyFont="1" applyAlignment="1">
      <alignment wrapText="1"/>
    </xf>
    <xf numFmtId="0" fontId="23" fillId="0" borderId="0" xfId="0" applyFont="1" applyAlignment="1">
      <alignment wrapText="1"/>
    </xf>
    <xf numFmtId="0" fontId="77" fillId="26" borderId="0" xfId="0" applyFont="1" applyFill="1" applyAlignment="1">
      <alignment wrapText="1"/>
    </xf>
    <xf numFmtId="0" fontId="111" fillId="0" borderId="0" xfId="0" applyFont="1" applyAlignment="1">
      <alignment wrapText="1"/>
    </xf>
    <xf numFmtId="0" fontId="75" fillId="0" borderId="0" xfId="0" applyFont="1"/>
    <xf numFmtId="0" fontId="76" fillId="0" borderId="0" xfId="0" applyFont="1" applyAlignment="1">
      <alignment vertical="top"/>
    </xf>
    <xf numFmtId="0" fontId="62" fillId="5" borderId="23" xfId="0" applyFont="1" applyFill="1" applyBorder="1" applyAlignment="1">
      <alignment vertical="center" wrapText="1"/>
    </xf>
    <xf numFmtId="0" fontId="90" fillId="5" borderId="0" xfId="0" applyFont="1" applyFill="1"/>
    <xf numFmtId="0" fontId="4" fillId="0" borderId="0" xfId="0" applyFont="1" applyAlignment="1">
      <alignment wrapText="1"/>
    </xf>
    <xf numFmtId="0" fontId="40" fillId="3" borderId="0" xfId="0" applyFont="1" applyFill="1"/>
    <xf numFmtId="0" fontId="40" fillId="3" borderId="0" xfId="0" applyFont="1" applyFill="1" applyAlignment="1">
      <alignment wrapText="1"/>
    </xf>
    <xf numFmtId="14" fontId="0" fillId="24" borderId="1" xfId="0" applyNumberFormat="1" applyFill="1" applyBorder="1" applyAlignment="1">
      <alignment horizontal="center"/>
    </xf>
    <xf numFmtId="0" fontId="0" fillId="0" borderId="0" xfId="0" applyAlignment="1">
      <alignment horizontal="center"/>
    </xf>
    <xf numFmtId="0" fontId="0" fillId="0" borderId="1" xfId="0" applyBorder="1" applyAlignment="1">
      <alignment horizontal="center"/>
    </xf>
    <xf numFmtId="14" fontId="0" fillId="0" borderId="1" xfId="0" applyNumberFormat="1" applyBorder="1" applyAlignment="1">
      <alignment horizontal="center"/>
    </xf>
    <xf numFmtId="0" fontId="109" fillId="0" borderId="0" xfId="0" applyFont="1" applyAlignment="1">
      <alignment wrapText="1"/>
    </xf>
    <xf numFmtId="0" fontId="102" fillId="0" borderId="0" xfId="0" applyFont="1" applyAlignment="1">
      <alignment vertical="top"/>
    </xf>
    <xf numFmtId="0" fontId="3" fillId="0" borderId="12" xfId="0" applyFont="1" applyBorder="1"/>
    <xf numFmtId="14" fontId="0" fillId="0" borderId="1" xfId="0" applyNumberFormat="1" applyBorder="1" applyAlignment="1">
      <alignment horizontal="right" wrapText="1"/>
    </xf>
    <xf numFmtId="0" fontId="0" fillId="0" borderId="1" xfId="0" applyBorder="1" applyAlignment="1">
      <alignment horizontal="center" vertical="center" wrapText="1"/>
    </xf>
    <xf numFmtId="0" fontId="26" fillId="0" borderId="0" xfId="0" applyFont="1" applyAlignment="1">
      <alignment horizontal="left" vertical="top"/>
    </xf>
    <xf numFmtId="0" fontId="2" fillId="3" borderId="0" xfId="0" applyFont="1" applyFill="1" applyAlignment="1">
      <alignment vertical="top" wrapText="1"/>
    </xf>
    <xf numFmtId="0" fontId="112" fillId="0" borderId="0" xfId="0" applyFont="1" applyAlignment="1">
      <alignment wrapText="1"/>
    </xf>
    <xf numFmtId="0" fontId="53" fillId="14" borderId="45" xfId="0" applyFont="1" applyFill="1" applyBorder="1" applyAlignment="1">
      <alignment horizontal="left" vertical="center" indent="1" readingOrder="1"/>
    </xf>
    <xf numFmtId="0" fontId="0" fillId="0" borderId="49" xfId="0" applyBorder="1" applyAlignment="1">
      <alignment horizontal="left" vertical="top"/>
    </xf>
    <xf numFmtId="0" fontId="0" fillId="0" borderId="50" xfId="0" applyBorder="1"/>
    <xf numFmtId="0" fontId="0" fillId="0" borderId="49" xfId="0" applyBorder="1"/>
    <xf numFmtId="0" fontId="0" fillId="0" borderId="49" xfId="0" applyBorder="1" applyAlignment="1">
      <alignment horizontal="left"/>
    </xf>
    <xf numFmtId="14" fontId="0" fillId="0" borderId="50" xfId="0" applyNumberFormat="1" applyBorder="1"/>
    <xf numFmtId="0" fontId="0" fillId="0" borderId="50" xfId="0" applyBorder="1" applyAlignment="1">
      <alignment horizontal="left"/>
    </xf>
    <xf numFmtId="0" fontId="0" fillId="0" borderId="49" xfId="0" applyBorder="1" applyAlignment="1">
      <alignment horizontal="left" wrapText="1"/>
    </xf>
    <xf numFmtId="0" fontId="0" fillId="0" borderId="50" xfId="0" applyBorder="1" applyAlignment="1">
      <alignment wrapText="1"/>
    </xf>
    <xf numFmtId="0" fontId="7" fillId="4" borderId="1" xfId="0" applyFont="1" applyFill="1" applyBorder="1" applyAlignment="1">
      <alignment horizontal="center" vertical="center" wrapText="1"/>
    </xf>
    <xf numFmtId="14" fontId="42" fillId="0" borderId="1" xfId="0" applyNumberFormat="1" applyFont="1" applyBorder="1" applyAlignment="1">
      <alignment vertical="center" wrapText="1"/>
    </xf>
    <xf numFmtId="0" fontId="42" fillId="0" borderId="1" xfId="0" applyFont="1" applyBorder="1" applyAlignment="1">
      <alignment horizontal="center" vertical="center" wrapText="1"/>
    </xf>
    <xf numFmtId="0" fontId="0" fillId="0" borderId="51" xfId="0" applyBorder="1"/>
    <xf numFmtId="0" fontId="0" fillId="0" borderId="52" xfId="0" applyBorder="1"/>
    <xf numFmtId="0" fontId="0" fillId="0" borderId="52" xfId="0" applyBorder="1" applyAlignment="1">
      <alignment horizontal="center"/>
    </xf>
    <xf numFmtId="0" fontId="0" fillId="0" borderId="53" xfId="0" applyBorder="1"/>
    <xf numFmtId="0" fontId="7" fillId="4" borderId="49" xfId="0" applyFont="1" applyFill="1" applyBorder="1" applyAlignment="1">
      <alignment horizontal="center" vertical="center" wrapText="1"/>
    </xf>
    <xf numFmtId="0" fontId="7" fillId="4" borderId="50" xfId="0" applyFont="1" applyFill="1" applyBorder="1" applyAlignment="1">
      <alignment horizontal="center" vertical="center" wrapText="1"/>
    </xf>
    <xf numFmtId="14" fontId="0" fillId="0" borderId="49" xfId="0" applyNumberFormat="1" applyBorder="1"/>
    <xf numFmtId="0" fontId="42" fillId="0" borderId="50" xfId="0" applyFont="1" applyBorder="1" applyAlignment="1">
      <alignment vertical="center" wrapText="1"/>
    </xf>
    <xf numFmtId="0" fontId="0" fillId="0" borderId="50" xfId="0" applyBorder="1" applyAlignment="1">
      <alignment horizontal="left" wrapText="1"/>
    </xf>
    <xf numFmtId="0" fontId="0" fillId="0" borderId="54" xfId="0" applyBorder="1" applyAlignment="1">
      <alignment horizontal="left" wrapText="1"/>
    </xf>
    <xf numFmtId="0" fontId="0" fillId="0" borderId="49" xfId="0" applyBorder="1" applyAlignment="1">
      <alignment horizontal="left" vertical="center" wrapText="1"/>
    </xf>
    <xf numFmtId="14" fontId="0" fillId="0" borderId="1" xfId="0" applyNumberFormat="1" applyBorder="1" applyAlignment="1">
      <alignment horizontal="right" vertical="center" wrapText="1"/>
    </xf>
    <xf numFmtId="0" fontId="40" fillId="27" borderId="0" xfId="0" applyFont="1" applyFill="1"/>
    <xf numFmtId="0" fontId="40" fillId="3" borderId="0" xfId="0" applyFont="1" applyFill="1" applyAlignment="1">
      <alignment horizontal="left" vertical="top" wrapText="1"/>
    </xf>
    <xf numFmtId="0" fontId="0" fillId="0" borderId="1" xfId="0" applyBorder="1" applyAlignment="1">
      <alignment horizontal="center" vertical="center"/>
    </xf>
    <xf numFmtId="14" fontId="0" fillId="28" borderId="1" xfId="0" applyNumberFormat="1" applyFill="1" applyBorder="1" applyAlignment="1">
      <alignment horizontal="right" vertical="center" wrapText="1"/>
    </xf>
    <xf numFmtId="0" fontId="0" fillId="28" borderId="1" xfId="0" applyFill="1" applyBorder="1" applyAlignment="1">
      <alignment horizontal="center" vertical="center" wrapText="1"/>
    </xf>
    <xf numFmtId="0" fontId="0" fillId="0" borderId="50" xfId="0" applyBorder="1" applyAlignment="1">
      <alignment horizontal="left" vertical="center" wrapText="1"/>
    </xf>
    <xf numFmtId="0" fontId="0" fillId="28" borderId="49" xfId="0" applyFill="1" applyBorder="1" applyAlignment="1">
      <alignment horizontal="left" vertical="center" wrapText="1"/>
    </xf>
    <xf numFmtId="0" fontId="0" fillId="28" borderId="50" xfId="0" applyFill="1" applyBorder="1" applyAlignment="1">
      <alignment wrapText="1"/>
    </xf>
    <xf numFmtId="14" fontId="0" fillId="20" borderId="47" xfId="0" applyNumberFormat="1" applyFill="1" applyBorder="1" applyAlignment="1">
      <alignment horizontal="right" vertical="center" wrapText="1"/>
    </xf>
    <xf numFmtId="0" fontId="0" fillId="20" borderId="47" xfId="0" applyFill="1" applyBorder="1" applyAlignment="1">
      <alignment horizontal="center" vertical="center" wrapText="1"/>
    </xf>
    <xf numFmtId="0" fontId="0" fillId="20" borderId="48" xfId="0" applyFill="1" applyBorder="1" applyAlignment="1">
      <alignment wrapText="1"/>
    </xf>
    <xf numFmtId="0" fontId="0" fillId="20" borderId="55" xfId="0" applyFill="1" applyBorder="1" applyAlignment="1">
      <alignment horizontal="left" vertical="center" wrapText="1"/>
    </xf>
    <xf numFmtId="14" fontId="0" fillId="20" borderId="29" xfId="0" applyNumberFormat="1" applyFill="1" applyBorder="1" applyAlignment="1">
      <alignment horizontal="right" vertical="center" wrapText="1"/>
    </xf>
    <xf numFmtId="0" fontId="0" fillId="20" borderId="29" xfId="0" applyFill="1" applyBorder="1" applyAlignment="1">
      <alignment horizontal="center" vertical="center" wrapText="1"/>
    </xf>
    <xf numFmtId="0" fontId="0" fillId="20" borderId="54" xfId="0" applyFill="1" applyBorder="1" applyAlignment="1">
      <alignment wrapText="1"/>
    </xf>
    <xf numFmtId="0" fontId="40" fillId="4" borderId="0" xfId="0" applyFont="1" applyFill="1" applyAlignment="1">
      <alignment vertical="top" wrapText="1"/>
    </xf>
    <xf numFmtId="14" fontId="0" fillId="20" borderId="1" xfId="0" applyNumberFormat="1" applyFill="1" applyBorder="1" applyAlignment="1">
      <alignment horizontal="right" vertical="center" wrapText="1"/>
    </xf>
    <xf numFmtId="0" fontId="0" fillId="20" borderId="1" xfId="0" applyFill="1" applyBorder="1" applyAlignment="1">
      <alignment horizontal="center" vertical="center" wrapText="1"/>
    </xf>
    <xf numFmtId="0" fontId="0" fillId="20" borderId="49" xfId="0" applyFill="1" applyBorder="1" applyAlignment="1">
      <alignment horizontal="left" vertical="center" wrapText="1"/>
    </xf>
    <xf numFmtId="0" fontId="0" fillId="20" borderId="50" xfId="0" applyFill="1" applyBorder="1" applyAlignment="1">
      <alignment wrapText="1"/>
    </xf>
    <xf numFmtId="0" fontId="0" fillId="5" borderId="46" xfId="0" applyFill="1" applyBorder="1" applyAlignment="1">
      <alignment horizontal="left" vertical="center" wrapText="1"/>
    </xf>
    <xf numFmtId="14" fontId="0" fillId="5" borderId="47" xfId="0" applyNumberFormat="1" applyFill="1" applyBorder="1" applyAlignment="1">
      <alignment horizontal="right" vertical="center" wrapText="1"/>
    </xf>
    <xf numFmtId="0" fontId="0" fillId="5" borderId="47" xfId="0" applyFill="1" applyBorder="1" applyAlignment="1">
      <alignment horizontal="center" vertical="center" wrapText="1"/>
    </xf>
    <xf numFmtId="0" fontId="0" fillId="5" borderId="48" xfId="0" applyFill="1" applyBorder="1" applyAlignment="1">
      <alignment wrapText="1"/>
    </xf>
    <xf numFmtId="0" fontId="40" fillId="5" borderId="0" xfId="0" applyFont="1" applyFill="1" applyAlignment="1">
      <alignment vertical="top"/>
    </xf>
    <xf numFmtId="0" fontId="40" fillId="5" borderId="0" xfId="0" applyFont="1" applyFill="1" applyAlignment="1">
      <alignment vertical="top" wrapText="1"/>
    </xf>
    <xf numFmtId="0" fontId="40" fillId="5" borderId="0" xfId="0" applyFont="1" applyFill="1" applyAlignment="1">
      <alignment horizontal="left" vertical="top"/>
    </xf>
    <xf numFmtId="0" fontId="40" fillId="5" borderId="0" xfId="0" applyFont="1" applyFill="1" applyAlignment="1">
      <alignment wrapText="1"/>
    </xf>
    <xf numFmtId="0" fontId="40" fillId="5" borderId="0" xfId="0" applyFont="1" applyFill="1" applyAlignment="1">
      <alignment horizontal="left" vertical="top" wrapText="1"/>
    </xf>
    <xf numFmtId="0" fontId="40" fillId="0" borderId="0" xfId="0" applyFont="1" applyFill="1" applyAlignment="1">
      <alignment vertical="top"/>
    </xf>
    <xf numFmtId="0" fontId="0" fillId="0" borderId="0" xfId="0" applyFill="1" applyAlignment="1">
      <alignment horizontal="left" vertical="top"/>
    </xf>
    <xf numFmtId="0" fontId="40" fillId="0" borderId="0" xfId="0" applyFont="1" applyFill="1" applyAlignment="1">
      <alignment vertical="top" wrapText="1"/>
    </xf>
    <xf numFmtId="0" fontId="102" fillId="0" borderId="0" xfId="0" applyFont="1" applyFill="1" applyAlignment="1">
      <alignment vertical="top"/>
    </xf>
    <xf numFmtId="0" fontId="35" fillId="0" borderId="0" xfId="0" applyFont="1" applyFill="1" applyAlignment="1">
      <alignment horizontal="left" vertical="top" wrapText="1"/>
    </xf>
    <xf numFmtId="0" fontId="35" fillId="0" borderId="0" xfId="0" applyFont="1" applyFill="1" applyAlignment="1">
      <alignment horizontal="left" vertical="top"/>
    </xf>
    <xf numFmtId="0" fontId="15" fillId="0" borderId="0" xfId="0" applyFont="1" applyFill="1" applyAlignment="1">
      <alignment horizontal="left" vertical="top"/>
    </xf>
    <xf numFmtId="0" fontId="41" fillId="0" borderId="0" xfId="0" applyFont="1" applyFill="1" applyAlignment="1">
      <alignment vertical="center" wrapText="1"/>
    </xf>
    <xf numFmtId="0" fontId="0" fillId="0" borderId="0" xfId="0" applyFill="1"/>
    <xf numFmtId="0" fontId="46" fillId="0" borderId="7" xfId="0" applyFont="1" applyBorder="1" applyAlignment="1">
      <alignment horizontal="center" vertical="center" wrapText="1"/>
    </xf>
    <xf numFmtId="0" fontId="46" fillId="0" borderId="8" xfId="0" applyFont="1" applyBorder="1" applyAlignment="1">
      <alignment horizontal="center" vertical="center" wrapText="1"/>
    </xf>
    <xf numFmtId="0" fontId="44" fillId="0" borderId="9" xfId="0" applyFont="1" applyBorder="1" applyAlignment="1">
      <alignment horizontal="center" vertical="center"/>
    </xf>
    <xf numFmtId="0" fontId="46" fillId="0" borderId="10" xfId="0" applyFont="1" applyBorder="1" applyAlignment="1">
      <alignment horizontal="center" vertical="center" wrapText="1"/>
    </xf>
    <xf numFmtId="0" fontId="46" fillId="0" borderId="11" xfId="0" applyFont="1" applyBorder="1" applyAlignment="1">
      <alignment horizontal="center" vertical="center" wrapText="1"/>
    </xf>
    <xf numFmtId="0" fontId="5" fillId="3" borderId="0" xfId="0" applyFont="1" applyFill="1" applyAlignment="1">
      <alignment horizontal="center" wrapText="1"/>
    </xf>
    <xf numFmtId="49" fontId="56" fillId="15" borderId="0" xfId="3" applyNumberFormat="1" applyFont="1" applyFill="1" applyAlignment="1">
      <alignment horizontal="center" vertical="top"/>
    </xf>
    <xf numFmtId="49" fontId="5" fillId="15" borderId="0" xfId="3" applyNumberFormat="1" applyFont="1" applyFill="1" applyAlignment="1">
      <alignment horizontal="center" vertical="top"/>
    </xf>
    <xf numFmtId="0" fontId="5" fillId="8" borderId="14" xfId="0" applyFont="1" applyFill="1" applyBorder="1" applyAlignment="1">
      <alignment horizontal="center" vertical="top"/>
    </xf>
    <xf numFmtId="0" fontId="5" fillId="8" borderId="2" xfId="0" applyFont="1" applyFill="1" applyBorder="1" applyAlignment="1">
      <alignment horizontal="center" vertical="top"/>
    </xf>
    <xf numFmtId="0" fontId="12" fillId="13" borderId="0" xfId="0" applyFont="1" applyFill="1" applyAlignment="1">
      <alignment horizontal="left" vertical="top" wrapText="1"/>
    </xf>
    <xf numFmtId="0" fontId="12" fillId="17" borderId="0" xfId="0" applyFont="1" applyFill="1" applyAlignment="1">
      <alignment horizontal="left" vertical="top" wrapText="1"/>
    </xf>
    <xf numFmtId="0" fontId="12" fillId="18" borderId="0" xfId="0" applyFont="1" applyFill="1" applyAlignment="1">
      <alignment horizontal="left" vertical="top" wrapText="1"/>
    </xf>
    <xf numFmtId="0" fontId="19" fillId="25" borderId="0" xfId="0" applyFont="1" applyFill="1" applyAlignment="1">
      <alignment horizontal="center" vertical="top"/>
    </xf>
    <xf numFmtId="0" fontId="19" fillId="25" borderId="14" xfId="0" applyFont="1" applyFill="1" applyBorder="1" applyAlignment="1">
      <alignment horizontal="left" vertical="top" wrapText="1"/>
    </xf>
    <xf numFmtId="0" fontId="19" fillId="25" borderId="2" xfId="0" applyFont="1" applyFill="1" applyBorder="1" applyAlignment="1">
      <alignment horizontal="left" vertical="top" wrapText="1"/>
    </xf>
    <xf numFmtId="0" fontId="19" fillId="25" borderId="16" xfId="0" applyFont="1" applyFill="1" applyBorder="1" applyAlignment="1">
      <alignment horizontal="left" vertical="top" wrapText="1"/>
    </xf>
    <xf numFmtId="0" fontId="19" fillId="25" borderId="12" xfId="0" applyFont="1" applyFill="1" applyBorder="1" applyAlignment="1">
      <alignment horizontal="left" vertical="top" wrapText="1"/>
    </xf>
    <xf numFmtId="0" fontId="60" fillId="22" borderId="24" xfId="0" applyFont="1" applyFill="1" applyBorder="1" applyAlignment="1">
      <alignment horizontal="center" vertical="center"/>
    </xf>
    <xf numFmtId="0" fontId="60" fillId="22" borderId="25" xfId="0" applyFont="1" applyFill="1" applyBorder="1" applyAlignment="1">
      <alignment horizontal="center" vertical="center"/>
    </xf>
    <xf numFmtId="0" fontId="60" fillId="22" borderId="26" xfId="0" applyFont="1" applyFill="1" applyBorder="1" applyAlignment="1">
      <alignment horizontal="center" vertical="center"/>
    </xf>
    <xf numFmtId="0" fontId="68" fillId="24" borderId="13" xfId="0" applyFont="1" applyFill="1" applyBorder="1" applyAlignment="1">
      <alignment horizontal="left" wrapText="1"/>
    </xf>
    <xf numFmtId="0" fontId="68" fillId="24" borderId="0" xfId="0" applyFont="1" applyFill="1" applyAlignment="1">
      <alignment horizontal="left"/>
    </xf>
    <xf numFmtId="0" fontId="68" fillId="24" borderId="17" xfId="0" applyFont="1" applyFill="1" applyBorder="1" applyAlignment="1">
      <alignment horizontal="left"/>
    </xf>
    <xf numFmtId="0" fontId="71" fillId="0" borderId="18" xfId="0" applyFont="1" applyBorder="1" applyAlignment="1">
      <alignment horizontal="center" vertical="center" wrapText="1"/>
    </xf>
    <xf numFmtId="0" fontId="71" fillId="0" borderId="19" xfId="0" applyFont="1" applyBorder="1" applyAlignment="1">
      <alignment horizontal="center" vertical="center" wrapText="1"/>
    </xf>
    <xf numFmtId="0" fontId="71" fillId="0" borderId="20" xfId="0" applyFont="1" applyBorder="1" applyAlignment="1">
      <alignment horizontal="center" vertical="center" wrapText="1"/>
    </xf>
    <xf numFmtId="0" fontId="89" fillId="10" borderId="44" xfId="0" applyFont="1" applyFill="1" applyBorder="1" applyAlignment="1">
      <alignment horizontal="center" vertical="center" wrapText="1"/>
    </xf>
    <xf numFmtId="0" fontId="19" fillId="5" borderId="0" xfId="0" applyFont="1" applyFill="1" applyAlignment="1">
      <alignment horizontal="center" vertical="top" wrapText="1"/>
    </xf>
    <xf numFmtId="0" fontId="114" fillId="10" borderId="0" xfId="0" applyFont="1" applyFill="1" applyAlignment="1">
      <alignment horizontal="center" wrapText="1"/>
    </xf>
    <xf numFmtId="0" fontId="114" fillId="10" borderId="0" xfId="0" applyFont="1" applyFill="1" applyAlignment="1">
      <alignment horizontal="center"/>
    </xf>
    <xf numFmtId="0" fontId="114" fillId="10" borderId="0" xfId="0" applyFont="1" applyFill="1" applyAlignment="1">
      <alignment horizontal="center" vertical="center" wrapText="1"/>
    </xf>
    <xf numFmtId="0" fontId="114" fillId="0" borderId="0" xfId="0" applyFont="1" applyFill="1" applyAlignment="1">
      <alignment horizontal="center" wrapText="1"/>
    </xf>
    <xf numFmtId="0" fontId="114" fillId="0" borderId="0" xfId="0" applyFont="1" applyFill="1" applyAlignment="1">
      <alignment horizontal="center"/>
    </xf>
    <xf numFmtId="0" fontId="19" fillId="5" borderId="0" xfId="0" applyFont="1" applyFill="1" applyAlignment="1">
      <alignment horizontal="left" vertical="center"/>
    </xf>
    <xf numFmtId="0" fontId="19" fillId="5" borderId="0" xfId="0" applyFont="1" applyFill="1" applyAlignment="1">
      <alignment horizontal="left" vertical="center" wrapText="1"/>
    </xf>
    <xf numFmtId="0" fontId="12" fillId="19" borderId="0" xfId="0" applyFont="1" applyFill="1" applyAlignment="1">
      <alignment horizontal="center" vertical="center"/>
    </xf>
    <xf numFmtId="0" fontId="12" fillId="0" borderId="0" xfId="0" applyFont="1" applyAlignment="1">
      <alignment horizontal="center" vertical="center"/>
    </xf>
    <xf numFmtId="49" fontId="79" fillId="11" borderId="0" xfId="3" applyNumberFormat="1" applyFont="1" applyFill="1" applyAlignment="1">
      <alignment horizontal="center" vertical="center" wrapText="1"/>
    </xf>
    <xf numFmtId="49" fontId="80" fillId="11" borderId="0" xfId="3" applyNumberFormat="1" applyFont="1" applyFill="1" applyAlignment="1">
      <alignment horizontal="center" vertical="center" wrapText="1"/>
    </xf>
    <xf numFmtId="0" fontId="19" fillId="5" borderId="0" xfId="0" applyFont="1" applyFill="1" applyAlignment="1">
      <alignment horizontal="left" vertical="top"/>
    </xf>
    <xf numFmtId="0" fontId="19" fillId="5" borderId="0" xfId="0" applyFont="1" applyFill="1" applyAlignment="1">
      <alignment horizontal="left" vertical="top" wrapText="1"/>
    </xf>
    <xf numFmtId="0" fontId="5" fillId="0" borderId="0" xfId="0" applyFont="1" applyAlignment="1">
      <alignment horizontal="left"/>
    </xf>
    <xf numFmtId="0" fontId="27" fillId="0" borderId="0" xfId="0" applyFont="1" applyAlignment="1">
      <alignment vertical="center" wrapText="1"/>
    </xf>
  </cellXfs>
  <cellStyles count="5">
    <cellStyle name="Bad" xfId="1" builtinId="27"/>
    <cellStyle name="Hyperlink" xfId="4" builtinId="8"/>
    <cellStyle name="Input" xfId="2" builtinId="20"/>
    <cellStyle name="Normal" xfId="0" builtinId="0"/>
    <cellStyle name="Normal 10" xfId="3" xr:uid="{00000000-0005-0000-0000-000004000000}"/>
  </cellStyles>
  <dxfs count="116">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numFmt numFmtId="0" formatCode="General"/>
    </dxf>
    <dxf>
      <fill>
        <patternFill patternType="solid">
          <fgColor rgb="FFE2EFDA"/>
          <bgColor rgb="FFE2EFDA"/>
        </patternFill>
      </fill>
    </dxf>
    <dxf>
      <fill>
        <patternFill patternType="solid">
          <fgColor rgb="FFE2EFDA"/>
          <bgColor rgb="FFE2EFDA"/>
        </patternFill>
      </fill>
    </dxf>
    <dxf>
      <font>
        <b/>
        <color rgb="FF000000"/>
      </font>
    </dxf>
    <dxf>
      <font>
        <b/>
        <color rgb="FF000000"/>
      </font>
    </dxf>
    <dxf>
      <font>
        <b/>
        <color rgb="FF000000"/>
      </font>
      <border>
        <top style="double">
          <color rgb="FF70AD47"/>
        </top>
      </border>
    </dxf>
    <dxf>
      <font>
        <b/>
        <color rgb="FFFFFFFF"/>
      </font>
      <fill>
        <patternFill patternType="solid">
          <fgColor rgb="FF70AD47"/>
          <bgColor rgb="FF70AD47"/>
        </patternFill>
      </fill>
    </dxf>
    <dxf>
      <font>
        <color rgb="FF000000"/>
      </font>
      <border>
        <left style="thin">
          <color rgb="FFA9D08E"/>
        </left>
        <right style="thin">
          <color rgb="FFA9D08E"/>
        </right>
        <top style="thin">
          <color rgb="FFA9D08E"/>
        </top>
        <bottom style="thin">
          <color rgb="FFA9D08E"/>
        </bottom>
        <horizontal style="thin">
          <color rgb="FFA9D08E"/>
        </horizontal>
      </border>
    </dxf>
    <dxf>
      <fill>
        <patternFill patternType="solid">
          <fgColor rgb="FFE2EFDA"/>
          <bgColor rgb="FFE2EFDA"/>
        </patternFill>
      </fill>
    </dxf>
    <dxf>
      <fill>
        <patternFill patternType="solid">
          <fgColor rgb="FFE2EFDA"/>
          <bgColor rgb="FFE2EFDA"/>
        </patternFill>
      </fill>
    </dxf>
    <dxf>
      <font>
        <b/>
        <color rgb="FF000000"/>
      </font>
    </dxf>
    <dxf>
      <font>
        <b/>
        <color rgb="FF000000"/>
      </font>
    </dxf>
    <dxf>
      <font>
        <b/>
        <color rgb="FF000000"/>
      </font>
      <border>
        <top style="double">
          <color rgb="FF70AD47"/>
        </top>
      </border>
    </dxf>
    <dxf>
      <font>
        <b/>
        <color rgb="FFFFFFFF"/>
      </font>
      <fill>
        <patternFill patternType="solid">
          <fgColor rgb="FF70AD47"/>
          <bgColor rgb="FF70AD47"/>
        </patternFill>
      </fill>
    </dxf>
    <dxf>
      <font>
        <color rgb="FF000000"/>
      </font>
      <border>
        <left style="thin">
          <color rgb="FFA9D08E"/>
        </left>
        <right style="thin">
          <color rgb="FFA9D08E"/>
        </right>
        <top style="thin">
          <color rgb="FFA9D08E"/>
        </top>
        <bottom style="thin">
          <color rgb="FFA9D08E"/>
        </bottom>
        <horizontal style="thin">
          <color rgb="FFA9D08E"/>
        </horizontal>
      </border>
    </dxf>
  </dxfs>
  <tableStyles count="2" defaultTableStyle="TableStyleMedium2" defaultPivotStyle="PivotStyleLight16">
    <tableStyle name="TableStyleMedium7 2" pivot="0" count="7" xr9:uid="{00000000-0011-0000-FFFF-FFFF00000000}">
      <tableStyleElement type="wholeTable" dxfId="115"/>
      <tableStyleElement type="headerRow" dxfId="114"/>
      <tableStyleElement type="totalRow" dxfId="113"/>
      <tableStyleElement type="firstColumn" dxfId="112"/>
      <tableStyleElement type="lastColumn" dxfId="111"/>
      <tableStyleElement type="firstRowStripe" dxfId="110"/>
      <tableStyleElement type="firstColumnStripe" dxfId="109"/>
    </tableStyle>
    <tableStyle name="TableStyleMedium7 3" pivot="0" count="7" xr9:uid="{00000000-0011-0000-FFFF-FFFF01000000}">
      <tableStyleElement type="wholeTable" dxfId="108"/>
      <tableStyleElement type="headerRow" dxfId="107"/>
      <tableStyleElement type="totalRow" dxfId="106"/>
      <tableStyleElement type="firstColumn" dxfId="105"/>
      <tableStyleElement type="lastColumn" dxfId="104"/>
      <tableStyleElement type="firstRowStripe" dxfId="103"/>
      <tableStyleElement type="firstColumnStripe" dxfId="102"/>
    </tableStyle>
  </tableStyle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customXml" Target="../customXml/item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ustomXml" Target="../customXml/item4.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connections" Target="connections.xml"/><Relationship Id="rId28" Type="http://schemas.openxmlformats.org/officeDocument/2006/relationships/customXml" Target="../customXml/item3.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theme" Target="theme/theme1.xml"/><Relationship Id="rId27" Type="http://schemas.openxmlformats.org/officeDocument/2006/relationships/customXml" Target="../customXml/item2.xml"/></Relationships>
</file>

<file path=xl/drawings/_rels/drawing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image" Target="../media/image1.png"/></Relationships>
</file>

<file path=xl/drawings/_rels/drawing10.xml.rels><?xml version="1.0" encoding="UTF-8" standalone="yes"?>
<Relationships xmlns="http://schemas.openxmlformats.org/package/2006/relationships"><Relationship Id="rId1" Type="http://schemas.openxmlformats.org/officeDocument/2006/relationships/image" Target="../media/image20.emf"/></Relationships>
</file>

<file path=xl/drawings/_rels/drawing2.xml.rels><?xml version="1.0" encoding="UTF-8" standalone="yes"?>
<Relationships xmlns="http://schemas.openxmlformats.org/package/2006/relationships"><Relationship Id="rId1" Type="http://schemas.openxmlformats.org/officeDocument/2006/relationships/image" Target="../media/image4.png"/></Relationships>
</file>

<file path=xl/drawings/_rels/drawing4.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image" Target="../media/image5.png"/></Relationships>
</file>

<file path=xl/drawings/_rels/drawing5.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8.png"/><Relationship Id="rId1" Type="http://schemas.openxmlformats.org/officeDocument/2006/relationships/image" Target="../media/image7.png"/></Relationships>
</file>

<file path=xl/drawings/_rels/drawing6.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image" Target="../media/image10.png"/></Relationships>
</file>

<file path=xl/drawings/_rels/drawing7.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png"/><Relationship Id="rId1" Type="http://schemas.openxmlformats.org/officeDocument/2006/relationships/image" Target="../media/image12.png"/></Relationships>
</file>

<file path=xl/drawings/_rels/drawing8.xml.rels><?xml version="1.0" encoding="UTF-8" standalone="yes"?>
<Relationships xmlns="http://schemas.openxmlformats.org/package/2006/relationships"><Relationship Id="rId1" Type="http://schemas.openxmlformats.org/officeDocument/2006/relationships/image" Target="../media/image15.png"/></Relationships>
</file>

<file path=xl/drawings/_rels/drawing9.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image" Target="../media/image16.png"/><Relationship Id="rId4" Type="http://schemas.openxmlformats.org/officeDocument/2006/relationships/image" Target="../media/image19.png"/></Relationships>
</file>

<file path=xl/drawings/drawing1.xml><?xml version="1.0" encoding="utf-8"?>
<xdr:wsDr xmlns:xdr="http://schemas.openxmlformats.org/drawingml/2006/spreadsheetDrawing" xmlns:a="http://schemas.openxmlformats.org/drawingml/2006/main">
  <xdr:twoCellAnchor editAs="oneCell">
    <xdr:from>
      <xdr:col>9</xdr:col>
      <xdr:colOff>152400</xdr:colOff>
      <xdr:row>3</xdr:row>
      <xdr:rowOff>19050</xdr:rowOff>
    </xdr:from>
    <xdr:to>
      <xdr:col>17</xdr:col>
      <xdr:colOff>371475</xdr:colOff>
      <xdr:row>19</xdr:row>
      <xdr:rowOff>171450</xdr:rowOff>
    </xdr:to>
    <xdr:pic>
      <xdr:nvPicPr>
        <xdr:cNvPr id="2" name="Picture 1">
          <a:extLst>
            <a:ext uri="{FF2B5EF4-FFF2-40B4-BE49-F238E27FC236}">
              <a16:creationId xmlns:a16="http://schemas.microsoft.com/office/drawing/2014/main" id="{EF13F15C-C26A-4C62-B95D-C788B45FDA70}"/>
            </a:ext>
          </a:extLst>
        </xdr:cNvPr>
        <xdr:cNvPicPr>
          <a:picLocks noChangeAspect="1"/>
        </xdr:cNvPicPr>
      </xdr:nvPicPr>
      <xdr:blipFill>
        <a:blip xmlns:r="http://schemas.openxmlformats.org/officeDocument/2006/relationships" r:embed="rId1"/>
        <a:stretch>
          <a:fillRect/>
        </a:stretch>
      </xdr:blipFill>
      <xdr:spPr>
        <a:xfrm>
          <a:off x="5626100" y="527050"/>
          <a:ext cx="5502275" cy="2997200"/>
        </a:xfrm>
        <a:prstGeom prst="rect">
          <a:avLst/>
        </a:prstGeom>
      </xdr:spPr>
    </xdr:pic>
    <xdr:clientData/>
  </xdr:twoCellAnchor>
  <xdr:twoCellAnchor editAs="oneCell">
    <xdr:from>
      <xdr:col>9</xdr:col>
      <xdr:colOff>152400</xdr:colOff>
      <xdr:row>20</xdr:row>
      <xdr:rowOff>66675</xdr:rowOff>
    </xdr:from>
    <xdr:to>
      <xdr:col>11</xdr:col>
      <xdr:colOff>457200</xdr:colOff>
      <xdr:row>22</xdr:row>
      <xdr:rowOff>19051</xdr:rowOff>
    </xdr:to>
    <xdr:pic macro="[0]!Cover_Picture2_Click">
      <xdr:nvPicPr>
        <xdr:cNvPr id="3" name="Picture 2">
          <a:extLst>
            <a:ext uri="{FF2B5EF4-FFF2-40B4-BE49-F238E27FC236}">
              <a16:creationId xmlns:a16="http://schemas.microsoft.com/office/drawing/2014/main" id="{E6229914-943B-495C-92C3-00D5D3E1766E}"/>
            </a:ext>
          </a:extLst>
        </xdr:cNvPr>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5626100" y="3597275"/>
          <a:ext cx="1625600" cy="307976"/>
        </a:xfrm>
        <a:prstGeom prst="rect">
          <a:avLst/>
        </a:prstGeom>
      </xdr:spPr>
    </xdr:pic>
    <xdr:clientData/>
  </xdr:twoCellAnchor>
  <xdr:twoCellAnchor editAs="oneCell">
    <xdr:from>
      <xdr:col>14</xdr:col>
      <xdr:colOff>571500</xdr:colOff>
      <xdr:row>19</xdr:row>
      <xdr:rowOff>28575</xdr:rowOff>
    </xdr:from>
    <xdr:to>
      <xdr:col>16</xdr:col>
      <xdr:colOff>585007</xdr:colOff>
      <xdr:row>23</xdr:row>
      <xdr:rowOff>9377</xdr:rowOff>
    </xdr:to>
    <xdr:pic>
      <xdr:nvPicPr>
        <xdr:cNvPr id="4" name="Picture 3">
          <a:extLst>
            <a:ext uri="{FF2B5EF4-FFF2-40B4-BE49-F238E27FC236}">
              <a16:creationId xmlns:a16="http://schemas.microsoft.com/office/drawing/2014/main" id="{2C3E9FE6-4C57-41F2-8B90-16785154D5E0}"/>
            </a:ext>
          </a:extLst>
        </xdr:cNvPr>
        <xdr:cNvPicPr>
          <a:picLocks noChangeAspect="1"/>
        </xdr:cNvPicPr>
      </xdr:nvPicPr>
      <xdr:blipFill>
        <a:blip xmlns:r="http://schemas.openxmlformats.org/officeDocument/2006/relationships" r:embed="rId3"/>
        <a:stretch>
          <a:fillRect/>
        </a:stretch>
      </xdr:blipFill>
      <xdr:spPr>
        <a:xfrm>
          <a:off x="9658350" y="3438525"/>
          <a:ext cx="1385107" cy="704702"/>
        </a:xfrm>
        <a:prstGeom prst="rect">
          <a:avLst/>
        </a:prstGeom>
      </xdr:spPr>
    </xdr:pic>
    <xdr:clientData/>
  </xdr:twoCellAnchor>
</xdr:wsDr>
</file>

<file path=xl/drawings/drawing10.xml><?xml version="1.0" encoding="utf-8"?>
<xdr:wsDr xmlns:xdr="http://schemas.openxmlformats.org/drawingml/2006/spreadsheetDrawing" xmlns:a="http://schemas.openxmlformats.org/drawingml/2006/main">
  <xdr:twoCellAnchor>
    <xdr:from>
      <xdr:col>2</xdr:col>
      <xdr:colOff>9525</xdr:colOff>
      <xdr:row>3</xdr:row>
      <xdr:rowOff>0</xdr:rowOff>
    </xdr:from>
    <xdr:to>
      <xdr:col>8</xdr:col>
      <xdr:colOff>1171574</xdr:colOff>
      <xdr:row>33</xdr:row>
      <xdr:rowOff>171450</xdr:rowOff>
    </xdr:to>
    <xdr:sp macro="" textlink="">
      <xdr:nvSpPr>
        <xdr:cNvPr id="3" name="Text Box 141">
          <a:extLst>
            <a:ext uri="{FF2B5EF4-FFF2-40B4-BE49-F238E27FC236}">
              <a16:creationId xmlns:a16="http://schemas.microsoft.com/office/drawing/2014/main" id="{48360914-6A4E-4EB8-B542-93A9E4323B7F}"/>
            </a:ext>
          </a:extLst>
        </xdr:cNvPr>
        <xdr:cNvSpPr txBox="1"/>
      </xdr:nvSpPr>
      <xdr:spPr>
        <a:xfrm>
          <a:off x="847725" y="561975"/>
          <a:ext cx="5276849" cy="5600700"/>
        </a:xfrm>
        <a:prstGeom prst="rect">
          <a:avLst/>
        </a:prstGeom>
        <a:solidFill>
          <a:schemeClr val="bg1"/>
        </a:solidFill>
        <a:ln w="6350">
          <a:noFill/>
        </a:ln>
        <a:effectLst>
          <a:outerShdw dist="19050" dir="10800000" algn="r" rotWithShape="0">
            <a:schemeClr val="accent2"/>
          </a:outerShdw>
        </a:effectLst>
      </xdr:spPr>
      <xdr:style>
        <a:lnRef idx="0">
          <a:schemeClr val="accent1"/>
        </a:lnRef>
        <a:fillRef idx="0">
          <a:schemeClr val="accent1"/>
        </a:fillRef>
        <a:effectRef idx="0">
          <a:schemeClr val="accent1"/>
        </a:effectRef>
        <a:fontRef idx="minor">
          <a:schemeClr val="dk1"/>
        </a:fontRef>
      </xdr:style>
      <xdr:txBody>
        <a:bodyPr rot="0" spcFirstLastPara="0" vert="horz" wrap="square" lIns="228600" tIns="137160" rIns="0" bIns="137160" numCol="1" spcCol="0" rtlCol="0" fromWordArt="0" anchor="t" anchorCtr="0" forceAA="0" compatLnSpc="1">
          <a:prstTxWarp prst="textNoShape">
            <a:avLst/>
          </a:prstTxWarp>
          <a:noAutofit/>
        </a:bodyPr>
        <a:lstStyle/>
        <a:p>
          <a:pPr marL="0" marR="0">
            <a:lnSpc>
              <a:spcPct val="107000"/>
            </a:lnSpc>
            <a:spcBef>
              <a:spcPts val="0"/>
            </a:spcBef>
            <a:spcAft>
              <a:spcPts val="1200"/>
            </a:spcAft>
          </a:pPr>
          <a:endParaRPr lang="en-US" sz="1800" cap="all">
            <a:solidFill>
              <a:srgbClr val="191919"/>
            </a:solidFill>
            <a:effectLst/>
            <a:latin typeface="Calibri Light" panose="020F0302020204030204" pitchFamily="34" charset="0"/>
            <a:ea typeface="Times New Roman" panose="02020603050405020304" pitchFamily="18"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 2020 SAP SE or an SAP affiliate company. All rights reserved.</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No part of this publication may be reproduced or transmitted in any form or for any purpose without the express permission of SAP SE or an SAP affiliate company.</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The information contained herein may be changed without prior notice. Some software products marketed by SAP SE and its distributors contain proprietary software components of other software vendors. National product specifications may vary.</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and they should not be relied upon in making purchasing decisions.</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a:t>
          </a:r>
          <a:r>
            <a:rPr lang="en-US" sz="1000">
              <a:solidFill>
                <a:srgbClr val="000000"/>
              </a:solidFill>
              <a:effectLst/>
              <a:ea typeface="Calibri" panose="020F0502020204030204" pitchFamily="34" charset="0"/>
              <a:cs typeface="Arial" panose="020B0604020202020204" pitchFamily="34" charset="0"/>
            </a:rPr>
            <a:t>. </a:t>
          </a:r>
          <a:r>
            <a:rPr lang="en-US" sz="800">
              <a:solidFill>
                <a:srgbClr val="0070C0"/>
              </a:solidFill>
              <a:effectLst/>
              <a:ea typeface="Calibri" panose="020F0502020204030204" pitchFamily="34" charset="0"/>
              <a:cs typeface="Arial" panose="020B0604020202020204" pitchFamily="34" charset="0"/>
            </a:rPr>
            <a:t>See </a:t>
          </a:r>
          <a:r>
            <a:rPr lang="en-US" sz="800" u="sng">
              <a:solidFill>
                <a:srgbClr val="0070C0"/>
              </a:solidFill>
              <a:effectLst/>
              <a:ea typeface="Calibri" panose="020F0502020204030204" pitchFamily="34" charset="0"/>
              <a:cs typeface="Arial" panose="020B0604020202020204" pitchFamily="34" charset="0"/>
            </a:rPr>
            <a:t>http://www.sap.com/corporate-en/legal/copyright/index.epx</a:t>
          </a:r>
          <a:r>
            <a:rPr lang="en-US" sz="800">
              <a:solidFill>
                <a:srgbClr val="000000"/>
              </a:solidFill>
              <a:effectLst/>
              <a:ea typeface="Calibri" panose="020F0502020204030204" pitchFamily="34" charset="0"/>
              <a:cs typeface="Arial" panose="020B0604020202020204" pitchFamily="34" charset="0"/>
            </a:rPr>
            <a:t> for additional trademark information and notices.</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1100">
              <a:solidFill>
                <a:srgbClr val="808080"/>
              </a:solidFill>
              <a:effectLst/>
              <a:ea typeface="Calibri" panose="020F0502020204030204" pitchFamily="34" charset="0"/>
              <a:cs typeface="Times New Roman" panose="02020603050405020304" pitchFamily="18" charset="0"/>
            </a:rPr>
            <a:t> </a:t>
          </a:r>
          <a:endParaRPr lang="en-US" sz="1100">
            <a:effectLst/>
            <a:ea typeface="Calibri" panose="020F0502020204030204" pitchFamily="34" charset="0"/>
            <a:cs typeface="Times New Roman" panose="02020603050405020304" pitchFamily="18" charset="0"/>
          </a:endParaRPr>
        </a:p>
      </xdr:txBody>
    </xdr:sp>
    <xdr:clientData/>
  </xdr:twoCellAnchor>
  <xdr:twoCellAnchor editAs="oneCell">
    <xdr:from>
      <xdr:col>2</xdr:col>
      <xdr:colOff>409575</xdr:colOff>
      <xdr:row>4</xdr:row>
      <xdr:rowOff>123825</xdr:rowOff>
    </xdr:from>
    <xdr:to>
      <xdr:col>6</xdr:col>
      <xdr:colOff>27940</xdr:colOff>
      <xdr:row>6</xdr:row>
      <xdr:rowOff>32385</xdr:rowOff>
    </xdr:to>
    <xdr:pic>
      <xdr:nvPicPr>
        <xdr:cNvPr id="4" name="Picture 3">
          <a:extLst>
            <a:ext uri="{FF2B5EF4-FFF2-40B4-BE49-F238E27FC236}">
              <a16:creationId xmlns:a16="http://schemas.microsoft.com/office/drawing/2014/main" id="{F2C0E888-0D7A-4982-AE68-023018A4BE8E}"/>
            </a:ext>
          </a:extLst>
        </xdr:cNvPr>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628775" y="885825"/>
          <a:ext cx="2361565" cy="270510"/>
        </a:xfrm>
        <a:prstGeom prst="rect">
          <a:avLst/>
        </a:prstGeom>
        <a:noFill/>
        <a:ln>
          <a:noFill/>
        </a:ln>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3</xdr:col>
      <xdr:colOff>0</xdr:colOff>
      <xdr:row>16</xdr:row>
      <xdr:rowOff>0</xdr:rowOff>
    </xdr:from>
    <xdr:to>
      <xdr:col>6</xdr:col>
      <xdr:colOff>7143750</xdr:colOff>
      <xdr:row>42</xdr:row>
      <xdr:rowOff>72261</xdr:rowOff>
    </xdr:to>
    <xdr:pic>
      <xdr:nvPicPr>
        <xdr:cNvPr id="2" name="Picture 1">
          <a:extLst>
            <a:ext uri="{FF2B5EF4-FFF2-40B4-BE49-F238E27FC236}">
              <a16:creationId xmlns:a16="http://schemas.microsoft.com/office/drawing/2014/main" id="{4E9775F4-AF89-4187-AD20-FB0EB7C62148}"/>
            </a:ext>
          </a:extLst>
        </xdr:cNvPr>
        <xdr:cNvPicPr>
          <a:picLocks noChangeAspect="1"/>
        </xdr:cNvPicPr>
      </xdr:nvPicPr>
      <xdr:blipFill>
        <a:blip xmlns:r="http://schemas.openxmlformats.org/officeDocument/2006/relationships" r:embed="rId1"/>
        <a:stretch>
          <a:fillRect/>
        </a:stretch>
      </xdr:blipFill>
      <xdr:spPr>
        <a:xfrm>
          <a:off x="2201047" y="4028818"/>
          <a:ext cx="9666588" cy="5092193"/>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xdr:from>
      <xdr:col>2</xdr:col>
      <xdr:colOff>9525</xdr:colOff>
      <xdr:row>2</xdr:row>
      <xdr:rowOff>9525</xdr:rowOff>
    </xdr:from>
    <xdr:to>
      <xdr:col>4</xdr:col>
      <xdr:colOff>4648200</xdr:colOff>
      <xdr:row>5</xdr:row>
      <xdr:rowOff>139700</xdr:rowOff>
    </xdr:to>
    <xdr:sp macro="" textlink="">
      <xdr:nvSpPr>
        <xdr:cNvPr id="4" name="TextBox 3">
          <a:extLst>
            <a:ext uri="{FF2B5EF4-FFF2-40B4-BE49-F238E27FC236}">
              <a16:creationId xmlns:a16="http://schemas.microsoft.com/office/drawing/2014/main" id="{8356D1AA-B6BB-4476-AF4C-1588E2D8B2E1}"/>
            </a:ext>
          </a:extLst>
        </xdr:cNvPr>
        <xdr:cNvSpPr txBox="1"/>
      </xdr:nvSpPr>
      <xdr:spPr>
        <a:xfrm>
          <a:off x="1825625" y="365125"/>
          <a:ext cx="7026275" cy="66357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lang="en-US" sz="1100">
              <a:solidFill>
                <a:schemeClr val="dk1"/>
              </a:solidFill>
              <a:effectLst/>
              <a:latin typeface="+mn-lt"/>
              <a:ea typeface="+mn-ea"/>
              <a:cs typeface="+mn-cs"/>
            </a:rPr>
            <a:t>This log is updated each time this Process Document is updated.  The log identifies the version number, the date the version was completed, the author of the changes, and a brief description of the changes.</a:t>
          </a:r>
        </a:p>
        <a:p>
          <a:endParaRPr 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editAs="oneCell">
    <xdr:from>
      <xdr:col>2</xdr:col>
      <xdr:colOff>1306560</xdr:colOff>
      <xdr:row>2</xdr:row>
      <xdr:rowOff>29883</xdr:rowOff>
    </xdr:from>
    <xdr:to>
      <xdr:col>4</xdr:col>
      <xdr:colOff>2599764</xdr:colOff>
      <xdr:row>14</xdr:row>
      <xdr:rowOff>642189</xdr:rowOff>
    </xdr:to>
    <xdr:pic>
      <xdr:nvPicPr>
        <xdr:cNvPr id="3" name="Picture 2">
          <a:extLst>
            <a:ext uri="{FF2B5EF4-FFF2-40B4-BE49-F238E27FC236}">
              <a16:creationId xmlns:a16="http://schemas.microsoft.com/office/drawing/2014/main" id="{ED8DE036-286C-4A55-9911-3FD0B1031ED2}"/>
            </a:ext>
          </a:extLst>
        </xdr:cNvPr>
        <xdr:cNvPicPr>
          <a:picLocks noChangeAspect="1"/>
        </xdr:cNvPicPr>
      </xdr:nvPicPr>
      <xdr:blipFill>
        <a:blip xmlns:r="http://schemas.openxmlformats.org/officeDocument/2006/relationships" r:embed="rId1"/>
        <a:stretch>
          <a:fillRect/>
        </a:stretch>
      </xdr:blipFill>
      <xdr:spPr>
        <a:xfrm>
          <a:off x="2247854" y="313765"/>
          <a:ext cx="7053028" cy="3996483"/>
        </a:xfrm>
        <a:prstGeom prst="rect">
          <a:avLst/>
        </a:prstGeom>
      </xdr:spPr>
    </xdr:pic>
    <xdr:clientData/>
  </xdr:twoCellAnchor>
  <xdr:twoCellAnchor editAs="oneCell">
    <xdr:from>
      <xdr:col>2</xdr:col>
      <xdr:colOff>1352176</xdr:colOff>
      <xdr:row>14</xdr:row>
      <xdr:rowOff>642471</xdr:rowOff>
    </xdr:from>
    <xdr:to>
      <xdr:col>4</xdr:col>
      <xdr:colOff>2539999</xdr:colOff>
      <xdr:row>25</xdr:row>
      <xdr:rowOff>84452</xdr:rowOff>
    </xdr:to>
    <xdr:pic>
      <xdr:nvPicPr>
        <xdr:cNvPr id="4" name="Picture 3">
          <a:extLst>
            <a:ext uri="{FF2B5EF4-FFF2-40B4-BE49-F238E27FC236}">
              <a16:creationId xmlns:a16="http://schemas.microsoft.com/office/drawing/2014/main" id="{2586AFF3-1809-417A-87B4-06057441AA7F}"/>
            </a:ext>
          </a:extLst>
        </xdr:cNvPr>
        <xdr:cNvPicPr>
          <a:picLocks noChangeAspect="1"/>
        </xdr:cNvPicPr>
      </xdr:nvPicPr>
      <xdr:blipFill>
        <a:blip xmlns:r="http://schemas.openxmlformats.org/officeDocument/2006/relationships" r:embed="rId2"/>
        <a:stretch>
          <a:fillRect/>
        </a:stretch>
      </xdr:blipFill>
      <xdr:spPr>
        <a:xfrm>
          <a:off x="2293470" y="4310530"/>
          <a:ext cx="6947647" cy="4559334"/>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0</xdr:col>
      <xdr:colOff>142875</xdr:colOff>
      <xdr:row>25</xdr:row>
      <xdr:rowOff>38100</xdr:rowOff>
    </xdr:from>
    <xdr:to>
      <xdr:col>1</xdr:col>
      <xdr:colOff>2083328</xdr:colOff>
      <xdr:row>45</xdr:row>
      <xdr:rowOff>297</xdr:rowOff>
    </xdr:to>
    <xdr:pic>
      <xdr:nvPicPr>
        <xdr:cNvPr id="2" name="Picture 1">
          <a:extLst>
            <a:ext uri="{FF2B5EF4-FFF2-40B4-BE49-F238E27FC236}">
              <a16:creationId xmlns:a16="http://schemas.microsoft.com/office/drawing/2014/main" id="{B791B291-AA1C-4F36-8691-29BD3AFFA45B}"/>
            </a:ext>
          </a:extLst>
        </xdr:cNvPr>
        <xdr:cNvPicPr>
          <a:picLocks noChangeAspect="1"/>
        </xdr:cNvPicPr>
      </xdr:nvPicPr>
      <xdr:blipFill>
        <a:blip xmlns:r="http://schemas.openxmlformats.org/officeDocument/2006/relationships" r:embed="rId1"/>
        <a:stretch>
          <a:fillRect/>
        </a:stretch>
      </xdr:blipFill>
      <xdr:spPr>
        <a:xfrm>
          <a:off x="142875" y="4762500"/>
          <a:ext cx="5906028" cy="3581697"/>
        </a:xfrm>
        <a:prstGeom prst="rect">
          <a:avLst/>
        </a:prstGeom>
      </xdr:spPr>
    </xdr:pic>
    <xdr:clientData/>
  </xdr:twoCellAnchor>
  <xdr:twoCellAnchor editAs="oneCell">
    <xdr:from>
      <xdr:col>0</xdr:col>
      <xdr:colOff>3157537</xdr:colOff>
      <xdr:row>43</xdr:row>
      <xdr:rowOff>166687</xdr:rowOff>
    </xdr:from>
    <xdr:to>
      <xdr:col>2</xdr:col>
      <xdr:colOff>1511783</xdr:colOff>
      <xdr:row>61</xdr:row>
      <xdr:rowOff>145002</xdr:rowOff>
    </xdr:to>
    <xdr:pic>
      <xdr:nvPicPr>
        <xdr:cNvPr id="3" name="Picture 2">
          <a:extLst>
            <a:ext uri="{FF2B5EF4-FFF2-40B4-BE49-F238E27FC236}">
              <a16:creationId xmlns:a16="http://schemas.microsoft.com/office/drawing/2014/main" id="{9ACE1AD0-7346-4B20-B1B3-E34255435213}"/>
            </a:ext>
          </a:extLst>
        </xdr:cNvPr>
        <xdr:cNvPicPr>
          <a:picLocks noChangeAspect="1"/>
        </xdr:cNvPicPr>
      </xdr:nvPicPr>
      <xdr:blipFill>
        <a:blip xmlns:r="http://schemas.openxmlformats.org/officeDocument/2006/relationships" r:embed="rId2"/>
        <a:stretch>
          <a:fillRect/>
        </a:stretch>
      </xdr:blipFill>
      <xdr:spPr>
        <a:xfrm>
          <a:off x="3157537" y="8296275"/>
          <a:ext cx="6474309" cy="3064415"/>
        </a:xfrm>
        <a:prstGeom prst="rect">
          <a:avLst/>
        </a:prstGeom>
      </xdr:spPr>
    </xdr:pic>
    <xdr:clientData/>
  </xdr:twoCellAnchor>
  <xdr:twoCellAnchor editAs="oneCell">
    <xdr:from>
      <xdr:col>1</xdr:col>
      <xdr:colOff>2698750</xdr:colOff>
      <xdr:row>25</xdr:row>
      <xdr:rowOff>71438</xdr:rowOff>
    </xdr:from>
    <xdr:to>
      <xdr:col>2</xdr:col>
      <xdr:colOff>4739307</xdr:colOff>
      <xdr:row>44</xdr:row>
      <xdr:rowOff>86248</xdr:rowOff>
    </xdr:to>
    <xdr:pic>
      <xdr:nvPicPr>
        <xdr:cNvPr id="4" name="Picture 3">
          <a:extLst>
            <a:ext uri="{FF2B5EF4-FFF2-40B4-BE49-F238E27FC236}">
              <a16:creationId xmlns:a16="http://schemas.microsoft.com/office/drawing/2014/main" id="{2C24A560-8E05-41E5-A6BF-0F2F1C321531}"/>
            </a:ext>
          </a:extLst>
        </xdr:cNvPr>
        <xdr:cNvPicPr>
          <a:picLocks noChangeAspect="1"/>
        </xdr:cNvPicPr>
      </xdr:nvPicPr>
      <xdr:blipFill>
        <a:blip xmlns:r="http://schemas.openxmlformats.org/officeDocument/2006/relationships" r:embed="rId3"/>
        <a:stretch>
          <a:fillRect/>
        </a:stretch>
      </xdr:blipFill>
      <xdr:spPr>
        <a:xfrm>
          <a:off x="6667500" y="5113338"/>
          <a:ext cx="6193457" cy="3393010"/>
        </a:xfrm>
        <a:prstGeom prst="rect">
          <a:avLst/>
        </a:prstGeom>
      </xdr:spPr>
    </xdr:pic>
    <xdr:clientData/>
  </xdr:twoCellAnchor>
</xdr:wsDr>
</file>

<file path=xl/drawings/drawing6.xml><?xml version="1.0" encoding="utf-8"?>
<xdr:wsDr xmlns:xdr="http://schemas.openxmlformats.org/drawingml/2006/spreadsheetDrawing" xmlns:a="http://schemas.openxmlformats.org/drawingml/2006/main">
  <xdr:twoCellAnchor editAs="oneCell">
    <xdr:from>
      <xdr:col>17</xdr:col>
      <xdr:colOff>0</xdr:colOff>
      <xdr:row>882</xdr:row>
      <xdr:rowOff>0</xdr:rowOff>
    </xdr:from>
    <xdr:to>
      <xdr:col>20</xdr:col>
      <xdr:colOff>3209926</xdr:colOff>
      <xdr:row>912</xdr:row>
      <xdr:rowOff>165055</xdr:rowOff>
    </xdr:to>
    <xdr:pic>
      <xdr:nvPicPr>
        <xdr:cNvPr id="2" name="Picture 1">
          <a:extLst>
            <a:ext uri="{FF2B5EF4-FFF2-40B4-BE49-F238E27FC236}">
              <a16:creationId xmlns:a16="http://schemas.microsoft.com/office/drawing/2014/main" id="{226A3013-56B0-E848-9866-367A69E5425E}"/>
            </a:ext>
          </a:extLst>
        </xdr:cNvPr>
        <xdr:cNvPicPr>
          <a:picLocks noChangeAspect="1"/>
        </xdr:cNvPicPr>
      </xdr:nvPicPr>
      <xdr:blipFill>
        <a:blip xmlns:r="http://schemas.openxmlformats.org/officeDocument/2006/relationships" r:embed="rId1"/>
        <a:stretch>
          <a:fillRect/>
        </a:stretch>
      </xdr:blipFill>
      <xdr:spPr>
        <a:xfrm>
          <a:off x="7391400" y="42100500"/>
          <a:ext cx="20786726" cy="7213555"/>
        </a:xfrm>
        <a:prstGeom prst="rect">
          <a:avLst/>
        </a:prstGeom>
      </xdr:spPr>
    </xdr:pic>
    <xdr:clientData/>
  </xdr:twoCellAnchor>
  <xdr:twoCellAnchor editAs="oneCell">
    <xdr:from>
      <xdr:col>16</xdr:col>
      <xdr:colOff>876299</xdr:colOff>
      <xdr:row>855</xdr:row>
      <xdr:rowOff>0</xdr:rowOff>
    </xdr:from>
    <xdr:to>
      <xdr:col>20</xdr:col>
      <xdr:colOff>3103009</xdr:colOff>
      <xdr:row>880</xdr:row>
      <xdr:rowOff>203200</xdr:rowOff>
    </xdr:to>
    <xdr:pic>
      <xdr:nvPicPr>
        <xdr:cNvPr id="3" name="Picture 2">
          <a:extLst>
            <a:ext uri="{FF2B5EF4-FFF2-40B4-BE49-F238E27FC236}">
              <a16:creationId xmlns:a16="http://schemas.microsoft.com/office/drawing/2014/main" id="{79B0A7C4-A596-6A47-9461-44F8BDA2A9E6}"/>
            </a:ext>
          </a:extLst>
        </xdr:cNvPr>
        <xdr:cNvPicPr>
          <a:picLocks noChangeAspect="1"/>
        </xdr:cNvPicPr>
      </xdr:nvPicPr>
      <xdr:blipFill>
        <a:blip xmlns:r="http://schemas.openxmlformats.org/officeDocument/2006/relationships" r:embed="rId2"/>
        <a:stretch>
          <a:fillRect/>
        </a:stretch>
      </xdr:blipFill>
      <xdr:spPr>
        <a:xfrm>
          <a:off x="7569199" y="32105600"/>
          <a:ext cx="20679810" cy="6248400"/>
        </a:xfrm>
        <a:prstGeom prst="rect">
          <a:avLst/>
        </a:prstGeom>
      </xdr:spPr>
    </xdr:pic>
    <xdr:clientData/>
  </xdr:twoCellAnchor>
</xdr:wsDr>
</file>

<file path=xl/drawings/drawing7.xml><?xml version="1.0" encoding="utf-8"?>
<xdr:wsDr xmlns:xdr="http://schemas.openxmlformats.org/drawingml/2006/spreadsheetDrawing" xmlns:a="http://schemas.openxmlformats.org/drawingml/2006/main">
  <xdr:twoCellAnchor editAs="oneCell">
    <xdr:from>
      <xdr:col>16</xdr:col>
      <xdr:colOff>665630</xdr:colOff>
      <xdr:row>0</xdr:row>
      <xdr:rowOff>447675</xdr:rowOff>
    </xdr:from>
    <xdr:to>
      <xdr:col>31</xdr:col>
      <xdr:colOff>312772</xdr:colOff>
      <xdr:row>17</xdr:row>
      <xdr:rowOff>145155</xdr:rowOff>
    </xdr:to>
    <xdr:pic>
      <xdr:nvPicPr>
        <xdr:cNvPr id="2" name="Picture 1">
          <a:extLst>
            <a:ext uri="{FF2B5EF4-FFF2-40B4-BE49-F238E27FC236}">
              <a16:creationId xmlns:a16="http://schemas.microsoft.com/office/drawing/2014/main" id="{0D7327F6-4DE2-4030-9768-C05548384E44}"/>
            </a:ext>
          </a:extLst>
        </xdr:cNvPr>
        <xdr:cNvPicPr>
          <a:picLocks noChangeAspect="1"/>
        </xdr:cNvPicPr>
      </xdr:nvPicPr>
      <xdr:blipFill>
        <a:blip xmlns:r="http://schemas.openxmlformats.org/officeDocument/2006/relationships" r:embed="rId1"/>
        <a:stretch>
          <a:fillRect/>
        </a:stretch>
      </xdr:blipFill>
      <xdr:spPr>
        <a:xfrm>
          <a:off x="11638430" y="447675"/>
          <a:ext cx="10943792" cy="3050280"/>
        </a:xfrm>
        <a:prstGeom prst="rect">
          <a:avLst/>
        </a:prstGeom>
      </xdr:spPr>
    </xdr:pic>
    <xdr:clientData/>
  </xdr:twoCellAnchor>
  <xdr:twoCellAnchor editAs="oneCell">
    <xdr:from>
      <xdr:col>1</xdr:col>
      <xdr:colOff>9525</xdr:colOff>
      <xdr:row>1</xdr:row>
      <xdr:rowOff>1681</xdr:rowOff>
    </xdr:from>
    <xdr:to>
      <xdr:col>16</xdr:col>
      <xdr:colOff>8233</xdr:colOff>
      <xdr:row>90</xdr:row>
      <xdr:rowOff>142468</xdr:rowOff>
    </xdr:to>
    <xdr:pic>
      <xdr:nvPicPr>
        <xdr:cNvPr id="3" name="Picture 2">
          <a:extLst>
            <a:ext uri="{FF2B5EF4-FFF2-40B4-BE49-F238E27FC236}">
              <a16:creationId xmlns:a16="http://schemas.microsoft.com/office/drawing/2014/main" id="{1D108743-31EE-4FDC-A50D-E0E3A1F9097E}"/>
            </a:ext>
          </a:extLst>
        </xdr:cNvPr>
        <xdr:cNvPicPr>
          <a:picLocks noChangeAspect="1"/>
        </xdr:cNvPicPr>
      </xdr:nvPicPr>
      <xdr:blipFill>
        <a:blip xmlns:r="http://schemas.openxmlformats.org/officeDocument/2006/relationships" r:embed="rId2"/>
        <a:stretch>
          <a:fillRect/>
        </a:stretch>
      </xdr:blipFill>
      <xdr:spPr>
        <a:xfrm>
          <a:off x="647700" y="458881"/>
          <a:ext cx="10333333" cy="16714287"/>
        </a:xfrm>
        <a:prstGeom prst="rect">
          <a:avLst/>
        </a:prstGeom>
      </xdr:spPr>
    </xdr:pic>
    <xdr:clientData/>
  </xdr:twoCellAnchor>
  <xdr:twoCellAnchor>
    <xdr:from>
      <xdr:col>17</xdr:col>
      <xdr:colOff>9525</xdr:colOff>
      <xdr:row>22</xdr:row>
      <xdr:rowOff>9524</xdr:rowOff>
    </xdr:from>
    <xdr:to>
      <xdr:col>25</xdr:col>
      <xdr:colOff>2582</xdr:colOff>
      <xdr:row>29</xdr:row>
      <xdr:rowOff>131668</xdr:rowOff>
    </xdr:to>
    <xdr:pic>
      <xdr:nvPicPr>
        <xdr:cNvPr id="4" name="Picture 3" descr="image001">
          <a:extLst>
            <a:ext uri="{FF2B5EF4-FFF2-40B4-BE49-F238E27FC236}">
              <a16:creationId xmlns:a16="http://schemas.microsoft.com/office/drawing/2014/main" id="{690EF0EE-FF80-4FC4-9B24-12F8600C924D}"/>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11668125" y="4733924"/>
          <a:ext cx="6489107" cy="13889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8.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7</xdr:col>
      <xdr:colOff>0</xdr:colOff>
      <xdr:row>351</xdr:row>
      <xdr:rowOff>68068</xdr:rowOff>
    </xdr:to>
    <xdr:pic>
      <xdr:nvPicPr>
        <xdr:cNvPr id="4" name="Picture 3">
          <a:extLst>
            <a:ext uri="{FF2B5EF4-FFF2-40B4-BE49-F238E27FC236}">
              <a16:creationId xmlns:a16="http://schemas.microsoft.com/office/drawing/2014/main" id="{65117E9D-F136-4D52-A722-AAC3180CD396}"/>
            </a:ext>
          </a:extLst>
        </xdr:cNvPr>
        <xdr:cNvPicPr>
          <a:picLocks noChangeAspect="1"/>
        </xdr:cNvPicPr>
      </xdr:nvPicPr>
      <xdr:blipFill>
        <a:blip xmlns:r="http://schemas.openxmlformats.org/officeDocument/2006/relationships" r:embed="rId1"/>
        <a:stretch>
          <a:fillRect/>
        </a:stretch>
      </xdr:blipFill>
      <xdr:spPr>
        <a:xfrm>
          <a:off x="0" y="0"/>
          <a:ext cx="12001500" cy="65047618"/>
        </a:xfrm>
        <a:prstGeom prst="rect">
          <a:avLst/>
        </a:prstGeom>
      </xdr:spPr>
    </xdr:pic>
    <xdr:clientData/>
  </xdr:twoCellAnchor>
</xdr:wsDr>
</file>

<file path=xl/drawings/drawing9.xml><?xml version="1.0" encoding="utf-8"?>
<xdr:wsDr xmlns:xdr="http://schemas.openxmlformats.org/drawingml/2006/spreadsheetDrawing" xmlns:a="http://schemas.openxmlformats.org/drawingml/2006/main">
  <xdr:twoCellAnchor editAs="oneCell">
    <xdr:from>
      <xdr:col>1</xdr:col>
      <xdr:colOff>1</xdr:colOff>
      <xdr:row>18</xdr:row>
      <xdr:rowOff>0</xdr:rowOff>
    </xdr:from>
    <xdr:to>
      <xdr:col>1</xdr:col>
      <xdr:colOff>2745925</xdr:colOff>
      <xdr:row>39</xdr:row>
      <xdr:rowOff>46567</xdr:rowOff>
    </xdr:to>
    <xdr:pic>
      <xdr:nvPicPr>
        <xdr:cNvPr id="2" name="Picture 1" descr="C:\Users\i859206\AppData\Local\Temp\msohtmlclip1\02\clip_image001.png">
          <a:extLst>
            <a:ext uri="{FF2B5EF4-FFF2-40B4-BE49-F238E27FC236}">
              <a16:creationId xmlns:a16="http://schemas.microsoft.com/office/drawing/2014/main" id="{8657CF8E-128B-4602-9700-8422A84FE728}"/>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685801" y="3276600"/>
          <a:ext cx="2745924" cy="385656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xdr:col>
      <xdr:colOff>28575</xdr:colOff>
      <xdr:row>43</xdr:row>
      <xdr:rowOff>128588</xdr:rowOff>
    </xdr:from>
    <xdr:to>
      <xdr:col>1</xdr:col>
      <xdr:colOff>4706162</xdr:colOff>
      <xdr:row>70</xdr:row>
      <xdr:rowOff>168276</xdr:rowOff>
    </xdr:to>
    <xdr:pic>
      <xdr:nvPicPr>
        <xdr:cNvPr id="3" name="Picture 2" descr="Machine generated alternative text:&#10;Ariba Exchange User Community &#10;Support Center &#10;I need help with SCC &#10;R. cptain &#10;cac€RS sw.c*e Data IPO&quot; &#10;EBFACT &#10;EWACT &#10;EL:GACT cRtRSP &#10;Cant find what you are looking for? Let us help you. &#10;E Get help by email &#10;Get help by live chat &#10;Get help by phone Estimate' wait in minutes 2 &#10;Attend a live webinar ">
          <a:extLst>
            <a:ext uri="{FF2B5EF4-FFF2-40B4-BE49-F238E27FC236}">
              <a16:creationId xmlns:a16="http://schemas.microsoft.com/office/drawing/2014/main" id="{08410429-7FD4-4D91-A37A-336BD69A3BF8}"/>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714375" y="7939088"/>
          <a:ext cx="4677587" cy="493553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xdr:col>
      <xdr:colOff>42863</xdr:colOff>
      <xdr:row>75</xdr:row>
      <xdr:rowOff>28575</xdr:rowOff>
    </xdr:from>
    <xdr:to>
      <xdr:col>1</xdr:col>
      <xdr:colOff>4832987</xdr:colOff>
      <xdr:row>92</xdr:row>
      <xdr:rowOff>166688</xdr:rowOff>
    </xdr:to>
    <xdr:pic>
      <xdr:nvPicPr>
        <xdr:cNvPr id="4" name="Picture 3" descr="Machine generated alternative text:&#10;Ariba Exchange User Community &#10;SAP Ariba Email Support &#10;to Safe List a &#10;problem Description &#10;Contact Information &#10;Homo &#10;Learning Support ">
          <a:extLst>
            <a:ext uri="{FF2B5EF4-FFF2-40B4-BE49-F238E27FC236}">
              <a16:creationId xmlns:a16="http://schemas.microsoft.com/office/drawing/2014/main" id="{300E337B-9DEA-4FEC-8BB5-178907746E38}"/>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728663" y="13639800"/>
          <a:ext cx="4790124" cy="322421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xdr:col>
      <xdr:colOff>3638550</xdr:colOff>
      <xdr:row>17</xdr:row>
      <xdr:rowOff>152401</xdr:rowOff>
    </xdr:from>
    <xdr:to>
      <xdr:col>1</xdr:col>
      <xdr:colOff>4848225</xdr:colOff>
      <xdr:row>39</xdr:row>
      <xdr:rowOff>112988</xdr:rowOff>
    </xdr:to>
    <xdr:pic>
      <xdr:nvPicPr>
        <xdr:cNvPr id="5" name="Picture 4">
          <a:extLst>
            <a:ext uri="{FF2B5EF4-FFF2-40B4-BE49-F238E27FC236}">
              <a16:creationId xmlns:a16="http://schemas.microsoft.com/office/drawing/2014/main" id="{83A51D8C-C3C5-4D0D-95A7-71C925B0338F}"/>
            </a:ext>
          </a:extLst>
        </xdr:cNvPr>
        <xdr:cNvPicPr>
          <a:picLocks noChangeAspect="1"/>
        </xdr:cNvPicPr>
      </xdr:nvPicPr>
      <xdr:blipFill>
        <a:blip xmlns:r="http://schemas.openxmlformats.org/officeDocument/2006/relationships" r:embed="rId4"/>
        <a:stretch>
          <a:fillRect/>
        </a:stretch>
      </xdr:blipFill>
      <xdr:spPr>
        <a:xfrm>
          <a:off x="4324350" y="3248026"/>
          <a:ext cx="1209675" cy="3951562"/>
        </a:xfrm>
        <a:prstGeom prst="rect">
          <a:avLst/>
        </a:prstGeom>
      </xdr:spPr>
    </xdr:pic>
    <xdr:clientData/>
  </xdr:twoCellAnchor>
</xdr:wsDr>
</file>

<file path=xl/queryTables/queryTable1.xml><?xml version="1.0" encoding="utf-8"?>
<queryTable xmlns="http://schemas.openxmlformats.org/spreadsheetml/2006/main" xmlns:mc="http://schemas.openxmlformats.org/markup-compatibility/2006" xmlns:xr16="http://schemas.microsoft.com/office/spreadsheetml/2017/revision16" mc:Ignorable="xr16" name="ExternalData_1" connectionId="2" xr16:uid="{00000000-0016-0000-1000-000000000000}" autoFormatId="16" applyNumberFormats="0" applyBorderFormats="0" applyFontFormats="0" applyPatternFormats="0" applyAlignmentFormats="0" applyWidthHeightFormats="0">
  <queryTableRefresh nextId="52">
    <queryTableFields count="51">
      <queryTableField id="1" name="Invoice Rules" tableColumnId="1"/>
      <queryTableField id="2" name="Argentina" tableColumnId="2"/>
      <queryTableField id="3" name="Australia" tableColumnId="3"/>
      <queryTableField id="4" name="Austria" tableColumnId="4"/>
      <queryTableField id="5" name="Belgium" tableColumnId="5"/>
      <queryTableField id="6" name="Brazil" tableColumnId="6"/>
      <queryTableField id="7" name="Canada" tableColumnId="7"/>
      <queryTableField id="8" name="Switzerland" tableColumnId="8"/>
      <queryTableField id="9" name="Chile" tableColumnId="9"/>
      <queryTableField id="10" name="China" tableColumnId="10"/>
      <queryTableField id="11" name="Colombia" tableColumnId="11"/>
      <queryTableField id="12" name="Costa Rica" tableColumnId="12"/>
      <queryTableField id="13" name="Czech Republic" tableColumnId="13"/>
      <queryTableField id="14" name="Germany" tableColumnId="14"/>
      <queryTableField id="15" name="Denmark" tableColumnId="15"/>
      <queryTableField id="16" name="Algeria" tableColumnId="16"/>
      <queryTableField id="17" name="Ecuador" tableColumnId="17"/>
      <queryTableField id="18" name="Egypt" tableColumnId="18"/>
      <queryTableField id="19" name="Spain" tableColumnId="19"/>
      <queryTableField id="20" name="Finland" tableColumnId="20"/>
      <queryTableField id="21" name="France" tableColumnId="21"/>
      <queryTableField id="22" name="United Kingdom" tableColumnId="22"/>
      <queryTableField id="23" name="Hong Kong" tableColumnId="23"/>
      <queryTableField id="24" name="Hungary" tableColumnId="24"/>
      <queryTableField id="25" name="Indonesia" tableColumnId="25"/>
      <queryTableField id="26" name="India" tableColumnId="26"/>
      <queryTableField id="27" name="Ireland" tableColumnId="27"/>
      <queryTableField id="28" name="Italy" tableColumnId="28"/>
      <queryTableField id="29" name="Japan" tableColumnId="29"/>
      <queryTableField id="30" name="Republic of Korea" tableColumnId="30"/>
      <queryTableField id="31" name="Luxembourg" tableColumnId="31"/>
      <queryTableField id="32" name="Morocco" tableColumnId="32"/>
      <queryTableField id="33" name="Mexico" tableColumnId="33"/>
      <queryTableField id="34" name="Malaysia" tableColumnId="34"/>
      <queryTableField id="35" name="Nigeria" tableColumnId="35"/>
      <queryTableField id="36" name="Netherlands" tableColumnId="36"/>
      <queryTableField id="37" name="Norway" tableColumnId="37"/>
      <queryTableField id="38" name="New Zealand" tableColumnId="38"/>
      <queryTableField id="39" name="Peru" tableColumnId="39"/>
      <queryTableField id="40" name="Philippines" tableColumnId="40"/>
      <queryTableField id="41" name="Poland" tableColumnId="41"/>
      <queryTableField id="42" name="Puerto Rico" tableColumnId="42"/>
      <queryTableField id="43" name="Portugal" tableColumnId="43"/>
      <queryTableField id="44" name="Romania" tableColumnId="44"/>
      <queryTableField id="45" name="Saudi Arabia" tableColumnId="45"/>
      <queryTableField id="46" name="Singapore" tableColumnId="46"/>
      <queryTableField id="47" name="Slovakia" tableColumnId="47"/>
      <queryTableField id="48" name="Sweden" tableColumnId="48"/>
      <queryTableField id="49" name="United States" tableColumnId="49"/>
      <queryTableField id="50" name="Venezuela" tableColumnId="50"/>
      <queryTableField id="51" name="South Africa" tableColumnId="51"/>
    </queryTableFields>
  </queryTableRefresh>
</queryTable>
</file>

<file path=xl/queryTables/queryTable2.xml><?xml version="1.0" encoding="utf-8"?>
<queryTable xmlns="http://schemas.openxmlformats.org/spreadsheetml/2006/main" xmlns:mc="http://schemas.openxmlformats.org/markup-compatibility/2006" xmlns:xr16="http://schemas.microsoft.com/office/spreadsheetml/2017/revision16" mc:Ignorable="xr16" name="ExternalData_1" connectionId="1" xr16:uid="{00000000-0016-0000-1100-000001000000}" autoFormatId="16" applyNumberFormats="0" applyBorderFormats="0" applyFontFormats="0" applyPatternFormats="0" applyAlignmentFormats="0" applyWidthHeightFormats="0">
  <queryTableRefresh nextId="52">
    <queryTableFields count="51">
      <queryTableField id="1" name="Invoice Rules" tableColumnId="1"/>
      <queryTableField id="2" name="Argentina" tableColumnId="2"/>
      <queryTableField id="3" name="Australia" tableColumnId="3"/>
      <queryTableField id="4" name="Austria" tableColumnId="4"/>
      <queryTableField id="5" name="Belgium" tableColumnId="5"/>
      <queryTableField id="6" name="Brazil" tableColumnId="6"/>
      <queryTableField id="7" name="Canada" tableColumnId="7"/>
      <queryTableField id="8" name="Switzerland" tableColumnId="8"/>
      <queryTableField id="9" name="Chile" tableColumnId="9"/>
      <queryTableField id="10" name="China" tableColumnId="10"/>
      <queryTableField id="11" name="Colombia" tableColumnId="11"/>
      <queryTableField id="12" name="Costa Rica" tableColumnId="12"/>
      <queryTableField id="13" name="Czech Republic" tableColumnId="13"/>
      <queryTableField id="14" name="Germany" tableColumnId="14"/>
      <queryTableField id="15" name="Denmark" tableColumnId="15"/>
      <queryTableField id="16" name="Algeria" tableColumnId="16"/>
      <queryTableField id="17" name="Ecuador" tableColumnId="17"/>
      <queryTableField id="18" name="Egypt" tableColumnId="18"/>
      <queryTableField id="19" name="Spain" tableColumnId="19"/>
      <queryTableField id="20" name="Finland" tableColumnId="20"/>
      <queryTableField id="21" name="France" tableColumnId="21"/>
      <queryTableField id="22" name="United Kingdom" tableColumnId="22"/>
      <queryTableField id="23" name="Hong Kong" tableColumnId="23"/>
      <queryTableField id="24" name="Hungary" tableColumnId="24"/>
      <queryTableField id="25" name="Indonesia" tableColumnId="25"/>
      <queryTableField id="26" name="India" tableColumnId="26"/>
      <queryTableField id="27" name="Ireland" tableColumnId="27"/>
      <queryTableField id="28" name="Italy" tableColumnId="28"/>
      <queryTableField id="29" name="Japan" tableColumnId="29"/>
      <queryTableField id="30" name="Republic of Korea" tableColumnId="30"/>
      <queryTableField id="31" name="Luxembourg" tableColumnId="31"/>
      <queryTableField id="32" name="Morocco" tableColumnId="32"/>
      <queryTableField id="33" name="Mexico" tableColumnId="33"/>
      <queryTableField id="34" name="Malaysia" tableColumnId="34"/>
      <queryTableField id="35" name="Nigeria" tableColumnId="35"/>
      <queryTableField id="36" name="Netherlands" tableColumnId="36"/>
      <queryTableField id="37" name="Norway" tableColumnId="37"/>
      <queryTableField id="38" name="New Zealand" tableColumnId="38"/>
      <queryTableField id="39" name="Peru" tableColumnId="39"/>
      <queryTableField id="40" name="Philippines" tableColumnId="40"/>
      <queryTableField id="41" name="Poland" tableColumnId="41"/>
      <queryTableField id="42" name="Puerto Rico" tableColumnId="42"/>
      <queryTableField id="43" name="Portugal" tableColumnId="43"/>
      <queryTableField id="44" name="Romania" tableColumnId="44"/>
      <queryTableField id="45" name="Saudi Arabia" tableColumnId="45"/>
      <queryTableField id="46" name="Singapore" tableColumnId="46"/>
      <queryTableField id="47" name="Slovakia" tableColumnId="47"/>
      <queryTableField id="48" name="Sweden" tableColumnId="48"/>
      <queryTableField id="49" name="United States" tableColumnId="49"/>
      <queryTableField id="50" name="Venezuela" tableColumnId="50"/>
      <queryTableField id="51" name="South Africa" tableColumnId="51"/>
    </queryTableFields>
  </queryTableRefresh>
</queryTable>
</file>

<file path=xl/tables/_rels/table1.xml.rels><?xml version="1.0" encoding="UTF-8" standalone="yes"?>
<Relationships xmlns="http://schemas.openxmlformats.org/package/2006/relationships"><Relationship Id="rId1" Type="http://schemas.openxmlformats.org/officeDocument/2006/relationships/queryTable" Target="../queryTables/queryTable1.xml"/></Relationships>
</file>

<file path=xl/tables/_rels/table2.xml.rels><?xml version="1.0" encoding="UTF-8" standalone="yes"?>
<Relationships xmlns="http://schemas.openxmlformats.org/package/2006/relationships"><Relationship Id="rId1" Type="http://schemas.openxmlformats.org/officeDocument/2006/relationships/queryTable" Target="../queryTables/queryTable2.xml"/></Relationships>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4" xr:uid="{00000000-000C-0000-FFFF-FFFF00000000}" name="CountryRules_Test" displayName="CountryRules_Test" ref="A1:AY60" tableType="queryTable" totalsRowShown="0">
  <autoFilter ref="A1:AY60" xr:uid="{00000000-0009-0000-0100-000004000000}"/>
  <tableColumns count="51">
    <tableColumn id="1" xr3:uid="{00000000-0010-0000-0000-000001000000}" uniqueName="1" name="Invoice Rules (Based on Ship-to Country)" queryTableFieldId="1" dataDxfId="101"/>
    <tableColumn id="2" xr3:uid="{00000000-0010-0000-0000-000002000000}" uniqueName="2" name="Argentina" queryTableFieldId="2" dataDxfId="100"/>
    <tableColumn id="3" xr3:uid="{00000000-0010-0000-0000-000003000000}" uniqueName="3" name="Australia" queryTableFieldId="3" dataDxfId="99"/>
    <tableColumn id="4" xr3:uid="{00000000-0010-0000-0000-000004000000}" uniqueName="4" name="Austria" queryTableFieldId="4" dataDxfId="98"/>
    <tableColumn id="5" xr3:uid="{00000000-0010-0000-0000-000005000000}" uniqueName="5" name="Belgium" queryTableFieldId="5" dataDxfId="97"/>
    <tableColumn id="6" xr3:uid="{00000000-0010-0000-0000-000006000000}" uniqueName="6" name="Brazil" queryTableFieldId="6" dataDxfId="96"/>
    <tableColumn id="7" xr3:uid="{00000000-0010-0000-0000-000007000000}" uniqueName="7" name="Canada" queryTableFieldId="7" dataDxfId="95"/>
    <tableColumn id="8" xr3:uid="{00000000-0010-0000-0000-000008000000}" uniqueName="8" name="Switzerland" queryTableFieldId="8" dataDxfId="94"/>
    <tableColumn id="9" xr3:uid="{00000000-0010-0000-0000-000009000000}" uniqueName="9" name="Chile" queryTableFieldId="9" dataDxfId="93"/>
    <tableColumn id="10" xr3:uid="{00000000-0010-0000-0000-00000A000000}" uniqueName="10" name="China" queryTableFieldId="10" dataDxfId="92"/>
    <tableColumn id="11" xr3:uid="{00000000-0010-0000-0000-00000B000000}" uniqueName="11" name="Colombia" queryTableFieldId="11" dataDxfId="91"/>
    <tableColumn id="12" xr3:uid="{00000000-0010-0000-0000-00000C000000}" uniqueName="12" name="Costa Rica" queryTableFieldId="12" dataDxfId="90"/>
    <tableColumn id="13" xr3:uid="{00000000-0010-0000-0000-00000D000000}" uniqueName="13" name="Czech Republic" queryTableFieldId="13" dataDxfId="89"/>
    <tableColumn id="14" xr3:uid="{00000000-0010-0000-0000-00000E000000}" uniqueName="14" name="Germany" queryTableFieldId="14" dataDxfId="88"/>
    <tableColumn id="15" xr3:uid="{00000000-0010-0000-0000-00000F000000}" uniqueName="15" name="Denmark" queryTableFieldId="15" dataDxfId="87"/>
    <tableColumn id="16" xr3:uid="{00000000-0010-0000-0000-000010000000}" uniqueName="16" name="Algeria" queryTableFieldId="16" dataDxfId="86"/>
    <tableColumn id="17" xr3:uid="{00000000-0010-0000-0000-000011000000}" uniqueName="17" name="Ecuador" queryTableFieldId="17" dataDxfId="85"/>
    <tableColumn id="18" xr3:uid="{00000000-0010-0000-0000-000012000000}" uniqueName="18" name="Egypt" queryTableFieldId="18" dataDxfId="84"/>
    <tableColumn id="19" xr3:uid="{00000000-0010-0000-0000-000013000000}" uniqueName="19" name="Spain" queryTableFieldId="19" dataDxfId="83"/>
    <tableColumn id="20" xr3:uid="{00000000-0010-0000-0000-000014000000}" uniqueName="20" name="Finland" queryTableFieldId="20" dataDxfId="82"/>
    <tableColumn id="21" xr3:uid="{00000000-0010-0000-0000-000015000000}" uniqueName="21" name="France" queryTableFieldId="21" dataDxfId="81"/>
    <tableColumn id="22" xr3:uid="{00000000-0010-0000-0000-000016000000}" uniqueName="22" name="United Kingdom" queryTableFieldId="22" dataDxfId="80"/>
    <tableColumn id="23" xr3:uid="{00000000-0010-0000-0000-000017000000}" uniqueName="23" name="Hong Kong" queryTableFieldId="23" dataDxfId="79"/>
    <tableColumn id="24" xr3:uid="{00000000-0010-0000-0000-000018000000}" uniqueName="24" name="Hungary" queryTableFieldId="24" dataDxfId="78"/>
    <tableColumn id="25" xr3:uid="{00000000-0010-0000-0000-000019000000}" uniqueName="25" name="Indonesia" queryTableFieldId="25" dataDxfId="77"/>
    <tableColumn id="26" xr3:uid="{00000000-0010-0000-0000-00001A000000}" uniqueName="26" name="India" queryTableFieldId="26" dataDxfId="76"/>
    <tableColumn id="27" xr3:uid="{00000000-0010-0000-0000-00001B000000}" uniqueName="27" name="Ireland" queryTableFieldId="27" dataDxfId="75"/>
    <tableColumn id="28" xr3:uid="{00000000-0010-0000-0000-00001C000000}" uniqueName="28" name="Italy" queryTableFieldId="28" dataDxfId="74"/>
    <tableColumn id="29" xr3:uid="{00000000-0010-0000-0000-00001D000000}" uniqueName="29" name="Japan" queryTableFieldId="29" dataDxfId="73"/>
    <tableColumn id="30" xr3:uid="{00000000-0010-0000-0000-00001E000000}" uniqueName="30" name="Republic of Korea" queryTableFieldId="30" dataDxfId="72"/>
    <tableColumn id="31" xr3:uid="{00000000-0010-0000-0000-00001F000000}" uniqueName="31" name="Luxembourg" queryTableFieldId="31" dataDxfId="71"/>
    <tableColumn id="32" xr3:uid="{00000000-0010-0000-0000-000020000000}" uniqueName="32" name="Morocco" queryTableFieldId="32" dataDxfId="70"/>
    <tableColumn id="33" xr3:uid="{00000000-0010-0000-0000-000021000000}" uniqueName="33" name="Mexico" queryTableFieldId="33" dataDxfId="69"/>
    <tableColumn id="34" xr3:uid="{00000000-0010-0000-0000-000022000000}" uniqueName="34" name="Malaysia" queryTableFieldId="34" dataDxfId="68"/>
    <tableColumn id="35" xr3:uid="{00000000-0010-0000-0000-000023000000}" uniqueName="35" name="Nigeria" queryTableFieldId="35" dataDxfId="67"/>
    <tableColumn id="36" xr3:uid="{00000000-0010-0000-0000-000024000000}" uniqueName="36" name="Netherlands" queryTableFieldId="36" dataDxfId="66"/>
    <tableColumn id="37" xr3:uid="{00000000-0010-0000-0000-000025000000}" uniqueName="37" name="Norway" queryTableFieldId="37" dataDxfId="65"/>
    <tableColumn id="38" xr3:uid="{00000000-0010-0000-0000-000026000000}" uniqueName="38" name="New Zealand" queryTableFieldId="38" dataDxfId="64"/>
    <tableColumn id="39" xr3:uid="{00000000-0010-0000-0000-000027000000}" uniqueName="39" name="Peru" queryTableFieldId="39" dataDxfId="63"/>
    <tableColumn id="40" xr3:uid="{00000000-0010-0000-0000-000028000000}" uniqueName="40" name="Philippines" queryTableFieldId="40" dataDxfId="62"/>
    <tableColumn id="41" xr3:uid="{00000000-0010-0000-0000-000029000000}" uniqueName="41" name="Poland" queryTableFieldId="41" dataDxfId="61"/>
    <tableColumn id="42" xr3:uid="{00000000-0010-0000-0000-00002A000000}" uniqueName="42" name="Puerto Rico" queryTableFieldId="42" dataDxfId="60"/>
    <tableColumn id="43" xr3:uid="{00000000-0010-0000-0000-00002B000000}" uniqueName="43" name="Portugal" queryTableFieldId="43" dataDxfId="59"/>
    <tableColumn id="44" xr3:uid="{00000000-0010-0000-0000-00002C000000}" uniqueName="44" name="Romania" queryTableFieldId="44" dataDxfId="58"/>
    <tableColumn id="45" xr3:uid="{00000000-0010-0000-0000-00002D000000}" uniqueName="45" name="Saudi Arabia" queryTableFieldId="45" dataDxfId="57"/>
    <tableColumn id="46" xr3:uid="{00000000-0010-0000-0000-00002E000000}" uniqueName="46" name="Singapore" queryTableFieldId="46" dataDxfId="56"/>
    <tableColumn id="47" xr3:uid="{00000000-0010-0000-0000-00002F000000}" uniqueName="47" name="Slovakia" queryTableFieldId="47" dataDxfId="55"/>
    <tableColumn id="48" xr3:uid="{00000000-0010-0000-0000-000030000000}" uniqueName="48" name="Sweden" queryTableFieldId="48" dataDxfId="54"/>
    <tableColumn id="49" xr3:uid="{00000000-0010-0000-0000-000031000000}" uniqueName="49" name="United States" queryTableFieldId="49" dataDxfId="53"/>
    <tableColumn id="50" xr3:uid="{00000000-0010-0000-0000-000032000000}" uniqueName="50" name="Venezuela" queryTableFieldId="50" dataDxfId="52"/>
    <tableColumn id="51" xr3:uid="{00000000-0010-0000-0000-000033000000}" uniqueName="51" name="South Africa" queryTableFieldId="51" dataDxfId="51"/>
  </tableColumns>
  <tableStyleInfo name="TableStyleMedium7 3" showFirstColumn="0" showLastColumn="0" showRowStripes="1" showColumnStripes="0"/>
</table>
</file>

<file path=xl/tables/table2.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2" xr:uid="{00000000-000C-0000-FFFF-FFFF01000000}" name="CountryRules" displayName="CountryRules" ref="A1:AY60" tableType="queryTable" totalsRowShown="0">
  <autoFilter ref="A1:AY60" xr:uid="{00000000-0009-0000-0100-000002000000}"/>
  <tableColumns count="51">
    <tableColumn id="1" xr3:uid="{00000000-0010-0000-0100-000001000000}" uniqueName="1" name="Invoice Rules (Based on Ship-to Country)" queryTableFieldId="1" dataDxfId="50"/>
    <tableColumn id="2" xr3:uid="{00000000-0010-0000-0100-000002000000}" uniqueName="2" name="Argentina" queryTableFieldId="2" dataDxfId="49"/>
    <tableColumn id="3" xr3:uid="{00000000-0010-0000-0100-000003000000}" uniqueName="3" name="Australia" queryTableFieldId="3" dataDxfId="48"/>
    <tableColumn id="4" xr3:uid="{00000000-0010-0000-0100-000004000000}" uniqueName="4" name="Austria" queryTableFieldId="4" dataDxfId="47"/>
    <tableColumn id="5" xr3:uid="{00000000-0010-0000-0100-000005000000}" uniqueName="5" name="Belgium" queryTableFieldId="5" dataDxfId="46"/>
    <tableColumn id="6" xr3:uid="{00000000-0010-0000-0100-000006000000}" uniqueName="6" name="Brazil" queryTableFieldId="6" dataDxfId="45"/>
    <tableColumn id="7" xr3:uid="{00000000-0010-0000-0100-000007000000}" uniqueName="7" name="Canada" queryTableFieldId="7" dataDxfId="44"/>
    <tableColumn id="8" xr3:uid="{00000000-0010-0000-0100-000008000000}" uniqueName="8" name="Switzerland" queryTableFieldId="8" dataDxfId="43"/>
    <tableColumn id="9" xr3:uid="{00000000-0010-0000-0100-000009000000}" uniqueName="9" name="Chile" queryTableFieldId="9" dataDxfId="42"/>
    <tableColumn id="10" xr3:uid="{00000000-0010-0000-0100-00000A000000}" uniqueName="10" name="China" queryTableFieldId="10" dataDxfId="41"/>
    <tableColumn id="11" xr3:uid="{00000000-0010-0000-0100-00000B000000}" uniqueName="11" name="Colombia" queryTableFieldId="11" dataDxfId="40"/>
    <tableColumn id="12" xr3:uid="{00000000-0010-0000-0100-00000C000000}" uniqueName="12" name="Costa Rica" queryTableFieldId="12" dataDxfId="39"/>
    <tableColumn id="13" xr3:uid="{00000000-0010-0000-0100-00000D000000}" uniqueName="13" name="Czech Republic" queryTableFieldId="13" dataDxfId="38"/>
    <tableColumn id="14" xr3:uid="{00000000-0010-0000-0100-00000E000000}" uniqueName="14" name="Germany" queryTableFieldId="14" dataDxfId="37"/>
    <tableColumn id="15" xr3:uid="{00000000-0010-0000-0100-00000F000000}" uniqueName="15" name="Denmark" queryTableFieldId="15" dataDxfId="36"/>
    <tableColumn id="16" xr3:uid="{00000000-0010-0000-0100-000010000000}" uniqueName="16" name="Algeria" queryTableFieldId="16" dataDxfId="35"/>
    <tableColumn id="17" xr3:uid="{00000000-0010-0000-0100-000011000000}" uniqueName="17" name="Ecuador" queryTableFieldId="17" dataDxfId="34"/>
    <tableColumn id="18" xr3:uid="{00000000-0010-0000-0100-000012000000}" uniqueName="18" name="Egypt" queryTableFieldId="18" dataDxfId="33"/>
    <tableColumn id="19" xr3:uid="{00000000-0010-0000-0100-000013000000}" uniqueName="19" name="Spain" queryTableFieldId="19" dataDxfId="32"/>
    <tableColumn id="20" xr3:uid="{00000000-0010-0000-0100-000014000000}" uniqueName="20" name="Finland" queryTableFieldId="20" dataDxfId="31"/>
    <tableColumn id="21" xr3:uid="{00000000-0010-0000-0100-000015000000}" uniqueName="21" name="France" queryTableFieldId="21" dataDxfId="30"/>
    <tableColumn id="22" xr3:uid="{00000000-0010-0000-0100-000016000000}" uniqueName="22" name="United Kingdom" queryTableFieldId="22" dataDxfId="29"/>
    <tableColumn id="23" xr3:uid="{00000000-0010-0000-0100-000017000000}" uniqueName="23" name="Hong Kong" queryTableFieldId="23" dataDxfId="28"/>
    <tableColumn id="24" xr3:uid="{00000000-0010-0000-0100-000018000000}" uniqueName="24" name="Hungary" queryTableFieldId="24" dataDxfId="27"/>
    <tableColumn id="25" xr3:uid="{00000000-0010-0000-0100-000019000000}" uniqueName="25" name="Indonesia" queryTableFieldId="25" dataDxfId="26"/>
    <tableColumn id="26" xr3:uid="{00000000-0010-0000-0100-00001A000000}" uniqueName="26" name="India" queryTableFieldId="26" dataDxfId="25"/>
    <tableColumn id="27" xr3:uid="{00000000-0010-0000-0100-00001B000000}" uniqueName="27" name="Ireland" queryTableFieldId="27" dataDxfId="24"/>
    <tableColumn id="28" xr3:uid="{00000000-0010-0000-0100-00001C000000}" uniqueName="28" name="Italy" queryTableFieldId="28" dataDxfId="23"/>
    <tableColumn id="29" xr3:uid="{00000000-0010-0000-0100-00001D000000}" uniqueName="29" name="Japan" queryTableFieldId="29" dataDxfId="22"/>
    <tableColumn id="30" xr3:uid="{00000000-0010-0000-0100-00001E000000}" uniqueName="30" name="Republic of Korea" queryTableFieldId="30" dataDxfId="21"/>
    <tableColumn id="31" xr3:uid="{00000000-0010-0000-0100-00001F000000}" uniqueName="31" name="Luxembourg" queryTableFieldId="31" dataDxfId="20"/>
    <tableColumn id="32" xr3:uid="{00000000-0010-0000-0100-000020000000}" uniqueName="32" name="Morocco" queryTableFieldId="32" dataDxfId="19"/>
    <tableColumn id="33" xr3:uid="{00000000-0010-0000-0100-000021000000}" uniqueName="33" name="Mexico" queryTableFieldId="33" dataDxfId="18"/>
    <tableColumn id="34" xr3:uid="{00000000-0010-0000-0100-000022000000}" uniqueName="34" name="Malaysia" queryTableFieldId="34" dataDxfId="17"/>
    <tableColumn id="35" xr3:uid="{00000000-0010-0000-0100-000023000000}" uniqueName="35" name="Nigeria" queryTableFieldId="35" dataDxfId="16"/>
    <tableColumn id="36" xr3:uid="{00000000-0010-0000-0100-000024000000}" uniqueName="36" name="Netherlands" queryTableFieldId="36" dataDxfId="15"/>
    <tableColumn id="37" xr3:uid="{00000000-0010-0000-0100-000025000000}" uniqueName="37" name="Norway" queryTableFieldId="37" dataDxfId="14"/>
    <tableColumn id="38" xr3:uid="{00000000-0010-0000-0100-000026000000}" uniqueName="38" name="New Zealand" queryTableFieldId="38" dataDxfId="13"/>
    <tableColumn id="39" xr3:uid="{00000000-0010-0000-0100-000027000000}" uniqueName="39" name="Peru" queryTableFieldId="39" dataDxfId="12"/>
    <tableColumn id="40" xr3:uid="{00000000-0010-0000-0100-000028000000}" uniqueName="40" name="Philippines" queryTableFieldId="40" dataDxfId="11"/>
    <tableColumn id="41" xr3:uid="{00000000-0010-0000-0100-000029000000}" uniqueName="41" name="Poland" queryTableFieldId="41" dataDxfId="10"/>
    <tableColumn id="42" xr3:uid="{00000000-0010-0000-0100-00002A000000}" uniqueName="42" name="Puerto Rico" queryTableFieldId="42" dataDxfId="9"/>
    <tableColumn id="43" xr3:uid="{00000000-0010-0000-0100-00002B000000}" uniqueName="43" name="Portugal" queryTableFieldId="43" dataDxfId="8"/>
    <tableColumn id="44" xr3:uid="{00000000-0010-0000-0100-00002C000000}" uniqueName="44" name="Romania" queryTableFieldId="44" dataDxfId="7"/>
    <tableColumn id="45" xr3:uid="{00000000-0010-0000-0100-00002D000000}" uniqueName="45" name="Saudi Arabia" queryTableFieldId="45" dataDxfId="6"/>
    <tableColumn id="46" xr3:uid="{00000000-0010-0000-0100-00002E000000}" uniqueName="46" name="Singapore" queryTableFieldId="46" dataDxfId="5"/>
    <tableColumn id="47" xr3:uid="{00000000-0010-0000-0100-00002F000000}" uniqueName="47" name="Slovakia" queryTableFieldId="47" dataDxfId="4"/>
    <tableColumn id="48" xr3:uid="{00000000-0010-0000-0100-000030000000}" uniqueName="48" name="Sweden" queryTableFieldId="48" dataDxfId="3"/>
    <tableColumn id="49" xr3:uid="{00000000-0010-0000-0100-000031000000}" uniqueName="49" name="United States" queryTableFieldId="49" dataDxfId="2"/>
    <tableColumn id="50" xr3:uid="{00000000-0010-0000-0100-000032000000}" uniqueName="50" name="Venezuela" queryTableFieldId="50" dataDxfId="1"/>
    <tableColumn id="51" xr3:uid="{00000000-0010-0000-0100-000033000000}" uniqueName="51" name="South Africa" queryTableFieldId="51" dataDxfId="0"/>
  </tableColumns>
  <tableStyleInfo name="TableStyleMedium7 2" showFirstColumn="0" showLastColumn="0" showRowStripes="1" showColumnStripes="0"/>
</table>
</file>

<file path=xl/theme/theme1.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customProperty" Target="../customProperty1.bin"/><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3" Type="http://schemas.openxmlformats.org/officeDocument/2006/relationships/drawing" Target="../drawings/drawing5.xml"/><Relationship Id="rId2" Type="http://schemas.openxmlformats.org/officeDocument/2006/relationships/customProperty" Target="../customProperty10.bin"/><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3" Type="http://schemas.openxmlformats.org/officeDocument/2006/relationships/drawing" Target="../drawings/drawing6.xml"/><Relationship Id="rId2" Type="http://schemas.openxmlformats.org/officeDocument/2006/relationships/customProperty" Target="../customProperty11.bin"/><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3" Type="http://schemas.openxmlformats.org/officeDocument/2006/relationships/drawing" Target="../drawings/drawing7.xml"/><Relationship Id="rId2" Type="http://schemas.openxmlformats.org/officeDocument/2006/relationships/customProperty" Target="../customProperty12.bin"/><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customProperty" Target="../customProperty13.bin"/><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customProperty" Target="../customProperty14.bin"/><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3" Type="http://schemas.openxmlformats.org/officeDocument/2006/relationships/drawing" Target="../drawings/drawing8.xml"/><Relationship Id="rId2" Type="http://schemas.openxmlformats.org/officeDocument/2006/relationships/customProperty" Target="../customProperty15.bin"/><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3" Type="http://schemas.openxmlformats.org/officeDocument/2006/relationships/table" Target="../tables/table1.xml"/><Relationship Id="rId2" Type="http://schemas.openxmlformats.org/officeDocument/2006/relationships/customProperty" Target="../customProperty16.bin"/><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3" Type="http://schemas.openxmlformats.org/officeDocument/2006/relationships/table" Target="../tables/table2.xml"/><Relationship Id="rId2" Type="http://schemas.openxmlformats.org/officeDocument/2006/relationships/customProperty" Target="../customProperty17.bin"/><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3" Type="http://schemas.openxmlformats.org/officeDocument/2006/relationships/customProperty" Target="../customProperty18.bin"/><Relationship Id="rId2" Type="http://schemas.openxmlformats.org/officeDocument/2006/relationships/printerSettings" Target="../printerSettings/printerSettings19.bin"/><Relationship Id="rId1" Type="http://schemas.openxmlformats.org/officeDocument/2006/relationships/hyperlink" Target="http://supplier.ariba.com/" TargetMode="External"/><Relationship Id="rId4" Type="http://schemas.openxmlformats.org/officeDocument/2006/relationships/drawing" Target="../drawings/drawing9.xml"/></Relationships>
</file>

<file path=xl/worksheets/_rels/sheet2.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customProperty" Target="../customProperty2.bin"/><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3" Type="http://schemas.openxmlformats.org/officeDocument/2006/relationships/drawing" Target="../drawings/drawing10.xml"/><Relationship Id="rId2" Type="http://schemas.openxmlformats.org/officeDocument/2006/relationships/customProperty" Target="../customProperty19.bin"/><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3" Type="http://schemas.openxmlformats.org/officeDocument/2006/relationships/customProperty" Target="../customProperty20.bin"/><Relationship Id="rId2" Type="http://schemas.openxmlformats.org/officeDocument/2006/relationships/printerSettings" Target="../printerSettings/printerSettings22.bin"/><Relationship Id="rId1" Type="http://schemas.openxmlformats.org/officeDocument/2006/relationships/printerSettings" Target="../printerSettings/printerSettings21.bin"/></Relationships>
</file>

<file path=xl/worksheets/_rels/sheet3.xml.rels><?xml version="1.0" encoding="UTF-8" standalone="yes"?>
<Relationships xmlns="http://schemas.openxmlformats.org/package/2006/relationships"><Relationship Id="rId2" Type="http://schemas.openxmlformats.org/officeDocument/2006/relationships/customProperty" Target="../customProperty3.bin"/><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drawing" Target="../drawings/drawing3.xml"/><Relationship Id="rId2" Type="http://schemas.openxmlformats.org/officeDocument/2006/relationships/customProperty" Target="../customProperty4.bin"/><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drawing" Target="../drawings/drawing4.xml"/><Relationship Id="rId2" Type="http://schemas.openxmlformats.org/officeDocument/2006/relationships/customProperty" Target="../customProperty5.bin"/><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customProperty" Target="../customProperty6.bin"/><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3" Type="http://schemas.openxmlformats.org/officeDocument/2006/relationships/customProperty" Target="../customProperty7.bin"/><Relationship Id="rId2" Type="http://schemas.openxmlformats.org/officeDocument/2006/relationships/printerSettings" Target="../printerSettings/printerSettings7.bin"/><Relationship Id="rId1" Type="http://schemas.openxmlformats.org/officeDocument/2006/relationships/hyperlink" Target="mailto:TD4*ZZZ***02@domaincompanyName~" TargetMode="External"/></Relationships>
</file>

<file path=xl/worksheets/_rels/sheet8.xml.rels><?xml version="1.0" encoding="UTF-8" standalone="yes"?>
<Relationships xmlns="http://schemas.openxmlformats.org/package/2006/relationships"><Relationship Id="rId2" Type="http://schemas.openxmlformats.org/officeDocument/2006/relationships/customProperty" Target="../customProperty8.bin"/><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customProperty" Target="../customProperty9.bin"/><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3" tint="0.59999389629810485"/>
  </sheetPr>
  <dimension ref="I3:S37"/>
  <sheetViews>
    <sheetView showGridLines="0" topLeftCell="G1" zoomScale="150" workbookViewId="0">
      <selection activeCell="AB37" sqref="AB37"/>
    </sheetView>
  </sheetViews>
  <sheetFormatPr defaultColWidth="8.83203125" defaultRowHeight="14"/>
  <cols>
    <col min="8" max="8" width="9.33203125" customWidth="1"/>
    <col min="9" max="9" width="1.83203125" customWidth="1"/>
    <col min="18" max="18" width="8.83203125" customWidth="1"/>
    <col min="19" max="19" width="2.1640625" customWidth="1"/>
  </cols>
  <sheetData>
    <row r="3" spans="9:19" ht="12" customHeight="1">
      <c r="I3" s="7"/>
      <c r="J3" s="7"/>
      <c r="K3" s="7"/>
      <c r="L3" s="7"/>
      <c r="M3" s="7"/>
      <c r="N3" s="7"/>
      <c r="O3" s="7"/>
      <c r="P3" s="7"/>
      <c r="Q3" s="7"/>
      <c r="R3" s="7"/>
      <c r="S3" s="7"/>
    </row>
    <row r="4" spans="9:19">
      <c r="I4" s="7"/>
      <c r="S4" s="7"/>
    </row>
    <row r="5" spans="9:19">
      <c r="I5" s="7"/>
      <c r="S5" s="7"/>
    </row>
    <row r="6" spans="9:19">
      <c r="I6" s="7"/>
      <c r="S6" s="7"/>
    </row>
    <row r="7" spans="9:19">
      <c r="I7" s="7"/>
      <c r="S7" s="7"/>
    </row>
    <row r="8" spans="9:19">
      <c r="I8" s="7"/>
      <c r="S8" s="7"/>
    </row>
    <row r="9" spans="9:19">
      <c r="I9" s="7"/>
      <c r="S9" s="7"/>
    </row>
    <row r="10" spans="9:19">
      <c r="I10" s="7"/>
      <c r="S10" s="7"/>
    </row>
    <row r="11" spans="9:19">
      <c r="I11" s="7"/>
      <c r="S11" s="7"/>
    </row>
    <row r="12" spans="9:19">
      <c r="I12" s="7"/>
      <c r="S12" s="7"/>
    </row>
    <row r="13" spans="9:19">
      <c r="I13" s="7"/>
      <c r="S13" s="7"/>
    </row>
    <row r="14" spans="9:19">
      <c r="I14" s="7"/>
      <c r="S14" s="7"/>
    </row>
    <row r="15" spans="9:19">
      <c r="I15" s="7"/>
      <c r="S15" s="7"/>
    </row>
    <row r="16" spans="9:19">
      <c r="I16" s="7"/>
      <c r="S16" s="7"/>
    </row>
    <row r="17" spans="9:19">
      <c r="I17" s="7"/>
      <c r="S17" s="7"/>
    </row>
    <row r="18" spans="9:19">
      <c r="I18" s="7"/>
      <c r="S18" s="7"/>
    </row>
    <row r="19" spans="9:19">
      <c r="I19" s="7"/>
      <c r="S19" s="7"/>
    </row>
    <row r="20" spans="9:19">
      <c r="I20" s="7"/>
      <c r="S20" s="7"/>
    </row>
    <row r="21" spans="9:19">
      <c r="I21" s="7"/>
      <c r="S21" s="7"/>
    </row>
    <row r="22" spans="9:19">
      <c r="I22" s="7"/>
      <c r="S22" s="7"/>
    </row>
    <row r="23" spans="9:19">
      <c r="I23" s="7"/>
      <c r="S23" s="7"/>
    </row>
    <row r="24" spans="9:19">
      <c r="I24" s="7"/>
      <c r="J24" s="3"/>
      <c r="S24" s="7"/>
    </row>
    <row r="25" spans="9:19">
      <c r="I25" s="7"/>
      <c r="S25" s="7"/>
    </row>
    <row r="26" spans="9:19">
      <c r="I26" s="7"/>
      <c r="J26" s="3" t="s">
        <v>1066</v>
      </c>
      <c r="S26" s="7"/>
    </row>
    <row r="27" spans="9:19">
      <c r="I27" s="7"/>
      <c r="S27" s="7"/>
    </row>
    <row r="28" spans="9:19">
      <c r="I28" s="7"/>
      <c r="J28" s="163" t="s">
        <v>2811</v>
      </c>
      <c r="S28" s="7"/>
    </row>
    <row r="29" spans="9:19">
      <c r="I29" s="7"/>
      <c r="S29" s="7"/>
    </row>
    <row r="30" spans="9:19">
      <c r="I30" s="7"/>
      <c r="J30" t="s">
        <v>1067</v>
      </c>
      <c r="S30" s="7"/>
    </row>
    <row r="31" spans="9:19">
      <c r="I31" s="7"/>
      <c r="S31" s="7"/>
    </row>
    <row r="32" spans="9:19">
      <c r="I32" s="7"/>
      <c r="S32" s="7"/>
    </row>
    <row r="33" spans="9:19">
      <c r="I33" s="7"/>
      <c r="S33" s="7"/>
    </row>
    <row r="34" spans="9:19">
      <c r="I34" s="7"/>
      <c r="S34" s="7"/>
    </row>
    <row r="35" spans="9:19">
      <c r="I35" s="7"/>
      <c r="S35" s="7"/>
    </row>
    <row r="36" spans="9:19" ht="17.25" customHeight="1">
      <c r="I36" s="7"/>
      <c r="S36" s="7"/>
    </row>
    <row r="37" spans="9:19" ht="12.75" customHeight="1">
      <c r="I37" s="7"/>
      <c r="J37" s="7"/>
      <c r="K37" s="7"/>
      <c r="L37" s="7"/>
      <c r="M37" s="7"/>
      <c r="N37" s="7"/>
      <c r="O37" s="7"/>
      <c r="P37" s="7"/>
      <c r="Q37" s="7"/>
      <c r="R37" s="7"/>
      <c r="S37" s="7"/>
    </row>
  </sheetData>
  <pageMargins left="0.7" right="0.7" top="0.75" bottom="0.75" header="0.3" footer="0.3"/>
  <pageSetup orientation="portrait" horizontalDpi="90" verticalDpi="90" r:id="rId1"/>
  <customProperties>
    <customPr name="IbpWorksheetKeyString_GUID" r:id="rId2"/>
  </customProperties>
  <drawing r:id="rId3"/>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U611"/>
  <sheetViews>
    <sheetView zoomScaleNormal="100" workbookViewId="0">
      <pane ySplit="1" topLeftCell="A19" activePane="bottomLeft" state="frozen"/>
      <selection activeCell="N1" sqref="N1"/>
      <selection pane="bottomLeft" activeCell="AU626" sqref="AU626"/>
    </sheetView>
  </sheetViews>
  <sheetFormatPr defaultColWidth="8.83203125" defaultRowHeight="14"/>
  <cols>
    <col min="17" max="17" width="39.5" customWidth="1"/>
    <col min="18" max="18" width="42.33203125" customWidth="1"/>
    <col min="19" max="19" width="47.1640625" customWidth="1"/>
    <col min="20" max="20" width="30.5" customWidth="1"/>
    <col min="21" max="21" width="17.33203125" customWidth="1"/>
  </cols>
  <sheetData>
    <row r="1" spans="1:21" ht="42">
      <c r="A1" s="42" t="s">
        <v>415</v>
      </c>
      <c r="B1" s="42" t="s">
        <v>416</v>
      </c>
      <c r="C1" s="42" t="s">
        <v>412</v>
      </c>
      <c r="D1" s="42" t="s">
        <v>418</v>
      </c>
      <c r="E1" s="42" t="s">
        <v>431</v>
      </c>
      <c r="F1" s="42" t="s">
        <v>411</v>
      </c>
      <c r="G1" s="42" t="s">
        <v>419</v>
      </c>
      <c r="H1" s="42" t="s">
        <v>420</v>
      </c>
      <c r="I1" s="42" t="s">
        <v>410</v>
      </c>
      <c r="J1" s="42" t="s">
        <v>408</v>
      </c>
      <c r="K1" s="42" t="s">
        <v>407</v>
      </c>
      <c r="L1" s="42" t="s">
        <v>406</v>
      </c>
      <c r="M1" s="42" t="s">
        <v>535</v>
      </c>
      <c r="N1" s="42" t="s">
        <v>534</v>
      </c>
      <c r="O1" s="42" t="s">
        <v>533</v>
      </c>
      <c r="P1" s="42" t="s">
        <v>532</v>
      </c>
      <c r="Q1" s="69" t="s">
        <v>752</v>
      </c>
      <c r="R1" s="69" t="s">
        <v>753</v>
      </c>
      <c r="S1" s="69" t="s">
        <v>0</v>
      </c>
      <c r="T1" s="204" t="s">
        <v>1466</v>
      </c>
      <c r="U1" s="204" t="s">
        <v>1467</v>
      </c>
    </row>
    <row r="2" spans="1:21">
      <c r="A2" s="21"/>
      <c r="B2" s="21"/>
      <c r="C2" s="21"/>
      <c r="D2" s="21"/>
      <c r="E2" s="21"/>
      <c r="F2" s="21"/>
      <c r="G2" s="21"/>
      <c r="H2" s="21"/>
      <c r="I2" s="21"/>
      <c r="J2" s="21"/>
      <c r="K2" s="21"/>
      <c r="L2" s="21"/>
      <c r="M2" s="21"/>
      <c r="N2" s="21"/>
      <c r="O2" s="21"/>
      <c r="P2" s="21"/>
      <c r="Q2" s="21"/>
      <c r="R2" s="10"/>
      <c r="S2" s="206"/>
      <c r="T2" s="215"/>
      <c r="U2" s="215"/>
    </row>
    <row r="3" spans="1:21">
      <c r="A3" s="17"/>
      <c r="B3" s="17"/>
      <c r="C3" s="17" t="s">
        <v>405</v>
      </c>
      <c r="D3" s="17" t="s">
        <v>422</v>
      </c>
      <c r="E3" s="17"/>
      <c r="F3" s="17"/>
      <c r="G3" s="17"/>
      <c r="H3" s="17"/>
      <c r="I3" s="17"/>
      <c r="J3" s="17"/>
      <c r="K3" s="17" t="s">
        <v>66</v>
      </c>
      <c r="L3" s="17" t="s">
        <v>65</v>
      </c>
      <c r="M3" s="17">
        <v>1</v>
      </c>
      <c r="N3" s="17"/>
      <c r="O3" s="17"/>
      <c r="P3" s="17"/>
      <c r="Q3" s="17"/>
      <c r="R3" s="10" t="s">
        <v>1128</v>
      </c>
      <c r="S3" s="206"/>
      <c r="T3" s="215"/>
      <c r="U3" s="215"/>
    </row>
    <row r="4" spans="1:21">
      <c r="A4" s="8"/>
      <c r="B4" s="8"/>
      <c r="C4" s="8"/>
      <c r="D4" s="8"/>
      <c r="E4" s="8"/>
      <c r="F4" s="8"/>
      <c r="G4" s="8"/>
      <c r="H4" s="8">
        <v>1</v>
      </c>
      <c r="I4" s="8">
        <v>143</v>
      </c>
      <c r="J4" s="8" t="s">
        <v>403</v>
      </c>
      <c r="K4" s="8" t="s">
        <v>66</v>
      </c>
      <c r="L4" s="8" t="s">
        <v>65</v>
      </c>
      <c r="M4" s="8">
        <v>1</v>
      </c>
      <c r="N4" s="8" t="s">
        <v>514</v>
      </c>
      <c r="O4" s="8">
        <v>3</v>
      </c>
      <c r="P4" s="8">
        <v>3</v>
      </c>
      <c r="Q4" s="8" t="s">
        <v>756</v>
      </c>
      <c r="R4" s="10"/>
      <c r="S4" s="206"/>
      <c r="T4" s="215"/>
      <c r="U4" s="215"/>
    </row>
    <row r="5" spans="1:21">
      <c r="A5" s="8"/>
      <c r="B5" s="8"/>
      <c r="C5" s="8"/>
      <c r="D5" s="8"/>
      <c r="E5" s="8"/>
      <c r="F5" s="8"/>
      <c r="G5" s="8"/>
      <c r="H5" s="8">
        <v>2</v>
      </c>
      <c r="I5" s="8">
        <v>329</v>
      </c>
      <c r="J5" s="8" t="s">
        <v>401</v>
      </c>
      <c r="K5" s="8" t="s">
        <v>66</v>
      </c>
      <c r="L5" s="8" t="s">
        <v>65</v>
      </c>
      <c r="M5" s="8">
        <v>1</v>
      </c>
      <c r="N5" s="8" t="s">
        <v>509</v>
      </c>
      <c r="O5" s="8">
        <v>4</v>
      </c>
      <c r="P5" s="8">
        <v>9</v>
      </c>
      <c r="Q5" s="8"/>
      <c r="R5" s="10"/>
      <c r="S5" s="206"/>
      <c r="T5" s="215"/>
      <c r="U5" s="215"/>
    </row>
    <row r="6" spans="1:21" ht="38">
      <c r="A6" s="17"/>
      <c r="B6" s="17"/>
      <c r="C6" s="17" t="s">
        <v>432</v>
      </c>
      <c r="D6" s="17" t="s">
        <v>433</v>
      </c>
      <c r="E6" s="17"/>
      <c r="F6" s="17"/>
      <c r="G6" s="17"/>
      <c r="H6" s="17"/>
      <c r="I6" s="17"/>
      <c r="J6" s="17"/>
      <c r="K6" s="17" t="s">
        <v>66</v>
      </c>
      <c r="L6" s="17" t="s">
        <v>65</v>
      </c>
      <c r="M6" s="17">
        <v>1</v>
      </c>
      <c r="N6" s="17"/>
      <c r="O6" s="17"/>
      <c r="P6" s="17"/>
      <c r="Q6" s="17"/>
      <c r="R6" s="10" t="s">
        <v>1129</v>
      </c>
      <c r="S6" s="302" t="s">
        <v>1470</v>
      </c>
      <c r="T6" s="302" t="s">
        <v>1790</v>
      </c>
      <c r="U6" s="303" t="s">
        <v>1791</v>
      </c>
    </row>
    <row r="7" spans="1:21" ht="42">
      <c r="A7" s="8"/>
      <c r="B7" s="8"/>
      <c r="C7" s="8"/>
      <c r="D7" s="8"/>
      <c r="E7" s="8"/>
      <c r="F7" s="8"/>
      <c r="G7" s="8"/>
      <c r="H7" s="8">
        <v>1</v>
      </c>
      <c r="I7" s="8">
        <v>353</v>
      </c>
      <c r="J7" s="8" t="s">
        <v>398</v>
      </c>
      <c r="K7" s="8" t="s">
        <v>66</v>
      </c>
      <c r="L7" s="8" t="s">
        <v>65</v>
      </c>
      <c r="M7" s="8">
        <v>1</v>
      </c>
      <c r="N7" s="8" t="s">
        <v>514</v>
      </c>
      <c r="O7" s="8">
        <v>2</v>
      </c>
      <c r="P7" s="8">
        <v>2</v>
      </c>
      <c r="Q7" s="18" t="s">
        <v>757</v>
      </c>
      <c r="R7" s="10"/>
      <c r="S7" s="206"/>
      <c r="T7" s="215"/>
      <c r="U7" s="215"/>
    </row>
    <row r="8" spans="1:21">
      <c r="A8" s="8"/>
      <c r="B8" s="8"/>
      <c r="C8" s="8"/>
      <c r="D8" s="8"/>
      <c r="E8" s="8"/>
      <c r="F8" s="8"/>
      <c r="G8" s="8"/>
      <c r="H8" s="8">
        <v>2</v>
      </c>
      <c r="I8" s="8">
        <v>396</v>
      </c>
      <c r="J8" s="8" t="s">
        <v>434</v>
      </c>
      <c r="K8" s="8" t="s">
        <v>66</v>
      </c>
      <c r="L8" s="8" t="s">
        <v>65</v>
      </c>
      <c r="M8" s="8">
        <v>1</v>
      </c>
      <c r="N8" s="8" t="s">
        <v>509</v>
      </c>
      <c r="O8" s="8">
        <v>2</v>
      </c>
      <c r="P8" s="8">
        <v>30</v>
      </c>
      <c r="Q8" s="18"/>
      <c r="R8" s="10"/>
      <c r="S8" s="206"/>
      <c r="T8" s="215"/>
      <c r="U8" s="215"/>
    </row>
    <row r="9" spans="1:21">
      <c r="A9" s="8"/>
      <c r="B9" s="8"/>
      <c r="C9" s="8"/>
      <c r="D9" s="8"/>
      <c r="E9" s="8"/>
      <c r="F9" s="8"/>
      <c r="G9" s="8"/>
      <c r="H9" s="8">
        <v>3</v>
      </c>
      <c r="I9" s="8">
        <v>373</v>
      </c>
      <c r="J9" s="8" t="s">
        <v>1</v>
      </c>
      <c r="K9" s="8" t="s">
        <v>66</v>
      </c>
      <c r="L9" s="8" t="s">
        <v>65</v>
      </c>
      <c r="M9" s="8">
        <v>1</v>
      </c>
      <c r="N9" s="8" t="s">
        <v>519</v>
      </c>
      <c r="O9" s="8">
        <v>8</v>
      </c>
      <c r="P9" s="8">
        <v>8</v>
      </c>
      <c r="Q9" s="72"/>
      <c r="R9" s="10"/>
      <c r="S9" s="206"/>
      <c r="T9" s="215"/>
      <c r="U9" s="215"/>
    </row>
    <row r="10" spans="1:21">
      <c r="A10" s="8"/>
      <c r="B10" s="8"/>
      <c r="C10" s="8"/>
      <c r="D10" s="8"/>
      <c r="E10" s="8"/>
      <c r="F10" s="8"/>
      <c r="G10" s="8"/>
      <c r="H10" s="8">
        <v>4</v>
      </c>
      <c r="I10" s="8">
        <v>337</v>
      </c>
      <c r="J10" s="8" t="s">
        <v>79</v>
      </c>
      <c r="K10" s="8" t="s">
        <v>66</v>
      </c>
      <c r="L10" s="8" t="s">
        <v>65</v>
      </c>
      <c r="M10" s="8">
        <v>1</v>
      </c>
      <c r="N10" s="8" t="s">
        <v>518</v>
      </c>
      <c r="O10" s="8">
        <v>4</v>
      </c>
      <c r="P10" s="8">
        <v>8</v>
      </c>
      <c r="Q10" s="72"/>
      <c r="R10" s="10"/>
      <c r="S10" s="206"/>
      <c r="T10" s="215"/>
      <c r="U10" s="215"/>
    </row>
    <row r="11" spans="1:21" ht="70">
      <c r="A11" s="8"/>
      <c r="B11" s="8"/>
      <c r="C11" s="8"/>
      <c r="D11" s="8"/>
      <c r="E11" s="8"/>
      <c r="F11" s="8"/>
      <c r="G11" s="8"/>
      <c r="H11" s="8">
        <v>5</v>
      </c>
      <c r="I11" s="8">
        <v>1005</v>
      </c>
      <c r="J11" s="8" t="s">
        <v>435</v>
      </c>
      <c r="K11" s="8" t="s">
        <v>17</v>
      </c>
      <c r="L11" s="8" t="s">
        <v>71</v>
      </c>
      <c r="M11" s="8">
        <v>1</v>
      </c>
      <c r="N11" s="8" t="s">
        <v>514</v>
      </c>
      <c r="O11" s="8">
        <v>4</v>
      </c>
      <c r="P11" s="8">
        <v>4</v>
      </c>
      <c r="Q11" s="160" t="s">
        <v>758</v>
      </c>
      <c r="R11" s="10"/>
      <c r="S11" s="206"/>
      <c r="T11" s="215"/>
      <c r="U11" s="215"/>
    </row>
    <row r="12" spans="1:21">
      <c r="A12" s="8"/>
      <c r="B12" s="8"/>
      <c r="C12" s="8"/>
      <c r="D12" s="8"/>
      <c r="E12" s="8"/>
      <c r="F12" s="8"/>
      <c r="G12" s="8"/>
      <c r="H12" s="8">
        <v>6</v>
      </c>
      <c r="I12" s="8">
        <v>640</v>
      </c>
      <c r="J12" s="8" t="s">
        <v>436</v>
      </c>
      <c r="K12" s="8" t="s">
        <v>78</v>
      </c>
      <c r="L12" s="8" t="s">
        <v>71</v>
      </c>
      <c r="M12" s="8">
        <v>1</v>
      </c>
      <c r="N12" s="8" t="s">
        <v>514</v>
      </c>
      <c r="O12" s="8">
        <v>2</v>
      </c>
      <c r="P12" s="8">
        <v>2</v>
      </c>
      <c r="Q12" s="8"/>
      <c r="R12" s="10"/>
      <c r="S12" s="206"/>
      <c r="T12" s="215"/>
      <c r="U12" s="215"/>
    </row>
    <row r="13" spans="1:21">
      <c r="A13" s="8"/>
      <c r="B13" s="8"/>
      <c r="C13" s="8"/>
      <c r="D13" s="8"/>
      <c r="E13" s="8"/>
      <c r="F13" s="8"/>
      <c r="G13" s="8"/>
      <c r="H13" s="8">
        <v>7</v>
      </c>
      <c r="I13" s="8">
        <v>641</v>
      </c>
      <c r="J13" s="8" t="s">
        <v>437</v>
      </c>
      <c r="K13" s="8" t="s">
        <v>17</v>
      </c>
      <c r="L13" s="8" t="s">
        <v>71</v>
      </c>
      <c r="M13" s="8">
        <v>1</v>
      </c>
      <c r="N13" s="8" t="s">
        <v>514</v>
      </c>
      <c r="O13" s="8">
        <v>3</v>
      </c>
      <c r="P13" s="8">
        <v>3</v>
      </c>
      <c r="Q13" s="8"/>
      <c r="R13" s="10"/>
      <c r="S13" s="206"/>
      <c r="T13" s="215"/>
      <c r="U13" s="215"/>
    </row>
    <row r="14" spans="1:21">
      <c r="A14" s="17"/>
      <c r="B14" s="17"/>
      <c r="C14" s="17" t="s">
        <v>84</v>
      </c>
      <c r="D14" s="17" t="s">
        <v>428</v>
      </c>
      <c r="E14" s="17"/>
      <c r="F14" s="17"/>
      <c r="G14" s="17"/>
      <c r="H14" s="17"/>
      <c r="I14" s="17"/>
      <c r="J14" s="17"/>
      <c r="K14" s="17" t="s">
        <v>17</v>
      </c>
      <c r="L14" s="17" t="s">
        <v>71</v>
      </c>
      <c r="M14" s="17">
        <v>10</v>
      </c>
      <c r="N14" s="17"/>
      <c r="O14" s="17"/>
      <c r="P14" s="17"/>
      <c r="Q14" s="17"/>
      <c r="R14" s="10"/>
      <c r="S14" s="206"/>
      <c r="T14" s="215"/>
      <c r="U14" s="215"/>
    </row>
    <row r="15" spans="1:21">
      <c r="A15" s="8"/>
      <c r="B15" s="8"/>
      <c r="C15" s="8"/>
      <c r="D15" s="8"/>
      <c r="E15" s="8"/>
      <c r="F15" s="8"/>
      <c r="G15" s="8"/>
      <c r="H15" s="8">
        <v>1</v>
      </c>
      <c r="I15" s="8">
        <v>374</v>
      </c>
      <c r="J15" s="8" t="s">
        <v>82</v>
      </c>
      <c r="K15" s="8" t="s">
        <v>66</v>
      </c>
      <c r="L15" s="8" t="s">
        <v>65</v>
      </c>
      <c r="M15" s="8">
        <v>1</v>
      </c>
      <c r="N15" s="8" t="s">
        <v>514</v>
      </c>
      <c r="O15" s="8">
        <v>3</v>
      </c>
      <c r="P15" s="8">
        <v>3</v>
      </c>
      <c r="Q15" s="8" t="s">
        <v>759</v>
      </c>
      <c r="R15" s="10"/>
      <c r="S15" s="206"/>
      <c r="T15" s="215"/>
      <c r="U15" s="215"/>
    </row>
    <row r="16" spans="1:21">
      <c r="A16" s="8"/>
      <c r="B16" s="8"/>
      <c r="C16" s="8"/>
      <c r="D16" s="8"/>
      <c r="E16" s="8"/>
      <c r="F16" s="8"/>
      <c r="G16" s="8"/>
      <c r="H16" s="8">
        <v>2</v>
      </c>
      <c r="I16" s="8">
        <v>373</v>
      </c>
      <c r="J16" s="8" t="s">
        <v>1</v>
      </c>
      <c r="K16" s="8" t="s">
        <v>78</v>
      </c>
      <c r="L16" s="8" t="s">
        <v>71</v>
      </c>
      <c r="M16" s="8">
        <v>1</v>
      </c>
      <c r="N16" s="8" t="s">
        <v>519</v>
      </c>
      <c r="O16" s="8">
        <v>8</v>
      </c>
      <c r="P16" s="8">
        <v>8</v>
      </c>
      <c r="Q16" s="72"/>
      <c r="R16" s="10"/>
      <c r="S16" s="206"/>
      <c r="T16" s="215"/>
      <c r="U16" s="215"/>
    </row>
    <row r="17" spans="1:21">
      <c r="A17" s="8"/>
      <c r="B17" s="8"/>
      <c r="C17" s="8"/>
      <c r="D17" s="8"/>
      <c r="E17" s="8"/>
      <c r="F17" s="8"/>
      <c r="G17" s="8"/>
      <c r="H17" s="8">
        <v>3</v>
      </c>
      <c r="I17" s="8">
        <v>337</v>
      </c>
      <c r="J17" s="8" t="s">
        <v>79</v>
      </c>
      <c r="K17" s="8" t="s">
        <v>78</v>
      </c>
      <c r="L17" s="8" t="s">
        <v>71</v>
      </c>
      <c r="M17" s="8">
        <v>1</v>
      </c>
      <c r="N17" s="8" t="s">
        <v>518</v>
      </c>
      <c r="O17" s="8">
        <v>4</v>
      </c>
      <c r="P17" s="8">
        <v>8</v>
      </c>
      <c r="Q17" s="72"/>
      <c r="R17" s="10"/>
      <c r="S17" s="206"/>
      <c r="T17" s="215"/>
      <c r="U17" s="215"/>
    </row>
    <row r="18" spans="1:21" ht="28">
      <c r="A18" s="8"/>
      <c r="B18" s="8"/>
      <c r="C18" s="8"/>
      <c r="D18" s="8"/>
      <c r="E18" s="8"/>
      <c r="F18" s="8"/>
      <c r="G18" s="8"/>
      <c r="H18" s="8">
        <v>4</v>
      </c>
      <c r="I18" s="8">
        <v>623</v>
      </c>
      <c r="J18" s="8" t="s">
        <v>76</v>
      </c>
      <c r="K18" s="8" t="s">
        <v>17</v>
      </c>
      <c r="L18" s="8" t="s">
        <v>71</v>
      </c>
      <c r="M18" s="8">
        <v>1</v>
      </c>
      <c r="N18" s="8" t="s">
        <v>514</v>
      </c>
      <c r="O18" s="8">
        <v>2</v>
      </c>
      <c r="P18" s="8">
        <v>2</v>
      </c>
      <c r="Q18" s="70" t="s">
        <v>624</v>
      </c>
      <c r="R18" s="10"/>
      <c r="S18" s="206"/>
      <c r="T18" s="215"/>
      <c r="U18" s="215"/>
    </row>
    <row r="19" spans="1:21" ht="25.5">
      <c r="A19" s="17"/>
      <c r="B19" s="17"/>
      <c r="C19" s="17" t="s">
        <v>84</v>
      </c>
      <c r="D19" s="17" t="s">
        <v>428</v>
      </c>
      <c r="E19" s="17"/>
      <c r="F19" s="17"/>
      <c r="G19" s="17"/>
      <c r="H19" s="17"/>
      <c r="I19" s="17"/>
      <c r="J19" s="17"/>
      <c r="K19" s="17" t="s">
        <v>17</v>
      </c>
      <c r="L19" s="17" t="s">
        <v>71</v>
      </c>
      <c r="M19" s="17">
        <v>10</v>
      </c>
      <c r="N19" s="17"/>
      <c r="O19" s="17"/>
      <c r="P19" s="17"/>
      <c r="Q19" s="17"/>
      <c r="R19" s="10" t="s">
        <v>1130</v>
      </c>
      <c r="S19" s="302" t="s">
        <v>1792</v>
      </c>
      <c r="T19" s="303" t="s">
        <v>1468</v>
      </c>
      <c r="U19" s="303" t="s">
        <v>1469</v>
      </c>
    </row>
    <row r="20" spans="1:21">
      <c r="A20" s="8"/>
      <c r="B20" s="8"/>
      <c r="C20" s="8"/>
      <c r="D20" s="8"/>
      <c r="E20" s="8"/>
      <c r="F20" s="8"/>
      <c r="G20" s="8"/>
      <c r="H20" s="8">
        <v>1</v>
      </c>
      <c r="I20" s="8">
        <v>374</v>
      </c>
      <c r="J20" s="8" t="s">
        <v>82</v>
      </c>
      <c r="K20" s="8" t="s">
        <v>66</v>
      </c>
      <c r="L20" s="8" t="s">
        <v>65</v>
      </c>
      <c r="M20" s="8">
        <v>1</v>
      </c>
      <c r="N20" s="8" t="s">
        <v>514</v>
      </c>
      <c r="O20" s="8">
        <v>3</v>
      </c>
      <c r="P20" s="8">
        <v>3</v>
      </c>
      <c r="Q20" s="8" t="s">
        <v>760</v>
      </c>
      <c r="R20" s="10"/>
      <c r="S20" s="206"/>
      <c r="T20" s="304"/>
      <c r="U20" s="304"/>
    </row>
    <row r="21" spans="1:21">
      <c r="A21" s="8"/>
      <c r="B21" s="8"/>
      <c r="C21" s="8"/>
      <c r="D21" s="8"/>
      <c r="E21" s="8"/>
      <c r="F21" s="8"/>
      <c r="G21" s="8"/>
      <c r="H21" s="8">
        <v>2</v>
      </c>
      <c r="I21" s="8">
        <v>373</v>
      </c>
      <c r="J21" s="8" t="s">
        <v>1</v>
      </c>
      <c r="K21" s="8" t="s">
        <v>78</v>
      </c>
      <c r="L21" s="8" t="s">
        <v>71</v>
      </c>
      <c r="M21" s="8">
        <v>1</v>
      </c>
      <c r="N21" s="8" t="s">
        <v>519</v>
      </c>
      <c r="O21" s="8">
        <v>8</v>
      </c>
      <c r="P21" s="8">
        <v>8</v>
      </c>
      <c r="Q21" s="72"/>
      <c r="R21" s="10"/>
      <c r="S21" s="206"/>
      <c r="T21" s="304"/>
      <c r="U21" s="304"/>
    </row>
    <row r="22" spans="1:21">
      <c r="A22" s="8"/>
      <c r="B22" s="8"/>
      <c r="C22" s="8"/>
      <c r="D22" s="8"/>
      <c r="E22" s="8"/>
      <c r="F22" s="8"/>
      <c r="G22" s="8"/>
      <c r="H22" s="8">
        <v>3</v>
      </c>
      <c r="I22" s="8">
        <v>337</v>
      </c>
      <c r="J22" s="8" t="s">
        <v>79</v>
      </c>
      <c r="K22" s="8" t="s">
        <v>78</v>
      </c>
      <c r="L22" s="8" t="s">
        <v>71</v>
      </c>
      <c r="M22" s="8">
        <v>1</v>
      </c>
      <c r="N22" s="8" t="s">
        <v>518</v>
      </c>
      <c r="O22" s="8">
        <v>4</v>
      </c>
      <c r="P22" s="8">
        <v>8</v>
      </c>
      <c r="Q22" s="72"/>
      <c r="R22" s="10"/>
      <c r="S22" s="206"/>
      <c r="T22" s="304"/>
      <c r="U22" s="304"/>
    </row>
    <row r="23" spans="1:21" ht="28">
      <c r="A23" s="8"/>
      <c r="B23" s="8"/>
      <c r="C23" s="8"/>
      <c r="D23" s="8"/>
      <c r="E23" s="8"/>
      <c r="F23" s="8"/>
      <c r="G23" s="8"/>
      <c r="H23" s="8">
        <v>4</v>
      </c>
      <c r="I23" s="8">
        <v>623</v>
      </c>
      <c r="J23" s="8" t="s">
        <v>76</v>
      </c>
      <c r="K23" s="8" t="s">
        <v>17</v>
      </c>
      <c r="L23" s="8" t="s">
        <v>71</v>
      </c>
      <c r="M23" s="8">
        <v>1</v>
      </c>
      <c r="N23" s="8" t="s">
        <v>514</v>
      </c>
      <c r="O23" s="8">
        <v>2</v>
      </c>
      <c r="P23" s="8">
        <v>2</v>
      </c>
      <c r="Q23" s="70" t="s">
        <v>624</v>
      </c>
      <c r="R23" s="10"/>
      <c r="S23" s="206"/>
      <c r="T23" s="304"/>
      <c r="U23" s="304"/>
    </row>
    <row r="24" spans="1:21">
      <c r="A24" s="17"/>
      <c r="B24" s="17"/>
      <c r="C24" s="17" t="s">
        <v>84</v>
      </c>
      <c r="D24" s="17" t="s">
        <v>428</v>
      </c>
      <c r="E24" s="17"/>
      <c r="F24" s="17"/>
      <c r="G24" s="17"/>
      <c r="H24" s="17"/>
      <c r="I24" s="17"/>
      <c r="J24" s="17"/>
      <c r="K24" s="17" t="s">
        <v>17</v>
      </c>
      <c r="L24" s="17" t="s">
        <v>71</v>
      </c>
      <c r="M24" s="17">
        <v>10</v>
      </c>
      <c r="N24" s="17"/>
      <c r="O24" s="17"/>
      <c r="P24" s="17"/>
      <c r="Q24" s="17"/>
      <c r="R24" s="10" t="s">
        <v>1131</v>
      </c>
      <c r="S24" s="303" t="s">
        <v>1482</v>
      </c>
      <c r="T24" s="303" t="s">
        <v>1476</v>
      </c>
      <c r="U24" s="303" t="s">
        <v>17</v>
      </c>
    </row>
    <row r="25" spans="1:21">
      <c r="A25" s="8"/>
      <c r="B25" s="8"/>
      <c r="C25" s="8"/>
      <c r="D25" s="8"/>
      <c r="E25" s="8"/>
      <c r="F25" s="8"/>
      <c r="G25" s="8"/>
      <c r="H25" s="8">
        <v>1</v>
      </c>
      <c r="I25" s="8">
        <v>374</v>
      </c>
      <c r="J25" s="8" t="s">
        <v>82</v>
      </c>
      <c r="K25" s="8" t="s">
        <v>66</v>
      </c>
      <c r="L25" s="8" t="s">
        <v>65</v>
      </c>
      <c r="M25" s="8">
        <v>1</v>
      </c>
      <c r="N25" s="8" t="s">
        <v>514</v>
      </c>
      <c r="O25" s="8">
        <v>3</v>
      </c>
      <c r="P25" s="8">
        <v>3</v>
      </c>
      <c r="Q25" s="8" t="s">
        <v>761</v>
      </c>
      <c r="R25" s="10"/>
      <c r="S25" s="206"/>
      <c r="T25" s="215"/>
      <c r="U25" s="215"/>
    </row>
    <row r="26" spans="1:21">
      <c r="A26" s="8"/>
      <c r="B26" s="8"/>
      <c r="C26" s="8"/>
      <c r="D26" s="8"/>
      <c r="E26" s="8"/>
      <c r="F26" s="8"/>
      <c r="G26" s="8"/>
      <c r="H26" s="8">
        <v>2</v>
      </c>
      <c r="I26" s="8">
        <v>373</v>
      </c>
      <c r="J26" s="8" t="s">
        <v>1</v>
      </c>
      <c r="K26" s="8" t="s">
        <v>78</v>
      </c>
      <c r="L26" s="8" t="s">
        <v>71</v>
      </c>
      <c r="M26" s="8">
        <v>1</v>
      </c>
      <c r="N26" s="8" t="s">
        <v>519</v>
      </c>
      <c r="O26" s="8">
        <v>8</v>
      </c>
      <c r="P26" s="8">
        <v>8</v>
      </c>
      <c r="Q26" s="72"/>
      <c r="R26" s="10"/>
      <c r="S26" s="206"/>
      <c r="T26" s="215"/>
      <c r="U26" s="215"/>
    </row>
    <row r="27" spans="1:21">
      <c r="A27" s="8"/>
      <c r="B27" s="8"/>
      <c r="C27" s="8"/>
      <c r="D27" s="8"/>
      <c r="E27" s="8"/>
      <c r="F27" s="8"/>
      <c r="G27" s="8"/>
      <c r="H27" s="8">
        <v>3</v>
      </c>
      <c r="I27" s="8">
        <v>337</v>
      </c>
      <c r="J27" s="8" t="s">
        <v>79</v>
      </c>
      <c r="K27" s="8" t="s">
        <v>78</v>
      </c>
      <c r="L27" s="8" t="s">
        <v>71</v>
      </c>
      <c r="M27" s="8">
        <v>1</v>
      </c>
      <c r="N27" s="8" t="s">
        <v>518</v>
      </c>
      <c r="O27" s="8">
        <v>4</v>
      </c>
      <c r="P27" s="8">
        <v>8</v>
      </c>
      <c r="Q27" s="72"/>
      <c r="R27" s="10"/>
      <c r="S27" s="206"/>
      <c r="T27" s="215"/>
      <c r="U27" s="215"/>
    </row>
    <row r="28" spans="1:21" ht="28">
      <c r="A28" s="8"/>
      <c r="B28" s="8"/>
      <c r="C28" s="8"/>
      <c r="D28" s="8"/>
      <c r="E28" s="8"/>
      <c r="F28" s="8"/>
      <c r="G28" s="8"/>
      <c r="H28" s="8">
        <v>4</v>
      </c>
      <c r="I28" s="8">
        <v>623</v>
      </c>
      <c r="J28" s="8" t="s">
        <v>76</v>
      </c>
      <c r="K28" s="8" t="s">
        <v>17</v>
      </c>
      <c r="L28" s="8" t="s">
        <v>71</v>
      </c>
      <c r="M28" s="8">
        <v>1</v>
      </c>
      <c r="N28" s="8" t="s">
        <v>514</v>
      </c>
      <c r="O28" s="8">
        <v>2</v>
      </c>
      <c r="P28" s="8">
        <v>2</v>
      </c>
      <c r="Q28" s="70" t="s">
        <v>624</v>
      </c>
      <c r="R28" s="10"/>
      <c r="S28" s="206"/>
      <c r="T28" s="215"/>
      <c r="U28" s="215"/>
    </row>
    <row r="29" spans="1:21">
      <c r="A29" s="17"/>
      <c r="B29" s="17"/>
      <c r="C29" s="17" t="s">
        <v>84</v>
      </c>
      <c r="D29" s="17" t="s">
        <v>428</v>
      </c>
      <c r="E29" s="17"/>
      <c r="F29" s="17"/>
      <c r="G29" s="17"/>
      <c r="H29" s="17"/>
      <c r="I29" s="17"/>
      <c r="J29" s="17"/>
      <c r="K29" s="17" t="s">
        <v>17</v>
      </c>
      <c r="L29" s="17" t="s">
        <v>71</v>
      </c>
      <c r="M29" s="17">
        <v>10</v>
      </c>
      <c r="N29" s="17"/>
      <c r="O29" s="17"/>
      <c r="P29" s="17"/>
      <c r="Q29" s="17"/>
      <c r="R29" s="10"/>
      <c r="S29" s="206"/>
      <c r="T29" s="215"/>
      <c r="U29" s="215"/>
    </row>
    <row r="30" spans="1:21">
      <c r="A30" s="8"/>
      <c r="B30" s="8"/>
      <c r="C30" s="8"/>
      <c r="D30" s="8"/>
      <c r="E30" s="8"/>
      <c r="F30" s="8"/>
      <c r="G30" s="8"/>
      <c r="H30" s="8">
        <v>1</v>
      </c>
      <c r="I30" s="8">
        <v>374</v>
      </c>
      <c r="J30" s="8" t="s">
        <v>82</v>
      </c>
      <c r="K30" s="8" t="s">
        <v>66</v>
      </c>
      <c r="L30" s="8" t="s">
        <v>65</v>
      </c>
      <c r="M30" s="8">
        <v>1</v>
      </c>
      <c r="N30" s="8" t="s">
        <v>514</v>
      </c>
      <c r="O30" s="8">
        <v>3</v>
      </c>
      <c r="P30" s="8">
        <v>3</v>
      </c>
      <c r="Q30" s="8" t="s">
        <v>663</v>
      </c>
      <c r="R30" s="10"/>
      <c r="S30" s="206"/>
      <c r="T30" s="215"/>
      <c r="U30" s="215"/>
    </row>
    <row r="31" spans="1:21">
      <c r="A31" s="8"/>
      <c r="B31" s="8"/>
      <c r="C31" s="8"/>
      <c r="D31" s="8"/>
      <c r="E31" s="8"/>
      <c r="F31" s="8"/>
      <c r="G31" s="8"/>
      <c r="H31" s="8">
        <v>2</v>
      </c>
      <c r="I31" s="8">
        <v>373</v>
      </c>
      <c r="J31" s="8" t="s">
        <v>1</v>
      </c>
      <c r="K31" s="8" t="s">
        <v>78</v>
      </c>
      <c r="L31" s="8" t="s">
        <v>71</v>
      </c>
      <c r="M31" s="8">
        <v>1</v>
      </c>
      <c r="N31" s="8" t="s">
        <v>519</v>
      </c>
      <c r="O31" s="8">
        <v>8</v>
      </c>
      <c r="P31" s="8">
        <v>8</v>
      </c>
      <c r="Q31" s="72"/>
      <c r="R31" s="10"/>
      <c r="S31" s="206"/>
      <c r="T31" s="215"/>
      <c r="U31" s="215"/>
    </row>
    <row r="32" spans="1:21">
      <c r="A32" s="8"/>
      <c r="B32" s="8"/>
      <c r="C32" s="8"/>
      <c r="D32" s="8"/>
      <c r="E32" s="8"/>
      <c r="F32" s="8"/>
      <c r="G32" s="8"/>
      <c r="H32" s="8">
        <v>3</v>
      </c>
      <c r="I32" s="8">
        <v>337</v>
      </c>
      <c r="J32" s="8" t="s">
        <v>79</v>
      </c>
      <c r="K32" s="8" t="s">
        <v>78</v>
      </c>
      <c r="L32" s="8" t="s">
        <v>71</v>
      </c>
      <c r="M32" s="8">
        <v>1</v>
      </c>
      <c r="N32" s="8" t="s">
        <v>518</v>
      </c>
      <c r="O32" s="8">
        <v>4</v>
      </c>
      <c r="P32" s="8">
        <v>8</v>
      </c>
      <c r="Q32" s="72"/>
      <c r="R32" s="10"/>
      <c r="S32" s="206"/>
      <c r="T32" s="215"/>
      <c r="U32" s="215"/>
    </row>
    <row r="33" spans="1:21" ht="28">
      <c r="A33" s="8"/>
      <c r="B33" s="8"/>
      <c r="C33" s="8"/>
      <c r="D33" s="8"/>
      <c r="E33" s="8"/>
      <c r="F33" s="8"/>
      <c r="G33" s="8"/>
      <c r="H33" s="8">
        <v>4</v>
      </c>
      <c r="I33" s="8">
        <v>623</v>
      </c>
      <c r="J33" s="8" t="s">
        <v>76</v>
      </c>
      <c r="K33" s="8" t="s">
        <v>17</v>
      </c>
      <c r="L33" s="8" t="s">
        <v>71</v>
      </c>
      <c r="M33" s="8">
        <v>1</v>
      </c>
      <c r="N33" s="8" t="s">
        <v>514</v>
      </c>
      <c r="O33" s="8">
        <v>2</v>
      </c>
      <c r="P33" s="8">
        <v>2</v>
      </c>
      <c r="Q33" s="70" t="s">
        <v>624</v>
      </c>
      <c r="R33" s="10"/>
      <c r="S33" s="206"/>
      <c r="T33" s="215"/>
      <c r="U33" s="215"/>
    </row>
    <row r="34" spans="1:21">
      <c r="A34" s="17"/>
      <c r="B34" s="17"/>
      <c r="C34" s="17" t="s">
        <v>84</v>
      </c>
      <c r="D34" s="17" t="s">
        <v>428</v>
      </c>
      <c r="E34" s="17"/>
      <c r="F34" s="17"/>
      <c r="G34" s="17"/>
      <c r="H34" s="17"/>
      <c r="I34" s="17"/>
      <c r="J34" s="17"/>
      <c r="K34" s="17" t="s">
        <v>17</v>
      </c>
      <c r="L34" s="17" t="s">
        <v>71</v>
      </c>
      <c r="M34" s="17">
        <v>10</v>
      </c>
      <c r="N34" s="17"/>
      <c r="O34" s="17"/>
      <c r="P34" s="17"/>
      <c r="Q34" s="17"/>
      <c r="R34" s="10"/>
      <c r="S34" s="206"/>
      <c r="T34" s="215"/>
      <c r="U34" s="215"/>
    </row>
    <row r="35" spans="1:21">
      <c r="A35" s="8"/>
      <c r="B35" s="8"/>
      <c r="C35" s="8"/>
      <c r="D35" s="8"/>
      <c r="E35" s="8"/>
      <c r="F35" s="8"/>
      <c r="G35" s="8"/>
      <c r="H35" s="8">
        <v>1</v>
      </c>
      <c r="I35" s="8">
        <v>374</v>
      </c>
      <c r="J35" s="8" t="s">
        <v>82</v>
      </c>
      <c r="K35" s="8" t="s">
        <v>66</v>
      </c>
      <c r="L35" s="8" t="s">
        <v>65</v>
      </c>
      <c r="M35" s="8">
        <v>1</v>
      </c>
      <c r="N35" s="8" t="s">
        <v>514</v>
      </c>
      <c r="O35" s="8">
        <v>3</v>
      </c>
      <c r="P35" s="8">
        <v>3</v>
      </c>
      <c r="Q35" s="8" t="s">
        <v>662</v>
      </c>
      <c r="R35" s="10"/>
      <c r="S35" s="206"/>
      <c r="T35" s="215"/>
      <c r="U35" s="215"/>
    </row>
    <row r="36" spans="1:21">
      <c r="A36" s="8"/>
      <c r="B36" s="8"/>
      <c r="C36" s="8"/>
      <c r="D36" s="8"/>
      <c r="E36" s="8"/>
      <c r="F36" s="8"/>
      <c r="G36" s="8"/>
      <c r="H36" s="8">
        <v>2</v>
      </c>
      <c r="I36" s="8">
        <v>373</v>
      </c>
      <c r="J36" s="8" t="s">
        <v>1</v>
      </c>
      <c r="K36" s="8" t="s">
        <v>78</v>
      </c>
      <c r="L36" s="8" t="s">
        <v>71</v>
      </c>
      <c r="M36" s="8">
        <v>1</v>
      </c>
      <c r="N36" s="8" t="s">
        <v>519</v>
      </c>
      <c r="O36" s="8">
        <v>8</v>
      </c>
      <c r="P36" s="8">
        <v>8</v>
      </c>
      <c r="Q36" s="72"/>
      <c r="R36" s="10"/>
      <c r="S36" s="206"/>
      <c r="T36" s="215"/>
      <c r="U36" s="215"/>
    </row>
    <row r="37" spans="1:21">
      <c r="A37" s="8"/>
      <c r="B37" s="8"/>
      <c r="C37" s="8"/>
      <c r="D37" s="8"/>
      <c r="E37" s="8"/>
      <c r="F37" s="8"/>
      <c r="G37" s="8"/>
      <c r="H37" s="8">
        <v>3</v>
      </c>
      <c r="I37" s="8">
        <v>337</v>
      </c>
      <c r="J37" s="8" t="s">
        <v>79</v>
      </c>
      <c r="K37" s="8" t="s">
        <v>78</v>
      </c>
      <c r="L37" s="8" t="s">
        <v>71</v>
      </c>
      <c r="M37" s="8">
        <v>1</v>
      </c>
      <c r="N37" s="8" t="s">
        <v>518</v>
      </c>
      <c r="O37" s="8">
        <v>4</v>
      </c>
      <c r="P37" s="8">
        <v>8</v>
      </c>
      <c r="Q37" s="72"/>
      <c r="R37" s="10"/>
      <c r="S37" s="206"/>
      <c r="T37" s="215"/>
      <c r="U37" s="215"/>
    </row>
    <row r="38" spans="1:21" ht="28">
      <c r="A38" s="8"/>
      <c r="B38" s="8"/>
      <c r="C38" s="8"/>
      <c r="D38" s="8"/>
      <c r="E38" s="8"/>
      <c r="F38" s="8"/>
      <c r="G38" s="8"/>
      <c r="H38" s="8">
        <v>4</v>
      </c>
      <c r="I38" s="8">
        <v>623</v>
      </c>
      <c r="J38" s="8" t="s">
        <v>76</v>
      </c>
      <c r="K38" s="8" t="s">
        <v>17</v>
      </c>
      <c r="L38" s="8" t="s">
        <v>71</v>
      </c>
      <c r="M38" s="8">
        <v>1</v>
      </c>
      <c r="N38" s="8" t="s">
        <v>514</v>
      </c>
      <c r="O38" s="8">
        <v>2</v>
      </c>
      <c r="P38" s="8">
        <v>2</v>
      </c>
      <c r="Q38" s="70" t="s">
        <v>624</v>
      </c>
      <c r="R38" s="10"/>
      <c r="S38" s="206"/>
      <c r="T38" s="215"/>
      <c r="U38" s="215"/>
    </row>
    <row r="39" spans="1:21">
      <c r="A39" s="22" t="s">
        <v>439</v>
      </c>
      <c r="B39" s="23"/>
      <c r="C39" s="23"/>
      <c r="D39" s="23"/>
      <c r="E39" s="23"/>
      <c r="F39" s="23"/>
      <c r="G39" s="23"/>
      <c r="H39" s="23"/>
      <c r="I39" s="23"/>
      <c r="J39" s="23"/>
      <c r="K39" s="23"/>
      <c r="L39" s="23"/>
      <c r="M39" s="23"/>
      <c r="N39" s="23"/>
      <c r="O39" s="23"/>
      <c r="P39" s="23"/>
      <c r="Q39" s="23"/>
      <c r="R39" s="10"/>
      <c r="S39" s="206"/>
      <c r="T39" s="215"/>
      <c r="U39" s="215"/>
    </row>
    <row r="40" spans="1:21" ht="98">
      <c r="A40" s="404" t="s">
        <v>762</v>
      </c>
      <c r="B40" s="404"/>
      <c r="C40" s="404"/>
      <c r="D40" s="404"/>
      <c r="E40" s="404"/>
      <c r="F40" s="404"/>
      <c r="G40" s="404"/>
      <c r="H40" s="404"/>
      <c r="I40" s="404"/>
      <c r="J40" s="404"/>
      <c r="K40" s="404"/>
      <c r="L40" s="404"/>
      <c r="M40" s="293"/>
      <c r="N40" s="293"/>
      <c r="O40" s="293"/>
      <c r="P40" s="293"/>
      <c r="Q40" s="293" t="s">
        <v>763</v>
      </c>
      <c r="R40" s="8"/>
      <c r="S40" s="305"/>
      <c r="T40" s="306"/>
      <c r="U40" s="306"/>
    </row>
    <row r="41" spans="1:21">
      <c r="A41" s="17" t="s">
        <v>440</v>
      </c>
      <c r="B41" s="17" t="s">
        <v>441</v>
      </c>
      <c r="C41" s="17"/>
      <c r="D41" s="17"/>
      <c r="E41" s="17"/>
      <c r="F41" s="17"/>
      <c r="G41" s="17"/>
      <c r="H41" s="17"/>
      <c r="I41" s="17"/>
      <c r="J41" s="17"/>
      <c r="K41" s="17" t="s">
        <v>66</v>
      </c>
      <c r="L41" s="17" t="s">
        <v>65</v>
      </c>
      <c r="M41" s="17">
        <v>200000</v>
      </c>
      <c r="N41" s="17"/>
      <c r="O41" s="17"/>
      <c r="P41" s="17"/>
      <c r="Q41" s="17"/>
      <c r="R41" s="8" t="s">
        <v>1030</v>
      </c>
      <c r="S41" s="324" t="s">
        <v>1471</v>
      </c>
      <c r="T41" s="303" t="s">
        <v>2</v>
      </c>
      <c r="U41" s="303" t="s">
        <v>2</v>
      </c>
    </row>
    <row r="42" spans="1:21">
      <c r="A42" s="17"/>
      <c r="B42" s="17"/>
      <c r="C42" s="17" t="s">
        <v>440</v>
      </c>
      <c r="D42" s="17" t="s">
        <v>441</v>
      </c>
      <c r="E42" s="17"/>
      <c r="F42" s="17"/>
      <c r="G42" s="17"/>
      <c r="H42" s="17"/>
      <c r="I42" s="17"/>
      <c r="J42" s="17"/>
      <c r="K42" s="17" t="s">
        <v>66</v>
      </c>
      <c r="L42" s="17" t="s">
        <v>65</v>
      </c>
      <c r="M42" s="17">
        <v>1</v>
      </c>
      <c r="N42" s="17"/>
      <c r="O42" s="17"/>
      <c r="P42" s="17"/>
      <c r="Q42" s="17"/>
      <c r="R42" s="8"/>
      <c r="S42" s="305"/>
      <c r="T42" s="306"/>
      <c r="U42" s="306"/>
    </row>
    <row r="43" spans="1:21" ht="42">
      <c r="A43" s="8"/>
      <c r="B43" s="8"/>
      <c r="C43" s="8"/>
      <c r="D43" s="8"/>
      <c r="E43" s="8"/>
      <c r="F43" s="8"/>
      <c r="G43" s="8"/>
      <c r="H43" s="8">
        <v>1</v>
      </c>
      <c r="I43" s="8">
        <v>628</v>
      </c>
      <c r="J43" s="8" t="s">
        <v>442</v>
      </c>
      <c r="K43" s="8" t="s">
        <v>66</v>
      </c>
      <c r="L43" s="8" t="s">
        <v>65</v>
      </c>
      <c r="M43" s="8">
        <v>1</v>
      </c>
      <c r="N43" s="8" t="s">
        <v>509</v>
      </c>
      <c r="O43" s="8">
        <v>1</v>
      </c>
      <c r="P43" s="8">
        <v>12</v>
      </c>
      <c r="Q43" s="72" t="s">
        <v>764</v>
      </c>
      <c r="R43" s="8"/>
      <c r="S43" s="305"/>
      <c r="T43" s="306"/>
      <c r="U43" s="306"/>
    </row>
    <row r="44" spans="1:21">
      <c r="A44" s="8"/>
      <c r="B44" s="8"/>
      <c r="C44" s="8"/>
      <c r="D44" s="8"/>
      <c r="E44" s="8"/>
      <c r="F44" s="8"/>
      <c r="G44" s="8"/>
      <c r="H44" s="19">
        <v>2</v>
      </c>
      <c r="I44" s="19">
        <v>734</v>
      </c>
      <c r="J44" s="19" t="s">
        <v>443</v>
      </c>
      <c r="K44" s="19" t="s">
        <v>17</v>
      </c>
      <c r="L44" s="19" t="s">
        <v>174</v>
      </c>
      <c r="M44" s="19">
        <v>1</v>
      </c>
      <c r="N44" s="19" t="s">
        <v>509</v>
      </c>
      <c r="O44" s="19">
        <v>1</v>
      </c>
      <c r="P44" s="19">
        <v>12</v>
      </c>
      <c r="Q44" s="19"/>
      <c r="R44" s="8"/>
      <c r="S44" s="305"/>
      <c r="T44" s="306"/>
      <c r="U44" s="306"/>
    </row>
    <row r="45" spans="1:21">
      <c r="A45" s="8"/>
      <c r="B45" s="8"/>
      <c r="C45" s="8"/>
      <c r="D45" s="8"/>
      <c r="E45" s="8"/>
      <c r="F45" s="8"/>
      <c r="G45" s="8"/>
      <c r="H45" s="8">
        <v>3</v>
      </c>
      <c r="I45" s="8">
        <v>735</v>
      </c>
      <c r="J45" s="8" t="s">
        <v>444</v>
      </c>
      <c r="K45" s="8" t="s">
        <v>66</v>
      </c>
      <c r="L45" s="8" t="s">
        <v>65</v>
      </c>
      <c r="M45" s="8">
        <v>1</v>
      </c>
      <c r="N45" s="8" t="s">
        <v>514</v>
      </c>
      <c r="O45" s="8">
        <v>1</v>
      </c>
      <c r="P45" s="8">
        <v>2</v>
      </c>
      <c r="Q45" s="8" t="s">
        <v>713</v>
      </c>
      <c r="R45" s="8"/>
      <c r="S45" s="305"/>
      <c r="T45" s="306"/>
      <c r="U45" s="306"/>
    </row>
    <row r="46" spans="1:21">
      <c r="A46" s="8"/>
      <c r="B46" s="8"/>
      <c r="C46" s="8"/>
      <c r="D46" s="8"/>
      <c r="E46" s="8"/>
      <c r="F46" s="8"/>
      <c r="G46" s="8"/>
      <c r="H46" s="8">
        <v>4</v>
      </c>
      <c r="I46" s="8">
        <v>736</v>
      </c>
      <c r="J46" s="8" t="s">
        <v>445</v>
      </c>
      <c r="K46" s="8" t="s">
        <v>17</v>
      </c>
      <c r="L46" s="8" t="s">
        <v>71</v>
      </c>
      <c r="M46" s="11">
        <v>1</v>
      </c>
      <c r="N46" s="11" t="s">
        <v>514</v>
      </c>
      <c r="O46" s="11">
        <v>1</v>
      </c>
      <c r="P46" s="11">
        <v>1</v>
      </c>
      <c r="Q46" s="11" t="s">
        <v>765</v>
      </c>
      <c r="R46" s="8"/>
      <c r="S46" s="305"/>
      <c r="T46" s="306"/>
      <c r="U46" s="306"/>
    </row>
    <row r="47" spans="1:21" ht="15.5">
      <c r="A47" s="17"/>
      <c r="B47" s="17"/>
      <c r="C47" s="17" t="s">
        <v>298</v>
      </c>
      <c r="D47" s="17"/>
      <c r="E47" s="17"/>
      <c r="F47" s="17"/>
      <c r="G47" s="17"/>
      <c r="H47" s="17"/>
      <c r="I47" s="17"/>
      <c r="J47" s="17"/>
      <c r="K47" s="17" t="s">
        <v>17</v>
      </c>
      <c r="L47" s="17" t="s">
        <v>71</v>
      </c>
      <c r="M47" s="17">
        <v>200</v>
      </c>
      <c r="N47" s="17"/>
      <c r="O47" s="17"/>
      <c r="P47" s="17"/>
      <c r="Q47" s="17"/>
      <c r="R47" s="10" t="s">
        <v>1685</v>
      </c>
      <c r="S47" s="307" t="s">
        <v>1686</v>
      </c>
      <c r="T47" s="215" t="s">
        <v>17</v>
      </c>
      <c r="U47" s="215" t="s">
        <v>17</v>
      </c>
    </row>
    <row r="48" spans="1:21">
      <c r="A48" s="8"/>
      <c r="B48" s="8"/>
      <c r="C48" s="8"/>
      <c r="D48" s="8"/>
      <c r="E48" s="8"/>
      <c r="F48" s="8"/>
      <c r="G48" s="8"/>
      <c r="H48" s="8">
        <v>1</v>
      </c>
      <c r="I48" s="8">
        <v>349</v>
      </c>
      <c r="J48" s="8" t="s">
        <v>201</v>
      </c>
      <c r="K48" s="8" t="s">
        <v>66</v>
      </c>
      <c r="L48" s="8" t="s">
        <v>65</v>
      </c>
      <c r="M48" s="8">
        <v>1</v>
      </c>
      <c r="N48" s="8" t="s">
        <v>514</v>
      </c>
      <c r="O48" s="8">
        <v>1</v>
      </c>
      <c r="P48" s="8">
        <v>1</v>
      </c>
      <c r="Q48" s="8" t="s">
        <v>666</v>
      </c>
      <c r="R48" s="10"/>
      <c r="S48" s="206"/>
      <c r="T48" s="215"/>
      <c r="U48" s="215"/>
    </row>
    <row r="49" spans="1:21">
      <c r="A49" s="8"/>
      <c r="B49" s="8"/>
      <c r="C49" s="8"/>
      <c r="D49" s="8"/>
      <c r="E49" s="8"/>
      <c r="F49" s="8"/>
      <c r="G49" s="8"/>
      <c r="H49" s="8">
        <v>2</v>
      </c>
      <c r="I49" s="8">
        <v>750</v>
      </c>
      <c r="J49" s="8" t="s">
        <v>295</v>
      </c>
      <c r="K49" s="8" t="s">
        <v>17</v>
      </c>
      <c r="L49" s="8" t="s">
        <v>71</v>
      </c>
      <c r="M49" s="8">
        <v>1</v>
      </c>
      <c r="N49" s="8" t="s">
        <v>514</v>
      </c>
      <c r="O49" s="8">
        <v>2</v>
      </c>
      <c r="P49" s="8">
        <v>3</v>
      </c>
      <c r="Q49" s="8" t="s">
        <v>712</v>
      </c>
      <c r="R49" s="10"/>
      <c r="S49" s="206"/>
      <c r="T49" s="215"/>
      <c r="U49" s="215"/>
    </row>
    <row r="50" spans="1:21">
      <c r="A50" s="8"/>
      <c r="B50" s="8"/>
      <c r="C50" s="8"/>
      <c r="D50" s="8"/>
      <c r="E50" s="8"/>
      <c r="F50" s="8"/>
      <c r="G50" s="8"/>
      <c r="H50" s="19">
        <v>3</v>
      </c>
      <c r="I50" s="19">
        <v>559</v>
      </c>
      <c r="J50" s="19" t="s">
        <v>197</v>
      </c>
      <c r="K50" s="19" t="s">
        <v>78</v>
      </c>
      <c r="L50" s="19" t="s">
        <v>174</v>
      </c>
      <c r="M50" s="19">
        <v>1</v>
      </c>
      <c r="N50" s="19" t="s">
        <v>514</v>
      </c>
      <c r="O50" s="19">
        <v>2</v>
      </c>
      <c r="P50" s="19">
        <v>2</v>
      </c>
      <c r="Q50" s="19"/>
      <c r="R50" s="10"/>
      <c r="S50" s="206"/>
      <c r="T50" s="215"/>
      <c r="U50" s="215"/>
    </row>
    <row r="51" spans="1:21">
      <c r="A51" s="8"/>
      <c r="B51" s="8"/>
      <c r="C51" s="8"/>
      <c r="D51" s="8"/>
      <c r="E51" s="8"/>
      <c r="F51" s="8"/>
      <c r="G51" s="8"/>
      <c r="H51" s="19">
        <v>4</v>
      </c>
      <c r="I51" s="19">
        <v>751</v>
      </c>
      <c r="J51" s="19" t="s">
        <v>292</v>
      </c>
      <c r="K51" s="19" t="s">
        <v>78</v>
      </c>
      <c r="L51" s="19" t="s">
        <v>174</v>
      </c>
      <c r="M51" s="19">
        <v>1</v>
      </c>
      <c r="N51" s="19" t="s">
        <v>509</v>
      </c>
      <c r="O51" s="19">
        <v>1</v>
      </c>
      <c r="P51" s="19">
        <v>12</v>
      </c>
      <c r="Q51" s="19"/>
      <c r="R51" s="10"/>
      <c r="S51" s="206"/>
      <c r="T51" s="215"/>
      <c r="U51" s="215"/>
    </row>
    <row r="52" spans="1:21">
      <c r="A52" s="8"/>
      <c r="B52" s="8"/>
      <c r="C52" s="8"/>
      <c r="D52" s="8"/>
      <c r="E52" s="8"/>
      <c r="F52" s="8"/>
      <c r="G52" s="8"/>
      <c r="H52" s="8">
        <v>5</v>
      </c>
      <c r="I52" s="8">
        <v>352</v>
      </c>
      <c r="J52" s="8" t="s">
        <v>3</v>
      </c>
      <c r="K52" s="8" t="s">
        <v>78</v>
      </c>
      <c r="L52" s="8" t="s">
        <v>71</v>
      </c>
      <c r="M52" s="8">
        <v>1</v>
      </c>
      <c r="N52" s="8" t="s">
        <v>509</v>
      </c>
      <c r="O52" s="8">
        <v>1</v>
      </c>
      <c r="P52" s="8">
        <v>80</v>
      </c>
      <c r="Q52" s="8"/>
      <c r="R52" s="10"/>
      <c r="S52" s="206"/>
      <c r="T52" s="215"/>
      <c r="U52" s="215"/>
    </row>
    <row r="53" spans="1:21">
      <c r="A53" s="8"/>
      <c r="B53" s="8"/>
      <c r="C53" s="8"/>
      <c r="D53" s="8"/>
      <c r="E53" s="8"/>
      <c r="F53" s="8"/>
      <c r="G53" s="8"/>
      <c r="H53" s="19">
        <v>6</v>
      </c>
      <c r="I53" s="19">
        <v>752</v>
      </c>
      <c r="J53" s="19" t="s">
        <v>304</v>
      </c>
      <c r="K53" s="19" t="s">
        <v>17</v>
      </c>
      <c r="L53" s="19" t="s">
        <v>174</v>
      </c>
      <c r="M53" s="19">
        <v>1</v>
      </c>
      <c r="N53" s="19" t="s">
        <v>514</v>
      </c>
      <c r="O53" s="19">
        <v>2</v>
      </c>
      <c r="P53" s="19">
        <v>2</v>
      </c>
      <c r="Q53" s="19"/>
      <c r="R53" s="10"/>
      <c r="S53" s="206"/>
      <c r="T53" s="215"/>
      <c r="U53" s="215"/>
    </row>
    <row r="54" spans="1:21">
      <c r="A54" s="8"/>
      <c r="B54" s="8"/>
      <c r="C54" s="8"/>
      <c r="D54" s="8"/>
      <c r="E54" s="8"/>
      <c r="F54" s="8"/>
      <c r="G54" s="8"/>
      <c r="H54" s="19">
        <v>7</v>
      </c>
      <c r="I54" s="19">
        <v>822</v>
      </c>
      <c r="J54" s="19" t="s">
        <v>302</v>
      </c>
      <c r="K54" s="19" t="s">
        <v>17</v>
      </c>
      <c r="L54" s="19" t="s">
        <v>174</v>
      </c>
      <c r="M54" s="19">
        <v>1</v>
      </c>
      <c r="N54" s="19" t="s">
        <v>509</v>
      </c>
      <c r="O54" s="19">
        <v>1</v>
      </c>
      <c r="P54" s="19">
        <v>15</v>
      </c>
      <c r="Q54" s="19"/>
      <c r="R54" s="10"/>
      <c r="S54" s="206"/>
      <c r="T54" s="215"/>
      <c r="U54" s="215"/>
    </row>
    <row r="55" spans="1:21">
      <c r="A55" s="8"/>
      <c r="B55" s="8"/>
      <c r="C55" s="8"/>
      <c r="D55" s="8"/>
      <c r="E55" s="8"/>
      <c r="F55" s="8"/>
      <c r="G55" s="8"/>
      <c r="H55" s="19">
        <v>8</v>
      </c>
      <c r="I55" s="19">
        <v>1073</v>
      </c>
      <c r="J55" s="19" t="s">
        <v>300</v>
      </c>
      <c r="K55" s="19" t="s">
        <v>17</v>
      </c>
      <c r="L55" s="19" t="s">
        <v>174</v>
      </c>
      <c r="M55" s="19">
        <v>1</v>
      </c>
      <c r="N55" s="19" t="s">
        <v>514</v>
      </c>
      <c r="O55" s="19">
        <v>1</v>
      </c>
      <c r="P55" s="19">
        <v>1</v>
      </c>
      <c r="Q55" s="19"/>
      <c r="R55" s="10"/>
      <c r="S55" s="206"/>
      <c r="T55" s="215"/>
      <c r="U55" s="215"/>
    </row>
    <row r="56" spans="1:21">
      <c r="A56" s="8"/>
      <c r="B56" s="8"/>
      <c r="C56" s="8"/>
      <c r="D56" s="8"/>
      <c r="E56" s="8"/>
      <c r="F56" s="8"/>
      <c r="G56" s="8"/>
      <c r="H56" s="8">
        <v>9</v>
      </c>
      <c r="I56" s="8">
        <v>819</v>
      </c>
      <c r="J56" s="8" t="s">
        <v>253</v>
      </c>
      <c r="K56" s="8" t="s">
        <v>17</v>
      </c>
      <c r="L56" s="8" t="s">
        <v>71</v>
      </c>
      <c r="M56" s="8">
        <v>1</v>
      </c>
      <c r="N56" s="8" t="s">
        <v>514</v>
      </c>
      <c r="O56" s="8">
        <v>2</v>
      </c>
      <c r="P56" s="8">
        <v>3</v>
      </c>
      <c r="Q56" s="8"/>
      <c r="R56" s="10"/>
      <c r="S56" s="206"/>
      <c r="T56" s="215"/>
      <c r="U56" s="215"/>
    </row>
    <row r="57" spans="1:21" ht="50.5">
      <c r="A57" s="17"/>
      <c r="B57" s="17"/>
      <c r="C57" s="17" t="s">
        <v>446</v>
      </c>
      <c r="D57" s="17" t="s">
        <v>447</v>
      </c>
      <c r="E57" s="17"/>
      <c r="F57" s="17"/>
      <c r="G57" s="17"/>
      <c r="H57" s="17"/>
      <c r="I57" s="17"/>
      <c r="J57" s="17"/>
      <c r="K57" s="17" t="s">
        <v>17</v>
      </c>
      <c r="L57" s="17" t="s">
        <v>71</v>
      </c>
      <c r="M57" s="17">
        <v>20</v>
      </c>
      <c r="N57" s="17"/>
      <c r="O57" s="17"/>
      <c r="P57" s="17"/>
      <c r="Q57" s="74"/>
      <c r="R57" s="10" t="s">
        <v>1132</v>
      </c>
      <c r="S57" s="303" t="s">
        <v>1472</v>
      </c>
      <c r="T57" s="303" t="s">
        <v>2</v>
      </c>
      <c r="U57" s="303" t="s">
        <v>2</v>
      </c>
    </row>
    <row r="58" spans="1:21" ht="28">
      <c r="A58" s="8"/>
      <c r="B58" s="8"/>
      <c r="C58" s="8"/>
      <c r="D58" s="8"/>
      <c r="E58" s="8"/>
      <c r="F58" s="8"/>
      <c r="G58" s="8"/>
      <c r="H58" s="11">
        <v>1</v>
      </c>
      <c r="I58" s="11">
        <v>103</v>
      </c>
      <c r="J58" s="11" t="s">
        <v>448</v>
      </c>
      <c r="K58" s="11" t="s">
        <v>17</v>
      </c>
      <c r="L58" s="8" t="s">
        <v>71</v>
      </c>
      <c r="M58" s="11">
        <v>1</v>
      </c>
      <c r="N58" s="11" t="s">
        <v>509</v>
      </c>
      <c r="O58" s="11">
        <v>3</v>
      </c>
      <c r="P58" s="11">
        <v>5</v>
      </c>
      <c r="Q58" s="70" t="s">
        <v>624</v>
      </c>
      <c r="R58" s="10"/>
      <c r="S58" s="206"/>
      <c r="T58" s="215"/>
      <c r="U58" s="215"/>
    </row>
    <row r="59" spans="1:21">
      <c r="A59" s="8"/>
      <c r="B59" s="8"/>
      <c r="C59" s="8"/>
      <c r="D59" s="8"/>
      <c r="E59" s="8"/>
      <c r="F59" s="8"/>
      <c r="G59" s="8"/>
      <c r="H59" s="11">
        <v>2</v>
      </c>
      <c r="I59" s="11">
        <v>80</v>
      </c>
      <c r="J59" s="11" t="s">
        <v>449</v>
      </c>
      <c r="K59" s="11" t="s">
        <v>78</v>
      </c>
      <c r="L59" s="8" t="s">
        <v>71</v>
      </c>
      <c r="M59" s="11">
        <v>1</v>
      </c>
      <c r="N59" s="11" t="s">
        <v>510</v>
      </c>
      <c r="O59" s="11">
        <v>1</v>
      </c>
      <c r="P59" s="11">
        <v>7</v>
      </c>
      <c r="Q59" s="18"/>
      <c r="R59" s="10"/>
      <c r="S59" s="206"/>
      <c r="T59" s="215"/>
      <c r="U59" s="215"/>
    </row>
    <row r="60" spans="1:21">
      <c r="A60" s="17"/>
      <c r="B60" s="17"/>
      <c r="C60" s="17" t="s">
        <v>446</v>
      </c>
      <c r="D60" s="17" t="s">
        <v>447</v>
      </c>
      <c r="E60" s="17"/>
      <c r="F60" s="17"/>
      <c r="G60" s="17"/>
      <c r="H60" s="17"/>
      <c r="I60" s="17"/>
      <c r="J60" s="17"/>
      <c r="K60" s="17" t="s">
        <v>17</v>
      </c>
      <c r="L60" s="17" t="s">
        <v>71</v>
      </c>
      <c r="M60" s="75">
        <v>20</v>
      </c>
      <c r="N60" s="75"/>
      <c r="O60" s="75"/>
      <c r="P60" s="75"/>
      <c r="Q60" s="74"/>
      <c r="R60" s="10" t="s">
        <v>1133</v>
      </c>
      <c r="S60" s="303" t="s">
        <v>1687</v>
      </c>
      <c r="T60" s="303" t="s">
        <v>1476</v>
      </c>
      <c r="U60" s="303" t="s">
        <v>17</v>
      </c>
    </row>
    <row r="61" spans="1:21">
      <c r="A61" s="8"/>
      <c r="B61" s="8"/>
      <c r="C61" s="8"/>
      <c r="D61" s="8"/>
      <c r="E61" s="8"/>
      <c r="F61" s="8"/>
      <c r="G61" s="8"/>
      <c r="H61" s="19">
        <v>1</v>
      </c>
      <c r="I61" s="19">
        <v>103</v>
      </c>
      <c r="J61" s="19" t="s">
        <v>448</v>
      </c>
      <c r="K61" s="19" t="s">
        <v>17</v>
      </c>
      <c r="L61" s="19" t="s">
        <v>174</v>
      </c>
      <c r="M61" s="19">
        <v>1</v>
      </c>
      <c r="N61" s="19" t="s">
        <v>509</v>
      </c>
      <c r="O61" s="19">
        <v>3</v>
      </c>
      <c r="P61" s="19">
        <v>5</v>
      </c>
      <c r="Q61" s="19"/>
      <c r="R61" s="10"/>
      <c r="S61" s="206"/>
      <c r="T61" s="215"/>
      <c r="U61" s="215"/>
    </row>
    <row r="62" spans="1:21">
      <c r="A62" s="8"/>
      <c r="B62" s="8"/>
      <c r="C62" s="8"/>
      <c r="D62" s="8"/>
      <c r="E62" s="8"/>
      <c r="F62" s="8"/>
      <c r="G62" s="8"/>
      <c r="H62" s="19">
        <v>2</v>
      </c>
      <c r="I62" s="19">
        <v>80</v>
      </c>
      <c r="J62" s="19" t="s">
        <v>449</v>
      </c>
      <c r="K62" s="19" t="s">
        <v>78</v>
      </c>
      <c r="L62" s="19" t="s">
        <v>174</v>
      </c>
      <c r="M62" s="19">
        <v>1</v>
      </c>
      <c r="N62" s="19" t="s">
        <v>510</v>
      </c>
      <c r="O62" s="19">
        <v>1</v>
      </c>
      <c r="P62" s="19">
        <v>7</v>
      </c>
      <c r="Q62" s="19"/>
      <c r="R62" s="10"/>
      <c r="S62" s="206"/>
      <c r="T62" s="215"/>
      <c r="U62" s="215"/>
    </row>
    <row r="63" spans="1:21">
      <c r="A63" s="8"/>
      <c r="B63" s="8"/>
      <c r="C63" s="8"/>
      <c r="D63" s="8"/>
      <c r="E63" s="8"/>
      <c r="F63" s="8"/>
      <c r="G63" s="8"/>
      <c r="H63" s="19">
        <v>3</v>
      </c>
      <c r="I63" s="19">
        <v>23</v>
      </c>
      <c r="J63" s="19" t="s">
        <v>450</v>
      </c>
      <c r="K63" s="19" t="s">
        <v>17</v>
      </c>
      <c r="L63" s="19" t="s">
        <v>174</v>
      </c>
      <c r="M63" s="19">
        <v>1</v>
      </c>
      <c r="N63" s="19" t="s">
        <v>514</v>
      </c>
      <c r="O63" s="19">
        <v>1</v>
      </c>
      <c r="P63" s="19">
        <v>1</v>
      </c>
      <c r="Q63" s="19"/>
      <c r="R63" s="10"/>
      <c r="S63" s="206"/>
      <c r="T63" s="215"/>
      <c r="U63" s="215"/>
    </row>
    <row r="64" spans="1:21">
      <c r="A64" s="8"/>
      <c r="B64" s="8"/>
      <c r="C64" s="8"/>
      <c r="D64" s="8"/>
      <c r="E64" s="8"/>
      <c r="F64" s="8"/>
      <c r="G64" s="8"/>
      <c r="H64" s="19">
        <v>4</v>
      </c>
      <c r="I64" s="19">
        <v>22</v>
      </c>
      <c r="J64" s="19" t="s">
        <v>451</v>
      </c>
      <c r="K64" s="19" t="s">
        <v>78</v>
      </c>
      <c r="L64" s="19" t="s">
        <v>174</v>
      </c>
      <c r="M64" s="19">
        <v>1</v>
      </c>
      <c r="N64" s="19" t="s">
        <v>509</v>
      </c>
      <c r="O64" s="19">
        <v>1</v>
      </c>
      <c r="P64" s="19">
        <v>30</v>
      </c>
      <c r="Q64" s="19"/>
      <c r="R64" s="10"/>
      <c r="S64" s="206"/>
      <c r="T64" s="215"/>
      <c r="U64" s="215"/>
    </row>
    <row r="65" spans="1:21">
      <c r="A65" s="8"/>
      <c r="B65" s="8"/>
      <c r="C65" s="8"/>
      <c r="D65" s="8"/>
      <c r="E65" s="8"/>
      <c r="F65" s="8"/>
      <c r="G65" s="8"/>
      <c r="H65" s="19">
        <v>5</v>
      </c>
      <c r="I65" s="19">
        <v>79</v>
      </c>
      <c r="J65" s="19" t="s">
        <v>452</v>
      </c>
      <c r="K65" s="19" t="s">
        <v>17</v>
      </c>
      <c r="L65" s="19" t="s">
        <v>174</v>
      </c>
      <c r="M65" s="19">
        <v>1</v>
      </c>
      <c r="N65" s="19" t="s">
        <v>509</v>
      </c>
      <c r="O65" s="19">
        <v>1</v>
      </c>
      <c r="P65" s="19">
        <v>50</v>
      </c>
      <c r="Q65" s="19"/>
      <c r="R65" s="10"/>
      <c r="S65" s="206"/>
      <c r="T65" s="215"/>
      <c r="U65" s="215"/>
    </row>
    <row r="66" spans="1:21">
      <c r="A66" s="8"/>
      <c r="B66" s="8"/>
      <c r="C66" s="8"/>
      <c r="D66" s="8"/>
      <c r="E66" s="8"/>
      <c r="F66" s="8"/>
      <c r="G66" s="8"/>
      <c r="H66" s="8">
        <v>6</v>
      </c>
      <c r="I66" s="8">
        <v>187</v>
      </c>
      <c r="J66" s="8" t="s">
        <v>453</v>
      </c>
      <c r="K66" s="8" t="s">
        <v>17</v>
      </c>
      <c r="L66" s="8" t="s">
        <v>71</v>
      </c>
      <c r="M66" s="11">
        <v>1</v>
      </c>
      <c r="N66" s="11" t="s">
        <v>514</v>
      </c>
      <c r="O66" s="11">
        <v>1</v>
      </c>
      <c r="P66" s="11">
        <v>2</v>
      </c>
      <c r="Q66" s="8" t="s">
        <v>766</v>
      </c>
      <c r="R66" s="10"/>
      <c r="S66" s="206"/>
      <c r="T66" s="215"/>
      <c r="U66" s="215"/>
    </row>
    <row r="67" spans="1:21">
      <c r="A67" s="8"/>
      <c r="B67" s="8"/>
      <c r="C67" s="8"/>
      <c r="D67" s="8"/>
      <c r="E67" s="8"/>
      <c r="F67" s="8"/>
      <c r="G67" s="8"/>
      <c r="H67" s="8">
        <v>7</v>
      </c>
      <c r="I67" s="8">
        <v>81</v>
      </c>
      <c r="J67" s="8" t="s">
        <v>454</v>
      </c>
      <c r="K67" s="8" t="s">
        <v>78</v>
      </c>
      <c r="L67" s="8" t="s">
        <v>71</v>
      </c>
      <c r="M67" s="11">
        <v>1</v>
      </c>
      <c r="N67" s="11" t="s">
        <v>438</v>
      </c>
      <c r="O67" s="11">
        <v>1</v>
      </c>
      <c r="P67" s="11">
        <v>10</v>
      </c>
      <c r="Q67" s="8"/>
      <c r="R67" s="10"/>
      <c r="S67" s="206"/>
      <c r="T67" s="215"/>
      <c r="U67" s="215"/>
    </row>
    <row r="68" spans="1:21">
      <c r="A68" s="8"/>
      <c r="B68" s="8"/>
      <c r="C68" s="8"/>
      <c r="D68" s="8"/>
      <c r="E68" s="8"/>
      <c r="F68" s="8"/>
      <c r="G68" s="8"/>
      <c r="H68" s="8">
        <v>8</v>
      </c>
      <c r="I68" s="8">
        <v>355</v>
      </c>
      <c r="J68" s="8" t="s">
        <v>103</v>
      </c>
      <c r="K68" s="8" t="s">
        <v>78</v>
      </c>
      <c r="L68" s="8" t="s">
        <v>71</v>
      </c>
      <c r="M68" s="11">
        <v>1</v>
      </c>
      <c r="N68" s="11" t="s">
        <v>514</v>
      </c>
      <c r="O68" s="11">
        <v>2</v>
      </c>
      <c r="P68" s="11">
        <v>2</v>
      </c>
      <c r="Q68" s="8"/>
      <c r="R68" s="10"/>
      <c r="S68" s="206"/>
      <c r="T68" s="215"/>
      <c r="U68" s="215"/>
    </row>
    <row r="69" spans="1:21" ht="38">
      <c r="A69" s="17"/>
      <c r="B69" s="17"/>
      <c r="C69" s="17" t="s">
        <v>446</v>
      </c>
      <c r="D69" s="17" t="s">
        <v>447</v>
      </c>
      <c r="E69" s="17"/>
      <c r="F69" s="17"/>
      <c r="G69" s="17"/>
      <c r="H69" s="17"/>
      <c r="I69" s="17"/>
      <c r="J69" s="17"/>
      <c r="K69" s="17" t="s">
        <v>17</v>
      </c>
      <c r="L69" s="17" t="s">
        <v>71</v>
      </c>
      <c r="M69" s="17">
        <v>20</v>
      </c>
      <c r="N69" s="17"/>
      <c r="O69" s="17"/>
      <c r="P69" s="17"/>
      <c r="Q69" s="74"/>
      <c r="R69" s="93" t="s">
        <v>1688</v>
      </c>
      <c r="S69" s="304" t="s">
        <v>1473</v>
      </c>
      <c r="T69" s="303" t="s">
        <v>1474</v>
      </c>
      <c r="U69" s="303" t="s">
        <v>1475</v>
      </c>
    </row>
    <row r="70" spans="1:21">
      <c r="A70" s="8"/>
      <c r="B70" s="8"/>
      <c r="C70" s="8"/>
      <c r="D70" s="8"/>
      <c r="E70" s="8"/>
      <c r="F70" s="8"/>
      <c r="G70" s="8"/>
      <c r="H70" s="19">
        <v>1</v>
      </c>
      <c r="I70" s="19">
        <v>103</v>
      </c>
      <c r="J70" s="19" t="s">
        <v>448</v>
      </c>
      <c r="K70" s="19" t="s">
        <v>17</v>
      </c>
      <c r="L70" s="19" t="s">
        <v>174</v>
      </c>
      <c r="M70" s="19">
        <v>1</v>
      </c>
      <c r="N70" s="19" t="s">
        <v>509</v>
      </c>
      <c r="O70" s="19">
        <v>3</v>
      </c>
      <c r="P70" s="19">
        <v>5</v>
      </c>
      <c r="Q70" s="19"/>
      <c r="R70" s="10"/>
      <c r="S70" s="206"/>
      <c r="T70" s="215"/>
      <c r="U70" s="215"/>
    </row>
    <row r="71" spans="1:21">
      <c r="A71" s="8"/>
      <c r="B71" s="8"/>
      <c r="C71" s="8"/>
      <c r="D71" s="8"/>
      <c r="E71" s="8"/>
      <c r="F71" s="8"/>
      <c r="G71" s="8"/>
      <c r="H71" s="19">
        <v>2</v>
      </c>
      <c r="I71" s="19">
        <v>80</v>
      </c>
      <c r="J71" s="19" t="s">
        <v>449</v>
      </c>
      <c r="K71" s="19" t="s">
        <v>78</v>
      </c>
      <c r="L71" s="19" t="s">
        <v>174</v>
      </c>
      <c r="M71" s="19">
        <v>1</v>
      </c>
      <c r="N71" s="19" t="s">
        <v>510</v>
      </c>
      <c r="O71" s="19">
        <v>1</v>
      </c>
      <c r="P71" s="19">
        <v>7</v>
      </c>
      <c r="Q71" s="19"/>
      <c r="R71" s="10"/>
      <c r="S71" s="206"/>
      <c r="T71" s="215"/>
      <c r="U71" s="215"/>
    </row>
    <row r="72" spans="1:21">
      <c r="A72" s="8"/>
      <c r="B72" s="8"/>
      <c r="C72" s="8"/>
      <c r="D72" s="8"/>
      <c r="E72" s="8"/>
      <c r="F72" s="8"/>
      <c r="G72" s="8"/>
      <c r="H72" s="19">
        <v>3</v>
      </c>
      <c r="I72" s="19">
        <v>23</v>
      </c>
      <c r="J72" s="19" t="s">
        <v>450</v>
      </c>
      <c r="K72" s="19" t="s">
        <v>17</v>
      </c>
      <c r="L72" s="19" t="s">
        <v>174</v>
      </c>
      <c r="M72" s="19">
        <v>1</v>
      </c>
      <c r="N72" s="19" t="s">
        <v>514</v>
      </c>
      <c r="O72" s="19">
        <v>1</v>
      </c>
      <c r="P72" s="19">
        <v>1</v>
      </c>
      <c r="Q72" s="19"/>
      <c r="R72" s="10"/>
      <c r="S72" s="206"/>
      <c r="T72" s="215"/>
      <c r="U72" s="215"/>
    </row>
    <row r="73" spans="1:21">
      <c r="A73" s="8"/>
      <c r="B73" s="8"/>
      <c r="C73" s="8"/>
      <c r="D73" s="8"/>
      <c r="E73" s="8"/>
      <c r="F73" s="8"/>
      <c r="G73" s="8"/>
      <c r="H73" s="19">
        <v>4</v>
      </c>
      <c r="I73" s="19">
        <v>22</v>
      </c>
      <c r="J73" s="19" t="s">
        <v>451</v>
      </c>
      <c r="K73" s="19" t="s">
        <v>78</v>
      </c>
      <c r="L73" s="19" t="s">
        <v>174</v>
      </c>
      <c r="M73" s="19">
        <v>1</v>
      </c>
      <c r="N73" s="19" t="s">
        <v>509</v>
      </c>
      <c r="O73" s="19">
        <v>1</v>
      </c>
      <c r="P73" s="19">
        <v>30</v>
      </c>
      <c r="Q73" s="19"/>
      <c r="R73" s="10"/>
      <c r="S73" s="206"/>
      <c r="T73" s="215"/>
      <c r="U73" s="215"/>
    </row>
    <row r="74" spans="1:21">
      <c r="A74" s="8"/>
      <c r="B74" s="8"/>
      <c r="C74" s="8"/>
      <c r="D74" s="8"/>
      <c r="E74" s="8"/>
      <c r="F74" s="8"/>
      <c r="G74" s="8"/>
      <c r="H74" s="19">
        <v>5</v>
      </c>
      <c r="I74" s="19">
        <v>79</v>
      </c>
      <c r="J74" s="19" t="s">
        <v>452</v>
      </c>
      <c r="K74" s="19" t="s">
        <v>17</v>
      </c>
      <c r="L74" s="19" t="s">
        <v>174</v>
      </c>
      <c r="M74" s="19">
        <v>1</v>
      </c>
      <c r="N74" s="19" t="s">
        <v>509</v>
      </c>
      <c r="O74" s="19">
        <v>1</v>
      </c>
      <c r="P74" s="19">
        <v>50</v>
      </c>
      <c r="Q74" s="19"/>
      <c r="R74" s="10"/>
      <c r="S74" s="206"/>
      <c r="T74" s="215"/>
      <c r="U74" s="215"/>
    </row>
    <row r="75" spans="1:21">
      <c r="A75" s="8"/>
      <c r="B75" s="8"/>
      <c r="C75" s="8"/>
      <c r="D75" s="8"/>
      <c r="E75" s="8"/>
      <c r="F75" s="8"/>
      <c r="G75" s="8"/>
      <c r="H75" s="8">
        <v>6</v>
      </c>
      <c r="I75" s="8">
        <v>187</v>
      </c>
      <c r="J75" s="8" t="s">
        <v>453</v>
      </c>
      <c r="K75" s="8" t="s">
        <v>17</v>
      </c>
      <c r="L75" s="8" t="s">
        <v>71</v>
      </c>
      <c r="M75" s="11">
        <v>1</v>
      </c>
      <c r="N75" s="11" t="s">
        <v>514</v>
      </c>
      <c r="O75" s="11">
        <v>1</v>
      </c>
      <c r="P75" s="11">
        <v>2</v>
      </c>
      <c r="Q75" s="8" t="s">
        <v>651</v>
      </c>
      <c r="R75" s="10"/>
      <c r="S75" s="206"/>
      <c r="T75" s="215"/>
      <c r="U75" s="215"/>
    </row>
    <row r="76" spans="1:21">
      <c r="A76" s="8"/>
      <c r="B76" s="8"/>
      <c r="C76" s="8"/>
      <c r="D76" s="8"/>
      <c r="E76" s="8"/>
      <c r="F76" s="8"/>
      <c r="G76" s="8"/>
      <c r="H76" s="8">
        <v>7</v>
      </c>
      <c r="I76" s="8">
        <v>81</v>
      </c>
      <c r="J76" s="8" t="s">
        <v>454</v>
      </c>
      <c r="K76" s="8" t="s">
        <v>78</v>
      </c>
      <c r="L76" s="8" t="s">
        <v>71</v>
      </c>
      <c r="M76" s="11">
        <v>1</v>
      </c>
      <c r="N76" s="11" t="s">
        <v>438</v>
      </c>
      <c r="O76" s="11">
        <v>1</v>
      </c>
      <c r="P76" s="11">
        <v>10</v>
      </c>
      <c r="Q76" s="8"/>
      <c r="R76" s="10"/>
      <c r="S76" s="206"/>
      <c r="T76" s="215"/>
      <c r="U76" s="215"/>
    </row>
    <row r="77" spans="1:21">
      <c r="A77" s="8"/>
      <c r="B77" s="8"/>
      <c r="C77" s="8"/>
      <c r="D77" s="8"/>
      <c r="E77" s="8"/>
      <c r="F77" s="8"/>
      <c r="G77" s="8"/>
      <c r="H77" s="8">
        <v>8</v>
      </c>
      <c r="I77" s="8">
        <v>355</v>
      </c>
      <c r="J77" s="8" t="s">
        <v>103</v>
      </c>
      <c r="K77" s="8" t="s">
        <v>78</v>
      </c>
      <c r="L77" s="8" t="s">
        <v>71</v>
      </c>
      <c r="M77" s="11">
        <v>1</v>
      </c>
      <c r="N77" s="11" t="s">
        <v>514</v>
      </c>
      <c r="O77" s="11">
        <v>2</v>
      </c>
      <c r="P77" s="11">
        <v>2</v>
      </c>
      <c r="Q77" s="8"/>
      <c r="R77" s="10"/>
      <c r="S77" s="206"/>
      <c r="T77" s="215"/>
      <c r="U77" s="215"/>
    </row>
    <row r="78" spans="1:21">
      <c r="A78" s="17"/>
      <c r="B78" s="17"/>
      <c r="C78" s="17" t="s">
        <v>446</v>
      </c>
      <c r="D78" s="17" t="s">
        <v>447</v>
      </c>
      <c r="E78" s="17"/>
      <c r="F78" s="17"/>
      <c r="G78" s="17"/>
      <c r="H78" s="17"/>
      <c r="I78" s="17"/>
      <c r="J78" s="17"/>
      <c r="K78" s="17" t="s">
        <v>17</v>
      </c>
      <c r="L78" s="17" t="s">
        <v>71</v>
      </c>
      <c r="M78" s="75">
        <v>20</v>
      </c>
      <c r="N78" s="75"/>
      <c r="O78" s="75"/>
      <c r="P78" s="75"/>
      <c r="Q78" s="74"/>
      <c r="R78" s="10" t="s">
        <v>1135</v>
      </c>
      <c r="S78" s="206"/>
      <c r="T78" s="215"/>
      <c r="U78" s="215"/>
    </row>
    <row r="79" spans="1:21">
      <c r="A79" s="8"/>
      <c r="B79" s="8"/>
      <c r="C79" s="8"/>
      <c r="D79" s="8"/>
      <c r="E79" s="8"/>
      <c r="F79" s="8"/>
      <c r="G79" s="8"/>
      <c r="H79" s="19">
        <v>1</v>
      </c>
      <c r="I79" s="19">
        <v>103</v>
      </c>
      <c r="J79" s="19" t="s">
        <v>448</v>
      </c>
      <c r="K79" s="19" t="s">
        <v>17</v>
      </c>
      <c r="L79" s="19" t="s">
        <v>174</v>
      </c>
      <c r="M79" s="19">
        <v>1</v>
      </c>
      <c r="N79" s="19" t="s">
        <v>509</v>
      </c>
      <c r="O79" s="19">
        <v>3</v>
      </c>
      <c r="P79" s="19">
        <v>5</v>
      </c>
      <c r="Q79" s="19"/>
      <c r="R79" s="10"/>
      <c r="S79" s="206"/>
      <c r="T79" s="215"/>
      <c r="U79" s="215"/>
    </row>
    <row r="80" spans="1:21">
      <c r="A80" s="8"/>
      <c r="B80" s="8"/>
      <c r="C80" s="8"/>
      <c r="D80" s="8"/>
      <c r="E80" s="8"/>
      <c r="F80" s="8"/>
      <c r="G80" s="8"/>
      <c r="H80" s="19">
        <v>2</v>
      </c>
      <c r="I80" s="19">
        <v>80</v>
      </c>
      <c r="J80" s="19" t="s">
        <v>449</v>
      </c>
      <c r="K80" s="19" t="s">
        <v>78</v>
      </c>
      <c r="L80" s="19" t="s">
        <v>174</v>
      </c>
      <c r="M80" s="19">
        <v>1</v>
      </c>
      <c r="N80" s="19" t="s">
        <v>510</v>
      </c>
      <c r="O80" s="19">
        <v>1</v>
      </c>
      <c r="P80" s="19">
        <v>7</v>
      </c>
      <c r="Q80" s="19"/>
      <c r="R80" s="10"/>
      <c r="S80" s="206"/>
      <c r="T80" s="215"/>
      <c r="U80" s="215"/>
    </row>
    <row r="81" spans="1:21">
      <c r="A81" s="8"/>
      <c r="B81" s="8"/>
      <c r="C81" s="8"/>
      <c r="D81" s="8"/>
      <c r="E81" s="8"/>
      <c r="F81" s="8"/>
      <c r="G81" s="8"/>
      <c r="H81" s="19">
        <v>3</v>
      </c>
      <c r="I81" s="19">
        <v>23</v>
      </c>
      <c r="J81" s="19" t="s">
        <v>450</v>
      </c>
      <c r="K81" s="19" t="s">
        <v>17</v>
      </c>
      <c r="L81" s="19" t="s">
        <v>174</v>
      </c>
      <c r="M81" s="19">
        <v>1</v>
      </c>
      <c r="N81" s="19" t="s">
        <v>514</v>
      </c>
      <c r="O81" s="19">
        <v>1</v>
      </c>
      <c r="P81" s="19">
        <v>1</v>
      </c>
      <c r="Q81" s="19"/>
      <c r="R81" s="10"/>
      <c r="S81" s="206"/>
      <c r="T81" s="215"/>
      <c r="U81" s="215"/>
    </row>
    <row r="82" spans="1:21">
      <c r="A82" s="8"/>
      <c r="B82" s="8"/>
      <c r="C82" s="8"/>
      <c r="D82" s="8"/>
      <c r="E82" s="8"/>
      <c r="F82" s="8"/>
      <c r="G82" s="8"/>
      <c r="H82" s="19">
        <v>4</v>
      </c>
      <c r="I82" s="19">
        <v>22</v>
      </c>
      <c r="J82" s="19" t="s">
        <v>451</v>
      </c>
      <c r="K82" s="19" t="s">
        <v>78</v>
      </c>
      <c r="L82" s="19" t="s">
        <v>174</v>
      </c>
      <c r="M82" s="19">
        <v>1</v>
      </c>
      <c r="N82" s="19" t="s">
        <v>509</v>
      </c>
      <c r="O82" s="19">
        <v>1</v>
      </c>
      <c r="P82" s="19">
        <v>30</v>
      </c>
      <c r="Q82" s="19"/>
      <c r="R82" s="10"/>
      <c r="S82" s="206"/>
      <c r="T82" s="215"/>
      <c r="U82" s="215"/>
    </row>
    <row r="83" spans="1:21">
      <c r="A83" s="8"/>
      <c r="B83" s="8"/>
      <c r="C83" s="8"/>
      <c r="D83" s="8"/>
      <c r="E83" s="8"/>
      <c r="F83" s="8"/>
      <c r="G83" s="8"/>
      <c r="H83" s="19">
        <v>5</v>
      </c>
      <c r="I83" s="19">
        <v>79</v>
      </c>
      <c r="J83" s="19" t="s">
        <v>452</v>
      </c>
      <c r="K83" s="19" t="s">
        <v>17</v>
      </c>
      <c r="L83" s="19" t="s">
        <v>174</v>
      </c>
      <c r="M83" s="19">
        <v>1</v>
      </c>
      <c r="N83" s="19" t="s">
        <v>509</v>
      </c>
      <c r="O83" s="19">
        <v>1</v>
      </c>
      <c r="P83" s="19">
        <v>50</v>
      </c>
      <c r="Q83" s="19"/>
      <c r="R83" s="10"/>
      <c r="S83" s="206"/>
      <c r="T83" s="215"/>
      <c r="U83" s="215"/>
    </row>
    <row r="84" spans="1:21">
      <c r="A84" s="8"/>
      <c r="B84" s="8"/>
      <c r="C84" s="8"/>
      <c r="D84" s="8"/>
      <c r="E84" s="8"/>
      <c r="F84" s="8"/>
      <c r="G84" s="8"/>
      <c r="H84" s="19">
        <v>6</v>
      </c>
      <c r="I84" s="19">
        <v>187</v>
      </c>
      <c r="J84" s="19" t="s">
        <v>453</v>
      </c>
      <c r="K84" s="19" t="s">
        <v>17</v>
      </c>
      <c r="L84" s="19" t="s">
        <v>174</v>
      </c>
      <c r="M84" s="19">
        <v>1</v>
      </c>
      <c r="N84" s="19" t="s">
        <v>514</v>
      </c>
      <c r="O84" s="19">
        <v>1</v>
      </c>
      <c r="P84" s="19">
        <v>2</v>
      </c>
      <c r="Q84" s="19"/>
      <c r="R84" s="10"/>
      <c r="S84" s="206"/>
      <c r="T84" s="215"/>
      <c r="U84" s="215"/>
    </row>
    <row r="85" spans="1:21">
      <c r="A85" s="8"/>
      <c r="B85" s="8"/>
      <c r="C85" s="8"/>
      <c r="D85" s="8"/>
      <c r="E85" s="8"/>
      <c r="F85" s="8"/>
      <c r="G85" s="8"/>
      <c r="H85" s="19">
        <v>7</v>
      </c>
      <c r="I85" s="19">
        <v>81</v>
      </c>
      <c r="J85" s="19" t="s">
        <v>454</v>
      </c>
      <c r="K85" s="19" t="s">
        <v>78</v>
      </c>
      <c r="L85" s="19" t="s">
        <v>174</v>
      </c>
      <c r="M85" s="19">
        <v>1</v>
      </c>
      <c r="N85" s="19" t="s">
        <v>438</v>
      </c>
      <c r="O85" s="19">
        <v>1</v>
      </c>
      <c r="P85" s="19">
        <v>10</v>
      </c>
      <c r="Q85" s="19"/>
      <c r="R85" s="10"/>
      <c r="S85" s="206"/>
      <c r="T85" s="215"/>
      <c r="U85" s="215"/>
    </row>
    <row r="86" spans="1:21">
      <c r="A86" s="8"/>
      <c r="B86" s="8"/>
      <c r="C86" s="8"/>
      <c r="D86" s="8"/>
      <c r="E86" s="8"/>
      <c r="F86" s="8"/>
      <c r="G86" s="8"/>
      <c r="H86" s="19">
        <v>8</v>
      </c>
      <c r="I86" s="19">
        <v>355</v>
      </c>
      <c r="J86" s="19" t="s">
        <v>103</v>
      </c>
      <c r="K86" s="19" t="s">
        <v>78</v>
      </c>
      <c r="L86" s="19" t="s">
        <v>174</v>
      </c>
      <c r="M86" s="19">
        <v>1</v>
      </c>
      <c r="N86" s="19" t="s">
        <v>514</v>
      </c>
      <c r="O86" s="19">
        <v>2</v>
      </c>
      <c r="P86" s="19">
        <v>2</v>
      </c>
      <c r="Q86" s="19"/>
      <c r="R86" s="10"/>
      <c r="S86" s="206"/>
      <c r="T86" s="215"/>
      <c r="U86" s="215"/>
    </row>
    <row r="87" spans="1:21">
      <c r="A87" s="8"/>
      <c r="B87" s="8"/>
      <c r="C87" s="8"/>
      <c r="D87" s="8"/>
      <c r="E87" s="8"/>
      <c r="F87" s="8"/>
      <c r="G87" s="8"/>
      <c r="H87" s="11">
        <v>9</v>
      </c>
      <c r="I87" s="11">
        <v>183</v>
      </c>
      <c r="J87" s="11" t="s">
        <v>455</v>
      </c>
      <c r="K87" s="11" t="s">
        <v>78</v>
      </c>
      <c r="L87" s="8" t="s">
        <v>71</v>
      </c>
      <c r="M87" s="11">
        <v>1</v>
      </c>
      <c r="N87" s="11" t="s">
        <v>438</v>
      </c>
      <c r="O87" s="11">
        <v>1</v>
      </c>
      <c r="P87" s="11">
        <v>8</v>
      </c>
      <c r="Q87" s="11"/>
      <c r="R87" s="10"/>
      <c r="S87" s="206"/>
      <c r="T87" s="215"/>
      <c r="U87" s="215"/>
    </row>
    <row r="88" spans="1:21">
      <c r="A88" s="8"/>
      <c r="B88" s="8"/>
      <c r="C88" s="8"/>
      <c r="D88" s="8"/>
      <c r="E88" s="8"/>
      <c r="F88" s="8"/>
      <c r="G88" s="8"/>
      <c r="H88" s="11">
        <v>10</v>
      </c>
      <c r="I88" s="11">
        <v>355</v>
      </c>
      <c r="J88" s="11" t="s">
        <v>103</v>
      </c>
      <c r="K88" s="11" t="s">
        <v>78</v>
      </c>
      <c r="L88" s="8" t="s">
        <v>71</v>
      </c>
      <c r="M88" s="11">
        <v>1</v>
      </c>
      <c r="N88" s="11" t="s">
        <v>514</v>
      </c>
      <c r="O88" s="11">
        <v>2</v>
      </c>
      <c r="P88" s="11">
        <v>2</v>
      </c>
      <c r="Q88" s="11"/>
      <c r="R88" s="10"/>
      <c r="S88" s="206"/>
      <c r="T88" s="215"/>
      <c r="U88" s="215"/>
    </row>
    <row r="89" spans="1:21" ht="38">
      <c r="A89" s="17"/>
      <c r="B89" s="17"/>
      <c r="C89" s="17" t="s">
        <v>163</v>
      </c>
      <c r="D89" s="17" t="s">
        <v>456</v>
      </c>
      <c r="E89" s="17"/>
      <c r="F89" s="17"/>
      <c r="G89" s="17"/>
      <c r="H89" s="17"/>
      <c r="I89" s="17"/>
      <c r="J89" s="17"/>
      <c r="K89" s="17" t="s">
        <v>17</v>
      </c>
      <c r="L89" s="17" t="s">
        <v>71</v>
      </c>
      <c r="M89" s="75">
        <v>12</v>
      </c>
      <c r="N89" s="75"/>
      <c r="O89" s="75"/>
      <c r="P89" s="75"/>
      <c r="Q89" s="17"/>
      <c r="R89" s="10" t="s">
        <v>1136</v>
      </c>
      <c r="S89" s="303" t="s">
        <v>1689</v>
      </c>
      <c r="T89" s="302" t="s">
        <v>2</v>
      </c>
      <c r="U89" s="303" t="s">
        <v>1477</v>
      </c>
    </row>
    <row r="90" spans="1:21">
      <c r="A90" s="8"/>
      <c r="B90" s="8"/>
      <c r="C90" s="8"/>
      <c r="D90" s="8"/>
      <c r="E90" s="8"/>
      <c r="F90" s="8"/>
      <c r="G90" s="8"/>
      <c r="H90" s="19">
        <v>1</v>
      </c>
      <c r="I90" s="19">
        <v>133</v>
      </c>
      <c r="J90" s="19" t="s">
        <v>161</v>
      </c>
      <c r="K90" s="19" t="s">
        <v>17</v>
      </c>
      <c r="L90" s="19" t="s">
        <v>174</v>
      </c>
      <c r="M90" s="19">
        <v>1</v>
      </c>
      <c r="N90" s="19" t="s">
        <v>514</v>
      </c>
      <c r="O90" s="19">
        <v>1</v>
      </c>
      <c r="P90" s="19">
        <v>2</v>
      </c>
      <c r="Q90" s="19"/>
      <c r="R90" s="10"/>
      <c r="S90" s="206"/>
      <c r="T90" s="215"/>
      <c r="U90" s="215"/>
    </row>
    <row r="91" spans="1:21" ht="28">
      <c r="A91" s="8"/>
      <c r="B91" s="8"/>
      <c r="C91" s="8"/>
      <c r="D91" s="8"/>
      <c r="E91" s="8"/>
      <c r="F91" s="8"/>
      <c r="G91" s="8"/>
      <c r="H91" s="8">
        <v>2</v>
      </c>
      <c r="I91" s="8">
        <v>66</v>
      </c>
      <c r="J91" s="8" t="s">
        <v>153</v>
      </c>
      <c r="K91" s="8" t="s">
        <v>78</v>
      </c>
      <c r="L91" s="8" t="s">
        <v>71</v>
      </c>
      <c r="M91" s="11">
        <v>1</v>
      </c>
      <c r="N91" s="11" t="s">
        <v>514</v>
      </c>
      <c r="O91" s="11">
        <v>1</v>
      </c>
      <c r="P91" s="11">
        <v>2</v>
      </c>
      <c r="Q91" s="70" t="s">
        <v>624</v>
      </c>
      <c r="R91" s="10"/>
      <c r="S91" s="206"/>
      <c r="T91" s="215"/>
      <c r="U91" s="215"/>
    </row>
    <row r="92" spans="1:21">
      <c r="A92" s="8"/>
      <c r="B92" s="8"/>
      <c r="C92" s="8"/>
      <c r="D92" s="8"/>
      <c r="E92" s="8"/>
      <c r="F92" s="8"/>
      <c r="G92" s="8"/>
      <c r="H92" s="8">
        <v>3</v>
      </c>
      <c r="I92" s="8">
        <v>67</v>
      </c>
      <c r="J92" s="8" t="s">
        <v>151</v>
      </c>
      <c r="K92" s="8" t="s">
        <v>78</v>
      </c>
      <c r="L92" s="8" t="s">
        <v>71</v>
      </c>
      <c r="M92" s="11">
        <v>1</v>
      </c>
      <c r="N92" s="11" t="s">
        <v>509</v>
      </c>
      <c r="O92" s="11">
        <v>2</v>
      </c>
      <c r="P92" s="11">
        <v>80</v>
      </c>
      <c r="Q92" s="8"/>
      <c r="R92" s="10"/>
      <c r="S92" s="206"/>
      <c r="T92" s="215"/>
      <c r="U92" s="215"/>
    </row>
    <row r="93" spans="1:21">
      <c r="A93" s="8"/>
      <c r="B93" s="8"/>
      <c r="C93" s="8"/>
      <c r="D93" s="8"/>
      <c r="E93" s="8"/>
      <c r="F93" s="8"/>
      <c r="G93" s="8"/>
      <c r="H93" s="8">
        <v>4</v>
      </c>
      <c r="I93" s="8">
        <v>91</v>
      </c>
      <c r="J93" s="8" t="s">
        <v>170</v>
      </c>
      <c r="K93" s="8" t="s">
        <v>78</v>
      </c>
      <c r="L93" s="8" t="s">
        <v>71</v>
      </c>
      <c r="M93" s="11">
        <v>1</v>
      </c>
      <c r="N93" s="11" t="s">
        <v>514</v>
      </c>
      <c r="O93" s="11">
        <v>1</v>
      </c>
      <c r="P93" s="11">
        <v>2</v>
      </c>
      <c r="Q93" s="18"/>
      <c r="R93" s="10"/>
      <c r="S93" s="206"/>
      <c r="T93" s="215"/>
      <c r="U93" s="215"/>
    </row>
    <row r="94" spans="1:21">
      <c r="A94" s="8"/>
      <c r="B94" s="8"/>
      <c r="C94" s="8"/>
      <c r="D94" s="8"/>
      <c r="E94" s="8"/>
      <c r="F94" s="8"/>
      <c r="G94" s="8"/>
      <c r="H94" s="8">
        <v>5</v>
      </c>
      <c r="I94" s="8">
        <v>387</v>
      </c>
      <c r="J94" s="8" t="s">
        <v>168</v>
      </c>
      <c r="K94" s="8" t="s">
        <v>78</v>
      </c>
      <c r="L94" s="8" t="s">
        <v>71</v>
      </c>
      <c r="M94" s="11">
        <v>1</v>
      </c>
      <c r="N94" s="11" t="s">
        <v>509</v>
      </c>
      <c r="O94" s="11">
        <v>1</v>
      </c>
      <c r="P94" s="11">
        <v>35</v>
      </c>
      <c r="Q94" s="8"/>
      <c r="R94" s="10"/>
      <c r="S94" s="206"/>
      <c r="T94" s="215"/>
      <c r="U94" s="215"/>
    </row>
    <row r="95" spans="1:21">
      <c r="A95" s="8"/>
      <c r="B95" s="8"/>
      <c r="C95" s="8"/>
      <c r="D95" s="8"/>
      <c r="E95" s="8"/>
      <c r="F95" s="8"/>
      <c r="G95" s="8"/>
      <c r="H95" s="19">
        <v>6</v>
      </c>
      <c r="I95" s="19">
        <v>368</v>
      </c>
      <c r="J95" s="19" t="s">
        <v>166</v>
      </c>
      <c r="K95" s="19" t="s">
        <v>78</v>
      </c>
      <c r="L95" s="19" t="s">
        <v>174</v>
      </c>
      <c r="M95" s="19">
        <v>1</v>
      </c>
      <c r="N95" s="19" t="s">
        <v>514</v>
      </c>
      <c r="O95" s="19">
        <v>2</v>
      </c>
      <c r="P95" s="19">
        <v>2</v>
      </c>
      <c r="Q95" s="19"/>
      <c r="R95" s="10"/>
      <c r="S95" s="206"/>
      <c r="T95" s="215"/>
      <c r="U95" s="215"/>
    </row>
    <row r="96" spans="1:21">
      <c r="A96" s="8"/>
      <c r="B96" s="8"/>
      <c r="C96" s="8"/>
      <c r="D96" s="8"/>
      <c r="E96" s="8"/>
      <c r="F96" s="8"/>
      <c r="G96" s="8"/>
      <c r="H96" s="8">
        <v>7</v>
      </c>
      <c r="I96" s="8">
        <v>309</v>
      </c>
      <c r="J96" s="8" t="s">
        <v>133</v>
      </c>
      <c r="K96" s="8" t="s">
        <v>17</v>
      </c>
      <c r="L96" s="8" t="s">
        <v>71</v>
      </c>
      <c r="M96" s="11">
        <v>1</v>
      </c>
      <c r="N96" s="11" t="s">
        <v>514</v>
      </c>
      <c r="O96" s="11">
        <v>1</v>
      </c>
      <c r="P96" s="11">
        <v>2</v>
      </c>
      <c r="Q96" s="72" t="s">
        <v>643</v>
      </c>
      <c r="R96" s="10"/>
      <c r="S96" s="206"/>
      <c r="T96" s="215"/>
      <c r="U96" s="215"/>
    </row>
    <row r="97" spans="1:21">
      <c r="A97" s="8"/>
      <c r="B97" s="8"/>
      <c r="C97" s="8"/>
      <c r="D97" s="8"/>
      <c r="E97" s="8"/>
      <c r="F97" s="8"/>
      <c r="G97" s="8"/>
      <c r="H97" s="8">
        <v>8</v>
      </c>
      <c r="I97" s="8">
        <v>310</v>
      </c>
      <c r="J97" s="8" t="s">
        <v>131</v>
      </c>
      <c r="K97" s="8" t="s">
        <v>78</v>
      </c>
      <c r="L97" s="8" t="s">
        <v>71</v>
      </c>
      <c r="M97" s="11">
        <v>1</v>
      </c>
      <c r="N97" s="11" t="s">
        <v>509</v>
      </c>
      <c r="O97" s="11">
        <v>1</v>
      </c>
      <c r="P97" s="11">
        <v>30</v>
      </c>
      <c r="Q97" s="18"/>
      <c r="R97" s="10"/>
      <c r="S97" s="206"/>
      <c r="T97" s="215"/>
      <c r="U97" s="215"/>
    </row>
    <row r="98" spans="1:21">
      <c r="A98" s="8"/>
      <c r="B98" s="8"/>
      <c r="C98" s="8"/>
      <c r="D98" s="8"/>
      <c r="E98" s="8"/>
      <c r="F98" s="8"/>
      <c r="G98" s="8"/>
      <c r="H98" s="19">
        <v>9</v>
      </c>
      <c r="I98" s="19">
        <v>731</v>
      </c>
      <c r="J98" s="19" t="s">
        <v>457</v>
      </c>
      <c r="K98" s="19" t="s">
        <v>17</v>
      </c>
      <c r="L98" s="19" t="s">
        <v>174</v>
      </c>
      <c r="M98" s="19">
        <v>1</v>
      </c>
      <c r="N98" s="19" t="s">
        <v>514</v>
      </c>
      <c r="O98" s="19">
        <v>2</v>
      </c>
      <c r="P98" s="19">
        <v>2</v>
      </c>
      <c r="Q98" s="19"/>
      <c r="R98" s="10"/>
      <c r="S98" s="206"/>
      <c r="T98" s="215"/>
      <c r="U98" s="215"/>
    </row>
    <row r="99" spans="1:21">
      <c r="A99" s="8"/>
      <c r="B99" s="8"/>
      <c r="C99" s="8"/>
      <c r="D99" s="8"/>
      <c r="E99" s="8"/>
      <c r="F99" s="8"/>
      <c r="G99" s="8"/>
      <c r="H99" s="19">
        <v>10</v>
      </c>
      <c r="I99" s="19">
        <v>732</v>
      </c>
      <c r="J99" s="19" t="s">
        <v>458</v>
      </c>
      <c r="K99" s="19" t="s">
        <v>17</v>
      </c>
      <c r="L99" s="19" t="s">
        <v>174</v>
      </c>
      <c r="M99" s="19">
        <v>1</v>
      </c>
      <c r="N99" s="19" t="s">
        <v>514</v>
      </c>
      <c r="O99" s="19">
        <v>2</v>
      </c>
      <c r="P99" s="19">
        <v>2</v>
      </c>
      <c r="Q99" s="19"/>
      <c r="R99" s="10"/>
      <c r="S99" s="206"/>
      <c r="T99" s="215"/>
      <c r="U99" s="215"/>
    </row>
    <row r="100" spans="1:21">
      <c r="A100" s="8"/>
      <c r="B100" s="8"/>
      <c r="C100" s="8"/>
      <c r="D100" s="8"/>
      <c r="E100" s="8"/>
      <c r="F100" s="8"/>
      <c r="G100" s="8"/>
      <c r="H100" s="19">
        <v>11</v>
      </c>
      <c r="I100" s="19">
        <v>733</v>
      </c>
      <c r="J100" s="19" t="s">
        <v>459</v>
      </c>
      <c r="K100" s="19" t="s">
        <v>78</v>
      </c>
      <c r="L100" s="19" t="s">
        <v>174</v>
      </c>
      <c r="M100" s="19">
        <v>1</v>
      </c>
      <c r="N100" s="19" t="s">
        <v>438</v>
      </c>
      <c r="O100" s="19">
        <v>1</v>
      </c>
      <c r="P100" s="19">
        <v>4</v>
      </c>
      <c r="Q100" s="19"/>
      <c r="R100" s="10"/>
      <c r="S100" s="206"/>
      <c r="T100" s="215"/>
      <c r="U100" s="215"/>
    </row>
    <row r="101" spans="1:21">
      <c r="A101" s="8"/>
      <c r="B101" s="8"/>
      <c r="C101" s="8"/>
      <c r="D101" s="8"/>
      <c r="E101" s="8"/>
      <c r="F101" s="8"/>
      <c r="G101" s="8"/>
      <c r="H101" s="8">
        <v>12</v>
      </c>
      <c r="I101" s="8">
        <v>284</v>
      </c>
      <c r="J101" s="8" t="s">
        <v>460</v>
      </c>
      <c r="K101" s="8" t="s">
        <v>78</v>
      </c>
      <c r="L101" s="8" t="s">
        <v>71</v>
      </c>
      <c r="M101" s="11">
        <v>1</v>
      </c>
      <c r="N101" s="11" t="s">
        <v>514</v>
      </c>
      <c r="O101" s="11">
        <v>2</v>
      </c>
      <c r="P101" s="11">
        <v>2</v>
      </c>
      <c r="Q101" s="8"/>
      <c r="R101" s="10"/>
      <c r="S101" s="206"/>
      <c r="T101" s="215"/>
      <c r="U101" s="215"/>
    </row>
    <row r="102" spans="1:21">
      <c r="A102" s="8"/>
      <c r="B102" s="8"/>
      <c r="C102" s="8"/>
      <c r="D102" s="8"/>
      <c r="E102" s="8"/>
      <c r="F102" s="8"/>
      <c r="G102" s="8"/>
      <c r="H102" s="8">
        <v>13</v>
      </c>
      <c r="I102" s="8">
        <v>284</v>
      </c>
      <c r="J102" s="8" t="s">
        <v>460</v>
      </c>
      <c r="K102" s="8" t="s">
        <v>78</v>
      </c>
      <c r="L102" s="8" t="s">
        <v>71</v>
      </c>
      <c r="M102" s="11">
        <v>1</v>
      </c>
      <c r="N102" s="11" t="s">
        <v>514</v>
      </c>
      <c r="O102" s="11">
        <v>2</v>
      </c>
      <c r="P102" s="11">
        <v>2</v>
      </c>
      <c r="Q102" s="8"/>
      <c r="R102" s="10"/>
      <c r="S102" s="206"/>
      <c r="T102" s="215"/>
      <c r="U102" s="215"/>
    </row>
    <row r="103" spans="1:21">
      <c r="A103" s="8"/>
      <c r="B103" s="8"/>
      <c r="C103" s="8"/>
      <c r="D103" s="8"/>
      <c r="E103" s="8"/>
      <c r="F103" s="8"/>
      <c r="G103" s="8"/>
      <c r="H103" s="8">
        <v>14</v>
      </c>
      <c r="I103" s="8">
        <v>284</v>
      </c>
      <c r="J103" s="8" t="s">
        <v>460</v>
      </c>
      <c r="K103" s="8" t="s">
        <v>17</v>
      </c>
      <c r="L103" s="8" t="s">
        <v>71</v>
      </c>
      <c r="M103" s="11">
        <v>1</v>
      </c>
      <c r="N103" s="11" t="s">
        <v>514</v>
      </c>
      <c r="O103" s="11">
        <v>2</v>
      </c>
      <c r="P103" s="11">
        <v>2</v>
      </c>
      <c r="Q103" s="8"/>
      <c r="R103" s="10"/>
      <c r="S103" s="206"/>
      <c r="T103" s="215"/>
      <c r="U103" s="215"/>
    </row>
    <row r="104" spans="1:21">
      <c r="A104" s="17"/>
      <c r="B104" s="17"/>
      <c r="C104" s="17" t="s">
        <v>163</v>
      </c>
      <c r="D104" s="17" t="s">
        <v>456</v>
      </c>
      <c r="E104" s="17"/>
      <c r="F104" s="17"/>
      <c r="G104" s="17"/>
      <c r="H104" s="17"/>
      <c r="I104" s="17"/>
      <c r="J104" s="17"/>
      <c r="K104" s="17" t="s">
        <v>17</v>
      </c>
      <c r="L104" s="17" t="s">
        <v>71</v>
      </c>
      <c r="M104" s="75">
        <v>12</v>
      </c>
      <c r="N104" s="75"/>
      <c r="O104" s="75"/>
      <c r="P104" s="75"/>
      <c r="Q104" s="17"/>
      <c r="R104" s="10"/>
      <c r="S104" s="206"/>
      <c r="T104" s="215"/>
      <c r="U104" s="215"/>
    </row>
    <row r="105" spans="1:21">
      <c r="A105" s="8"/>
      <c r="B105" s="8"/>
      <c r="C105" s="8"/>
      <c r="D105" s="8"/>
      <c r="E105" s="8"/>
      <c r="F105" s="8"/>
      <c r="G105" s="8"/>
      <c r="H105" s="19">
        <v>1</v>
      </c>
      <c r="I105" s="19">
        <v>133</v>
      </c>
      <c r="J105" s="19" t="s">
        <v>161</v>
      </c>
      <c r="K105" s="19" t="s">
        <v>17</v>
      </c>
      <c r="L105" s="19" t="s">
        <v>174</v>
      </c>
      <c r="M105" s="19">
        <v>1</v>
      </c>
      <c r="N105" s="19" t="s">
        <v>514</v>
      </c>
      <c r="O105" s="19">
        <v>1</v>
      </c>
      <c r="P105" s="19">
        <v>2</v>
      </c>
      <c r="Q105" s="19"/>
      <c r="R105" s="10"/>
      <c r="S105" s="206"/>
      <c r="T105" s="215"/>
      <c r="U105" s="215"/>
    </row>
    <row r="106" spans="1:21">
      <c r="A106" s="8"/>
      <c r="B106" s="8"/>
      <c r="C106" s="8"/>
      <c r="D106" s="8"/>
      <c r="E106" s="8"/>
      <c r="F106" s="8"/>
      <c r="G106" s="8"/>
      <c r="H106" s="8">
        <v>2</v>
      </c>
      <c r="I106" s="8">
        <v>66</v>
      </c>
      <c r="J106" s="8" t="s">
        <v>153</v>
      </c>
      <c r="K106" s="8" t="s">
        <v>78</v>
      </c>
      <c r="L106" s="8" t="s">
        <v>71</v>
      </c>
      <c r="M106" s="11">
        <v>1</v>
      </c>
      <c r="N106" s="11" t="s">
        <v>514</v>
      </c>
      <c r="O106" s="11">
        <v>1</v>
      </c>
      <c r="P106" s="11">
        <v>2</v>
      </c>
      <c r="Q106" s="72" t="s">
        <v>643</v>
      </c>
      <c r="R106" s="10"/>
      <c r="S106" s="206"/>
      <c r="T106" s="215"/>
      <c r="U106" s="215"/>
    </row>
    <row r="107" spans="1:21">
      <c r="A107" s="8"/>
      <c r="B107" s="8"/>
      <c r="C107" s="8"/>
      <c r="D107" s="8"/>
      <c r="E107" s="8"/>
      <c r="F107" s="8"/>
      <c r="G107" s="8"/>
      <c r="H107" s="8">
        <v>3</v>
      </c>
      <c r="I107" s="8">
        <v>67</v>
      </c>
      <c r="J107" s="8" t="s">
        <v>151</v>
      </c>
      <c r="K107" s="8" t="s">
        <v>78</v>
      </c>
      <c r="L107" s="8" t="s">
        <v>71</v>
      </c>
      <c r="M107" s="11">
        <v>1</v>
      </c>
      <c r="N107" s="11" t="s">
        <v>509</v>
      </c>
      <c r="O107" s="11">
        <v>2</v>
      </c>
      <c r="P107" s="11">
        <v>80</v>
      </c>
      <c r="Q107" s="8"/>
      <c r="R107" s="10"/>
      <c r="S107" s="206"/>
      <c r="T107" s="215"/>
      <c r="U107" s="215"/>
    </row>
    <row r="108" spans="1:21" ht="28">
      <c r="A108" s="8"/>
      <c r="B108" s="8"/>
      <c r="C108" s="8"/>
      <c r="D108" s="8"/>
      <c r="E108" s="8"/>
      <c r="F108" s="8"/>
      <c r="G108" s="8"/>
      <c r="H108" s="8">
        <v>4</v>
      </c>
      <c r="I108" s="8">
        <v>91</v>
      </c>
      <c r="J108" s="8" t="s">
        <v>170</v>
      </c>
      <c r="K108" s="8" t="s">
        <v>78</v>
      </c>
      <c r="L108" s="8" t="s">
        <v>71</v>
      </c>
      <c r="M108" s="11">
        <v>1</v>
      </c>
      <c r="N108" s="11" t="s">
        <v>514</v>
      </c>
      <c r="O108" s="11">
        <v>1</v>
      </c>
      <c r="P108" s="11">
        <v>2</v>
      </c>
      <c r="Q108" s="70" t="s">
        <v>624</v>
      </c>
      <c r="R108" s="10"/>
      <c r="S108" s="206"/>
      <c r="T108" s="215"/>
      <c r="U108" s="215"/>
    </row>
    <row r="109" spans="1:21">
      <c r="A109" s="8"/>
      <c r="B109" s="8"/>
      <c r="C109" s="8"/>
      <c r="D109" s="8"/>
      <c r="E109" s="8"/>
      <c r="F109" s="8"/>
      <c r="G109" s="8"/>
      <c r="H109" s="19">
        <v>5</v>
      </c>
      <c r="I109" s="19">
        <v>387</v>
      </c>
      <c r="J109" s="19" t="s">
        <v>168</v>
      </c>
      <c r="K109" s="19" t="s">
        <v>78</v>
      </c>
      <c r="L109" s="19" t="s">
        <v>174</v>
      </c>
      <c r="M109" s="19">
        <v>1</v>
      </c>
      <c r="N109" s="19" t="s">
        <v>509</v>
      </c>
      <c r="O109" s="19">
        <v>1</v>
      </c>
      <c r="P109" s="19">
        <v>35</v>
      </c>
      <c r="Q109" s="19"/>
      <c r="R109" s="10"/>
      <c r="S109" s="206"/>
      <c r="T109" s="215"/>
      <c r="U109" s="215"/>
    </row>
    <row r="110" spans="1:21">
      <c r="A110" s="8"/>
      <c r="B110" s="8"/>
      <c r="C110" s="8"/>
      <c r="D110" s="8"/>
      <c r="E110" s="8"/>
      <c r="F110" s="8"/>
      <c r="G110" s="8"/>
      <c r="H110" s="19">
        <v>6</v>
      </c>
      <c r="I110" s="19">
        <v>368</v>
      </c>
      <c r="J110" s="19" t="s">
        <v>166</v>
      </c>
      <c r="K110" s="19" t="s">
        <v>78</v>
      </c>
      <c r="L110" s="19" t="s">
        <v>174</v>
      </c>
      <c r="M110" s="19">
        <v>1</v>
      </c>
      <c r="N110" s="19" t="s">
        <v>514</v>
      </c>
      <c r="O110" s="19">
        <v>2</v>
      </c>
      <c r="P110" s="19">
        <v>2</v>
      </c>
      <c r="Q110" s="19"/>
      <c r="R110" s="10"/>
      <c r="S110" s="206"/>
      <c r="T110" s="215"/>
      <c r="U110" s="215"/>
    </row>
    <row r="111" spans="1:21">
      <c r="A111" s="8"/>
      <c r="B111" s="8"/>
      <c r="C111" s="8"/>
      <c r="D111" s="8"/>
      <c r="E111" s="8"/>
      <c r="F111" s="8"/>
      <c r="G111" s="8"/>
      <c r="H111" s="8">
        <v>7</v>
      </c>
      <c r="I111" s="8">
        <v>309</v>
      </c>
      <c r="J111" s="8" t="s">
        <v>133</v>
      </c>
      <c r="K111" s="8" t="s">
        <v>17</v>
      </c>
      <c r="L111" s="8" t="s">
        <v>71</v>
      </c>
      <c r="M111" s="11">
        <v>1</v>
      </c>
      <c r="N111" s="11" t="s">
        <v>514</v>
      </c>
      <c r="O111" s="11">
        <v>1</v>
      </c>
      <c r="P111" s="11">
        <v>2</v>
      </c>
      <c r="Q111" s="72" t="s">
        <v>643</v>
      </c>
      <c r="R111" s="10"/>
      <c r="S111" s="206"/>
      <c r="T111" s="215"/>
      <c r="U111" s="215"/>
    </row>
    <row r="112" spans="1:21">
      <c r="A112" s="8"/>
      <c r="B112" s="8"/>
      <c r="C112" s="8"/>
      <c r="D112" s="8"/>
      <c r="E112" s="8"/>
      <c r="F112" s="8"/>
      <c r="G112" s="8"/>
      <c r="H112" s="8">
        <v>8</v>
      </c>
      <c r="I112" s="8">
        <v>310</v>
      </c>
      <c r="J112" s="8" t="s">
        <v>131</v>
      </c>
      <c r="K112" s="8" t="s">
        <v>78</v>
      </c>
      <c r="L112" s="8" t="s">
        <v>71</v>
      </c>
      <c r="M112" s="11">
        <v>1</v>
      </c>
      <c r="N112" s="11" t="s">
        <v>509</v>
      </c>
      <c r="O112" s="11">
        <v>1</v>
      </c>
      <c r="P112" s="11">
        <v>30</v>
      </c>
      <c r="Q112" s="72"/>
      <c r="R112" s="10"/>
      <c r="S112" s="206"/>
      <c r="T112" s="215"/>
      <c r="U112" s="215"/>
    </row>
    <row r="113" spans="1:21">
      <c r="A113" s="8"/>
      <c r="B113" s="8"/>
      <c r="C113" s="8"/>
      <c r="D113" s="8"/>
      <c r="E113" s="8"/>
      <c r="F113" s="8"/>
      <c r="G113" s="8"/>
      <c r="H113" s="19">
        <v>9</v>
      </c>
      <c r="I113" s="19">
        <v>731</v>
      </c>
      <c r="J113" s="19" t="s">
        <v>457</v>
      </c>
      <c r="K113" s="19" t="s">
        <v>17</v>
      </c>
      <c r="L113" s="19" t="s">
        <v>174</v>
      </c>
      <c r="M113" s="19">
        <v>1</v>
      </c>
      <c r="N113" s="19" t="s">
        <v>514</v>
      </c>
      <c r="O113" s="19">
        <v>2</v>
      </c>
      <c r="P113" s="19">
        <v>2</v>
      </c>
      <c r="Q113" s="19"/>
      <c r="R113" s="10"/>
      <c r="S113" s="206"/>
      <c r="T113" s="215"/>
      <c r="U113" s="215"/>
    </row>
    <row r="114" spans="1:21">
      <c r="A114" s="8"/>
      <c r="B114" s="8"/>
      <c r="C114" s="8"/>
      <c r="D114" s="8"/>
      <c r="E114" s="8"/>
      <c r="F114" s="8"/>
      <c r="G114" s="8"/>
      <c r="H114" s="19">
        <v>10</v>
      </c>
      <c r="I114" s="19">
        <v>732</v>
      </c>
      <c r="J114" s="19" t="s">
        <v>458</v>
      </c>
      <c r="K114" s="19" t="s">
        <v>17</v>
      </c>
      <c r="L114" s="19" t="s">
        <v>174</v>
      </c>
      <c r="M114" s="19">
        <v>1</v>
      </c>
      <c r="N114" s="19" t="s">
        <v>514</v>
      </c>
      <c r="O114" s="19">
        <v>2</v>
      </c>
      <c r="P114" s="19">
        <v>2</v>
      </c>
      <c r="Q114" s="19"/>
      <c r="R114" s="10"/>
      <c r="S114" s="206"/>
      <c r="T114" s="215"/>
      <c r="U114" s="215"/>
    </row>
    <row r="115" spans="1:21">
      <c r="A115" s="8"/>
      <c r="B115" s="8"/>
      <c r="C115" s="8"/>
      <c r="D115" s="8"/>
      <c r="E115" s="8"/>
      <c r="F115" s="8"/>
      <c r="G115" s="8"/>
      <c r="H115" s="19">
        <v>11</v>
      </c>
      <c r="I115" s="19">
        <v>733</v>
      </c>
      <c r="J115" s="19" t="s">
        <v>459</v>
      </c>
      <c r="K115" s="19" t="s">
        <v>78</v>
      </c>
      <c r="L115" s="19" t="s">
        <v>174</v>
      </c>
      <c r="M115" s="19">
        <v>1</v>
      </c>
      <c r="N115" s="19" t="s">
        <v>438</v>
      </c>
      <c r="O115" s="19">
        <v>1</v>
      </c>
      <c r="P115" s="19">
        <v>4</v>
      </c>
      <c r="Q115" s="19"/>
      <c r="R115" s="10"/>
      <c r="S115" s="206"/>
      <c r="T115" s="215"/>
      <c r="U115" s="215"/>
    </row>
    <row r="116" spans="1:21" ht="28">
      <c r="A116" s="8"/>
      <c r="B116" s="8"/>
      <c r="C116" s="8"/>
      <c r="D116" s="8"/>
      <c r="E116" s="8"/>
      <c r="F116" s="8"/>
      <c r="G116" s="8"/>
      <c r="H116" s="8">
        <v>12</v>
      </c>
      <c r="I116" s="8">
        <v>284</v>
      </c>
      <c r="J116" s="8" t="s">
        <v>460</v>
      </c>
      <c r="K116" s="8" t="s">
        <v>78</v>
      </c>
      <c r="L116" s="8" t="s">
        <v>71</v>
      </c>
      <c r="M116" s="11">
        <v>1</v>
      </c>
      <c r="N116" s="11" t="s">
        <v>514</v>
      </c>
      <c r="O116" s="11">
        <v>2</v>
      </c>
      <c r="P116" s="11">
        <v>2</v>
      </c>
      <c r="Q116" s="70" t="s">
        <v>624</v>
      </c>
      <c r="R116" s="10"/>
      <c r="S116" s="206"/>
      <c r="T116" s="215"/>
      <c r="U116" s="215"/>
    </row>
    <row r="117" spans="1:21" ht="28">
      <c r="A117" s="8"/>
      <c r="B117" s="8"/>
      <c r="C117" s="8"/>
      <c r="D117" s="8"/>
      <c r="E117" s="8"/>
      <c r="F117" s="8"/>
      <c r="G117" s="8"/>
      <c r="H117" s="8">
        <v>13</v>
      </c>
      <c r="I117" s="8">
        <v>284</v>
      </c>
      <c r="J117" s="8" t="s">
        <v>460</v>
      </c>
      <c r="K117" s="8" t="s">
        <v>78</v>
      </c>
      <c r="L117" s="8" t="s">
        <v>71</v>
      </c>
      <c r="M117" s="11">
        <v>1</v>
      </c>
      <c r="N117" s="11" t="s">
        <v>514</v>
      </c>
      <c r="O117" s="11">
        <v>2</v>
      </c>
      <c r="P117" s="11">
        <v>2</v>
      </c>
      <c r="Q117" s="70" t="s">
        <v>624</v>
      </c>
      <c r="R117" s="10"/>
      <c r="S117" s="206"/>
      <c r="T117" s="215"/>
      <c r="U117" s="215"/>
    </row>
    <row r="118" spans="1:21" ht="28">
      <c r="A118" s="8"/>
      <c r="B118" s="8"/>
      <c r="C118" s="8"/>
      <c r="D118" s="8"/>
      <c r="E118" s="8"/>
      <c r="F118" s="8"/>
      <c r="G118" s="8"/>
      <c r="H118" s="8">
        <v>14</v>
      </c>
      <c r="I118" s="8">
        <v>284</v>
      </c>
      <c r="J118" s="8" t="s">
        <v>460</v>
      </c>
      <c r="K118" s="8" t="s">
        <v>17</v>
      </c>
      <c r="L118" s="8" t="s">
        <v>71</v>
      </c>
      <c r="M118" s="11">
        <v>1</v>
      </c>
      <c r="N118" s="11" t="s">
        <v>514</v>
      </c>
      <c r="O118" s="11">
        <v>2</v>
      </c>
      <c r="P118" s="11">
        <v>2</v>
      </c>
      <c r="Q118" s="70" t="s">
        <v>624</v>
      </c>
      <c r="R118" s="10"/>
      <c r="S118" s="206"/>
      <c r="T118" s="215"/>
      <c r="U118" s="215"/>
    </row>
    <row r="119" spans="1:21" ht="25.5">
      <c r="A119" s="17"/>
      <c r="B119" s="17"/>
      <c r="C119" s="17" t="s">
        <v>461</v>
      </c>
      <c r="D119" s="17" t="s">
        <v>462</v>
      </c>
      <c r="E119" s="17"/>
      <c r="F119" s="17"/>
      <c r="G119" s="17"/>
      <c r="H119" s="17"/>
      <c r="I119" s="17"/>
      <c r="J119" s="17"/>
      <c r="K119" s="17" t="s">
        <v>17</v>
      </c>
      <c r="L119" s="17" t="s">
        <v>71</v>
      </c>
      <c r="M119" s="75">
        <v>12</v>
      </c>
      <c r="N119" s="75"/>
      <c r="O119" s="75"/>
      <c r="P119" s="75"/>
      <c r="Q119" s="17"/>
      <c r="R119" s="10" t="s">
        <v>1137</v>
      </c>
      <c r="S119" s="302" t="s">
        <v>1478</v>
      </c>
      <c r="T119" s="302" t="s">
        <v>17</v>
      </c>
      <c r="U119" s="302" t="s">
        <v>17</v>
      </c>
    </row>
    <row r="120" spans="1:21" ht="28">
      <c r="A120" s="8"/>
      <c r="B120" s="8"/>
      <c r="C120" s="8"/>
      <c r="D120" s="8"/>
      <c r="E120" s="8"/>
      <c r="F120" s="8"/>
      <c r="G120" s="8"/>
      <c r="H120" s="8">
        <v>1</v>
      </c>
      <c r="I120" s="8">
        <v>40</v>
      </c>
      <c r="J120" s="8" t="s">
        <v>463</v>
      </c>
      <c r="K120" s="8" t="s">
        <v>78</v>
      </c>
      <c r="L120" s="8" t="s">
        <v>71</v>
      </c>
      <c r="M120" s="11">
        <v>1</v>
      </c>
      <c r="N120" s="11" t="s">
        <v>514</v>
      </c>
      <c r="O120" s="11">
        <v>2</v>
      </c>
      <c r="P120" s="11">
        <v>2</v>
      </c>
      <c r="Q120" s="70" t="s">
        <v>624</v>
      </c>
      <c r="R120" s="10"/>
      <c r="S120" s="206"/>
      <c r="T120" s="215"/>
      <c r="U120" s="215"/>
    </row>
    <row r="121" spans="1:21">
      <c r="A121" s="8"/>
      <c r="B121" s="8"/>
      <c r="C121" s="8"/>
      <c r="D121" s="8"/>
      <c r="E121" s="8"/>
      <c r="F121" s="8"/>
      <c r="G121" s="8"/>
      <c r="H121" s="19">
        <v>2</v>
      </c>
      <c r="I121" s="19">
        <v>206</v>
      </c>
      <c r="J121" s="19" t="s">
        <v>464</v>
      </c>
      <c r="K121" s="19" t="s">
        <v>17</v>
      </c>
      <c r="L121" s="19" t="s">
        <v>174</v>
      </c>
      <c r="M121" s="19">
        <v>1</v>
      </c>
      <c r="N121" s="19" t="s">
        <v>509</v>
      </c>
      <c r="O121" s="19">
        <v>1</v>
      </c>
      <c r="P121" s="19">
        <v>4</v>
      </c>
      <c r="Q121" s="19"/>
      <c r="R121" s="10"/>
      <c r="S121" s="206"/>
      <c r="T121" s="215"/>
      <c r="U121" s="215"/>
    </row>
    <row r="122" spans="1:21">
      <c r="A122" s="8"/>
      <c r="B122" s="8"/>
      <c r="C122" s="8"/>
      <c r="D122" s="8"/>
      <c r="E122" s="8"/>
      <c r="F122" s="8"/>
      <c r="G122" s="8"/>
      <c r="H122" s="8">
        <v>3</v>
      </c>
      <c r="I122" s="8">
        <v>207</v>
      </c>
      <c r="J122" s="8" t="s">
        <v>465</v>
      </c>
      <c r="K122" s="8" t="s">
        <v>78</v>
      </c>
      <c r="L122" s="8" t="s">
        <v>71</v>
      </c>
      <c r="M122" s="11">
        <v>1</v>
      </c>
      <c r="N122" s="11" t="s">
        <v>509</v>
      </c>
      <c r="O122" s="11">
        <v>1</v>
      </c>
      <c r="P122" s="11">
        <v>10</v>
      </c>
      <c r="Q122" s="72"/>
      <c r="R122" s="10"/>
      <c r="S122" s="206"/>
      <c r="T122" s="215"/>
      <c r="U122" s="215"/>
    </row>
    <row r="123" spans="1:21">
      <c r="A123" s="8"/>
      <c r="B123" s="8"/>
      <c r="C123" s="8"/>
      <c r="D123" s="8"/>
      <c r="E123" s="8"/>
      <c r="F123" s="8"/>
      <c r="G123" s="8"/>
      <c r="H123" s="19">
        <v>4</v>
      </c>
      <c r="I123" s="19">
        <v>187</v>
      </c>
      <c r="J123" s="19" t="s">
        <v>453</v>
      </c>
      <c r="K123" s="19" t="s">
        <v>17</v>
      </c>
      <c r="L123" s="19" t="s">
        <v>174</v>
      </c>
      <c r="M123" s="19">
        <v>1</v>
      </c>
      <c r="N123" s="19" t="s">
        <v>514</v>
      </c>
      <c r="O123" s="19">
        <v>1</v>
      </c>
      <c r="P123" s="19">
        <v>2</v>
      </c>
      <c r="Q123" s="19"/>
      <c r="R123" s="10"/>
      <c r="S123" s="206"/>
      <c r="T123" s="215"/>
      <c r="U123" s="215"/>
    </row>
    <row r="124" spans="1:21">
      <c r="A124" s="8"/>
      <c r="B124" s="8"/>
      <c r="C124" s="8"/>
      <c r="D124" s="8"/>
      <c r="E124" s="8"/>
      <c r="F124" s="8"/>
      <c r="G124" s="8"/>
      <c r="H124" s="19">
        <v>5</v>
      </c>
      <c r="I124" s="19">
        <v>81</v>
      </c>
      <c r="J124" s="19" t="s">
        <v>454</v>
      </c>
      <c r="K124" s="19" t="s">
        <v>78</v>
      </c>
      <c r="L124" s="19" t="s">
        <v>174</v>
      </c>
      <c r="M124" s="19">
        <v>1</v>
      </c>
      <c r="N124" s="19" t="s">
        <v>438</v>
      </c>
      <c r="O124" s="19">
        <v>1</v>
      </c>
      <c r="P124" s="19">
        <v>10</v>
      </c>
      <c r="Q124" s="19"/>
      <c r="R124" s="10"/>
      <c r="S124" s="206"/>
      <c r="T124" s="215"/>
      <c r="U124" s="215"/>
    </row>
    <row r="125" spans="1:21">
      <c r="A125" s="8"/>
      <c r="B125" s="8"/>
      <c r="C125" s="8"/>
      <c r="D125" s="8"/>
      <c r="E125" s="8"/>
      <c r="F125" s="8"/>
      <c r="G125" s="8"/>
      <c r="H125" s="19">
        <v>6</v>
      </c>
      <c r="I125" s="19">
        <v>355</v>
      </c>
      <c r="J125" s="19" t="s">
        <v>103</v>
      </c>
      <c r="K125" s="19" t="s">
        <v>78</v>
      </c>
      <c r="L125" s="19" t="s">
        <v>174</v>
      </c>
      <c r="M125" s="19">
        <v>1</v>
      </c>
      <c r="N125" s="19" t="s">
        <v>514</v>
      </c>
      <c r="O125" s="19">
        <v>2</v>
      </c>
      <c r="P125" s="19">
        <v>2</v>
      </c>
      <c r="Q125" s="19"/>
      <c r="R125" s="10"/>
      <c r="S125" s="206"/>
      <c r="T125" s="215"/>
      <c r="U125" s="215"/>
    </row>
    <row r="126" spans="1:21">
      <c r="A126" s="8"/>
      <c r="B126" s="8"/>
      <c r="C126" s="8"/>
      <c r="D126" s="8"/>
      <c r="E126" s="8"/>
      <c r="F126" s="8"/>
      <c r="G126" s="8"/>
      <c r="H126" s="19">
        <v>7</v>
      </c>
      <c r="I126" s="19">
        <v>102</v>
      </c>
      <c r="J126" s="19" t="s">
        <v>466</v>
      </c>
      <c r="K126" s="19" t="s">
        <v>17</v>
      </c>
      <c r="L126" s="19" t="s">
        <v>174</v>
      </c>
      <c r="M126" s="19">
        <v>1</v>
      </c>
      <c r="N126" s="19" t="s">
        <v>514</v>
      </c>
      <c r="O126" s="19">
        <v>1</v>
      </c>
      <c r="P126" s="19">
        <v>1</v>
      </c>
      <c r="Q126" s="19"/>
      <c r="R126" s="10"/>
      <c r="S126" s="206"/>
      <c r="T126" s="215"/>
      <c r="U126" s="215"/>
    </row>
    <row r="127" spans="1:21">
      <c r="A127" s="8"/>
      <c r="B127" s="8"/>
      <c r="C127" s="8"/>
      <c r="D127" s="8"/>
      <c r="E127" s="8"/>
      <c r="F127" s="8"/>
      <c r="G127" s="8"/>
      <c r="H127" s="19">
        <v>8</v>
      </c>
      <c r="I127" s="19">
        <v>407</v>
      </c>
      <c r="J127" s="19" t="s">
        <v>467</v>
      </c>
      <c r="K127" s="19" t="s">
        <v>17</v>
      </c>
      <c r="L127" s="19" t="s">
        <v>174</v>
      </c>
      <c r="M127" s="19">
        <v>1</v>
      </c>
      <c r="N127" s="19" t="s">
        <v>514</v>
      </c>
      <c r="O127" s="19">
        <v>2</v>
      </c>
      <c r="P127" s="19">
        <v>2</v>
      </c>
      <c r="Q127" s="19"/>
      <c r="R127" s="10"/>
      <c r="S127" s="206"/>
      <c r="T127" s="215"/>
      <c r="U127" s="215"/>
    </row>
    <row r="128" spans="1:21">
      <c r="A128" s="8"/>
      <c r="B128" s="8"/>
      <c r="C128" s="8"/>
      <c r="D128" s="8"/>
      <c r="E128" s="8"/>
      <c r="F128" s="8"/>
      <c r="G128" s="8"/>
      <c r="H128" s="8">
        <v>9</v>
      </c>
      <c r="I128" s="8">
        <v>225</v>
      </c>
      <c r="J128" s="8" t="s">
        <v>468</v>
      </c>
      <c r="K128" s="8" t="s">
        <v>17</v>
      </c>
      <c r="L128" s="8" t="s">
        <v>71</v>
      </c>
      <c r="M128" s="11">
        <v>1</v>
      </c>
      <c r="N128" s="11" t="s">
        <v>509</v>
      </c>
      <c r="O128" s="11">
        <v>2</v>
      </c>
      <c r="P128" s="11">
        <v>15</v>
      </c>
      <c r="Q128" s="72"/>
      <c r="R128" s="10"/>
      <c r="S128" s="206"/>
      <c r="T128" s="215"/>
      <c r="U128" s="215"/>
    </row>
    <row r="129" spans="1:21">
      <c r="A129" s="17"/>
      <c r="B129" s="17"/>
      <c r="C129" s="17" t="s">
        <v>165</v>
      </c>
      <c r="D129" s="17" t="s">
        <v>469</v>
      </c>
      <c r="E129" s="17"/>
      <c r="F129" s="17"/>
      <c r="G129" s="17"/>
      <c r="H129" s="17"/>
      <c r="I129" s="17"/>
      <c r="J129" s="17"/>
      <c r="K129" s="17" t="s">
        <v>17</v>
      </c>
      <c r="L129" s="17" t="s">
        <v>71</v>
      </c>
      <c r="M129" s="75">
        <v>5</v>
      </c>
      <c r="N129" s="75"/>
      <c r="O129" s="75"/>
      <c r="P129" s="75"/>
      <c r="Q129" s="76"/>
      <c r="R129" s="10" t="s">
        <v>1031</v>
      </c>
      <c r="S129" s="10"/>
      <c r="T129" s="93" t="s">
        <v>17</v>
      </c>
      <c r="U129" s="93" t="s">
        <v>17</v>
      </c>
    </row>
    <row r="130" spans="1:21">
      <c r="A130" s="8"/>
      <c r="B130" s="8"/>
      <c r="C130" s="8"/>
      <c r="D130" s="8"/>
      <c r="E130" s="8"/>
      <c r="F130" s="8"/>
      <c r="G130" s="8"/>
      <c r="H130" s="8">
        <v>1</v>
      </c>
      <c r="I130" s="8">
        <v>152</v>
      </c>
      <c r="J130" s="8" t="s">
        <v>164</v>
      </c>
      <c r="K130" s="8" t="s">
        <v>78</v>
      </c>
      <c r="L130" s="8" t="s">
        <v>71</v>
      </c>
      <c r="M130" s="11">
        <v>1</v>
      </c>
      <c r="N130" s="11" t="s">
        <v>514</v>
      </c>
      <c r="O130" s="11">
        <v>2</v>
      </c>
      <c r="P130" s="11">
        <v>3</v>
      </c>
      <c r="Q130" s="72" t="s">
        <v>698</v>
      </c>
      <c r="R130" s="10"/>
      <c r="S130" s="206"/>
      <c r="T130" s="215"/>
      <c r="U130" s="215"/>
    </row>
    <row r="131" spans="1:21">
      <c r="A131" s="8"/>
      <c r="B131" s="8"/>
      <c r="C131" s="8"/>
      <c r="D131" s="8"/>
      <c r="E131" s="8"/>
      <c r="F131" s="8"/>
      <c r="G131" s="8"/>
      <c r="H131" s="19">
        <v>2</v>
      </c>
      <c r="I131" s="19">
        <v>208</v>
      </c>
      <c r="J131" s="19" t="s">
        <v>470</v>
      </c>
      <c r="K131" s="19" t="s">
        <v>78</v>
      </c>
      <c r="L131" s="19" t="s">
        <v>174</v>
      </c>
      <c r="M131" s="25">
        <v>1</v>
      </c>
      <c r="N131" s="25" t="s">
        <v>514</v>
      </c>
      <c r="O131" s="25">
        <v>1</v>
      </c>
      <c r="P131" s="25">
        <v>1</v>
      </c>
      <c r="Q131" s="19"/>
      <c r="R131" s="10"/>
      <c r="S131" s="206"/>
      <c r="T131" s="215"/>
      <c r="U131" s="215"/>
    </row>
    <row r="132" spans="1:21">
      <c r="A132" s="8"/>
      <c r="B132" s="8"/>
      <c r="C132" s="8"/>
      <c r="D132" s="8"/>
      <c r="E132" s="8"/>
      <c r="F132" s="8"/>
      <c r="G132" s="8"/>
      <c r="H132" s="19">
        <v>3</v>
      </c>
      <c r="I132" s="19">
        <v>209</v>
      </c>
      <c r="J132" s="19" t="s">
        <v>471</v>
      </c>
      <c r="K132" s="19" t="s">
        <v>78</v>
      </c>
      <c r="L132" s="19" t="s">
        <v>174</v>
      </c>
      <c r="M132" s="25">
        <v>1</v>
      </c>
      <c r="N132" s="25" t="s">
        <v>509</v>
      </c>
      <c r="O132" s="25">
        <v>1</v>
      </c>
      <c r="P132" s="25">
        <v>4</v>
      </c>
      <c r="Q132" s="19"/>
      <c r="R132" s="10"/>
      <c r="S132" s="206"/>
      <c r="T132" s="215"/>
      <c r="U132" s="215"/>
    </row>
    <row r="133" spans="1:21">
      <c r="A133" s="8"/>
      <c r="B133" s="8"/>
      <c r="C133" s="8"/>
      <c r="D133" s="8"/>
      <c r="E133" s="8"/>
      <c r="F133" s="8"/>
      <c r="G133" s="8"/>
      <c r="H133" s="8">
        <v>4</v>
      </c>
      <c r="I133" s="8">
        <v>352</v>
      </c>
      <c r="J133" s="8" t="s">
        <v>3</v>
      </c>
      <c r="K133" s="8" t="s">
        <v>78</v>
      </c>
      <c r="L133" s="8" t="s">
        <v>71</v>
      </c>
      <c r="M133" s="11">
        <v>1</v>
      </c>
      <c r="N133" s="11" t="s">
        <v>509</v>
      </c>
      <c r="O133" s="11">
        <v>1</v>
      </c>
      <c r="P133" s="11">
        <v>80</v>
      </c>
      <c r="Q133" s="72"/>
      <c r="R133" s="10"/>
      <c r="S133" s="206"/>
      <c r="T133" s="215"/>
      <c r="U133" s="215"/>
    </row>
    <row r="134" spans="1:21" ht="38">
      <c r="A134" s="17"/>
      <c r="B134" s="17"/>
      <c r="C134" s="17" t="s">
        <v>165</v>
      </c>
      <c r="D134" s="17" t="s">
        <v>469</v>
      </c>
      <c r="E134" s="17"/>
      <c r="F134" s="17"/>
      <c r="G134" s="17"/>
      <c r="H134" s="17"/>
      <c r="I134" s="17"/>
      <c r="J134" s="17"/>
      <c r="K134" s="17" t="s">
        <v>17</v>
      </c>
      <c r="L134" s="17" t="s">
        <v>71</v>
      </c>
      <c r="M134" s="75">
        <v>5</v>
      </c>
      <c r="N134" s="75"/>
      <c r="O134" s="75"/>
      <c r="P134" s="75"/>
      <c r="Q134" s="74"/>
      <c r="R134" t="s">
        <v>1690</v>
      </c>
      <c r="S134" s="302" t="s">
        <v>1479</v>
      </c>
      <c r="T134" s="302" t="s">
        <v>1480</v>
      </c>
      <c r="U134" s="302" t="s">
        <v>1480</v>
      </c>
    </row>
    <row r="135" spans="1:21">
      <c r="A135" s="8"/>
      <c r="B135" s="8"/>
      <c r="C135" s="8"/>
      <c r="D135" s="8"/>
      <c r="E135" s="8"/>
      <c r="F135" s="8"/>
      <c r="G135" s="19"/>
      <c r="H135" s="19">
        <v>1</v>
      </c>
      <c r="I135" s="19">
        <v>152</v>
      </c>
      <c r="J135" s="19" t="s">
        <v>164</v>
      </c>
      <c r="K135" s="19" t="s">
        <v>78</v>
      </c>
      <c r="L135" s="19" t="s">
        <v>174</v>
      </c>
      <c r="M135" s="19">
        <v>1</v>
      </c>
      <c r="N135" s="19" t="s">
        <v>514</v>
      </c>
      <c r="O135" s="19">
        <v>2</v>
      </c>
      <c r="P135" s="19">
        <v>3</v>
      </c>
      <c r="Q135" s="19"/>
      <c r="R135" s="10"/>
      <c r="S135" s="206"/>
      <c r="T135" s="215"/>
      <c r="U135" s="215"/>
    </row>
    <row r="136" spans="1:21" ht="28">
      <c r="A136" s="8"/>
      <c r="B136" s="8"/>
      <c r="C136" s="8"/>
      <c r="D136" s="8"/>
      <c r="E136" s="8"/>
      <c r="F136" s="8"/>
      <c r="G136" s="8"/>
      <c r="H136" s="11">
        <v>2</v>
      </c>
      <c r="I136" s="11">
        <v>208</v>
      </c>
      <c r="J136" s="11" t="s">
        <v>470</v>
      </c>
      <c r="K136" s="11" t="s">
        <v>78</v>
      </c>
      <c r="L136" s="8" t="s">
        <v>71</v>
      </c>
      <c r="M136" s="18">
        <v>1</v>
      </c>
      <c r="N136" s="18" t="s">
        <v>514</v>
      </c>
      <c r="O136" s="18">
        <v>1</v>
      </c>
      <c r="P136" s="18">
        <v>1</v>
      </c>
      <c r="Q136" s="70" t="s">
        <v>624</v>
      </c>
      <c r="R136" s="10"/>
      <c r="S136" s="206"/>
      <c r="T136" s="215"/>
      <c r="U136" s="215"/>
    </row>
    <row r="137" spans="1:21">
      <c r="A137" s="8"/>
      <c r="B137" s="8"/>
      <c r="C137" s="8"/>
      <c r="D137" s="8"/>
      <c r="E137" s="8"/>
      <c r="F137" s="8"/>
      <c r="G137" s="8"/>
      <c r="H137" s="11">
        <v>3</v>
      </c>
      <c r="I137" s="11">
        <v>209</v>
      </c>
      <c r="J137" s="11" t="s">
        <v>471</v>
      </c>
      <c r="K137" s="11" t="s">
        <v>78</v>
      </c>
      <c r="L137" s="8" t="s">
        <v>71</v>
      </c>
      <c r="M137" s="18">
        <v>1</v>
      </c>
      <c r="N137" s="18" t="s">
        <v>509</v>
      </c>
      <c r="O137" s="18">
        <v>1</v>
      </c>
      <c r="P137" s="18">
        <v>4</v>
      </c>
      <c r="Q137" s="18"/>
      <c r="R137" s="10"/>
      <c r="S137" s="206"/>
      <c r="T137" s="215"/>
      <c r="U137" s="215"/>
    </row>
    <row r="138" spans="1:21">
      <c r="A138" s="8"/>
      <c r="B138" s="8"/>
      <c r="C138" s="8"/>
      <c r="D138" s="8"/>
      <c r="E138" s="8"/>
      <c r="F138" s="8"/>
      <c r="G138" s="8"/>
      <c r="H138" s="8">
        <v>4</v>
      </c>
      <c r="I138" s="8">
        <v>352</v>
      </c>
      <c r="J138" s="8" t="s">
        <v>3</v>
      </c>
      <c r="K138" s="8" t="s">
        <v>78</v>
      </c>
      <c r="L138" s="8" t="s">
        <v>71</v>
      </c>
      <c r="M138" s="11">
        <v>1</v>
      </c>
      <c r="N138" s="11" t="s">
        <v>509</v>
      </c>
      <c r="O138" s="11">
        <v>1</v>
      </c>
      <c r="P138" s="11">
        <v>80</v>
      </c>
      <c r="Q138" s="72"/>
      <c r="R138" s="10"/>
      <c r="S138" s="206"/>
      <c r="T138" s="215"/>
      <c r="U138" s="215"/>
    </row>
    <row r="139" spans="1:21">
      <c r="A139" s="17"/>
      <c r="B139" s="17"/>
      <c r="C139" s="17" t="s">
        <v>130</v>
      </c>
      <c r="D139" s="17" t="s">
        <v>126</v>
      </c>
      <c r="E139" s="17"/>
      <c r="F139" s="17"/>
      <c r="G139" s="17"/>
      <c r="H139" s="17"/>
      <c r="I139" s="17"/>
      <c r="J139" s="17"/>
      <c r="K139" s="17" t="s">
        <v>17</v>
      </c>
      <c r="L139" s="17" t="s">
        <v>71</v>
      </c>
      <c r="M139" s="17" t="s">
        <v>525</v>
      </c>
      <c r="N139" s="75"/>
      <c r="O139" s="75"/>
      <c r="P139" s="75"/>
      <c r="Q139" s="17"/>
      <c r="R139" s="10"/>
      <c r="S139" s="206"/>
      <c r="T139" s="215"/>
      <c r="U139" s="215"/>
    </row>
    <row r="140" spans="1:21" ht="28">
      <c r="A140" s="8"/>
      <c r="B140" s="8"/>
      <c r="C140" s="8"/>
      <c r="D140" s="8"/>
      <c r="E140" s="8"/>
      <c r="F140" s="8"/>
      <c r="G140" s="8"/>
      <c r="H140" s="8">
        <v>1</v>
      </c>
      <c r="I140" s="8">
        <v>128</v>
      </c>
      <c r="J140" s="8" t="s">
        <v>128</v>
      </c>
      <c r="K140" s="8" t="s">
        <v>66</v>
      </c>
      <c r="L140" s="8" t="s">
        <v>65</v>
      </c>
      <c r="M140" s="11">
        <v>1</v>
      </c>
      <c r="N140" s="11" t="s">
        <v>514</v>
      </c>
      <c r="O140" s="11">
        <v>2</v>
      </c>
      <c r="P140" s="11">
        <v>3</v>
      </c>
      <c r="Q140" s="70" t="s">
        <v>624</v>
      </c>
      <c r="R140" s="10"/>
      <c r="S140" s="206"/>
      <c r="T140" s="215"/>
      <c r="U140" s="215"/>
    </row>
    <row r="141" spans="1:21">
      <c r="A141" s="8"/>
      <c r="B141" s="8"/>
      <c r="C141" s="8"/>
      <c r="D141" s="8"/>
      <c r="E141" s="8"/>
      <c r="F141" s="8"/>
      <c r="G141" s="8"/>
      <c r="H141" s="19">
        <v>2</v>
      </c>
      <c r="I141" s="19">
        <v>127</v>
      </c>
      <c r="J141" s="19" t="s">
        <v>126</v>
      </c>
      <c r="K141" s="19" t="s">
        <v>78</v>
      </c>
      <c r="L141" s="19" t="s">
        <v>174</v>
      </c>
      <c r="M141" s="19">
        <v>1</v>
      </c>
      <c r="N141" s="19" t="s">
        <v>509</v>
      </c>
      <c r="O141" s="19">
        <v>1</v>
      </c>
      <c r="P141" s="19">
        <v>30</v>
      </c>
      <c r="Q141" s="19"/>
      <c r="R141" s="10"/>
      <c r="S141" s="206"/>
      <c r="T141" s="215"/>
      <c r="U141" s="215"/>
    </row>
    <row r="142" spans="1:21">
      <c r="A142" s="8"/>
      <c r="B142" s="8"/>
      <c r="C142" s="8"/>
      <c r="D142" s="8"/>
      <c r="E142" s="8"/>
      <c r="F142" s="8"/>
      <c r="G142" s="8"/>
      <c r="H142" s="8">
        <v>3</v>
      </c>
      <c r="I142" s="8">
        <v>352</v>
      </c>
      <c r="J142" s="8" t="s">
        <v>3</v>
      </c>
      <c r="K142" s="8" t="s">
        <v>78</v>
      </c>
      <c r="L142" s="8" t="s">
        <v>71</v>
      </c>
      <c r="M142" s="11">
        <v>1</v>
      </c>
      <c r="N142" s="11" t="s">
        <v>509</v>
      </c>
      <c r="O142" s="11">
        <v>1</v>
      </c>
      <c r="P142" s="11">
        <v>80</v>
      </c>
      <c r="Q142" s="72"/>
      <c r="R142" s="10"/>
      <c r="S142" s="206"/>
      <c r="T142" s="215"/>
      <c r="U142" s="215"/>
    </row>
    <row r="143" spans="1:21">
      <c r="A143" s="17"/>
      <c r="B143" s="17"/>
      <c r="C143" s="17" t="s">
        <v>130</v>
      </c>
      <c r="D143" s="17" t="s">
        <v>126</v>
      </c>
      <c r="E143" s="17"/>
      <c r="F143" s="17"/>
      <c r="G143" s="17"/>
      <c r="H143" s="17"/>
      <c r="I143" s="17"/>
      <c r="J143" s="17"/>
      <c r="K143" s="17" t="s">
        <v>17</v>
      </c>
      <c r="L143" s="17" t="s">
        <v>71</v>
      </c>
      <c r="M143" s="17" t="s">
        <v>525</v>
      </c>
      <c r="N143" s="75"/>
      <c r="O143" s="75"/>
      <c r="P143" s="75"/>
      <c r="Q143" s="17"/>
      <c r="R143" s="10"/>
      <c r="S143" s="206"/>
      <c r="T143" s="215"/>
      <c r="U143" s="215"/>
    </row>
    <row r="144" spans="1:21">
      <c r="A144" s="8"/>
      <c r="B144" s="8"/>
      <c r="C144" s="8"/>
      <c r="D144" s="8"/>
      <c r="E144" s="8"/>
      <c r="F144" s="8"/>
      <c r="G144" s="8"/>
      <c r="H144" s="8">
        <v>1</v>
      </c>
      <c r="I144" s="8">
        <v>128</v>
      </c>
      <c r="J144" s="8" t="s">
        <v>128</v>
      </c>
      <c r="K144" s="8" t="s">
        <v>66</v>
      </c>
      <c r="L144" s="8" t="s">
        <v>65</v>
      </c>
      <c r="M144" s="11">
        <v>1</v>
      </c>
      <c r="N144" s="11" t="s">
        <v>514</v>
      </c>
      <c r="O144" s="11">
        <v>2</v>
      </c>
      <c r="P144" s="11">
        <v>3</v>
      </c>
      <c r="Q144" s="8" t="s">
        <v>627</v>
      </c>
      <c r="R144" s="10"/>
      <c r="S144" s="206"/>
      <c r="T144" s="215"/>
      <c r="U144" s="215"/>
    </row>
    <row r="145" spans="1:21">
      <c r="A145" s="8"/>
      <c r="B145" s="8"/>
      <c r="C145" s="8"/>
      <c r="D145" s="8"/>
      <c r="E145" s="8"/>
      <c r="F145" s="8"/>
      <c r="G145" s="8"/>
      <c r="H145" s="8">
        <v>2</v>
      </c>
      <c r="I145" s="8">
        <v>127</v>
      </c>
      <c r="J145" s="8" t="s">
        <v>126</v>
      </c>
      <c r="K145" s="8" t="s">
        <v>78</v>
      </c>
      <c r="L145" s="8" t="s">
        <v>71</v>
      </c>
      <c r="M145" s="11">
        <v>1</v>
      </c>
      <c r="N145" s="11" t="s">
        <v>509</v>
      </c>
      <c r="O145" s="11">
        <v>1</v>
      </c>
      <c r="P145" s="11">
        <v>30</v>
      </c>
      <c r="Q145" s="8" t="s">
        <v>628</v>
      </c>
      <c r="R145" s="10"/>
      <c r="S145" s="206"/>
      <c r="T145" s="215"/>
      <c r="U145" s="215"/>
    </row>
    <row r="146" spans="1:21">
      <c r="A146" s="8"/>
      <c r="B146" s="8"/>
      <c r="C146" s="8"/>
      <c r="D146" s="8"/>
      <c r="E146" s="8"/>
      <c r="F146" s="8"/>
      <c r="G146" s="8"/>
      <c r="H146" s="8">
        <v>3</v>
      </c>
      <c r="I146" s="8">
        <v>352</v>
      </c>
      <c r="J146" s="8" t="s">
        <v>3</v>
      </c>
      <c r="K146" s="8" t="s">
        <v>78</v>
      </c>
      <c r="L146" s="8" t="s">
        <v>71</v>
      </c>
      <c r="M146" s="11">
        <v>1</v>
      </c>
      <c r="N146" s="11" t="s">
        <v>509</v>
      </c>
      <c r="O146" s="11">
        <v>1</v>
      </c>
      <c r="P146" s="11">
        <v>80</v>
      </c>
      <c r="Q146" s="8"/>
      <c r="R146" s="10"/>
      <c r="S146" s="206"/>
      <c r="T146" s="215"/>
      <c r="U146" s="215"/>
    </row>
    <row r="147" spans="1:21">
      <c r="A147" s="17"/>
      <c r="B147" s="17"/>
      <c r="C147" s="17" t="s">
        <v>130</v>
      </c>
      <c r="D147" s="17" t="s">
        <v>126</v>
      </c>
      <c r="E147" s="17"/>
      <c r="F147" s="17"/>
      <c r="G147" s="17"/>
      <c r="H147" s="17"/>
      <c r="I147" s="17"/>
      <c r="J147" s="17"/>
      <c r="K147" s="17" t="s">
        <v>17</v>
      </c>
      <c r="L147" s="17" t="s">
        <v>71</v>
      </c>
      <c r="M147" s="17" t="s">
        <v>525</v>
      </c>
      <c r="N147" s="75"/>
      <c r="O147" s="75"/>
      <c r="P147" s="75"/>
      <c r="Q147" s="17"/>
      <c r="R147" s="10"/>
      <c r="S147" s="206"/>
      <c r="T147" s="215"/>
      <c r="U147" s="215"/>
    </row>
    <row r="148" spans="1:21">
      <c r="A148" s="8"/>
      <c r="B148" s="8"/>
      <c r="C148" s="8"/>
      <c r="D148" s="8"/>
      <c r="E148" s="8"/>
      <c r="F148" s="8"/>
      <c r="G148" s="8"/>
      <c r="H148" s="8">
        <v>1</v>
      </c>
      <c r="I148" s="8">
        <v>128</v>
      </c>
      <c r="J148" s="8" t="s">
        <v>128</v>
      </c>
      <c r="K148" s="8" t="s">
        <v>66</v>
      </c>
      <c r="L148" s="8" t="s">
        <v>65</v>
      </c>
      <c r="M148" s="11">
        <v>1</v>
      </c>
      <c r="N148" s="11" t="s">
        <v>514</v>
      </c>
      <c r="O148" s="11">
        <v>2</v>
      </c>
      <c r="P148" s="11">
        <v>3</v>
      </c>
      <c r="Q148" s="8" t="s">
        <v>627</v>
      </c>
      <c r="R148" s="10"/>
      <c r="S148" s="206"/>
      <c r="T148" s="215"/>
      <c r="U148" s="215"/>
    </row>
    <row r="149" spans="1:21">
      <c r="A149" s="8"/>
      <c r="B149" s="8"/>
      <c r="C149" s="8"/>
      <c r="D149" s="8"/>
      <c r="E149" s="8"/>
      <c r="F149" s="8"/>
      <c r="G149" s="8"/>
      <c r="H149" s="8">
        <v>2</v>
      </c>
      <c r="I149" s="8">
        <v>127</v>
      </c>
      <c r="J149" s="8" t="s">
        <v>126</v>
      </c>
      <c r="K149" s="8" t="s">
        <v>78</v>
      </c>
      <c r="L149" s="8" t="s">
        <v>71</v>
      </c>
      <c r="M149" s="11">
        <v>1</v>
      </c>
      <c r="N149" s="11" t="s">
        <v>509</v>
      </c>
      <c r="O149" s="11">
        <v>1</v>
      </c>
      <c r="P149" s="11">
        <v>30</v>
      </c>
      <c r="Q149" s="8" t="s">
        <v>677</v>
      </c>
      <c r="R149" s="10"/>
      <c r="S149" s="206"/>
      <c r="T149" s="215"/>
      <c r="U149" s="215"/>
    </row>
    <row r="150" spans="1:21">
      <c r="A150" s="8"/>
      <c r="B150" s="8"/>
      <c r="C150" s="8"/>
      <c r="D150" s="8"/>
      <c r="E150" s="8"/>
      <c r="F150" s="8"/>
      <c r="G150" s="8"/>
      <c r="H150" s="8">
        <v>3</v>
      </c>
      <c r="I150" s="8">
        <v>352</v>
      </c>
      <c r="J150" s="8" t="s">
        <v>3</v>
      </c>
      <c r="K150" s="8" t="s">
        <v>78</v>
      </c>
      <c r="L150" s="8" t="s">
        <v>71</v>
      </c>
      <c r="M150" s="11">
        <v>1</v>
      </c>
      <c r="N150" s="11" t="s">
        <v>509</v>
      </c>
      <c r="O150" s="11">
        <v>1</v>
      </c>
      <c r="P150" s="11">
        <v>80</v>
      </c>
      <c r="Q150" s="8"/>
      <c r="R150" s="10"/>
      <c r="S150" s="206"/>
      <c r="T150" s="215"/>
      <c r="U150" s="215"/>
    </row>
    <row r="151" spans="1:21">
      <c r="A151" s="17"/>
      <c r="B151" s="17"/>
      <c r="C151" s="17" t="s">
        <v>130</v>
      </c>
      <c r="D151" s="17" t="s">
        <v>126</v>
      </c>
      <c r="E151" s="17"/>
      <c r="F151" s="17"/>
      <c r="G151" s="17"/>
      <c r="H151" s="17"/>
      <c r="I151" s="17"/>
      <c r="J151" s="17"/>
      <c r="K151" s="17" t="s">
        <v>17</v>
      </c>
      <c r="L151" s="17" t="s">
        <v>71</v>
      </c>
      <c r="M151" s="17" t="s">
        <v>525</v>
      </c>
      <c r="N151" s="75"/>
      <c r="O151" s="75"/>
      <c r="P151" s="75"/>
      <c r="Q151" s="17"/>
      <c r="R151" s="10"/>
      <c r="S151" s="206"/>
      <c r="T151" s="215"/>
      <c r="U151" s="215"/>
    </row>
    <row r="152" spans="1:21">
      <c r="A152" s="8"/>
      <c r="B152" s="8"/>
      <c r="C152" s="8"/>
      <c r="D152" s="8"/>
      <c r="E152" s="8"/>
      <c r="F152" s="8"/>
      <c r="G152" s="8"/>
      <c r="H152" s="8">
        <v>1</v>
      </c>
      <c r="I152" s="8">
        <v>128</v>
      </c>
      <c r="J152" s="8" t="s">
        <v>128</v>
      </c>
      <c r="K152" s="8" t="s">
        <v>66</v>
      </c>
      <c r="L152" s="8" t="s">
        <v>65</v>
      </c>
      <c r="M152" s="11">
        <v>1</v>
      </c>
      <c r="N152" s="11" t="s">
        <v>514</v>
      </c>
      <c r="O152" s="11">
        <v>2</v>
      </c>
      <c r="P152" s="11">
        <v>3</v>
      </c>
      <c r="Q152" s="8" t="s">
        <v>627</v>
      </c>
      <c r="R152" s="10"/>
      <c r="S152" s="206"/>
      <c r="T152" s="215"/>
      <c r="U152" s="215"/>
    </row>
    <row r="153" spans="1:21">
      <c r="A153" s="8"/>
      <c r="B153" s="8"/>
      <c r="C153" s="8"/>
      <c r="D153" s="8"/>
      <c r="E153" s="8"/>
      <c r="F153" s="8"/>
      <c r="G153" s="8"/>
      <c r="H153" s="8">
        <v>2</v>
      </c>
      <c r="I153" s="8">
        <v>127</v>
      </c>
      <c r="J153" s="8" t="s">
        <v>126</v>
      </c>
      <c r="K153" s="8" t="s">
        <v>78</v>
      </c>
      <c r="L153" s="8" t="s">
        <v>71</v>
      </c>
      <c r="M153" s="11">
        <v>1</v>
      </c>
      <c r="N153" s="11" t="s">
        <v>509</v>
      </c>
      <c r="O153" s="11">
        <v>1</v>
      </c>
      <c r="P153" s="11">
        <v>30</v>
      </c>
      <c r="Q153" s="8" t="s">
        <v>678</v>
      </c>
      <c r="R153" s="10"/>
      <c r="S153" s="206"/>
      <c r="T153" s="215"/>
      <c r="U153" s="215"/>
    </row>
    <row r="154" spans="1:21">
      <c r="A154" s="8"/>
      <c r="B154" s="8"/>
      <c r="C154" s="8"/>
      <c r="D154" s="8"/>
      <c r="E154" s="8"/>
      <c r="F154" s="8"/>
      <c r="G154" s="8"/>
      <c r="H154" s="8">
        <v>3</v>
      </c>
      <c r="I154" s="8">
        <v>352</v>
      </c>
      <c r="J154" s="8" t="s">
        <v>3</v>
      </c>
      <c r="K154" s="8" t="s">
        <v>78</v>
      </c>
      <c r="L154" s="8" t="s">
        <v>71</v>
      </c>
      <c r="M154" s="11">
        <v>1</v>
      </c>
      <c r="N154" s="11" t="s">
        <v>509</v>
      </c>
      <c r="O154" s="11">
        <v>1</v>
      </c>
      <c r="P154" s="11">
        <v>80</v>
      </c>
      <c r="Q154" s="8"/>
      <c r="R154" s="10"/>
      <c r="S154" s="206"/>
      <c r="T154" s="215"/>
      <c r="U154" s="215"/>
    </row>
    <row r="155" spans="1:21">
      <c r="A155" s="17"/>
      <c r="B155" s="17"/>
      <c r="C155" s="17" t="s">
        <v>130</v>
      </c>
      <c r="D155" s="17" t="s">
        <v>126</v>
      </c>
      <c r="E155" s="17"/>
      <c r="F155" s="17"/>
      <c r="G155" s="17"/>
      <c r="H155" s="17"/>
      <c r="I155" s="17"/>
      <c r="J155" s="17"/>
      <c r="K155" s="17" t="s">
        <v>17</v>
      </c>
      <c r="L155" s="17" t="s">
        <v>71</v>
      </c>
      <c r="M155" s="17" t="s">
        <v>525</v>
      </c>
      <c r="N155" s="75"/>
      <c r="O155" s="75"/>
      <c r="P155" s="75"/>
      <c r="Q155" s="17"/>
      <c r="R155" s="10" t="s">
        <v>1138</v>
      </c>
      <c r="S155" s="206" t="s">
        <v>1698</v>
      </c>
      <c r="T155" s="215" t="s">
        <v>17</v>
      </c>
      <c r="U155" s="302" t="s">
        <v>17</v>
      </c>
    </row>
    <row r="156" spans="1:21">
      <c r="A156" s="8"/>
      <c r="B156" s="8"/>
      <c r="C156" s="8"/>
      <c r="D156" s="8"/>
      <c r="E156" s="8"/>
      <c r="F156" s="8"/>
      <c r="G156" s="8"/>
      <c r="H156" s="8">
        <v>1</v>
      </c>
      <c r="I156" s="8">
        <v>128</v>
      </c>
      <c r="J156" s="8" t="s">
        <v>128</v>
      </c>
      <c r="K156" s="8" t="s">
        <v>66</v>
      </c>
      <c r="L156" s="8" t="s">
        <v>65</v>
      </c>
      <c r="M156" s="11">
        <v>1</v>
      </c>
      <c r="N156" s="11" t="s">
        <v>514</v>
      </c>
      <c r="O156" s="11">
        <v>2</v>
      </c>
      <c r="P156" s="11">
        <v>3</v>
      </c>
      <c r="Q156" s="8" t="s">
        <v>767</v>
      </c>
      <c r="R156" s="10"/>
      <c r="S156" s="206"/>
      <c r="T156" s="215"/>
      <c r="U156" s="215"/>
    </row>
    <row r="157" spans="1:21">
      <c r="A157" s="8"/>
      <c r="B157" s="8"/>
      <c r="C157" s="8"/>
      <c r="D157" s="8"/>
      <c r="E157" s="8"/>
      <c r="F157" s="8"/>
      <c r="G157" s="8"/>
      <c r="H157" s="8">
        <v>2</v>
      </c>
      <c r="I157" s="8">
        <v>127</v>
      </c>
      <c r="J157" s="8" t="s">
        <v>126</v>
      </c>
      <c r="K157" s="8" t="s">
        <v>78</v>
      </c>
      <c r="L157" s="8" t="s">
        <v>71</v>
      </c>
      <c r="M157" s="11">
        <v>1</v>
      </c>
      <c r="N157" s="11" t="s">
        <v>509</v>
      </c>
      <c r="O157" s="11">
        <v>1</v>
      </c>
      <c r="P157" s="11">
        <v>30</v>
      </c>
      <c r="Q157" s="8" t="s">
        <v>768</v>
      </c>
      <c r="R157" s="10"/>
      <c r="S157" s="206"/>
      <c r="T157" s="215"/>
      <c r="U157" s="215"/>
    </row>
    <row r="158" spans="1:21">
      <c r="A158" s="8"/>
      <c r="B158" s="8"/>
      <c r="C158" s="8"/>
      <c r="D158" s="8"/>
      <c r="E158" s="8"/>
      <c r="F158" s="8"/>
      <c r="G158" s="8"/>
      <c r="H158" s="8">
        <v>3</v>
      </c>
      <c r="I158" s="8">
        <v>352</v>
      </c>
      <c r="J158" s="8" t="s">
        <v>3</v>
      </c>
      <c r="K158" s="8" t="s">
        <v>78</v>
      </c>
      <c r="L158" s="8" t="s">
        <v>71</v>
      </c>
      <c r="M158" s="11">
        <v>1</v>
      </c>
      <c r="N158" s="11" t="s">
        <v>509</v>
      </c>
      <c r="O158" s="11">
        <v>1</v>
      </c>
      <c r="P158" s="11">
        <v>80</v>
      </c>
      <c r="Q158" s="8"/>
      <c r="R158" s="10"/>
      <c r="S158" s="206"/>
      <c r="T158" s="215"/>
      <c r="U158" s="215"/>
    </row>
    <row r="159" spans="1:21">
      <c r="A159" s="75"/>
      <c r="B159" s="75"/>
      <c r="C159" s="75" t="s">
        <v>130</v>
      </c>
      <c r="D159" s="75" t="s">
        <v>126</v>
      </c>
      <c r="E159" s="75"/>
      <c r="F159" s="75"/>
      <c r="G159" s="75"/>
      <c r="H159" s="75"/>
      <c r="I159" s="75"/>
      <c r="J159" s="75"/>
      <c r="K159" s="75" t="s">
        <v>17</v>
      </c>
      <c r="L159" s="17" t="s">
        <v>71</v>
      </c>
      <c r="M159" s="17" t="s">
        <v>525</v>
      </c>
      <c r="N159" s="75"/>
      <c r="O159" s="75"/>
      <c r="P159" s="75"/>
      <c r="Q159" s="74"/>
      <c r="R159" s="10"/>
      <c r="S159" s="206"/>
      <c r="T159" s="215"/>
      <c r="U159" s="215"/>
    </row>
    <row r="160" spans="1:21">
      <c r="A160" s="11"/>
      <c r="B160" s="11"/>
      <c r="C160" s="11"/>
      <c r="D160" s="11"/>
      <c r="E160" s="11"/>
      <c r="F160" s="11"/>
      <c r="G160" s="11"/>
      <c r="H160" s="11">
        <v>1</v>
      </c>
      <c r="I160" s="11">
        <v>128</v>
      </c>
      <c r="J160" s="11" t="s">
        <v>128</v>
      </c>
      <c r="K160" s="11" t="s">
        <v>66</v>
      </c>
      <c r="L160" s="8" t="s">
        <v>65</v>
      </c>
      <c r="M160" s="11">
        <v>1</v>
      </c>
      <c r="N160" s="11" t="s">
        <v>514</v>
      </c>
      <c r="O160" s="11">
        <v>2</v>
      </c>
      <c r="P160" s="11">
        <v>3</v>
      </c>
      <c r="Q160" s="11" t="s">
        <v>704</v>
      </c>
      <c r="R160" s="10"/>
      <c r="S160" s="206"/>
      <c r="T160" s="215"/>
      <c r="U160" s="215"/>
    </row>
    <row r="161" spans="1:21">
      <c r="A161" s="11"/>
      <c r="B161" s="11"/>
      <c r="C161" s="11"/>
      <c r="D161" s="11"/>
      <c r="E161" s="11"/>
      <c r="F161" s="11"/>
      <c r="G161" s="11"/>
      <c r="H161" s="11">
        <v>2</v>
      </c>
      <c r="I161" s="11">
        <v>127</v>
      </c>
      <c r="J161" s="11" t="s">
        <v>126</v>
      </c>
      <c r="K161" s="11" t="s">
        <v>78</v>
      </c>
      <c r="L161" s="8" t="s">
        <v>71</v>
      </c>
      <c r="M161" s="11">
        <v>1</v>
      </c>
      <c r="N161" s="11" t="s">
        <v>509</v>
      </c>
      <c r="O161" s="11">
        <v>1</v>
      </c>
      <c r="P161" s="11">
        <v>30</v>
      </c>
      <c r="Q161" s="18"/>
      <c r="R161" s="10"/>
      <c r="S161" s="206"/>
      <c r="T161" s="215"/>
      <c r="U161" s="215"/>
    </row>
    <row r="162" spans="1:21">
      <c r="A162" s="11"/>
      <c r="B162" s="11"/>
      <c r="C162" s="11"/>
      <c r="D162" s="11"/>
      <c r="E162" s="11"/>
      <c r="F162" s="11"/>
      <c r="G162" s="11"/>
      <c r="H162" s="11">
        <v>3</v>
      </c>
      <c r="I162" s="11">
        <v>352</v>
      </c>
      <c r="J162" s="11" t="s">
        <v>3</v>
      </c>
      <c r="K162" s="11" t="s">
        <v>78</v>
      </c>
      <c r="L162" s="8" t="s">
        <v>71</v>
      </c>
      <c r="M162" s="11">
        <v>1</v>
      </c>
      <c r="N162" s="11" t="s">
        <v>509</v>
      </c>
      <c r="O162" s="11">
        <v>1</v>
      </c>
      <c r="P162" s="11">
        <v>80</v>
      </c>
      <c r="Q162" s="160"/>
      <c r="R162" s="10"/>
      <c r="S162" s="206"/>
      <c r="T162" s="215"/>
      <c r="U162" s="215"/>
    </row>
    <row r="163" spans="1:21">
      <c r="A163" s="17"/>
      <c r="B163" s="17"/>
      <c r="C163" s="17" t="s">
        <v>130</v>
      </c>
      <c r="D163" s="17" t="s">
        <v>126</v>
      </c>
      <c r="E163" s="17"/>
      <c r="F163" s="17"/>
      <c r="G163" s="17"/>
      <c r="H163" s="17"/>
      <c r="I163" s="17"/>
      <c r="J163" s="17"/>
      <c r="K163" s="17" t="s">
        <v>17</v>
      </c>
      <c r="L163" s="17" t="s">
        <v>71</v>
      </c>
      <c r="M163" s="17" t="s">
        <v>525</v>
      </c>
      <c r="N163" s="75"/>
      <c r="O163" s="75"/>
      <c r="P163" s="75"/>
      <c r="Q163" s="77"/>
      <c r="R163" s="10"/>
      <c r="S163" s="206"/>
      <c r="T163" s="215"/>
      <c r="U163" s="215"/>
    </row>
    <row r="164" spans="1:21">
      <c r="A164" s="8"/>
      <c r="B164" s="8"/>
      <c r="C164" s="8"/>
      <c r="D164" s="8"/>
      <c r="E164" s="8"/>
      <c r="F164" s="8"/>
      <c r="G164" s="8"/>
      <c r="H164" s="8">
        <v>1</v>
      </c>
      <c r="I164" s="8">
        <v>128</v>
      </c>
      <c r="J164" s="8" t="s">
        <v>128</v>
      </c>
      <c r="K164" s="8" t="s">
        <v>66</v>
      </c>
      <c r="L164" s="8" t="s">
        <v>65</v>
      </c>
      <c r="M164" s="11">
        <v>1</v>
      </c>
      <c r="N164" s="11" t="s">
        <v>514</v>
      </c>
      <c r="O164" s="11">
        <v>2</v>
      </c>
      <c r="P164" s="11">
        <v>3</v>
      </c>
      <c r="Q164" s="8" t="s">
        <v>769</v>
      </c>
      <c r="R164" s="10"/>
      <c r="S164" s="206"/>
      <c r="T164" s="215"/>
      <c r="U164" s="215"/>
    </row>
    <row r="165" spans="1:21">
      <c r="A165" s="8"/>
      <c r="B165" s="8"/>
      <c r="C165" s="8"/>
      <c r="D165" s="8"/>
      <c r="E165" s="8"/>
      <c r="F165" s="8"/>
      <c r="G165" s="8"/>
      <c r="H165" s="8">
        <v>2</v>
      </c>
      <c r="I165" s="8">
        <v>127</v>
      </c>
      <c r="J165" s="8" t="s">
        <v>126</v>
      </c>
      <c r="K165" s="8" t="s">
        <v>78</v>
      </c>
      <c r="L165" s="8" t="s">
        <v>71</v>
      </c>
      <c r="M165" s="11">
        <v>1</v>
      </c>
      <c r="N165" s="11" t="s">
        <v>509</v>
      </c>
      <c r="O165" s="11">
        <v>1</v>
      </c>
      <c r="P165" s="11">
        <v>30</v>
      </c>
      <c r="Q165" s="72"/>
      <c r="R165" s="10"/>
      <c r="S165" s="206"/>
      <c r="T165" s="215"/>
      <c r="U165" s="215"/>
    </row>
    <row r="166" spans="1:21">
      <c r="A166" s="17"/>
      <c r="B166" s="17"/>
      <c r="C166" s="17" t="s">
        <v>130</v>
      </c>
      <c r="D166" s="17" t="s">
        <v>126</v>
      </c>
      <c r="E166" s="17"/>
      <c r="F166" s="17"/>
      <c r="G166" s="17"/>
      <c r="H166" s="17"/>
      <c r="I166" s="17"/>
      <c r="J166" s="17"/>
      <c r="K166" s="17" t="s">
        <v>17</v>
      </c>
      <c r="L166" s="17" t="s">
        <v>71</v>
      </c>
      <c r="M166" s="17" t="s">
        <v>525</v>
      </c>
      <c r="N166" s="75"/>
      <c r="O166" s="75"/>
      <c r="P166" s="75"/>
      <c r="Q166" s="17"/>
      <c r="R166" s="10"/>
      <c r="S166" s="206"/>
      <c r="T166" s="215"/>
      <c r="U166" s="215"/>
    </row>
    <row r="167" spans="1:21" ht="28">
      <c r="A167" s="8"/>
      <c r="B167" s="8"/>
      <c r="C167" s="8"/>
      <c r="D167" s="8"/>
      <c r="E167" s="8"/>
      <c r="F167" s="8"/>
      <c r="G167" s="8"/>
      <c r="H167" s="8">
        <v>1</v>
      </c>
      <c r="I167" s="8">
        <v>128</v>
      </c>
      <c r="J167" s="8" t="s">
        <v>128</v>
      </c>
      <c r="K167" s="8" t="s">
        <v>66</v>
      </c>
      <c r="L167" s="8" t="s">
        <v>65</v>
      </c>
      <c r="M167" s="11">
        <v>1</v>
      </c>
      <c r="N167" s="11" t="s">
        <v>514</v>
      </c>
      <c r="O167" s="11">
        <v>2</v>
      </c>
      <c r="P167" s="11">
        <v>3</v>
      </c>
      <c r="Q167" s="70" t="s">
        <v>624</v>
      </c>
      <c r="R167" s="10"/>
      <c r="S167" s="206"/>
      <c r="T167" s="215"/>
      <c r="U167" s="215"/>
    </row>
    <row r="168" spans="1:21">
      <c r="A168" s="8"/>
      <c r="B168" s="8"/>
      <c r="C168" s="8"/>
      <c r="D168" s="8"/>
      <c r="E168" s="8"/>
      <c r="F168" s="8"/>
      <c r="G168" s="8"/>
      <c r="H168" s="19">
        <v>2</v>
      </c>
      <c r="I168" s="19">
        <v>127</v>
      </c>
      <c r="J168" s="19" t="s">
        <v>126</v>
      </c>
      <c r="K168" s="19" t="s">
        <v>78</v>
      </c>
      <c r="L168" s="19" t="s">
        <v>174</v>
      </c>
      <c r="M168" s="19">
        <v>1</v>
      </c>
      <c r="N168" s="19" t="s">
        <v>509</v>
      </c>
      <c r="O168" s="19">
        <v>1</v>
      </c>
      <c r="P168" s="19">
        <v>30</v>
      </c>
      <c r="Q168" s="19"/>
      <c r="R168" s="10"/>
      <c r="S168" s="206"/>
      <c r="T168" s="215"/>
      <c r="U168" s="215"/>
    </row>
    <row r="169" spans="1:21">
      <c r="A169" s="8"/>
      <c r="B169" s="8"/>
      <c r="C169" s="8"/>
      <c r="D169" s="8"/>
      <c r="E169" s="8"/>
      <c r="F169" s="8"/>
      <c r="G169" s="8"/>
      <c r="H169" s="8">
        <v>3</v>
      </c>
      <c r="I169" s="8">
        <v>352</v>
      </c>
      <c r="J169" s="8" t="s">
        <v>3</v>
      </c>
      <c r="K169" s="8" t="s">
        <v>78</v>
      </c>
      <c r="L169" s="8" t="s">
        <v>71</v>
      </c>
      <c r="M169" s="11">
        <v>1</v>
      </c>
      <c r="N169" s="11" t="s">
        <v>509</v>
      </c>
      <c r="O169" s="11">
        <v>1</v>
      </c>
      <c r="P169" s="11">
        <v>80</v>
      </c>
      <c r="Q169" s="72"/>
      <c r="R169" s="10"/>
      <c r="S169" s="206"/>
      <c r="T169" s="215"/>
      <c r="U169" s="215"/>
    </row>
    <row r="170" spans="1:21" ht="56">
      <c r="A170" s="17"/>
      <c r="B170" s="17"/>
      <c r="C170" s="75" t="s">
        <v>130</v>
      </c>
      <c r="D170" s="75" t="s">
        <v>126</v>
      </c>
      <c r="E170" s="75"/>
      <c r="F170" s="75"/>
      <c r="G170" s="75"/>
      <c r="H170" s="75"/>
      <c r="I170" s="75"/>
      <c r="J170" s="75"/>
      <c r="K170" s="75" t="s">
        <v>17</v>
      </c>
      <c r="L170" s="17" t="s">
        <v>71</v>
      </c>
      <c r="M170" s="17" t="s">
        <v>525</v>
      </c>
      <c r="N170" s="75"/>
      <c r="O170" s="75"/>
      <c r="P170" s="75"/>
      <c r="Q170" s="78"/>
      <c r="R170" s="10" t="s">
        <v>1693</v>
      </c>
      <c r="S170" s="2" t="s">
        <v>1694</v>
      </c>
      <c r="T170" s="2" t="s">
        <v>1695</v>
      </c>
      <c r="U170" s="2" t="s">
        <v>1695</v>
      </c>
    </row>
    <row r="171" spans="1:21">
      <c r="A171" s="24"/>
      <c r="B171" s="24"/>
      <c r="C171" s="11"/>
      <c r="D171" s="11"/>
      <c r="E171" s="11"/>
      <c r="F171" s="11"/>
      <c r="G171" s="11"/>
      <c r="H171" s="11">
        <v>1</v>
      </c>
      <c r="I171" s="11">
        <v>128</v>
      </c>
      <c r="J171" s="11" t="s">
        <v>128</v>
      </c>
      <c r="K171" s="11" t="s">
        <v>66</v>
      </c>
      <c r="L171" s="8" t="s">
        <v>65</v>
      </c>
      <c r="M171" s="11">
        <v>1</v>
      </c>
      <c r="N171" s="11" t="s">
        <v>514</v>
      </c>
      <c r="O171" s="11">
        <v>2</v>
      </c>
      <c r="P171" s="11">
        <v>3</v>
      </c>
      <c r="Q171" s="11" t="s">
        <v>643</v>
      </c>
      <c r="R171" s="10"/>
      <c r="S171" s="10"/>
      <c r="T171" s="93"/>
      <c r="U171" s="93"/>
    </row>
    <row r="172" spans="1:21">
      <c r="A172" s="24"/>
      <c r="B172" s="24"/>
      <c r="C172" s="11"/>
      <c r="D172" s="11"/>
      <c r="E172" s="11"/>
      <c r="F172" s="11"/>
      <c r="G172" s="11"/>
      <c r="H172" s="11">
        <v>2</v>
      </c>
      <c r="I172" s="11">
        <v>127</v>
      </c>
      <c r="J172" s="11" t="s">
        <v>126</v>
      </c>
      <c r="K172" s="11" t="s">
        <v>78</v>
      </c>
      <c r="L172" s="8" t="s">
        <v>71</v>
      </c>
      <c r="M172" s="11">
        <v>1</v>
      </c>
      <c r="N172" s="11" t="s">
        <v>509</v>
      </c>
      <c r="O172" s="11">
        <v>1</v>
      </c>
      <c r="P172" s="11">
        <v>30</v>
      </c>
      <c r="Q172" s="18"/>
      <c r="R172" s="10"/>
      <c r="S172" s="10"/>
      <c r="T172" s="93"/>
      <c r="U172" s="93"/>
    </row>
    <row r="173" spans="1:21">
      <c r="A173" s="24"/>
      <c r="B173" s="24"/>
      <c r="C173" s="11"/>
      <c r="D173" s="11"/>
      <c r="E173" s="11"/>
      <c r="F173" s="11"/>
      <c r="G173" s="11"/>
      <c r="H173" s="11">
        <v>3</v>
      </c>
      <c r="I173" s="11">
        <v>352</v>
      </c>
      <c r="J173" s="11" t="s">
        <v>3</v>
      </c>
      <c r="K173" s="11" t="s">
        <v>78</v>
      </c>
      <c r="L173" s="8" t="s">
        <v>71</v>
      </c>
      <c r="M173" s="11">
        <v>1</v>
      </c>
      <c r="N173" s="11" t="s">
        <v>509</v>
      </c>
      <c r="O173" s="11">
        <v>1</v>
      </c>
      <c r="P173" s="11">
        <v>80</v>
      </c>
      <c r="Q173" s="18"/>
      <c r="R173" s="10"/>
      <c r="S173" s="10"/>
      <c r="T173" s="93"/>
      <c r="U173" s="93"/>
    </row>
    <row r="174" spans="1:21" ht="42">
      <c r="A174" s="17"/>
      <c r="B174" s="17"/>
      <c r="C174" s="75" t="s">
        <v>130</v>
      </c>
      <c r="D174" s="75" t="s">
        <v>126</v>
      </c>
      <c r="E174" s="75"/>
      <c r="F174" s="75"/>
      <c r="G174" s="75"/>
      <c r="H174" s="75"/>
      <c r="I174" s="75"/>
      <c r="J174" s="75"/>
      <c r="K174" s="75" t="s">
        <v>17</v>
      </c>
      <c r="L174" s="17" t="s">
        <v>71</v>
      </c>
      <c r="M174" s="17" t="s">
        <v>525</v>
      </c>
      <c r="N174" s="75"/>
      <c r="O174" s="75"/>
      <c r="P174" s="75"/>
      <c r="Q174" s="78"/>
      <c r="R174" s="10" t="s">
        <v>1139</v>
      </c>
      <c r="S174" s="2" t="s">
        <v>1481</v>
      </c>
      <c r="T174" s="95" t="s">
        <v>1692</v>
      </c>
      <c r="U174" s="95" t="s">
        <v>1692</v>
      </c>
    </row>
    <row r="175" spans="1:21">
      <c r="A175" s="24"/>
      <c r="B175" s="24"/>
      <c r="C175" s="11"/>
      <c r="D175" s="11"/>
      <c r="E175" s="11"/>
      <c r="F175" s="11"/>
      <c r="G175" s="11"/>
      <c r="H175" s="11">
        <v>1</v>
      </c>
      <c r="I175" s="11">
        <v>128</v>
      </c>
      <c r="J175" s="11" t="s">
        <v>128</v>
      </c>
      <c r="K175" s="11" t="s">
        <v>66</v>
      </c>
      <c r="L175" s="8" t="s">
        <v>65</v>
      </c>
      <c r="M175" s="11">
        <v>1</v>
      </c>
      <c r="N175" s="11" t="s">
        <v>514</v>
      </c>
      <c r="O175" s="11">
        <v>2</v>
      </c>
      <c r="P175" s="11">
        <v>3</v>
      </c>
      <c r="Q175" s="11" t="s">
        <v>643</v>
      </c>
      <c r="R175" s="10"/>
      <c r="S175" s="10"/>
      <c r="T175" s="93"/>
      <c r="U175" s="93"/>
    </row>
    <row r="176" spans="1:21">
      <c r="A176" s="24"/>
      <c r="B176" s="24"/>
      <c r="C176" s="11"/>
      <c r="D176" s="11"/>
      <c r="E176" s="11"/>
      <c r="F176" s="11"/>
      <c r="G176" s="11"/>
      <c r="H176" s="11">
        <v>2</v>
      </c>
      <c r="I176" s="11">
        <v>127</v>
      </c>
      <c r="J176" s="11" t="s">
        <v>126</v>
      </c>
      <c r="K176" s="11" t="s">
        <v>78</v>
      </c>
      <c r="L176" s="8" t="s">
        <v>71</v>
      </c>
      <c r="M176" s="11">
        <v>1</v>
      </c>
      <c r="N176" s="11" t="s">
        <v>509</v>
      </c>
      <c r="O176" s="11">
        <v>1</v>
      </c>
      <c r="P176" s="11">
        <v>30</v>
      </c>
      <c r="Q176" s="18"/>
      <c r="R176" s="10"/>
      <c r="S176" s="10"/>
      <c r="T176" s="93"/>
      <c r="U176" s="93"/>
    </row>
    <row r="177" spans="1:21">
      <c r="A177" s="24"/>
      <c r="B177" s="24"/>
      <c r="C177" s="11"/>
      <c r="D177" s="11"/>
      <c r="E177" s="11"/>
      <c r="F177" s="11"/>
      <c r="G177" s="11"/>
      <c r="H177" s="11">
        <v>3</v>
      </c>
      <c r="I177" s="11">
        <v>352</v>
      </c>
      <c r="J177" s="11" t="s">
        <v>3</v>
      </c>
      <c r="K177" s="11" t="s">
        <v>78</v>
      </c>
      <c r="L177" s="8" t="s">
        <v>71</v>
      </c>
      <c r="M177" s="11">
        <v>1</v>
      </c>
      <c r="N177" s="11" t="s">
        <v>509</v>
      </c>
      <c r="O177" s="11">
        <v>1</v>
      </c>
      <c r="P177" s="11">
        <v>80</v>
      </c>
      <c r="Q177" s="18"/>
      <c r="R177" s="10"/>
      <c r="S177" s="10"/>
      <c r="T177" s="93"/>
      <c r="U177" s="93"/>
    </row>
    <row r="178" spans="1:21">
      <c r="A178" s="17"/>
      <c r="B178" s="17"/>
      <c r="C178" s="17" t="s">
        <v>84</v>
      </c>
      <c r="D178" s="17" t="s">
        <v>428</v>
      </c>
      <c r="E178" s="17"/>
      <c r="F178" s="17"/>
      <c r="G178" s="17"/>
      <c r="H178" s="17"/>
      <c r="I178" s="17"/>
      <c r="J178" s="17"/>
      <c r="K178" s="17" t="s">
        <v>17</v>
      </c>
      <c r="L178" s="17" t="s">
        <v>71</v>
      </c>
      <c r="M178" s="17">
        <v>10</v>
      </c>
      <c r="N178" s="17"/>
      <c r="O178" s="17"/>
      <c r="P178" s="17"/>
      <c r="Q178" s="17"/>
      <c r="R178" s="10"/>
      <c r="S178" s="10"/>
      <c r="T178" s="93"/>
      <c r="U178" s="93"/>
    </row>
    <row r="179" spans="1:21">
      <c r="A179" s="8"/>
      <c r="B179" s="8"/>
      <c r="C179" s="8"/>
      <c r="D179" s="8"/>
      <c r="E179" s="8"/>
      <c r="F179" s="8"/>
      <c r="G179" s="8"/>
      <c r="H179" s="8">
        <v>1</v>
      </c>
      <c r="I179" s="8">
        <v>374</v>
      </c>
      <c r="J179" s="8" t="s">
        <v>82</v>
      </c>
      <c r="K179" s="8" t="s">
        <v>66</v>
      </c>
      <c r="L179" s="8" t="s">
        <v>65</v>
      </c>
      <c r="M179" s="8">
        <v>1</v>
      </c>
      <c r="N179" s="8" t="s">
        <v>514</v>
      </c>
      <c r="O179" s="8">
        <v>3</v>
      </c>
      <c r="P179" s="8">
        <v>3</v>
      </c>
      <c r="Q179" s="8" t="s">
        <v>759</v>
      </c>
      <c r="R179" s="10"/>
      <c r="S179" s="10"/>
      <c r="T179" s="93"/>
      <c r="U179" s="93"/>
    </row>
    <row r="180" spans="1:21">
      <c r="A180" s="8"/>
      <c r="B180" s="8"/>
      <c r="C180" s="8"/>
      <c r="D180" s="8"/>
      <c r="E180" s="8"/>
      <c r="F180" s="8"/>
      <c r="G180" s="8"/>
      <c r="H180" s="8">
        <v>2</v>
      </c>
      <c r="I180" s="8">
        <v>373</v>
      </c>
      <c r="J180" s="8" t="s">
        <v>1</v>
      </c>
      <c r="K180" s="8" t="s">
        <v>78</v>
      </c>
      <c r="L180" s="8" t="s">
        <v>71</v>
      </c>
      <c r="M180" s="8">
        <v>1</v>
      </c>
      <c r="N180" s="8" t="s">
        <v>519</v>
      </c>
      <c r="O180" s="8">
        <v>8</v>
      </c>
      <c r="P180" s="8">
        <v>8</v>
      </c>
      <c r="Q180" s="72"/>
      <c r="R180" s="10"/>
      <c r="S180" s="10"/>
      <c r="T180" s="93"/>
      <c r="U180" s="93"/>
    </row>
    <row r="181" spans="1:21">
      <c r="A181" s="8"/>
      <c r="B181" s="8"/>
      <c r="C181" s="8"/>
      <c r="D181" s="8"/>
      <c r="E181" s="8"/>
      <c r="F181" s="8"/>
      <c r="G181" s="8"/>
      <c r="H181" s="8">
        <v>3</v>
      </c>
      <c r="I181" s="8">
        <v>337</v>
      </c>
      <c r="J181" s="8" t="s">
        <v>79</v>
      </c>
      <c r="K181" s="8" t="s">
        <v>78</v>
      </c>
      <c r="L181" s="8" t="s">
        <v>71</v>
      </c>
      <c r="M181" s="8">
        <v>1</v>
      </c>
      <c r="N181" s="8" t="s">
        <v>518</v>
      </c>
      <c r="O181" s="8">
        <v>4</v>
      </c>
      <c r="P181" s="8">
        <v>8</v>
      </c>
      <c r="Q181" s="72"/>
      <c r="R181" s="10"/>
      <c r="S181" s="10"/>
      <c r="T181" s="93"/>
      <c r="U181" s="93"/>
    </row>
    <row r="182" spans="1:21" ht="28">
      <c r="A182" s="8"/>
      <c r="B182" s="8"/>
      <c r="C182" s="8"/>
      <c r="D182" s="8"/>
      <c r="E182" s="8"/>
      <c r="F182" s="8"/>
      <c r="G182" s="8"/>
      <c r="H182" s="8">
        <v>4</v>
      </c>
      <c r="I182" s="8">
        <v>623</v>
      </c>
      <c r="J182" s="8" t="s">
        <v>76</v>
      </c>
      <c r="K182" s="8" t="s">
        <v>17</v>
      </c>
      <c r="L182" s="8" t="s">
        <v>71</v>
      </c>
      <c r="M182" s="8">
        <v>1</v>
      </c>
      <c r="N182" s="8" t="s">
        <v>514</v>
      </c>
      <c r="O182" s="8">
        <v>2</v>
      </c>
      <c r="P182" s="8">
        <v>2</v>
      </c>
      <c r="Q182" s="70" t="s">
        <v>624</v>
      </c>
      <c r="R182" s="10"/>
      <c r="S182" s="10"/>
      <c r="T182" s="93"/>
      <c r="U182" s="93"/>
    </row>
    <row r="183" spans="1:21">
      <c r="A183" s="17"/>
      <c r="B183" s="17"/>
      <c r="C183" s="17" t="s">
        <v>84</v>
      </c>
      <c r="D183" s="17" t="s">
        <v>428</v>
      </c>
      <c r="E183" s="17"/>
      <c r="F183" s="17"/>
      <c r="G183" s="17"/>
      <c r="H183" s="17"/>
      <c r="I183" s="17"/>
      <c r="J183" s="17"/>
      <c r="K183" s="17" t="s">
        <v>17</v>
      </c>
      <c r="L183" s="17" t="s">
        <v>71</v>
      </c>
      <c r="M183" s="17">
        <v>10</v>
      </c>
      <c r="N183" s="17"/>
      <c r="O183" s="17"/>
      <c r="P183" s="17"/>
      <c r="Q183" s="17"/>
      <c r="R183" s="10"/>
      <c r="S183" s="10"/>
      <c r="T183" s="93"/>
      <c r="U183" s="93"/>
    </row>
    <row r="184" spans="1:21">
      <c r="A184" s="8"/>
      <c r="B184" s="8"/>
      <c r="C184" s="8"/>
      <c r="D184" s="8"/>
      <c r="E184" s="8"/>
      <c r="F184" s="8"/>
      <c r="G184" s="8"/>
      <c r="H184" s="8">
        <v>1</v>
      </c>
      <c r="I184" s="8">
        <v>374</v>
      </c>
      <c r="J184" s="8" t="s">
        <v>82</v>
      </c>
      <c r="K184" s="8" t="s">
        <v>66</v>
      </c>
      <c r="L184" s="8" t="s">
        <v>65</v>
      </c>
      <c r="M184" s="8">
        <v>1</v>
      </c>
      <c r="N184" s="8" t="s">
        <v>514</v>
      </c>
      <c r="O184" s="8">
        <v>3</v>
      </c>
      <c r="P184" s="8">
        <v>3</v>
      </c>
      <c r="Q184" s="8" t="s">
        <v>760</v>
      </c>
      <c r="R184" s="10"/>
      <c r="S184" s="10"/>
      <c r="T184" s="93"/>
      <c r="U184" s="93"/>
    </row>
    <row r="185" spans="1:21">
      <c r="A185" s="8"/>
      <c r="B185" s="8"/>
      <c r="C185" s="8"/>
      <c r="D185" s="8"/>
      <c r="E185" s="8"/>
      <c r="F185" s="8"/>
      <c r="G185" s="8"/>
      <c r="H185" s="8">
        <v>2</v>
      </c>
      <c r="I185" s="8">
        <v>373</v>
      </c>
      <c r="J185" s="8" t="s">
        <v>1</v>
      </c>
      <c r="K185" s="8" t="s">
        <v>78</v>
      </c>
      <c r="L185" s="8" t="s">
        <v>71</v>
      </c>
      <c r="M185" s="8">
        <v>1</v>
      </c>
      <c r="N185" s="8" t="s">
        <v>519</v>
      </c>
      <c r="O185" s="8">
        <v>8</v>
      </c>
      <c r="P185" s="8">
        <v>8</v>
      </c>
      <c r="Q185" s="72"/>
      <c r="R185" s="10"/>
      <c r="S185" s="10"/>
      <c r="T185" s="93"/>
      <c r="U185" s="93"/>
    </row>
    <row r="186" spans="1:21">
      <c r="A186" s="8"/>
      <c r="B186" s="8"/>
      <c r="C186" s="8"/>
      <c r="D186" s="8"/>
      <c r="E186" s="8"/>
      <c r="F186" s="8"/>
      <c r="G186" s="8"/>
      <c r="H186" s="8">
        <v>3</v>
      </c>
      <c r="I186" s="8">
        <v>337</v>
      </c>
      <c r="J186" s="8" t="s">
        <v>79</v>
      </c>
      <c r="K186" s="8" t="s">
        <v>78</v>
      </c>
      <c r="L186" s="8" t="s">
        <v>71</v>
      </c>
      <c r="M186" s="8">
        <v>1</v>
      </c>
      <c r="N186" s="8" t="s">
        <v>518</v>
      </c>
      <c r="O186" s="8">
        <v>4</v>
      </c>
      <c r="P186" s="8">
        <v>8</v>
      </c>
      <c r="Q186" s="72"/>
      <c r="R186" s="10"/>
      <c r="S186" s="10"/>
      <c r="T186" s="93"/>
      <c r="U186" s="93"/>
    </row>
    <row r="187" spans="1:21" ht="28">
      <c r="A187" s="8"/>
      <c r="B187" s="8"/>
      <c r="C187" s="8"/>
      <c r="D187" s="8"/>
      <c r="E187" s="8"/>
      <c r="F187" s="8"/>
      <c r="G187" s="8"/>
      <c r="H187" s="8">
        <v>4</v>
      </c>
      <c r="I187" s="8">
        <v>623</v>
      </c>
      <c r="J187" s="8" t="s">
        <v>76</v>
      </c>
      <c r="K187" s="8" t="s">
        <v>17</v>
      </c>
      <c r="L187" s="8" t="s">
        <v>71</v>
      </c>
      <c r="M187" s="8">
        <v>1</v>
      </c>
      <c r="N187" s="8" t="s">
        <v>514</v>
      </c>
      <c r="O187" s="8">
        <v>2</v>
      </c>
      <c r="P187" s="8">
        <v>2</v>
      </c>
      <c r="Q187" s="70" t="s">
        <v>624</v>
      </c>
      <c r="R187" s="10"/>
      <c r="S187" s="10"/>
      <c r="T187" s="93"/>
      <c r="U187" s="93"/>
    </row>
    <row r="188" spans="1:21">
      <c r="A188" s="17"/>
      <c r="B188" s="17"/>
      <c r="C188" s="17" t="s">
        <v>84</v>
      </c>
      <c r="D188" s="17" t="s">
        <v>428</v>
      </c>
      <c r="E188" s="17"/>
      <c r="F188" s="17"/>
      <c r="G188" s="17"/>
      <c r="H188" s="17"/>
      <c r="I188" s="17"/>
      <c r="J188" s="17"/>
      <c r="K188" s="17" t="s">
        <v>17</v>
      </c>
      <c r="L188" s="17" t="s">
        <v>71</v>
      </c>
      <c r="M188" s="17">
        <v>10</v>
      </c>
      <c r="N188" s="17"/>
      <c r="O188" s="17"/>
      <c r="P188" s="17"/>
      <c r="Q188" s="17"/>
      <c r="R188" s="10"/>
      <c r="S188" s="10"/>
      <c r="T188" s="93"/>
      <c r="U188" s="93"/>
    </row>
    <row r="189" spans="1:21">
      <c r="A189" s="8"/>
      <c r="B189" s="8"/>
      <c r="C189" s="8"/>
      <c r="D189" s="8"/>
      <c r="E189" s="8"/>
      <c r="F189" s="8"/>
      <c r="G189" s="8"/>
      <c r="H189" s="8">
        <v>1</v>
      </c>
      <c r="I189" s="8">
        <v>374</v>
      </c>
      <c r="J189" s="8" t="s">
        <v>82</v>
      </c>
      <c r="K189" s="8" t="s">
        <v>66</v>
      </c>
      <c r="L189" s="8" t="s">
        <v>65</v>
      </c>
      <c r="M189" s="8">
        <v>1</v>
      </c>
      <c r="N189" s="8" t="s">
        <v>514</v>
      </c>
      <c r="O189" s="8">
        <v>3</v>
      </c>
      <c r="P189" s="8">
        <v>3</v>
      </c>
      <c r="Q189" s="8" t="s">
        <v>761</v>
      </c>
      <c r="R189" s="10"/>
      <c r="S189" s="10"/>
      <c r="T189" s="93"/>
      <c r="U189" s="93"/>
    </row>
    <row r="190" spans="1:21">
      <c r="A190" s="8"/>
      <c r="B190" s="8"/>
      <c r="C190" s="8"/>
      <c r="D190" s="8"/>
      <c r="E190" s="8"/>
      <c r="F190" s="8"/>
      <c r="G190" s="8"/>
      <c r="H190" s="8">
        <v>2</v>
      </c>
      <c r="I190" s="8">
        <v>373</v>
      </c>
      <c r="J190" s="8" t="s">
        <v>1</v>
      </c>
      <c r="K190" s="8" t="s">
        <v>78</v>
      </c>
      <c r="L190" s="8" t="s">
        <v>71</v>
      </c>
      <c r="M190" s="8">
        <v>1</v>
      </c>
      <c r="N190" s="8" t="s">
        <v>519</v>
      </c>
      <c r="O190" s="8">
        <v>8</v>
      </c>
      <c r="P190" s="8">
        <v>8</v>
      </c>
      <c r="Q190" s="72"/>
      <c r="R190" s="10"/>
      <c r="S190" s="10"/>
      <c r="T190" s="93"/>
      <c r="U190" s="93"/>
    </row>
    <row r="191" spans="1:21">
      <c r="A191" s="8"/>
      <c r="B191" s="8"/>
      <c r="C191" s="8"/>
      <c r="D191" s="8"/>
      <c r="E191" s="8"/>
      <c r="F191" s="8"/>
      <c r="G191" s="8"/>
      <c r="H191" s="8">
        <v>3</v>
      </c>
      <c r="I191" s="8">
        <v>337</v>
      </c>
      <c r="J191" s="8" t="s">
        <v>79</v>
      </c>
      <c r="K191" s="8" t="s">
        <v>78</v>
      </c>
      <c r="L191" s="8" t="s">
        <v>71</v>
      </c>
      <c r="M191" s="8">
        <v>1</v>
      </c>
      <c r="N191" s="8" t="s">
        <v>518</v>
      </c>
      <c r="O191" s="8">
        <v>4</v>
      </c>
      <c r="P191" s="8">
        <v>8</v>
      </c>
      <c r="Q191" s="72"/>
      <c r="R191" s="10"/>
      <c r="S191" s="10"/>
      <c r="T191" s="93"/>
      <c r="U191" s="93"/>
    </row>
    <row r="192" spans="1:21" ht="28">
      <c r="A192" s="8"/>
      <c r="B192" s="8"/>
      <c r="C192" s="8"/>
      <c r="D192" s="8"/>
      <c r="E192" s="8"/>
      <c r="F192" s="8"/>
      <c r="G192" s="8"/>
      <c r="H192" s="8">
        <v>4</v>
      </c>
      <c r="I192" s="8">
        <v>623</v>
      </c>
      <c r="J192" s="8" t="s">
        <v>76</v>
      </c>
      <c r="K192" s="8" t="s">
        <v>17</v>
      </c>
      <c r="L192" s="8" t="s">
        <v>71</v>
      </c>
      <c r="M192" s="8">
        <v>1</v>
      </c>
      <c r="N192" s="8" t="s">
        <v>514</v>
      </c>
      <c r="O192" s="8">
        <v>2</v>
      </c>
      <c r="P192" s="8">
        <v>2</v>
      </c>
      <c r="Q192" s="70" t="s">
        <v>624</v>
      </c>
      <c r="R192" s="10"/>
      <c r="S192" s="10"/>
      <c r="T192" s="93"/>
      <c r="U192" s="93"/>
    </row>
    <row r="193" spans="1:21">
      <c r="A193" s="17"/>
      <c r="B193" s="17"/>
      <c r="C193" s="17" t="s">
        <v>84</v>
      </c>
      <c r="D193" s="17" t="s">
        <v>428</v>
      </c>
      <c r="E193" s="17"/>
      <c r="F193" s="17"/>
      <c r="G193" s="17"/>
      <c r="H193" s="17"/>
      <c r="I193" s="17"/>
      <c r="J193" s="17"/>
      <c r="K193" s="17" t="s">
        <v>17</v>
      </c>
      <c r="L193" s="17" t="s">
        <v>71</v>
      </c>
      <c r="M193" s="17">
        <v>10</v>
      </c>
      <c r="N193" s="17"/>
      <c r="O193" s="17"/>
      <c r="P193" s="17"/>
      <c r="Q193" s="17"/>
      <c r="R193" s="10"/>
      <c r="S193" s="10"/>
      <c r="T193" s="93"/>
      <c r="U193" s="93"/>
    </row>
    <row r="194" spans="1:21">
      <c r="A194" s="8"/>
      <c r="B194" s="8"/>
      <c r="C194" s="8"/>
      <c r="D194" s="8"/>
      <c r="E194" s="8"/>
      <c r="F194" s="8"/>
      <c r="G194" s="8"/>
      <c r="H194" s="8">
        <v>1</v>
      </c>
      <c r="I194" s="8">
        <v>374</v>
      </c>
      <c r="J194" s="8" t="s">
        <v>82</v>
      </c>
      <c r="K194" s="8" t="s">
        <v>66</v>
      </c>
      <c r="L194" s="8" t="s">
        <v>65</v>
      </c>
      <c r="M194" s="8">
        <v>1</v>
      </c>
      <c r="N194" s="8" t="s">
        <v>514</v>
      </c>
      <c r="O194" s="8">
        <v>3</v>
      </c>
      <c r="P194" s="8">
        <v>3</v>
      </c>
      <c r="Q194" s="8" t="s">
        <v>663</v>
      </c>
      <c r="R194" s="10"/>
      <c r="S194" s="10"/>
      <c r="T194" s="93"/>
      <c r="U194" s="93"/>
    </row>
    <row r="195" spans="1:21">
      <c r="A195" s="8"/>
      <c r="B195" s="8"/>
      <c r="C195" s="8"/>
      <c r="D195" s="8"/>
      <c r="E195" s="8"/>
      <c r="F195" s="8"/>
      <c r="G195" s="8"/>
      <c r="H195" s="8">
        <v>2</v>
      </c>
      <c r="I195" s="8">
        <v>373</v>
      </c>
      <c r="J195" s="8" t="s">
        <v>1</v>
      </c>
      <c r="K195" s="8" t="s">
        <v>78</v>
      </c>
      <c r="L195" s="8" t="s">
        <v>71</v>
      </c>
      <c r="M195" s="8">
        <v>1</v>
      </c>
      <c r="N195" s="8" t="s">
        <v>519</v>
      </c>
      <c r="O195" s="8">
        <v>8</v>
      </c>
      <c r="P195" s="8">
        <v>8</v>
      </c>
      <c r="Q195" s="72"/>
      <c r="R195" s="10"/>
      <c r="S195" s="10"/>
      <c r="T195" s="93"/>
      <c r="U195" s="93"/>
    </row>
    <row r="196" spans="1:21">
      <c r="A196" s="8"/>
      <c r="B196" s="8"/>
      <c r="C196" s="8"/>
      <c r="D196" s="8"/>
      <c r="E196" s="8"/>
      <c r="F196" s="8"/>
      <c r="G196" s="8"/>
      <c r="H196" s="8">
        <v>3</v>
      </c>
      <c r="I196" s="8">
        <v>337</v>
      </c>
      <c r="J196" s="8" t="s">
        <v>79</v>
      </c>
      <c r="K196" s="8" t="s">
        <v>78</v>
      </c>
      <c r="L196" s="8" t="s">
        <v>71</v>
      </c>
      <c r="M196" s="8">
        <v>1</v>
      </c>
      <c r="N196" s="8" t="s">
        <v>518</v>
      </c>
      <c r="O196" s="8">
        <v>4</v>
      </c>
      <c r="P196" s="8">
        <v>8</v>
      </c>
      <c r="Q196" s="72"/>
      <c r="R196" s="10"/>
      <c r="S196" s="10"/>
      <c r="T196" s="93"/>
      <c r="U196" s="93"/>
    </row>
    <row r="197" spans="1:21" ht="28">
      <c r="A197" s="8"/>
      <c r="B197" s="8"/>
      <c r="C197" s="8"/>
      <c r="D197" s="8"/>
      <c r="E197" s="8"/>
      <c r="F197" s="8"/>
      <c r="G197" s="8"/>
      <c r="H197" s="8">
        <v>4</v>
      </c>
      <c r="I197" s="8">
        <v>623</v>
      </c>
      <c r="J197" s="8" t="s">
        <v>76</v>
      </c>
      <c r="K197" s="8" t="s">
        <v>17</v>
      </c>
      <c r="L197" s="8" t="s">
        <v>71</v>
      </c>
      <c r="M197" s="8">
        <v>1</v>
      </c>
      <c r="N197" s="8" t="s">
        <v>514</v>
      </c>
      <c r="O197" s="8">
        <v>2</v>
      </c>
      <c r="P197" s="8">
        <v>2</v>
      </c>
      <c r="Q197" s="70" t="s">
        <v>624</v>
      </c>
      <c r="R197" s="10"/>
      <c r="S197" s="10"/>
      <c r="T197" s="93"/>
      <c r="U197" s="93"/>
    </row>
    <row r="198" spans="1:21">
      <c r="A198" s="17"/>
      <c r="B198" s="17"/>
      <c r="C198" s="17" t="s">
        <v>84</v>
      </c>
      <c r="D198" s="17" t="s">
        <v>428</v>
      </c>
      <c r="E198" s="17"/>
      <c r="F198" s="17"/>
      <c r="G198" s="17"/>
      <c r="H198" s="17"/>
      <c r="I198" s="17"/>
      <c r="J198" s="17"/>
      <c r="K198" s="17" t="s">
        <v>17</v>
      </c>
      <c r="L198" s="17" t="s">
        <v>71</v>
      </c>
      <c r="M198" s="17">
        <v>10</v>
      </c>
      <c r="N198" s="17"/>
      <c r="O198" s="17"/>
      <c r="P198" s="17"/>
      <c r="Q198" s="17"/>
      <c r="R198" s="10"/>
      <c r="S198" s="10"/>
      <c r="T198" s="93"/>
      <c r="U198" s="93"/>
    </row>
    <row r="199" spans="1:21">
      <c r="A199" s="8"/>
      <c r="B199" s="8"/>
      <c r="C199" s="8"/>
      <c r="D199" s="8"/>
      <c r="E199" s="8"/>
      <c r="F199" s="8"/>
      <c r="G199" s="8"/>
      <c r="H199" s="8">
        <v>1</v>
      </c>
      <c r="I199" s="8">
        <v>374</v>
      </c>
      <c r="J199" s="8" t="s">
        <v>82</v>
      </c>
      <c r="K199" s="8" t="s">
        <v>66</v>
      </c>
      <c r="L199" s="8" t="s">
        <v>65</v>
      </c>
      <c r="M199" s="8">
        <v>1</v>
      </c>
      <c r="N199" s="8" t="s">
        <v>514</v>
      </c>
      <c r="O199" s="8">
        <v>3</v>
      </c>
      <c r="P199" s="8">
        <v>3</v>
      </c>
      <c r="Q199" s="8" t="s">
        <v>662</v>
      </c>
      <c r="R199" s="10"/>
      <c r="S199" s="10"/>
      <c r="T199" s="93"/>
      <c r="U199" s="93"/>
    </row>
    <row r="200" spans="1:21">
      <c r="A200" s="8"/>
      <c r="B200" s="8"/>
      <c r="C200" s="8"/>
      <c r="D200" s="8"/>
      <c r="E200" s="8"/>
      <c r="F200" s="8"/>
      <c r="G200" s="8"/>
      <c r="H200" s="8">
        <v>2</v>
      </c>
      <c r="I200" s="8">
        <v>373</v>
      </c>
      <c r="J200" s="8" t="s">
        <v>1</v>
      </c>
      <c r="K200" s="8" t="s">
        <v>78</v>
      </c>
      <c r="L200" s="8" t="s">
        <v>71</v>
      </c>
      <c r="M200" s="8">
        <v>1</v>
      </c>
      <c r="N200" s="8" t="s">
        <v>519</v>
      </c>
      <c r="O200" s="8">
        <v>8</v>
      </c>
      <c r="P200" s="8">
        <v>8</v>
      </c>
      <c r="Q200" s="72"/>
      <c r="R200" s="10"/>
      <c r="S200" s="10"/>
      <c r="T200" s="93"/>
      <c r="U200" s="93"/>
    </row>
    <row r="201" spans="1:21">
      <c r="A201" s="8"/>
      <c r="B201" s="8"/>
      <c r="C201" s="8"/>
      <c r="D201" s="8"/>
      <c r="E201" s="8"/>
      <c r="F201" s="8"/>
      <c r="G201" s="8"/>
      <c r="H201" s="8">
        <v>3</v>
      </c>
      <c r="I201" s="8">
        <v>337</v>
      </c>
      <c r="J201" s="8" t="s">
        <v>79</v>
      </c>
      <c r="K201" s="8" t="s">
        <v>78</v>
      </c>
      <c r="L201" s="8" t="s">
        <v>71</v>
      </c>
      <c r="M201" s="8">
        <v>1</v>
      </c>
      <c r="N201" s="8" t="s">
        <v>518</v>
      </c>
      <c r="O201" s="8">
        <v>4</v>
      </c>
      <c r="P201" s="8">
        <v>8</v>
      </c>
      <c r="Q201" s="72"/>
      <c r="R201" s="10"/>
      <c r="S201" s="10"/>
      <c r="T201" s="93"/>
      <c r="U201" s="93"/>
    </row>
    <row r="202" spans="1:21" ht="28">
      <c r="A202" s="8"/>
      <c r="B202" s="8"/>
      <c r="C202" s="8"/>
      <c r="D202" s="8"/>
      <c r="E202" s="8"/>
      <c r="F202" s="8"/>
      <c r="G202" s="8"/>
      <c r="H202" s="8">
        <v>4</v>
      </c>
      <c r="I202" s="8">
        <v>623</v>
      </c>
      <c r="J202" s="8" t="s">
        <v>76</v>
      </c>
      <c r="K202" s="8" t="s">
        <v>17</v>
      </c>
      <c r="L202" s="8" t="s">
        <v>71</v>
      </c>
      <c r="M202" s="8">
        <v>1</v>
      </c>
      <c r="N202" s="8" t="s">
        <v>514</v>
      </c>
      <c r="O202" s="8">
        <v>2</v>
      </c>
      <c r="P202" s="8">
        <v>2</v>
      </c>
      <c r="Q202" s="70" t="s">
        <v>624</v>
      </c>
      <c r="R202" s="10"/>
      <c r="S202" s="10"/>
      <c r="T202" s="93"/>
      <c r="U202" s="93"/>
    </row>
    <row r="203" spans="1:21" ht="70">
      <c r="A203" s="17"/>
      <c r="B203" s="17"/>
      <c r="C203" s="75" t="s">
        <v>130</v>
      </c>
      <c r="D203" s="75" t="s">
        <v>126</v>
      </c>
      <c r="E203" s="75"/>
      <c r="F203" s="75"/>
      <c r="G203" s="75"/>
      <c r="H203" s="75"/>
      <c r="I203" s="75"/>
      <c r="J203" s="75"/>
      <c r="K203" s="75" t="s">
        <v>17</v>
      </c>
      <c r="L203" s="17" t="s">
        <v>71</v>
      </c>
      <c r="M203" s="17" t="s">
        <v>525</v>
      </c>
      <c r="N203" s="75"/>
      <c r="O203" s="75"/>
      <c r="P203" s="75"/>
      <c r="Q203" s="78"/>
      <c r="R203" s="10" t="s">
        <v>2743</v>
      </c>
      <c r="S203" s="81" t="s">
        <v>1691</v>
      </c>
      <c r="T203" s="95" t="s">
        <v>2</v>
      </c>
      <c r="U203" s="95" t="s">
        <v>1477</v>
      </c>
    </row>
    <row r="204" spans="1:21">
      <c r="A204" s="24"/>
      <c r="B204" s="24"/>
      <c r="C204" s="11"/>
      <c r="D204" s="11"/>
      <c r="E204" s="11"/>
      <c r="F204" s="11"/>
      <c r="G204" s="11"/>
      <c r="H204" s="11">
        <v>1</v>
      </c>
      <c r="I204" s="11">
        <v>128</v>
      </c>
      <c r="J204" s="11" t="s">
        <v>128</v>
      </c>
      <c r="K204" s="11" t="s">
        <v>66</v>
      </c>
      <c r="L204" s="8" t="s">
        <v>65</v>
      </c>
      <c r="M204" s="11">
        <v>1</v>
      </c>
      <c r="N204" s="11" t="s">
        <v>514</v>
      </c>
      <c r="O204" s="11">
        <v>2</v>
      </c>
      <c r="P204" s="11">
        <v>3</v>
      </c>
      <c r="Q204" s="11" t="s">
        <v>643</v>
      </c>
      <c r="R204" s="10"/>
      <c r="S204" s="10"/>
      <c r="T204" s="81"/>
      <c r="U204" s="81"/>
    </row>
    <row r="205" spans="1:21">
      <c r="A205" s="24"/>
      <c r="B205" s="24"/>
      <c r="C205" s="11"/>
      <c r="D205" s="11"/>
      <c r="E205" s="11"/>
      <c r="F205" s="11"/>
      <c r="G205" s="11"/>
      <c r="H205" s="11">
        <v>2</v>
      </c>
      <c r="I205" s="11">
        <v>127</v>
      </c>
      <c r="J205" s="11" t="s">
        <v>126</v>
      </c>
      <c r="K205" s="11" t="s">
        <v>78</v>
      </c>
      <c r="L205" s="8" t="s">
        <v>71</v>
      </c>
      <c r="M205" s="11">
        <v>1</v>
      </c>
      <c r="N205" s="11" t="s">
        <v>509</v>
      </c>
      <c r="O205" s="11">
        <v>1</v>
      </c>
      <c r="P205" s="11">
        <v>30</v>
      </c>
      <c r="Q205" s="18"/>
      <c r="R205" s="10"/>
      <c r="S205" s="10"/>
      <c r="T205" s="81"/>
      <c r="U205" s="81"/>
    </row>
    <row r="206" spans="1:21">
      <c r="A206" s="24"/>
      <c r="B206" s="24"/>
      <c r="C206" s="11"/>
      <c r="D206" s="11"/>
      <c r="E206" s="11"/>
      <c r="F206" s="11"/>
      <c r="G206" s="11"/>
      <c r="H206" s="11">
        <v>3</v>
      </c>
      <c r="I206" s="11">
        <v>352</v>
      </c>
      <c r="J206" s="11" t="s">
        <v>3</v>
      </c>
      <c r="K206" s="11" t="s">
        <v>78</v>
      </c>
      <c r="L206" s="8" t="s">
        <v>71</v>
      </c>
      <c r="M206" s="11">
        <v>1</v>
      </c>
      <c r="N206" s="11" t="s">
        <v>509</v>
      </c>
      <c r="O206" s="11">
        <v>1</v>
      </c>
      <c r="P206" s="11">
        <v>80</v>
      </c>
      <c r="Q206" s="18"/>
      <c r="R206" s="10"/>
      <c r="S206" s="10"/>
      <c r="T206" s="81"/>
      <c r="U206" s="81"/>
    </row>
    <row r="207" spans="1:21" ht="42">
      <c r="A207" s="17"/>
      <c r="B207" s="17"/>
      <c r="C207" s="17" t="s">
        <v>130</v>
      </c>
      <c r="D207" s="17" t="s">
        <v>126</v>
      </c>
      <c r="E207" s="17"/>
      <c r="F207" s="17"/>
      <c r="G207" s="17"/>
      <c r="H207" s="17"/>
      <c r="I207" s="17"/>
      <c r="J207" s="17"/>
      <c r="K207" s="17" t="s">
        <v>17</v>
      </c>
      <c r="L207" s="17" t="s">
        <v>71</v>
      </c>
      <c r="M207" s="17" t="s">
        <v>525</v>
      </c>
      <c r="N207" s="75"/>
      <c r="O207" s="75"/>
      <c r="P207" s="75"/>
      <c r="Q207" s="17"/>
      <c r="R207" s="191" t="s">
        <v>1696</v>
      </c>
      <c r="S207" s="93" t="s">
        <v>1697</v>
      </c>
      <c r="T207" s="95" t="s">
        <v>1477</v>
      </c>
      <c r="U207" s="95" t="s">
        <v>2</v>
      </c>
    </row>
    <row r="208" spans="1:21">
      <c r="A208" s="8"/>
      <c r="B208" s="8"/>
      <c r="C208" s="8"/>
      <c r="D208" s="8"/>
      <c r="E208" s="8"/>
      <c r="F208" s="8"/>
      <c r="G208" s="8"/>
      <c r="H208" s="8">
        <v>1</v>
      </c>
      <c r="I208" s="8">
        <v>128</v>
      </c>
      <c r="J208" s="8" t="s">
        <v>128</v>
      </c>
      <c r="K208" s="8" t="s">
        <v>66</v>
      </c>
      <c r="L208" s="8" t="s">
        <v>65</v>
      </c>
      <c r="M208" s="11">
        <v>1</v>
      </c>
      <c r="N208" s="11" t="s">
        <v>514</v>
      </c>
      <c r="O208" s="11">
        <v>2</v>
      </c>
      <c r="P208" s="11">
        <v>3</v>
      </c>
      <c r="Q208" s="8" t="s">
        <v>640</v>
      </c>
      <c r="R208" s="10"/>
      <c r="S208" s="10"/>
      <c r="T208" s="93"/>
      <c r="U208" s="93"/>
    </row>
    <row r="209" spans="1:21">
      <c r="A209" s="8"/>
      <c r="B209" s="8"/>
      <c r="C209" s="8"/>
      <c r="D209" s="8"/>
      <c r="E209" s="8"/>
      <c r="F209" s="8"/>
      <c r="G209" s="8"/>
      <c r="H209" s="8">
        <v>2</v>
      </c>
      <c r="I209" s="8">
        <v>127</v>
      </c>
      <c r="J209" s="8" t="s">
        <v>126</v>
      </c>
      <c r="K209" s="8" t="s">
        <v>78</v>
      </c>
      <c r="L209" s="8" t="s">
        <v>71</v>
      </c>
      <c r="M209" s="11">
        <v>1</v>
      </c>
      <c r="N209" s="11" t="s">
        <v>509</v>
      </c>
      <c r="O209" s="11">
        <v>1</v>
      </c>
      <c r="P209" s="11">
        <v>30</v>
      </c>
      <c r="Q209" s="8"/>
      <c r="R209" s="10"/>
      <c r="S209" s="10"/>
      <c r="T209" s="93"/>
      <c r="U209" s="93"/>
    </row>
    <row r="210" spans="1:21">
      <c r="A210" s="8"/>
      <c r="B210" s="8"/>
      <c r="C210" s="8"/>
      <c r="D210" s="8"/>
      <c r="E210" s="8"/>
      <c r="F210" s="8"/>
      <c r="G210" s="8"/>
      <c r="H210" s="8">
        <v>3</v>
      </c>
      <c r="I210" s="8">
        <v>352</v>
      </c>
      <c r="J210" s="8" t="s">
        <v>3</v>
      </c>
      <c r="K210" s="8" t="s">
        <v>78</v>
      </c>
      <c r="L210" s="8" t="s">
        <v>71</v>
      </c>
      <c r="M210" s="11">
        <v>1</v>
      </c>
      <c r="N210" s="11" t="s">
        <v>509</v>
      </c>
      <c r="O210" s="11">
        <v>1</v>
      </c>
      <c r="P210" s="11">
        <v>80</v>
      </c>
      <c r="Q210" s="8"/>
      <c r="R210" s="10"/>
      <c r="S210" s="10"/>
      <c r="T210" s="93"/>
      <c r="U210" s="93"/>
    </row>
    <row r="211" spans="1:21" ht="56">
      <c r="A211" s="17"/>
      <c r="B211" s="17"/>
      <c r="C211" s="17" t="s">
        <v>130</v>
      </c>
      <c r="D211" s="17" t="s">
        <v>126</v>
      </c>
      <c r="E211" s="17"/>
      <c r="F211" s="17"/>
      <c r="G211" s="17"/>
      <c r="H211" s="17"/>
      <c r="I211" s="17"/>
      <c r="J211" s="17"/>
      <c r="K211" s="17" t="s">
        <v>17</v>
      </c>
      <c r="L211" s="17" t="s">
        <v>71</v>
      </c>
      <c r="M211" s="17" t="s">
        <v>525</v>
      </c>
      <c r="N211" s="75"/>
      <c r="O211" s="75"/>
      <c r="P211" s="75"/>
      <c r="Q211" s="17"/>
      <c r="R211" s="308" t="s">
        <v>2452</v>
      </c>
      <c r="S211" s="93" t="s">
        <v>2451</v>
      </c>
      <c r="T211" s="95" t="s">
        <v>1692</v>
      </c>
      <c r="U211" s="95" t="s">
        <v>1692</v>
      </c>
    </row>
    <row r="212" spans="1:21">
      <c r="A212" s="8"/>
      <c r="B212" s="8"/>
      <c r="C212" s="8"/>
      <c r="D212" s="8"/>
      <c r="E212" s="8"/>
      <c r="F212" s="8"/>
      <c r="G212" s="8"/>
      <c r="H212" s="8">
        <v>1</v>
      </c>
      <c r="I212" s="8">
        <v>128</v>
      </c>
      <c r="J212" s="8" t="s">
        <v>128</v>
      </c>
      <c r="K212" s="8" t="s">
        <v>66</v>
      </c>
      <c r="L212" s="8" t="s">
        <v>65</v>
      </c>
      <c r="M212" s="11">
        <v>1</v>
      </c>
      <c r="N212" s="11" t="s">
        <v>514</v>
      </c>
      <c r="O212" s="11">
        <v>2</v>
      </c>
      <c r="P212" s="11">
        <v>3</v>
      </c>
      <c r="Q212" s="8" t="s">
        <v>639</v>
      </c>
      <c r="R212" s="10"/>
      <c r="S212" s="10"/>
      <c r="T212" s="93"/>
      <c r="U212" s="93"/>
    </row>
    <row r="213" spans="1:21">
      <c r="A213" s="8"/>
      <c r="B213" s="8"/>
      <c r="C213" s="8"/>
      <c r="D213" s="8"/>
      <c r="E213" s="8"/>
      <c r="F213" s="8"/>
      <c r="G213" s="8"/>
      <c r="H213" s="8">
        <v>2</v>
      </c>
      <c r="I213" s="8">
        <v>127</v>
      </c>
      <c r="J213" s="8" t="s">
        <v>126</v>
      </c>
      <c r="K213" s="8" t="s">
        <v>78</v>
      </c>
      <c r="L213" s="8" t="s">
        <v>71</v>
      </c>
      <c r="M213" s="11">
        <v>1</v>
      </c>
      <c r="N213" s="11" t="s">
        <v>509</v>
      </c>
      <c r="O213" s="11">
        <v>1</v>
      </c>
      <c r="P213" s="11">
        <v>30</v>
      </c>
      <c r="Q213" s="8"/>
      <c r="R213" s="10"/>
      <c r="S213" s="10"/>
      <c r="T213" s="93"/>
      <c r="U213" s="93"/>
    </row>
    <row r="214" spans="1:21">
      <c r="A214" s="8"/>
      <c r="B214" s="8"/>
      <c r="C214" s="8"/>
      <c r="D214" s="8"/>
      <c r="E214" s="8"/>
      <c r="F214" s="8"/>
      <c r="G214" s="8"/>
      <c r="H214" s="8">
        <v>3</v>
      </c>
      <c r="I214" s="8">
        <v>352</v>
      </c>
      <c r="J214" s="8" t="s">
        <v>3</v>
      </c>
      <c r="K214" s="8" t="s">
        <v>78</v>
      </c>
      <c r="L214" s="8" t="s">
        <v>71</v>
      </c>
      <c r="M214" s="11">
        <v>1</v>
      </c>
      <c r="N214" s="11" t="s">
        <v>509</v>
      </c>
      <c r="O214" s="11">
        <v>1</v>
      </c>
      <c r="P214" s="11">
        <v>80</v>
      </c>
      <c r="Q214" s="8"/>
      <c r="R214" s="10"/>
      <c r="S214" s="10"/>
      <c r="T214" s="93"/>
      <c r="U214" s="93"/>
    </row>
    <row r="215" spans="1:21" ht="14.5">
      <c r="A215" s="17"/>
      <c r="B215" s="17"/>
      <c r="C215" s="17" t="s">
        <v>248</v>
      </c>
      <c r="D215" s="17" t="s">
        <v>472</v>
      </c>
      <c r="E215" s="17"/>
      <c r="F215" s="17"/>
      <c r="G215" s="17"/>
      <c r="H215" s="17"/>
      <c r="I215" s="17"/>
      <c r="J215" s="17"/>
      <c r="K215" s="17" t="s">
        <v>17</v>
      </c>
      <c r="L215" s="17" t="s">
        <v>71</v>
      </c>
      <c r="M215" s="17">
        <v>1</v>
      </c>
      <c r="N215" s="17"/>
      <c r="O215" s="17"/>
      <c r="P215" s="17"/>
      <c r="Q215" s="74"/>
      <c r="R215" s="10" t="s">
        <v>1032</v>
      </c>
      <c r="S215" s="309" t="s">
        <v>1483</v>
      </c>
      <c r="T215" s="2" t="s">
        <v>2</v>
      </c>
      <c r="U215" s="2" t="s">
        <v>2</v>
      </c>
    </row>
    <row r="216" spans="1:21" ht="28">
      <c r="A216" s="8"/>
      <c r="B216" s="8"/>
      <c r="C216" s="8"/>
      <c r="D216" s="8"/>
      <c r="E216" s="8"/>
      <c r="F216" s="8"/>
      <c r="G216" s="8"/>
      <c r="H216" s="8">
        <v>1</v>
      </c>
      <c r="I216" s="8">
        <v>146</v>
      </c>
      <c r="J216" s="8" t="s">
        <v>246</v>
      </c>
      <c r="K216" s="8" t="s">
        <v>66</v>
      </c>
      <c r="L216" s="8" t="s">
        <v>65</v>
      </c>
      <c r="M216" s="8">
        <v>1</v>
      </c>
      <c r="N216" s="8" t="s">
        <v>514</v>
      </c>
      <c r="O216" s="8">
        <v>2</v>
      </c>
      <c r="P216" s="8">
        <v>2</v>
      </c>
      <c r="Q216" s="70" t="s">
        <v>624</v>
      </c>
      <c r="R216" s="10"/>
      <c r="S216" s="206"/>
      <c r="T216" s="215"/>
      <c r="U216" s="215"/>
    </row>
    <row r="217" spans="1:21" ht="28">
      <c r="A217" s="8"/>
      <c r="B217" s="8"/>
      <c r="C217" s="8"/>
      <c r="D217" s="8"/>
      <c r="E217" s="8"/>
      <c r="F217" s="8"/>
      <c r="G217" s="8"/>
      <c r="H217" s="8">
        <v>2</v>
      </c>
      <c r="I217" s="8">
        <v>309</v>
      </c>
      <c r="J217" s="8" t="s">
        <v>133</v>
      </c>
      <c r="K217" s="8" t="s">
        <v>78</v>
      </c>
      <c r="L217" s="8" t="s">
        <v>71</v>
      </c>
      <c r="M217" s="8">
        <v>1</v>
      </c>
      <c r="N217" s="8" t="s">
        <v>514</v>
      </c>
      <c r="O217" s="8">
        <v>1</v>
      </c>
      <c r="P217" s="8">
        <v>2</v>
      </c>
      <c r="Q217" s="70" t="s">
        <v>624</v>
      </c>
      <c r="R217" s="10"/>
      <c r="S217" s="206"/>
      <c r="T217" s="215"/>
      <c r="U217" s="215"/>
    </row>
    <row r="218" spans="1:21">
      <c r="A218" s="8"/>
      <c r="B218" s="8"/>
      <c r="C218" s="8"/>
      <c r="D218" s="8"/>
      <c r="E218" s="8"/>
      <c r="F218" s="8"/>
      <c r="G218" s="8"/>
      <c r="H218" s="8">
        <v>3</v>
      </c>
      <c r="I218" s="8">
        <v>352</v>
      </c>
      <c r="J218" s="8" t="s">
        <v>3</v>
      </c>
      <c r="K218" s="8" t="s">
        <v>17</v>
      </c>
      <c r="L218" s="8" t="s">
        <v>71</v>
      </c>
      <c r="M218" s="8">
        <v>1</v>
      </c>
      <c r="N218" s="8" t="s">
        <v>509</v>
      </c>
      <c r="O218" s="8">
        <v>1</v>
      </c>
      <c r="P218" s="8">
        <v>80</v>
      </c>
      <c r="Q218" s="18"/>
      <c r="R218" s="10"/>
      <c r="S218" s="206"/>
      <c r="T218" s="215"/>
      <c r="U218" s="215"/>
    </row>
    <row r="219" spans="1:21">
      <c r="A219" s="8"/>
      <c r="B219" s="8"/>
      <c r="C219" s="8"/>
      <c r="D219" s="8"/>
      <c r="E219" s="8"/>
      <c r="F219" s="8"/>
      <c r="G219" s="8"/>
      <c r="H219" s="8">
        <v>4</v>
      </c>
      <c r="I219" s="8">
        <v>334</v>
      </c>
      <c r="J219" s="8" t="s">
        <v>242</v>
      </c>
      <c r="K219" s="8" t="s">
        <v>17</v>
      </c>
      <c r="L219" s="8" t="s">
        <v>71</v>
      </c>
      <c r="M219" s="8">
        <v>1</v>
      </c>
      <c r="N219" s="8" t="s">
        <v>514</v>
      </c>
      <c r="O219" s="8">
        <v>2</v>
      </c>
      <c r="P219" s="8">
        <v>2</v>
      </c>
      <c r="Q219" s="8" t="s">
        <v>643</v>
      </c>
      <c r="R219" s="10"/>
      <c r="S219" s="206"/>
      <c r="T219" s="215"/>
      <c r="U219" s="215"/>
    </row>
    <row r="220" spans="1:21" ht="28">
      <c r="A220" s="8"/>
      <c r="B220" s="8"/>
      <c r="C220" s="8"/>
      <c r="D220" s="8"/>
      <c r="E220" s="8"/>
      <c r="F220" s="8"/>
      <c r="G220" s="8"/>
      <c r="H220" s="8">
        <v>5</v>
      </c>
      <c r="I220" s="8">
        <v>335</v>
      </c>
      <c r="J220" s="8" t="s">
        <v>240</v>
      </c>
      <c r="K220" s="8" t="s">
        <v>78</v>
      </c>
      <c r="L220" s="8" t="s">
        <v>71</v>
      </c>
      <c r="M220" s="8">
        <v>1</v>
      </c>
      <c r="N220" s="8" t="s">
        <v>514</v>
      </c>
      <c r="O220" s="8">
        <v>3</v>
      </c>
      <c r="P220" s="8">
        <v>3</v>
      </c>
      <c r="Q220" s="70" t="s">
        <v>624</v>
      </c>
      <c r="R220" s="10"/>
      <c r="S220" s="206"/>
      <c r="T220" s="215"/>
      <c r="U220" s="215"/>
    </row>
    <row r="221" spans="1:21">
      <c r="A221" s="8"/>
      <c r="B221" s="8"/>
      <c r="C221" s="8"/>
      <c r="D221" s="8"/>
      <c r="E221" s="8"/>
      <c r="F221" s="8"/>
      <c r="G221" s="8"/>
      <c r="H221" s="8">
        <v>6</v>
      </c>
      <c r="I221" s="8">
        <v>309</v>
      </c>
      <c r="J221" s="8" t="s">
        <v>133</v>
      </c>
      <c r="K221" s="8" t="s">
        <v>78</v>
      </c>
      <c r="L221" s="8" t="s">
        <v>71</v>
      </c>
      <c r="M221" s="8">
        <v>1</v>
      </c>
      <c r="N221" s="8" t="s">
        <v>514</v>
      </c>
      <c r="O221" s="8">
        <v>1</v>
      </c>
      <c r="P221" s="8">
        <v>2</v>
      </c>
      <c r="Q221" s="11" t="s">
        <v>643</v>
      </c>
      <c r="R221" s="10"/>
      <c r="S221" s="206"/>
      <c r="T221" s="215"/>
      <c r="U221" s="215"/>
    </row>
    <row r="222" spans="1:21">
      <c r="A222" s="8"/>
      <c r="B222" s="8"/>
      <c r="C222" s="8"/>
      <c r="D222" s="8"/>
      <c r="E222" s="8"/>
      <c r="F222" s="8"/>
      <c r="G222" s="8"/>
      <c r="H222" s="8">
        <v>7</v>
      </c>
      <c r="I222" s="8">
        <v>352</v>
      </c>
      <c r="J222" s="8" t="s">
        <v>3</v>
      </c>
      <c r="K222" s="8" t="s">
        <v>17</v>
      </c>
      <c r="L222" s="8" t="s">
        <v>71</v>
      </c>
      <c r="M222" s="8">
        <v>1</v>
      </c>
      <c r="N222" s="8" t="s">
        <v>509</v>
      </c>
      <c r="O222" s="8">
        <v>1</v>
      </c>
      <c r="P222" s="8">
        <v>80</v>
      </c>
      <c r="Q222" s="18"/>
      <c r="R222" s="10"/>
      <c r="S222" s="206"/>
      <c r="T222" s="215"/>
      <c r="U222" s="215"/>
    </row>
    <row r="223" spans="1:21" ht="15.5">
      <c r="A223" s="17"/>
      <c r="B223" s="17"/>
      <c r="C223" s="17"/>
      <c r="D223" s="17"/>
      <c r="E223" s="17"/>
      <c r="F223" s="17"/>
      <c r="G223" s="17"/>
      <c r="H223" s="17"/>
      <c r="I223" s="17"/>
      <c r="J223" s="17"/>
      <c r="K223" s="17" t="s">
        <v>17</v>
      </c>
      <c r="L223" s="17" t="s">
        <v>71</v>
      </c>
      <c r="M223" s="17">
        <v>200</v>
      </c>
      <c r="N223" s="17"/>
      <c r="O223" s="17"/>
      <c r="P223" s="17"/>
      <c r="Q223" s="17"/>
      <c r="R223" s="10" t="s">
        <v>1372</v>
      </c>
      <c r="S223" s="205" t="s">
        <v>1484</v>
      </c>
      <c r="T223" s="205" t="s">
        <v>2</v>
      </c>
      <c r="U223" s="205" t="s">
        <v>2</v>
      </c>
    </row>
    <row r="224" spans="1:21">
      <c r="A224" s="17"/>
      <c r="B224" s="17"/>
      <c r="C224" s="17" t="s">
        <v>158</v>
      </c>
      <c r="D224" s="17" t="s">
        <v>120</v>
      </c>
      <c r="E224" s="17"/>
      <c r="F224" s="17"/>
      <c r="G224" s="17"/>
      <c r="H224" s="17"/>
      <c r="I224" s="17"/>
      <c r="J224" s="17"/>
      <c r="K224" s="17" t="s">
        <v>17</v>
      </c>
      <c r="L224" s="17" t="s">
        <v>71</v>
      </c>
      <c r="M224" s="17">
        <v>1</v>
      </c>
      <c r="N224" s="17"/>
      <c r="O224" s="17"/>
      <c r="P224" s="17"/>
      <c r="Q224" s="17"/>
      <c r="R224" s="10"/>
      <c r="S224" s="206"/>
      <c r="T224" s="215"/>
      <c r="U224" s="215"/>
    </row>
    <row r="225" spans="1:21" ht="28">
      <c r="A225" s="8"/>
      <c r="B225" s="8"/>
      <c r="C225" s="8"/>
      <c r="D225" s="8"/>
      <c r="E225" s="8"/>
      <c r="F225" s="8"/>
      <c r="G225" s="8"/>
      <c r="H225" s="8">
        <v>1</v>
      </c>
      <c r="I225" s="8">
        <v>98</v>
      </c>
      <c r="J225" s="8" t="s">
        <v>156</v>
      </c>
      <c r="K225" s="8" t="s">
        <v>66</v>
      </c>
      <c r="L225" s="8" t="s">
        <v>65</v>
      </c>
      <c r="M225" s="8">
        <v>1</v>
      </c>
      <c r="N225" s="8" t="s">
        <v>514</v>
      </c>
      <c r="O225" s="8">
        <v>2</v>
      </c>
      <c r="P225" s="8">
        <v>3</v>
      </c>
      <c r="Q225" s="70" t="s">
        <v>624</v>
      </c>
      <c r="R225" s="10"/>
      <c r="S225" s="206"/>
      <c r="T225" s="215"/>
      <c r="U225" s="215"/>
    </row>
    <row r="226" spans="1:21">
      <c r="A226" s="8"/>
      <c r="B226" s="8"/>
      <c r="C226" s="8"/>
      <c r="D226" s="8"/>
      <c r="E226" s="8"/>
      <c r="F226" s="8"/>
      <c r="G226" s="8"/>
      <c r="H226" s="8">
        <v>2</v>
      </c>
      <c r="I226" s="8">
        <v>93</v>
      </c>
      <c r="J226" s="8" t="s">
        <v>120</v>
      </c>
      <c r="K226" s="8" t="s">
        <v>78</v>
      </c>
      <c r="L226" s="8" t="s">
        <v>71</v>
      </c>
      <c r="M226" s="8">
        <v>1</v>
      </c>
      <c r="N226" s="8" t="s">
        <v>509</v>
      </c>
      <c r="O226" s="8">
        <v>1</v>
      </c>
      <c r="P226" s="8">
        <v>60</v>
      </c>
      <c r="Q226" s="72"/>
      <c r="R226" s="10"/>
      <c r="S226" s="206"/>
      <c r="T226" s="215"/>
      <c r="U226" s="215"/>
    </row>
    <row r="227" spans="1:21" ht="28">
      <c r="A227" s="8"/>
      <c r="B227" s="8"/>
      <c r="C227" s="8"/>
      <c r="D227" s="8"/>
      <c r="E227" s="8"/>
      <c r="F227" s="8"/>
      <c r="G227" s="8"/>
      <c r="H227" s="8">
        <v>3</v>
      </c>
      <c r="I227" s="8">
        <v>66</v>
      </c>
      <c r="J227" s="8" t="s">
        <v>153</v>
      </c>
      <c r="K227" s="8" t="s">
        <v>78</v>
      </c>
      <c r="L227" s="8" t="s">
        <v>71</v>
      </c>
      <c r="M227" s="8">
        <v>1</v>
      </c>
      <c r="N227" s="8" t="s">
        <v>514</v>
      </c>
      <c r="O227" s="8">
        <v>1</v>
      </c>
      <c r="P227" s="8">
        <v>2</v>
      </c>
      <c r="Q227" s="70" t="s">
        <v>624</v>
      </c>
      <c r="R227" s="10"/>
      <c r="S227" s="206"/>
      <c r="T227" s="215"/>
      <c r="U227" s="215"/>
    </row>
    <row r="228" spans="1:21">
      <c r="A228" s="8"/>
      <c r="B228" s="8"/>
      <c r="C228" s="8"/>
      <c r="D228" s="8"/>
      <c r="E228" s="8"/>
      <c r="F228" s="8"/>
      <c r="G228" s="8"/>
      <c r="H228" s="8">
        <v>4</v>
      </c>
      <c r="I228" s="8">
        <v>67</v>
      </c>
      <c r="J228" s="8" t="s">
        <v>151</v>
      </c>
      <c r="K228" s="8" t="s">
        <v>78</v>
      </c>
      <c r="L228" s="8" t="s">
        <v>71</v>
      </c>
      <c r="M228" s="8">
        <v>1</v>
      </c>
      <c r="N228" s="8" t="s">
        <v>509</v>
      </c>
      <c r="O228" s="8">
        <v>2</v>
      </c>
      <c r="P228" s="8">
        <v>80</v>
      </c>
      <c r="Q228" s="72"/>
      <c r="R228" s="10"/>
      <c r="S228" s="206"/>
      <c r="T228" s="215"/>
      <c r="U228" s="215"/>
    </row>
    <row r="229" spans="1:21">
      <c r="A229" s="17"/>
      <c r="B229" s="17"/>
      <c r="C229" s="17" t="s">
        <v>150</v>
      </c>
      <c r="D229" s="17" t="s">
        <v>473</v>
      </c>
      <c r="E229" s="17"/>
      <c r="F229" s="17"/>
      <c r="G229" s="17"/>
      <c r="H229" s="17"/>
      <c r="I229" s="17"/>
      <c r="J229" s="17"/>
      <c r="K229" s="17" t="s">
        <v>17</v>
      </c>
      <c r="L229" s="17" t="s">
        <v>71</v>
      </c>
      <c r="M229" s="17">
        <v>2</v>
      </c>
      <c r="N229" s="17"/>
      <c r="O229" s="17"/>
      <c r="P229" s="17"/>
      <c r="Q229" s="17"/>
      <c r="R229" s="10"/>
      <c r="S229" s="206"/>
      <c r="T229" s="215"/>
      <c r="U229" s="215"/>
    </row>
    <row r="230" spans="1:21">
      <c r="A230" s="8"/>
      <c r="B230" s="8"/>
      <c r="C230" s="8"/>
      <c r="D230" s="8"/>
      <c r="E230" s="8"/>
      <c r="F230" s="8"/>
      <c r="G230" s="8"/>
      <c r="H230" s="8">
        <v>1</v>
      </c>
      <c r="I230" s="8">
        <v>93</v>
      </c>
      <c r="J230" s="8" t="s">
        <v>120</v>
      </c>
      <c r="K230" s="8" t="s">
        <v>66</v>
      </c>
      <c r="L230" s="8" t="s">
        <v>65</v>
      </c>
      <c r="M230" s="8">
        <v>1</v>
      </c>
      <c r="N230" s="8" t="s">
        <v>509</v>
      </c>
      <c r="O230" s="8">
        <v>1</v>
      </c>
      <c r="P230" s="8">
        <v>60</v>
      </c>
      <c r="Q230" s="72"/>
      <c r="R230" s="10"/>
      <c r="S230" s="206"/>
      <c r="T230" s="215"/>
      <c r="U230" s="215"/>
    </row>
    <row r="231" spans="1:21">
      <c r="A231" s="8"/>
      <c r="B231" s="8"/>
      <c r="C231" s="8"/>
      <c r="D231" s="8"/>
      <c r="E231" s="8"/>
      <c r="F231" s="8"/>
      <c r="G231" s="8"/>
      <c r="H231" s="8">
        <v>2</v>
      </c>
      <c r="I231" s="8">
        <v>93</v>
      </c>
      <c r="J231" s="8" t="s">
        <v>120</v>
      </c>
      <c r="K231" s="8" t="s">
        <v>17</v>
      </c>
      <c r="L231" s="8" t="s">
        <v>71</v>
      </c>
      <c r="M231" s="8">
        <v>1</v>
      </c>
      <c r="N231" s="8" t="s">
        <v>509</v>
      </c>
      <c r="O231" s="8">
        <v>1</v>
      </c>
      <c r="P231" s="8">
        <v>60</v>
      </c>
      <c r="Q231" s="72"/>
      <c r="R231" s="10"/>
      <c r="S231" s="206"/>
      <c r="T231" s="215"/>
      <c r="U231" s="215"/>
    </row>
    <row r="232" spans="1:21">
      <c r="A232" s="17"/>
      <c r="B232" s="17"/>
      <c r="C232" s="17" t="s">
        <v>150</v>
      </c>
      <c r="D232" s="17" t="s">
        <v>473</v>
      </c>
      <c r="E232" s="17"/>
      <c r="F232" s="17"/>
      <c r="G232" s="17"/>
      <c r="H232" s="17"/>
      <c r="I232" s="17"/>
      <c r="J232" s="17"/>
      <c r="K232" s="17" t="s">
        <v>17</v>
      </c>
      <c r="L232" s="17" t="s">
        <v>71</v>
      </c>
      <c r="M232" s="17">
        <v>2</v>
      </c>
      <c r="N232" s="17"/>
      <c r="O232" s="17"/>
      <c r="P232" s="17"/>
      <c r="Q232" s="17"/>
      <c r="R232" s="10"/>
      <c r="S232" s="206"/>
      <c r="T232" s="215"/>
      <c r="U232" s="215"/>
    </row>
    <row r="233" spans="1:21">
      <c r="A233" s="8"/>
      <c r="B233" s="8"/>
      <c r="C233" s="8"/>
      <c r="D233" s="8"/>
      <c r="E233" s="8"/>
      <c r="F233" s="8"/>
      <c r="G233" s="8"/>
      <c r="H233" s="8">
        <v>1</v>
      </c>
      <c r="I233" s="8">
        <v>93</v>
      </c>
      <c r="J233" s="8" t="s">
        <v>120</v>
      </c>
      <c r="K233" s="8" t="s">
        <v>66</v>
      </c>
      <c r="L233" s="8" t="s">
        <v>65</v>
      </c>
      <c r="M233" s="8">
        <v>1</v>
      </c>
      <c r="N233" s="8" t="s">
        <v>509</v>
      </c>
      <c r="O233" s="8">
        <v>1</v>
      </c>
      <c r="P233" s="8">
        <v>60</v>
      </c>
      <c r="Q233" s="72"/>
      <c r="R233" s="10"/>
      <c r="S233" s="206"/>
      <c r="T233" s="215"/>
      <c r="U233" s="215"/>
    </row>
    <row r="234" spans="1:21">
      <c r="A234" s="8"/>
      <c r="B234" s="8"/>
      <c r="C234" s="8"/>
      <c r="D234" s="8"/>
      <c r="E234" s="8"/>
      <c r="F234" s="8"/>
      <c r="G234" s="8"/>
      <c r="H234" s="8">
        <v>2</v>
      </c>
      <c r="I234" s="8">
        <v>93</v>
      </c>
      <c r="J234" s="8" t="s">
        <v>120</v>
      </c>
      <c r="K234" s="8" t="s">
        <v>17</v>
      </c>
      <c r="L234" s="8" t="s">
        <v>71</v>
      </c>
      <c r="M234" s="8">
        <v>1</v>
      </c>
      <c r="N234" s="8" t="s">
        <v>509</v>
      </c>
      <c r="O234" s="8">
        <v>1</v>
      </c>
      <c r="P234" s="8">
        <v>60</v>
      </c>
      <c r="Q234" s="72"/>
      <c r="R234" s="10"/>
      <c r="S234" s="206"/>
      <c r="T234" s="215"/>
      <c r="U234" s="215"/>
    </row>
    <row r="235" spans="1:21">
      <c r="A235" s="17"/>
      <c r="B235" s="17"/>
      <c r="C235" s="17" t="s">
        <v>147</v>
      </c>
      <c r="D235" s="17" t="s">
        <v>144</v>
      </c>
      <c r="E235" s="17"/>
      <c r="F235" s="17"/>
      <c r="G235" s="17"/>
      <c r="H235" s="17"/>
      <c r="I235" s="17"/>
      <c r="J235" s="17"/>
      <c r="K235" s="17" t="s">
        <v>17</v>
      </c>
      <c r="L235" s="17" t="s">
        <v>71</v>
      </c>
      <c r="M235" s="17">
        <v>2</v>
      </c>
      <c r="N235" s="17"/>
      <c r="O235" s="17"/>
      <c r="P235" s="17"/>
      <c r="Q235" s="17"/>
      <c r="R235" s="10" t="s">
        <v>936</v>
      </c>
      <c r="S235" s="206"/>
      <c r="T235" s="215"/>
      <c r="U235" s="215"/>
    </row>
    <row r="236" spans="1:21">
      <c r="A236" s="8"/>
      <c r="B236" s="8"/>
      <c r="C236" s="8"/>
      <c r="D236" s="8"/>
      <c r="E236" s="8"/>
      <c r="F236" s="8"/>
      <c r="G236" s="8"/>
      <c r="H236" s="8">
        <v>1</v>
      </c>
      <c r="I236" s="8">
        <v>166</v>
      </c>
      <c r="J236" s="8" t="s">
        <v>144</v>
      </c>
      <c r="K236" s="8" t="s">
        <v>66</v>
      </c>
      <c r="L236" s="8" t="s">
        <v>65</v>
      </c>
      <c r="M236" s="8">
        <v>1</v>
      </c>
      <c r="N236" s="8" t="s">
        <v>509</v>
      </c>
      <c r="O236" s="8">
        <v>1</v>
      </c>
      <c r="P236" s="8">
        <v>55</v>
      </c>
      <c r="Q236" s="72"/>
      <c r="R236" s="10"/>
      <c r="S236" s="206"/>
      <c r="T236" s="215"/>
      <c r="U236" s="215"/>
    </row>
    <row r="237" spans="1:21">
      <c r="A237" s="8"/>
      <c r="B237" s="8"/>
      <c r="C237" s="8"/>
      <c r="D237" s="8"/>
      <c r="E237" s="8"/>
      <c r="F237" s="8"/>
      <c r="G237" s="8"/>
      <c r="H237" s="8">
        <v>2</v>
      </c>
      <c r="I237" s="8">
        <v>166</v>
      </c>
      <c r="J237" s="8" t="s">
        <v>144</v>
      </c>
      <c r="K237" s="8" t="s">
        <v>17</v>
      </c>
      <c r="L237" s="8" t="s">
        <v>71</v>
      </c>
      <c r="M237" s="8">
        <v>1</v>
      </c>
      <c r="N237" s="8" t="s">
        <v>509</v>
      </c>
      <c r="O237" s="8">
        <v>1</v>
      </c>
      <c r="P237" s="8">
        <v>55</v>
      </c>
      <c r="Q237" s="72"/>
      <c r="R237" s="10"/>
      <c r="S237" s="206"/>
      <c r="T237" s="215"/>
      <c r="U237" s="215"/>
    </row>
    <row r="238" spans="1:21">
      <c r="A238" s="17"/>
      <c r="B238" s="17"/>
      <c r="C238" s="17" t="s">
        <v>147</v>
      </c>
      <c r="D238" s="17" t="s">
        <v>144</v>
      </c>
      <c r="E238" s="17"/>
      <c r="F238" s="17"/>
      <c r="G238" s="17"/>
      <c r="H238" s="17"/>
      <c r="I238" s="17"/>
      <c r="J238" s="17"/>
      <c r="K238" s="17" t="s">
        <v>17</v>
      </c>
      <c r="L238" s="17" t="s">
        <v>71</v>
      </c>
      <c r="M238" s="17">
        <v>2</v>
      </c>
      <c r="N238" s="17"/>
      <c r="O238" s="17"/>
      <c r="P238" s="17"/>
      <c r="Q238" s="17"/>
      <c r="R238" s="10"/>
      <c r="S238" s="206"/>
      <c r="T238" s="215"/>
      <c r="U238" s="215"/>
    </row>
    <row r="239" spans="1:21">
      <c r="A239" s="8"/>
      <c r="B239" s="8"/>
      <c r="C239" s="8"/>
      <c r="D239" s="8"/>
      <c r="E239" s="8"/>
      <c r="F239" s="8"/>
      <c r="G239" s="8"/>
      <c r="H239" s="8">
        <v>1</v>
      </c>
      <c r="I239" s="8">
        <v>166</v>
      </c>
      <c r="J239" s="8" t="s">
        <v>144</v>
      </c>
      <c r="K239" s="8" t="s">
        <v>66</v>
      </c>
      <c r="L239" s="8" t="s">
        <v>65</v>
      </c>
      <c r="M239" s="8">
        <v>1</v>
      </c>
      <c r="N239" s="8" t="s">
        <v>509</v>
      </c>
      <c r="O239" s="8">
        <v>1</v>
      </c>
      <c r="P239" s="8">
        <v>55</v>
      </c>
      <c r="Q239" s="72"/>
      <c r="R239" s="10"/>
      <c r="S239" s="206"/>
      <c r="T239" s="215"/>
      <c r="U239" s="215"/>
    </row>
    <row r="240" spans="1:21">
      <c r="A240" s="8"/>
      <c r="B240" s="8"/>
      <c r="C240" s="8"/>
      <c r="D240" s="8"/>
      <c r="E240" s="8"/>
      <c r="F240" s="8"/>
      <c r="G240" s="8"/>
      <c r="H240" s="8">
        <v>2</v>
      </c>
      <c r="I240" s="8">
        <v>166</v>
      </c>
      <c r="J240" s="8" t="s">
        <v>144</v>
      </c>
      <c r="K240" s="8" t="s">
        <v>17</v>
      </c>
      <c r="L240" s="8" t="s">
        <v>71</v>
      </c>
      <c r="M240" s="8">
        <v>1</v>
      </c>
      <c r="N240" s="8" t="s">
        <v>509</v>
      </c>
      <c r="O240" s="8">
        <v>1</v>
      </c>
      <c r="P240" s="8">
        <v>55</v>
      </c>
      <c r="Q240" s="72"/>
      <c r="R240" s="10"/>
      <c r="S240" s="206"/>
      <c r="T240" s="215"/>
      <c r="U240" s="215"/>
    </row>
    <row r="241" spans="1:21">
      <c r="A241" s="17"/>
      <c r="B241" s="17"/>
      <c r="C241" s="17" t="s">
        <v>143</v>
      </c>
      <c r="D241" s="17" t="s">
        <v>474</v>
      </c>
      <c r="E241" s="17"/>
      <c r="F241" s="17"/>
      <c r="G241" s="17"/>
      <c r="H241" s="17"/>
      <c r="I241" s="17"/>
      <c r="J241" s="17"/>
      <c r="K241" s="17" t="s">
        <v>17</v>
      </c>
      <c r="L241" s="17" t="s">
        <v>71</v>
      </c>
      <c r="M241" s="17" t="s">
        <v>525</v>
      </c>
      <c r="N241" s="17"/>
      <c r="O241" s="17"/>
      <c r="P241" s="17"/>
      <c r="Q241" s="17"/>
      <c r="R241" s="10" t="s">
        <v>1043</v>
      </c>
      <c r="S241" s="206"/>
      <c r="T241" s="215"/>
      <c r="U241" s="215"/>
    </row>
    <row r="242" spans="1:21">
      <c r="A242" s="8"/>
      <c r="B242" s="8"/>
      <c r="C242" s="8"/>
      <c r="D242" s="8"/>
      <c r="E242" s="8"/>
      <c r="F242" s="8"/>
      <c r="G242" s="8"/>
      <c r="H242" s="8">
        <v>1</v>
      </c>
      <c r="I242" s="8">
        <v>19</v>
      </c>
      <c r="J242" s="8" t="s">
        <v>141</v>
      </c>
      <c r="K242" s="8" t="s">
        <v>17</v>
      </c>
      <c r="L242" s="8" t="s">
        <v>71</v>
      </c>
      <c r="M242" s="8">
        <v>1</v>
      </c>
      <c r="N242" s="8" t="s">
        <v>509</v>
      </c>
      <c r="O242" s="8">
        <v>2</v>
      </c>
      <c r="P242" s="8">
        <v>30</v>
      </c>
      <c r="Q242" s="72"/>
      <c r="R242" s="10"/>
      <c r="S242" s="206"/>
      <c r="T242" s="215"/>
      <c r="U242" s="215"/>
    </row>
    <row r="243" spans="1:21" ht="28">
      <c r="A243" s="8"/>
      <c r="B243" s="8"/>
      <c r="C243" s="8"/>
      <c r="D243" s="8"/>
      <c r="E243" s="8"/>
      <c r="F243" s="8"/>
      <c r="G243" s="8"/>
      <c r="H243" s="8">
        <v>2</v>
      </c>
      <c r="I243" s="8">
        <v>156</v>
      </c>
      <c r="J243" s="8" t="s">
        <v>139</v>
      </c>
      <c r="K243" s="8" t="s">
        <v>17</v>
      </c>
      <c r="L243" s="8" t="s">
        <v>71</v>
      </c>
      <c r="M243" s="8">
        <v>1</v>
      </c>
      <c r="N243" s="8" t="s">
        <v>514</v>
      </c>
      <c r="O243" s="8">
        <v>2</v>
      </c>
      <c r="P243" s="8">
        <v>2</v>
      </c>
      <c r="Q243" s="70" t="s">
        <v>624</v>
      </c>
      <c r="R243" s="10"/>
      <c r="S243" s="206"/>
      <c r="T243" s="215"/>
      <c r="U243" s="215"/>
    </row>
    <row r="244" spans="1:21">
      <c r="A244" s="8"/>
      <c r="B244" s="8"/>
      <c r="C244" s="8"/>
      <c r="D244" s="8"/>
      <c r="E244" s="8"/>
      <c r="F244" s="8"/>
      <c r="G244" s="8"/>
      <c r="H244" s="8">
        <v>3</v>
      </c>
      <c r="I244" s="8">
        <v>116</v>
      </c>
      <c r="J244" s="8" t="s">
        <v>137</v>
      </c>
      <c r="K244" s="8" t="s">
        <v>17</v>
      </c>
      <c r="L244" s="8" t="s">
        <v>71</v>
      </c>
      <c r="M244" s="8">
        <v>1</v>
      </c>
      <c r="N244" s="8" t="s">
        <v>514</v>
      </c>
      <c r="O244" s="8">
        <v>3</v>
      </c>
      <c r="P244" s="8">
        <v>15</v>
      </c>
      <c r="Q244" s="72"/>
      <c r="R244" s="10"/>
      <c r="S244" s="206"/>
      <c r="T244" s="215"/>
      <c r="U244" s="215"/>
    </row>
    <row r="245" spans="1:21" ht="28">
      <c r="A245" s="8"/>
      <c r="B245" s="8"/>
      <c r="C245" s="8"/>
      <c r="D245" s="8"/>
      <c r="E245" s="8"/>
      <c r="F245" s="8"/>
      <c r="G245" s="8"/>
      <c r="H245" s="8">
        <v>4</v>
      </c>
      <c r="I245" s="8">
        <v>26</v>
      </c>
      <c r="J245" s="8" t="s">
        <v>135</v>
      </c>
      <c r="K245" s="8" t="s">
        <v>17</v>
      </c>
      <c r="L245" s="8" t="s">
        <v>71</v>
      </c>
      <c r="M245" s="8">
        <v>1</v>
      </c>
      <c r="N245" s="8" t="s">
        <v>514</v>
      </c>
      <c r="O245" s="8">
        <v>2</v>
      </c>
      <c r="P245" s="8">
        <v>3</v>
      </c>
      <c r="Q245" s="70" t="s">
        <v>624</v>
      </c>
      <c r="R245" s="10"/>
      <c r="S245" s="206"/>
      <c r="T245" s="215"/>
      <c r="U245" s="215"/>
    </row>
    <row r="246" spans="1:21">
      <c r="A246" s="8"/>
      <c r="B246" s="8"/>
      <c r="C246" s="8"/>
      <c r="D246" s="8"/>
      <c r="E246" s="8"/>
      <c r="F246" s="8"/>
      <c r="G246" s="8"/>
      <c r="H246" s="8">
        <v>5</v>
      </c>
      <c r="I246" s="8">
        <v>309</v>
      </c>
      <c r="J246" s="8" t="s">
        <v>133</v>
      </c>
      <c r="K246" s="8" t="s">
        <v>78</v>
      </c>
      <c r="L246" s="8" t="s">
        <v>71</v>
      </c>
      <c r="M246" s="11">
        <v>1</v>
      </c>
      <c r="N246" s="11" t="s">
        <v>514</v>
      </c>
      <c r="O246" s="11">
        <v>1</v>
      </c>
      <c r="P246" s="11">
        <v>2</v>
      </c>
      <c r="Q246" s="72" t="s">
        <v>690</v>
      </c>
      <c r="R246" s="10"/>
      <c r="S246" s="206"/>
      <c r="T246" s="215"/>
      <c r="U246" s="215"/>
    </row>
    <row r="247" spans="1:21" ht="31">
      <c r="A247" s="17"/>
      <c r="B247" s="17"/>
      <c r="C247" s="17"/>
      <c r="D247" s="17"/>
      <c r="E247" s="17"/>
      <c r="F247" s="17"/>
      <c r="G247" s="17"/>
      <c r="H247" s="17"/>
      <c r="I247" s="17"/>
      <c r="J247" s="17"/>
      <c r="K247" s="17" t="s">
        <v>17</v>
      </c>
      <c r="L247" s="17" t="s">
        <v>71</v>
      </c>
      <c r="M247" s="17">
        <v>200</v>
      </c>
      <c r="N247" s="17"/>
      <c r="O247" s="17"/>
      <c r="P247" s="17"/>
      <c r="Q247" s="17"/>
      <c r="R247" s="10" t="s">
        <v>1371</v>
      </c>
      <c r="S247" s="205" t="s">
        <v>1485</v>
      </c>
      <c r="T247" s="205" t="s">
        <v>2</v>
      </c>
      <c r="U247" s="205" t="s">
        <v>2</v>
      </c>
    </row>
    <row r="248" spans="1:21">
      <c r="A248" s="17"/>
      <c r="B248" s="17"/>
      <c r="C248" s="17" t="s">
        <v>158</v>
      </c>
      <c r="D248" s="17" t="s">
        <v>120</v>
      </c>
      <c r="E248" s="17"/>
      <c r="F248" s="17"/>
      <c r="G248" s="17"/>
      <c r="H248" s="17"/>
      <c r="I248" s="17"/>
      <c r="J248" s="17"/>
      <c r="K248" s="17" t="s">
        <v>17</v>
      </c>
      <c r="L248" s="17" t="s">
        <v>71</v>
      </c>
      <c r="M248" s="17">
        <v>1</v>
      </c>
      <c r="N248" s="17"/>
      <c r="O248" s="17"/>
      <c r="P248" s="17"/>
      <c r="Q248" s="17"/>
      <c r="R248" s="10"/>
      <c r="S248" s="206"/>
      <c r="T248" s="215"/>
      <c r="U248" s="215"/>
    </row>
    <row r="249" spans="1:21" ht="28">
      <c r="A249" s="8"/>
      <c r="B249" s="8"/>
      <c r="C249" s="8"/>
      <c r="D249" s="8"/>
      <c r="E249" s="8"/>
      <c r="F249" s="8"/>
      <c r="G249" s="8"/>
      <c r="H249" s="8">
        <v>1</v>
      </c>
      <c r="I249" s="8">
        <v>98</v>
      </c>
      <c r="J249" s="8" t="s">
        <v>156</v>
      </c>
      <c r="K249" s="8" t="s">
        <v>66</v>
      </c>
      <c r="L249" s="8" t="s">
        <v>65</v>
      </c>
      <c r="M249" s="8">
        <v>1</v>
      </c>
      <c r="N249" s="8" t="s">
        <v>514</v>
      </c>
      <c r="O249" s="8">
        <v>2</v>
      </c>
      <c r="P249" s="8">
        <v>3</v>
      </c>
      <c r="Q249" s="70" t="s">
        <v>624</v>
      </c>
      <c r="R249" s="10"/>
      <c r="S249" s="206"/>
      <c r="T249" s="215"/>
      <c r="U249" s="215"/>
    </row>
    <row r="250" spans="1:21">
      <c r="A250" s="8"/>
      <c r="B250" s="8"/>
      <c r="C250" s="8"/>
      <c r="D250" s="8"/>
      <c r="E250" s="8"/>
      <c r="F250" s="8"/>
      <c r="G250" s="8"/>
      <c r="H250" s="8">
        <v>2</v>
      </c>
      <c r="I250" s="8">
        <v>93</v>
      </c>
      <c r="J250" s="8" t="s">
        <v>120</v>
      </c>
      <c r="K250" s="8" t="s">
        <v>78</v>
      </c>
      <c r="L250" s="8" t="s">
        <v>71</v>
      </c>
      <c r="M250" s="8">
        <v>1</v>
      </c>
      <c r="N250" s="8" t="s">
        <v>509</v>
      </c>
      <c r="O250" s="8">
        <v>1</v>
      </c>
      <c r="P250" s="8">
        <v>60</v>
      </c>
      <c r="Q250" s="72"/>
      <c r="R250" s="10"/>
      <c r="S250" s="206"/>
      <c r="T250" s="215"/>
      <c r="U250" s="215"/>
    </row>
    <row r="251" spans="1:21" ht="28">
      <c r="A251" s="8"/>
      <c r="B251" s="8"/>
      <c r="C251" s="8"/>
      <c r="D251" s="8"/>
      <c r="E251" s="8"/>
      <c r="F251" s="8"/>
      <c r="G251" s="8"/>
      <c r="H251" s="8">
        <v>3</v>
      </c>
      <c r="I251" s="8">
        <v>66</v>
      </c>
      <c r="J251" s="8" t="s">
        <v>153</v>
      </c>
      <c r="K251" s="8" t="s">
        <v>78</v>
      </c>
      <c r="L251" s="8" t="s">
        <v>71</v>
      </c>
      <c r="M251" s="8">
        <v>1</v>
      </c>
      <c r="N251" s="8" t="s">
        <v>514</v>
      </c>
      <c r="O251" s="8">
        <v>1</v>
      </c>
      <c r="P251" s="8">
        <v>2</v>
      </c>
      <c r="Q251" s="70" t="s">
        <v>624</v>
      </c>
      <c r="R251" s="10"/>
      <c r="S251" s="206"/>
      <c r="T251" s="215"/>
      <c r="U251" s="215"/>
    </row>
    <row r="252" spans="1:21">
      <c r="A252" s="8"/>
      <c r="B252" s="8"/>
      <c r="C252" s="8"/>
      <c r="D252" s="8"/>
      <c r="E252" s="8"/>
      <c r="F252" s="8"/>
      <c r="G252" s="8"/>
      <c r="H252" s="8">
        <v>4</v>
      </c>
      <c r="I252" s="8">
        <v>67</v>
      </c>
      <c r="J252" s="8" t="s">
        <v>151</v>
      </c>
      <c r="K252" s="8" t="s">
        <v>78</v>
      </c>
      <c r="L252" s="8" t="s">
        <v>71</v>
      </c>
      <c r="M252" s="8">
        <v>1</v>
      </c>
      <c r="N252" s="8" t="s">
        <v>509</v>
      </c>
      <c r="O252" s="8">
        <v>2</v>
      </c>
      <c r="P252" s="8">
        <v>80</v>
      </c>
      <c r="Q252" s="72"/>
      <c r="R252" s="10"/>
      <c r="S252" s="206"/>
      <c r="T252" s="215"/>
      <c r="U252" s="215"/>
    </row>
    <row r="253" spans="1:21">
      <c r="A253" s="17"/>
      <c r="B253" s="17"/>
      <c r="C253" s="17" t="s">
        <v>150</v>
      </c>
      <c r="D253" s="17" t="s">
        <v>473</v>
      </c>
      <c r="E253" s="17"/>
      <c r="F253" s="17"/>
      <c r="G253" s="17"/>
      <c r="H253" s="17"/>
      <c r="I253" s="17"/>
      <c r="J253" s="17"/>
      <c r="K253" s="17" t="s">
        <v>17</v>
      </c>
      <c r="L253" s="17" t="s">
        <v>71</v>
      </c>
      <c r="M253" s="17">
        <v>2</v>
      </c>
      <c r="N253" s="17"/>
      <c r="O253" s="17"/>
      <c r="P253" s="17"/>
      <c r="Q253" s="17"/>
      <c r="R253" s="10" t="s">
        <v>1699</v>
      </c>
      <c r="S253" s="206"/>
      <c r="T253" s="215"/>
      <c r="U253" s="215"/>
    </row>
    <row r="254" spans="1:21">
      <c r="A254" s="8"/>
      <c r="B254" s="8"/>
      <c r="C254" s="8"/>
      <c r="D254" s="8"/>
      <c r="E254" s="8"/>
      <c r="F254" s="8"/>
      <c r="G254" s="8"/>
      <c r="H254" s="8">
        <v>1</v>
      </c>
      <c r="I254" s="8">
        <v>93</v>
      </c>
      <c r="J254" s="8" t="s">
        <v>120</v>
      </c>
      <c r="K254" s="8" t="s">
        <v>66</v>
      </c>
      <c r="L254" s="8" t="s">
        <v>65</v>
      </c>
      <c r="M254" s="8">
        <v>1</v>
      </c>
      <c r="N254" s="8" t="s">
        <v>509</v>
      </c>
      <c r="O254" s="8">
        <v>1</v>
      </c>
      <c r="P254" s="8">
        <v>60</v>
      </c>
      <c r="Q254" s="72"/>
      <c r="R254" s="10"/>
      <c r="S254" s="206"/>
      <c r="T254" s="215"/>
      <c r="U254" s="215"/>
    </row>
    <row r="255" spans="1:21">
      <c r="A255" s="8"/>
      <c r="B255" s="8"/>
      <c r="C255" s="8"/>
      <c r="D255" s="8"/>
      <c r="E255" s="8"/>
      <c r="F255" s="8"/>
      <c r="G255" s="8"/>
      <c r="H255" s="8">
        <v>2</v>
      </c>
      <c r="I255" s="8">
        <v>93</v>
      </c>
      <c r="J255" s="8" t="s">
        <v>120</v>
      </c>
      <c r="K255" s="8" t="s">
        <v>17</v>
      </c>
      <c r="L255" s="8" t="s">
        <v>71</v>
      </c>
      <c r="M255" s="8">
        <v>1</v>
      </c>
      <c r="N255" s="8" t="s">
        <v>509</v>
      </c>
      <c r="O255" s="8">
        <v>1</v>
      </c>
      <c r="P255" s="8">
        <v>60</v>
      </c>
      <c r="Q255" s="72"/>
      <c r="R255" s="10"/>
      <c r="S255" s="206"/>
      <c r="T255" s="215"/>
      <c r="U255" s="215"/>
    </row>
    <row r="256" spans="1:21">
      <c r="A256" s="17"/>
      <c r="B256" s="17"/>
      <c r="C256" s="17" t="s">
        <v>150</v>
      </c>
      <c r="D256" s="17" t="s">
        <v>473</v>
      </c>
      <c r="E256" s="17"/>
      <c r="F256" s="17"/>
      <c r="G256" s="17"/>
      <c r="H256" s="17"/>
      <c r="I256" s="17"/>
      <c r="J256" s="17"/>
      <c r="K256" s="17" t="s">
        <v>17</v>
      </c>
      <c r="L256" s="17" t="s">
        <v>71</v>
      </c>
      <c r="M256" s="17">
        <v>2</v>
      </c>
      <c r="N256" s="17"/>
      <c r="O256" s="17"/>
      <c r="P256" s="17"/>
      <c r="Q256" s="17"/>
      <c r="R256" s="10"/>
      <c r="S256" s="206"/>
      <c r="T256" s="215"/>
      <c r="U256" s="215"/>
    </row>
    <row r="257" spans="1:21">
      <c r="A257" s="8"/>
      <c r="B257" s="8"/>
      <c r="C257" s="8"/>
      <c r="D257" s="8"/>
      <c r="E257" s="8"/>
      <c r="F257" s="8"/>
      <c r="G257" s="8"/>
      <c r="H257" s="8">
        <v>1</v>
      </c>
      <c r="I257" s="8">
        <v>93</v>
      </c>
      <c r="J257" s="8" t="s">
        <v>120</v>
      </c>
      <c r="K257" s="8" t="s">
        <v>66</v>
      </c>
      <c r="L257" s="8" t="s">
        <v>65</v>
      </c>
      <c r="M257" s="8">
        <v>1</v>
      </c>
      <c r="N257" s="8" t="s">
        <v>509</v>
      </c>
      <c r="O257" s="8">
        <v>1</v>
      </c>
      <c r="P257" s="8">
        <v>60</v>
      </c>
      <c r="Q257" s="72"/>
      <c r="R257" s="10"/>
      <c r="S257" s="206"/>
      <c r="T257" s="215"/>
      <c r="U257" s="215"/>
    </row>
    <row r="258" spans="1:21">
      <c r="A258" s="8"/>
      <c r="B258" s="8"/>
      <c r="C258" s="8"/>
      <c r="D258" s="8"/>
      <c r="E258" s="8"/>
      <c r="F258" s="8"/>
      <c r="G258" s="8"/>
      <c r="H258" s="8">
        <v>2</v>
      </c>
      <c r="I258" s="8">
        <v>93</v>
      </c>
      <c r="J258" s="8" t="s">
        <v>120</v>
      </c>
      <c r="K258" s="8" t="s">
        <v>17</v>
      </c>
      <c r="L258" s="8" t="s">
        <v>71</v>
      </c>
      <c r="M258" s="8">
        <v>1</v>
      </c>
      <c r="N258" s="8" t="s">
        <v>509</v>
      </c>
      <c r="O258" s="8">
        <v>1</v>
      </c>
      <c r="P258" s="8">
        <v>60</v>
      </c>
      <c r="Q258" s="72"/>
      <c r="R258" s="10"/>
      <c r="S258" s="206"/>
      <c r="T258" s="215"/>
      <c r="U258" s="215"/>
    </row>
    <row r="259" spans="1:21">
      <c r="A259" s="17"/>
      <c r="B259" s="17"/>
      <c r="C259" s="17" t="s">
        <v>147</v>
      </c>
      <c r="D259" s="17" t="s">
        <v>144</v>
      </c>
      <c r="E259" s="17"/>
      <c r="F259" s="17"/>
      <c r="G259" s="17"/>
      <c r="H259" s="17"/>
      <c r="I259" s="17"/>
      <c r="J259" s="17"/>
      <c r="K259" s="17" t="s">
        <v>17</v>
      </c>
      <c r="L259" s="17" t="s">
        <v>71</v>
      </c>
      <c r="M259" s="17">
        <v>2</v>
      </c>
      <c r="N259" s="17"/>
      <c r="O259" s="17"/>
      <c r="P259" s="17"/>
      <c r="Q259" s="17"/>
      <c r="R259" s="10" t="s">
        <v>936</v>
      </c>
      <c r="S259" s="206"/>
      <c r="T259" s="215"/>
      <c r="U259" s="215"/>
    </row>
    <row r="260" spans="1:21">
      <c r="A260" s="8"/>
      <c r="B260" s="8"/>
      <c r="C260" s="8"/>
      <c r="D260" s="8"/>
      <c r="E260" s="8"/>
      <c r="F260" s="8"/>
      <c r="G260" s="8"/>
      <c r="H260" s="8">
        <v>1</v>
      </c>
      <c r="I260" s="8">
        <v>166</v>
      </c>
      <c r="J260" s="8" t="s">
        <v>144</v>
      </c>
      <c r="K260" s="8" t="s">
        <v>66</v>
      </c>
      <c r="L260" s="8" t="s">
        <v>65</v>
      </c>
      <c r="M260" s="8">
        <v>1</v>
      </c>
      <c r="N260" s="8" t="s">
        <v>509</v>
      </c>
      <c r="O260" s="8">
        <v>1</v>
      </c>
      <c r="P260" s="8">
        <v>55</v>
      </c>
      <c r="Q260" s="72"/>
      <c r="R260" s="10"/>
      <c r="S260" s="206"/>
      <c r="T260" s="215"/>
      <c r="U260" s="215"/>
    </row>
    <row r="261" spans="1:21">
      <c r="A261" s="8"/>
      <c r="B261" s="8"/>
      <c r="C261" s="8"/>
      <c r="D261" s="8"/>
      <c r="E261" s="8"/>
      <c r="F261" s="8"/>
      <c r="G261" s="8"/>
      <c r="H261" s="8">
        <v>2</v>
      </c>
      <c r="I261" s="8">
        <v>166</v>
      </c>
      <c r="J261" s="8" t="s">
        <v>144</v>
      </c>
      <c r="K261" s="8" t="s">
        <v>17</v>
      </c>
      <c r="L261" s="8" t="s">
        <v>71</v>
      </c>
      <c r="M261" s="8">
        <v>1</v>
      </c>
      <c r="N261" s="8" t="s">
        <v>509</v>
      </c>
      <c r="O261" s="8">
        <v>1</v>
      </c>
      <c r="P261" s="8">
        <v>55</v>
      </c>
      <c r="Q261" s="72"/>
      <c r="R261" s="10"/>
      <c r="S261" s="206"/>
      <c r="T261" s="215"/>
      <c r="U261" s="215"/>
    </row>
    <row r="262" spans="1:21">
      <c r="A262" s="17"/>
      <c r="B262" s="17"/>
      <c r="C262" s="17" t="s">
        <v>147</v>
      </c>
      <c r="D262" s="17" t="s">
        <v>144</v>
      </c>
      <c r="E262" s="17"/>
      <c r="F262" s="17"/>
      <c r="G262" s="17"/>
      <c r="H262" s="17"/>
      <c r="I262" s="17"/>
      <c r="J262" s="17"/>
      <c r="K262" s="17" t="s">
        <v>17</v>
      </c>
      <c r="L262" s="17" t="s">
        <v>71</v>
      </c>
      <c r="M262" s="17">
        <v>2</v>
      </c>
      <c r="N262" s="17"/>
      <c r="O262" s="17"/>
      <c r="P262" s="17"/>
      <c r="Q262" s="17"/>
      <c r="R262" s="10"/>
      <c r="S262" s="206"/>
      <c r="T262" s="215"/>
      <c r="U262" s="215"/>
    </row>
    <row r="263" spans="1:21">
      <c r="A263" s="8"/>
      <c r="B263" s="8"/>
      <c r="C263" s="8"/>
      <c r="D263" s="8"/>
      <c r="E263" s="8"/>
      <c r="F263" s="8"/>
      <c r="G263" s="8"/>
      <c r="H263" s="8">
        <v>1</v>
      </c>
      <c r="I263" s="8">
        <v>166</v>
      </c>
      <c r="J263" s="8" t="s">
        <v>144</v>
      </c>
      <c r="K263" s="8" t="s">
        <v>66</v>
      </c>
      <c r="L263" s="8" t="s">
        <v>65</v>
      </c>
      <c r="M263" s="8">
        <v>1</v>
      </c>
      <c r="N263" s="8" t="s">
        <v>509</v>
      </c>
      <c r="O263" s="8">
        <v>1</v>
      </c>
      <c r="P263" s="8">
        <v>55</v>
      </c>
      <c r="Q263" s="72"/>
      <c r="R263" s="10"/>
      <c r="S263" s="206"/>
      <c r="T263" s="215"/>
      <c r="U263" s="215"/>
    </row>
    <row r="264" spans="1:21">
      <c r="A264" s="8"/>
      <c r="B264" s="8"/>
      <c r="C264" s="8"/>
      <c r="D264" s="8"/>
      <c r="E264" s="8"/>
      <c r="F264" s="8"/>
      <c r="G264" s="8"/>
      <c r="H264" s="8">
        <v>2</v>
      </c>
      <c r="I264" s="8">
        <v>166</v>
      </c>
      <c r="J264" s="8" t="s">
        <v>144</v>
      </c>
      <c r="K264" s="8" t="s">
        <v>17</v>
      </c>
      <c r="L264" s="8" t="s">
        <v>71</v>
      </c>
      <c r="M264" s="8">
        <v>1</v>
      </c>
      <c r="N264" s="8" t="s">
        <v>509</v>
      </c>
      <c r="O264" s="8">
        <v>1</v>
      </c>
      <c r="P264" s="8">
        <v>55</v>
      </c>
      <c r="Q264" s="72"/>
      <c r="R264" s="10"/>
      <c r="S264" s="206"/>
      <c r="T264" s="215"/>
      <c r="U264" s="215"/>
    </row>
    <row r="265" spans="1:21">
      <c r="A265" s="17"/>
      <c r="B265" s="17"/>
      <c r="C265" s="17" t="s">
        <v>143</v>
      </c>
      <c r="D265" s="17" t="s">
        <v>474</v>
      </c>
      <c r="E265" s="17"/>
      <c r="F265" s="17"/>
      <c r="G265" s="17"/>
      <c r="H265" s="17"/>
      <c r="I265" s="17"/>
      <c r="J265" s="17"/>
      <c r="K265" s="17" t="s">
        <v>17</v>
      </c>
      <c r="L265" s="17" t="s">
        <v>71</v>
      </c>
      <c r="M265" s="17" t="s">
        <v>525</v>
      </c>
      <c r="N265" s="17"/>
      <c r="O265" s="17"/>
      <c r="P265" s="17"/>
      <c r="Q265" s="17"/>
      <c r="R265" s="10" t="s">
        <v>1043</v>
      </c>
      <c r="S265" s="206"/>
      <c r="T265" s="215"/>
      <c r="U265" s="215"/>
    </row>
    <row r="266" spans="1:21">
      <c r="A266" s="8"/>
      <c r="B266" s="8"/>
      <c r="C266" s="8"/>
      <c r="D266" s="8"/>
      <c r="E266" s="8"/>
      <c r="F266" s="8"/>
      <c r="G266" s="8"/>
      <c r="H266" s="8">
        <v>1</v>
      </c>
      <c r="I266" s="8">
        <v>19</v>
      </c>
      <c r="J266" s="8" t="s">
        <v>141</v>
      </c>
      <c r="K266" s="8" t="s">
        <v>17</v>
      </c>
      <c r="L266" s="8" t="s">
        <v>71</v>
      </c>
      <c r="M266" s="8">
        <v>1</v>
      </c>
      <c r="N266" s="8" t="s">
        <v>509</v>
      </c>
      <c r="O266" s="8">
        <v>2</v>
      </c>
      <c r="P266" s="8">
        <v>30</v>
      </c>
      <c r="Q266" s="72"/>
      <c r="R266" s="10"/>
      <c r="S266" s="206"/>
      <c r="T266" s="215"/>
      <c r="U266" s="215"/>
    </row>
    <row r="267" spans="1:21" ht="28">
      <c r="A267" s="8"/>
      <c r="B267" s="8"/>
      <c r="C267" s="8"/>
      <c r="D267" s="8"/>
      <c r="E267" s="8"/>
      <c r="F267" s="8"/>
      <c r="G267" s="8"/>
      <c r="H267" s="8">
        <v>2</v>
      </c>
      <c r="I267" s="8">
        <v>156</v>
      </c>
      <c r="J267" s="8" t="s">
        <v>139</v>
      </c>
      <c r="K267" s="8" t="s">
        <v>17</v>
      </c>
      <c r="L267" s="8" t="s">
        <v>71</v>
      </c>
      <c r="M267" s="8">
        <v>1</v>
      </c>
      <c r="N267" s="8" t="s">
        <v>514</v>
      </c>
      <c r="O267" s="8">
        <v>2</v>
      </c>
      <c r="P267" s="8">
        <v>2</v>
      </c>
      <c r="Q267" s="70" t="s">
        <v>624</v>
      </c>
      <c r="R267" s="10"/>
      <c r="S267" s="206"/>
      <c r="T267" s="215"/>
      <c r="U267" s="215"/>
    </row>
    <row r="268" spans="1:21">
      <c r="A268" s="8"/>
      <c r="B268" s="8"/>
      <c r="C268" s="8"/>
      <c r="D268" s="8"/>
      <c r="E268" s="8"/>
      <c r="F268" s="8"/>
      <c r="G268" s="8"/>
      <c r="H268" s="8">
        <v>3</v>
      </c>
      <c r="I268" s="8">
        <v>116</v>
      </c>
      <c r="J268" s="8" t="s">
        <v>137</v>
      </c>
      <c r="K268" s="8" t="s">
        <v>17</v>
      </c>
      <c r="L268" s="8" t="s">
        <v>71</v>
      </c>
      <c r="M268" s="8">
        <v>1</v>
      </c>
      <c r="N268" s="8" t="s">
        <v>514</v>
      </c>
      <c r="O268" s="8">
        <v>3</v>
      </c>
      <c r="P268" s="8">
        <v>15</v>
      </c>
      <c r="Q268" s="72"/>
      <c r="R268" s="10"/>
      <c r="S268" s="206"/>
      <c r="T268" s="215"/>
      <c r="U268" s="215"/>
    </row>
    <row r="269" spans="1:21" ht="28">
      <c r="A269" s="8"/>
      <c r="B269" s="8"/>
      <c r="C269" s="8"/>
      <c r="D269" s="8"/>
      <c r="E269" s="8"/>
      <c r="F269" s="8"/>
      <c r="G269" s="8"/>
      <c r="H269" s="8">
        <v>4</v>
      </c>
      <c r="I269" s="8">
        <v>26</v>
      </c>
      <c r="J269" s="8" t="s">
        <v>135</v>
      </c>
      <c r="K269" s="8" t="s">
        <v>17</v>
      </c>
      <c r="L269" s="8" t="s">
        <v>71</v>
      </c>
      <c r="M269" s="8">
        <v>1</v>
      </c>
      <c r="N269" s="8" t="s">
        <v>514</v>
      </c>
      <c r="O269" s="8">
        <v>2</v>
      </c>
      <c r="P269" s="8">
        <v>3</v>
      </c>
      <c r="Q269" s="70" t="s">
        <v>624</v>
      </c>
      <c r="R269" s="10"/>
      <c r="S269" s="206"/>
      <c r="T269" s="215"/>
      <c r="U269" s="215"/>
    </row>
    <row r="270" spans="1:21">
      <c r="A270" s="8"/>
      <c r="B270" s="8"/>
      <c r="C270" s="8"/>
      <c r="D270" s="8"/>
      <c r="E270" s="8"/>
      <c r="F270" s="8"/>
      <c r="G270" s="8"/>
      <c r="H270" s="8">
        <v>5</v>
      </c>
      <c r="I270" s="8">
        <v>309</v>
      </c>
      <c r="J270" s="8" t="s">
        <v>133</v>
      </c>
      <c r="K270" s="8" t="s">
        <v>78</v>
      </c>
      <c r="L270" s="8" t="s">
        <v>71</v>
      </c>
      <c r="M270" s="11">
        <v>1</v>
      </c>
      <c r="N270" s="11" t="s">
        <v>514</v>
      </c>
      <c r="O270" s="11">
        <v>1</v>
      </c>
      <c r="P270" s="11">
        <v>2</v>
      </c>
      <c r="Q270" s="72" t="s">
        <v>690</v>
      </c>
      <c r="R270" s="10"/>
      <c r="S270" s="206"/>
      <c r="T270" s="215"/>
      <c r="U270" s="215"/>
    </row>
    <row r="271" spans="1:21">
      <c r="A271" s="24"/>
      <c r="B271" s="24"/>
      <c r="C271" s="11"/>
      <c r="D271" s="11"/>
      <c r="E271" s="11"/>
      <c r="F271" s="11"/>
      <c r="G271" s="11"/>
      <c r="H271" s="11">
        <v>1</v>
      </c>
      <c r="I271" s="11">
        <v>128</v>
      </c>
      <c r="J271" s="11" t="s">
        <v>128</v>
      </c>
      <c r="K271" s="11" t="s">
        <v>66</v>
      </c>
      <c r="L271" s="8" t="s">
        <v>65</v>
      </c>
      <c r="M271" s="8">
        <v>1</v>
      </c>
      <c r="N271" s="8" t="s">
        <v>514</v>
      </c>
      <c r="O271" s="8">
        <v>2</v>
      </c>
      <c r="P271" s="8">
        <v>3</v>
      </c>
      <c r="Q271" s="18" t="s">
        <v>692</v>
      </c>
      <c r="R271" s="10"/>
      <c r="S271" s="206"/>
      <c r="T271" s="215"/>
      <c r="U271" s="215"/>
    </row>
    <row r="272" spans="1:21">
      <c r="A272" s="24"/>
      <c r="B272" s="24"/>
      <c r="C272" s="11"/>
      <c r="D272" s="11"/>
      <c r="E272" s="11"/>
      <c r="F272" s="11"/>
      <c r="G272" s="25"/>
      <c r="H272" s="25">
        <v>2</v>
      </c>
      <c r="I272" s="25">
        <v>127</v>
      </c>
      <c r="J272" s="19" t="s">
        <v>126</v>
      </c>
      <c r="K272" s="25" t="s">
        <v>78</v>
      </c>
      <c r="L272" s="25" t="s">
        <v>174</v>
      </c>
      <c r="M272" s="19">
        <v>1</v>
      </c>
      <c r="N272" s="19" t="s">
        <v>509</v>
      </c>
      <c r="O272" s="19">
        <v>1</v>
      </c>
      <c r="P272" s="19">
        <v>30</v>
      </c>
      <c r="Q272" s="25"/>
      <c r="R272" s="10"/>
      <c r="S272" s="206"/>
      <c r="T272" s="215"/>
      <c r="U272" s="215"/>
    </row>
    <row r="273" spans="1:21">
      <c r="A273" s="24"/>
      <c r="B273" s="24"/>
      <c r="C273" s="11"/>
      <c r="D273" s="11"/>
      <c r="E273" s="11"/>
      <c r="F273" s="11"/>
      <c r="G273" s="11"/>
      <c r="H273" s="11">
        <v>3</v>
      </c>
      <c r="I273" s="11">
        <v>352</v>
      </c>
      <c r="J273" s="11" t="s">
        <v>3</v>
      </c>
      <c r="K273" s="11" t="s">
        <v>78</v>
      </c>
      <c r="L273" s="8" t="s">
        <v>71</v>
      </c>
      <c r="M273" s="8">
        <v>1</v>
      </c>
      <c r="N273" s="8" t="s">
        <v>509</v>
      </c>
      <c r="O273" s="8">
        <v>1</v>
      </c>
      <c r="P273" s="8">
        <v>80</v>
      </c>
      <c r="Q273" s="18"/>
      <c r="R273" s="10"/>
      <c r="S273" s="206"/>
      <c r="T273" s="215"/>
      <c r="U273" s="215"/>
    </row>
    <row r="274" spans="1:21">
      <c r="A274" s="17"/>
      <c r="B274" s="17"/>
      <c r="C274" s="17" t="s">
        <v>124</v>
      </c>
      <c r="D274" s="17" t="s">
        <v>475</v>
      </c>
      <c r="E274" s="17"/>
      <c r="F274" s="17"/>
      <c r="G274" s="17"/>
      <c r="H274" s="17"/>
      <c r="I274" s="17"/>
      <c r="J274" s="17"/>
      <c r="K274" s="17" t="s">
        <v>17</v>
      </c>
      <c r="L274" s="17" t="s">
        <v>71</v>
      </c>
      <c r="M274" s="75">
        <v>3</v>
      </c>
      <c r="N274" s="75"/>
      <c r="O274" s="75"/>
      <c r="P274" s="75"/>
      <c r="Q274" s="138"/>
      <c r="R274" s="10"/>
      <c r="S274" s="206"/>
      <c r="T274" s="215"/>
      <c r="U274" s="215"/>
    </row>
    <row r="275" spans="1:21">
      <c r="A275" s="8"/>
      <c r="B275" s="8"/>
      <c r="C275" s="8"/>
      <c r="D275" s="8"/>
      <c r="E275" s="8"/>
      <c r="F275" s="8"/>
      <c r="G275" s="8"/>
      <c r="H275" s="8">
        <v>1</v>
      </c>
      <c r="I275" s="8">
        <v>366</v>
      </c>
      <c r="J275" s="8" t="s">
        <v>122</v>
      </c>
      <c r="K275" s="8" t="s">
        <v>66</v>
      </c>
      <c r="L275" s="8" t="s">
        <v>65</v>
      </c>
      <c r="M275" s="11">
        <v>1</v>
      </c>
      <c r="N275" s="11" t="s">
        <v>514</v>
      </c>
      <c r="O275" s="11">
        <v>2</v>
      </c>
      <c r="P275" s="11">
        <v>2</v>
      </c>
      <c r="Q275" s="8" t="s">
        <v>704</v>
      </c>
      <c r="R275" s="10"/>
      <c r="S275" s="206"/>
      <c r="T275" s="215"/>
      <c r="U275" s="215"/>
    </row>
    <row r="276" spans="1:21">
      <c r="A276" s="8"/>
      <c r="B276" s="8"/>
      <c r="C276" s="8"/>
      <c r="D276" s="8"/>
      <c r="E276" s="8"/>
      <c r="F276" s="8"/>
      <c r="G276" s="8"/>
      <c r="H276" s="8">
        <v>2</v>
      </c>
      <c r="I276" s="8">
        <v>93</v>
      </c>
      <c r="J276" s="8" t="s">
        <v>120</v>
      </c>
      <c r="K276" s="8" t="s">
        <v>17</v>
      </c>
      <c r="L276" s="8" t="s">
        <v>71</v>
      </c>
      <c r="M276" s="11">
        <v>1</v>
      </c>
      <c r="N276" s="11" t="s">
        <v>509</v>
      </c>
      <c r="O276" s="11">
        <v>1</v>
      </c>
      <c r="P276" s="11">
        <v>60</v>
      </c>
      <c r="Q276" s="72"/>
      <c r="R276" s="10"/>
      <c r="S276" s="206"/>
      <c r="T276" s="215"/>
      <c r="U276" s="215"/>
    </row>
    <row r="277" spans="1:21" ht="28">
      <c r="A277" s="8"/>
      <c r="B277" s="8"/>
      <c r="C277" s="8"/>
      <c r="D277" s="8"/>
      <c r="E277" s="8"/>
      <c r="F277" s="8"/>
      <c r="G277" s="8"/>
      <c r="H277" s="8">
        <v>3</v>
      </c>
      <c r="I277" s="8">
        <v>365</v>
      </c>
      <c r="J277" s="8" t="s">
        <v>114</v>
      </c>
      <c r="K277" s="8" t="s">
        <v>78</v>
      </c>
      <c r="L277" s="8" t="s">
        <v>71</v>
      </c>
      <c r="M277" s="11">
        <v>1</v>
      </c>
      <c r="N277" s="11" t="s">
        <v>514</v>
      </c>
      <c r="O277" s="11">
        <v>2</v>
      </c>
      <c r="P277" s="11">
        <v>2</v>
      </c>
      <c r="Q277" s="70" t="s">
        <v>624</v>
      </c>
      <c r="R277" s="10"/>
      <c r="S277" s="206"/>
      <c r="T277" s="215"/>
      <c r="U277" s="215"/>
    </row>
    <row r="278" spans="1:21">
      <c r="A278" s="8"/>
      <c r="B278" s="8"/>
      <c r="C278" s="8"/>
      <c r="D278" s="8"/>
      <c r="E278" s="8"/>
      <c r="F278" s="8"/>
      <c r="G278" s="8"/>
      <c r="H278" s="8">
        <v>4</v>
      </c>
      <c r="I278" s="8">
        <v>364</v>
      </c>
      <c r="J278" s="8" t="s">
        <v>112</v>
      </c>
      <c r="K278" s="8" t="s">
        <v>78</v>
      </c>
      <c r="L278" s="8" t="s">
        <v>71</v>
      </c>
      <c r="M278" s="11">
        <v>1</v>
      </c>
      <c r="N278" s="11" t="s">
        <v>509</v>
      </c>
      <c r="O278" s="11">
        <v>1</v>
      </c>
      <c r="P278" s="11">
        <v>80</v>
      </c>
      <c r="Q278" s="72"/>
      <c r="R278" s="10"/>
      <c r="S278" s="206"/>
      <c r="T278" s="215"/>
      <c r="U278" s="215"/>
    </row>
    <row r="279" spans="1:21" ht="28">
      <c r="A279" s="8"/>
      <c r="B279" s="8"/>
      <c r="C279" s="8"/>
      <c r="D279" s="8"/>
      <c r="E279" s="8"/>
      <c r="F279" s="8"/>
      <c r="G279" s="8"/>
      <c r="H279" s="8">
        <v>5</v>
      </c>
      <c r="I279" s="8">
        <v>365</v>
      </c>
      <c r="J279" s="8" t="s">
        <v>114</v>
      </c>
      <c r="K279" s="8" t="s">
        <v>78</v>
      </c>
      <c r="L279" s="8" t="s">
        <v>71</v>
      </c>
      <c r="M279" s="11">
        <v>1</v>
      </c>
      <c r="N279" s="11" t="s">
        <v>514</v>
      </c>
      <c r="O279" s="11">
        <v>2</v>
      </c>
      <c r="P279" s="11">
        <v>2</v>
      </c>
      <c r="Q279" s="70" t="s">
        <v>624</v>
      </c>
      <c r="R279" s="10"/>
      <c r="S279" s="206"/>
      <c r="T279" s="215"/>
      <c r="U279" s="215"/>
    </row>
    <row r="280" spans="1:21">
      <c r="A280" s="8"/>
      <c r="B280" s="8"/>
      <c r="C280" s="8"/>
      <c r="D280" s="8"/>
      <c r="E280" s="8"/>
      <c r="F280" s="8"/>
      <c r="G280" s="8"/>
      <c r="H280" s="8">
        <v>6</v>
      </c>
      <c r="I280" s="8">
        <v>364</v>
      </c>
      <c r="J280" s="8" t="s">
        <v>112</v>
      </c>
      <c r="K280" s="8" t="s">
        <v>78</v>
      </c>
      <c r="L280" s="8" t="s">
        <v>71</v>
      </c>
      <c r="M280" s="11">
        <v>1</v>
      </c>
      <c r="N280" s="11" t="s">
        <v>509</v>
      </c>
      <c r="O280" s="11">
        <v>1</v>
      </c>
      <c r="P280" s="11">
        <v>80</v>
      </c>
      <c r="Q280" s="72"/>
      <c r="R280" s="10"/>
      <c r="S280" s="206"/>
      <c r="T280" s="215"/>
      <c r="U280" s="215"/>
    </row>
    <row r="281" spans="1:21" ht="28">
      <c r="A281" s="8"/>
      <c r="B281" s="8"/>
      <c r="C281" s="8"/>
      <c r="D281" s="8"/>
      <c r="E281" s="8"/>
      <c r="F281" s="8"/>
      <c r="G281" s="8"/>
      <c r="H281" s="8">
        <v>7</v>
      </c>
      <c r="I281" s="8">
        <v>365</v>
      </c>
      <c r="J281" s="8" t="s">
        <v>114</v>
      </c>
      <c r="K281" s="8" t="s">
        <v>78</v>
      </c>
      <c r="L281" s="8" t="s">
        <v>71</v>
      </c>
      <c r="M281" s="11">
        <v>1</v>
      </c>
      <c r="N281" s="11" t="s">
        <v>514</v>
      </c>
      <c r="O281" s="11">
        <v>2</v>
      </c>
      <c r="P281" s="11">
        <v>2</v>
      </c>
      <c r="Q281" s="70" t="s">
        <v>624</v>
      </c>
      <c r="R281" s="10"/>
      <c r="S281" s="206"/>
      <c r="T281" s="215"/>
      <c r="U281" s="215"/>
    </row>
    <row r="282" spans="1:21">
      <c r="A282" s="8"/>
      <c r="B282" s="8"/>
      <c r="C282" s="8"/>
      <c r="D282" s="8"/>
      <c r="E282" s="8"/>
      <c r="F282" s="8"/>
      <c r="G282" s="8"/>
      <c r="H282" s="8">
        <v>8</v>
      </c>
      <c r="I282" s="8">
        <v>364</v>
      </c>
      <c r="J282" s="8" t="s">
        <v>112</v>
      </c>
      <c r="K282" s="8" t="s">
        <v>78</v>
      </c>
      <c r="L282" s="8" t="s">
        <v>71</v>
      </c>
      <c r="M282" s="11">
        <v>1</v>
      </c>
      <c r="N282" s="11" t="s">
        <v>509</v>
      </c>
      <c r="O282" s="11">
        <v>1</v>
      </c>
      <c r="P282" s="11">
        <v>80</v>
      </c>
      <c r="Q282" s="72"/>
      <c r="R282" s="10"/>
      <c r="S282" s="206"/>
      <c r="T282" s="215"/>
      <c r="U282" s="215"/>
    </row>
    <row r="283" spans="1:21">
      <c r="A283" s="17" t="s">
        <v>158</v>
      </c>
      <c r="B283" s="17"/>
      <c r="C283" s="17"/>
      <c r="D283" s="17"/>
      <c r="E283" s="17"/>
      <c r="F283" s="17"/>
      <c r="G283" s="17"/>
      <c r="H283" s="17"/>
      <c r="I283" s="17"/>
      <c r="J283" s="17"/>
      <c r="K283" s="17" t="s">
        <v>17</v>
      </c>
      <c r="L283" s="17" t="s">
        <v>71</v>
      </c>
      <c r="M283" s="17">
        <v>200</v>
      </c>
      <c r="N283" s="17"/>
      <c r="O283" s="17"/>
      <c r="P283" s="17"/>
      <c r="Q283" s="17"/>
      <c r="R283" s="10"/>
      <c r="S283" s="206"/>
      <c r="T283" s="215"/>
      <c r="U283" s="215"/>
    </row>
    <row r="284" spans="1:21">
      <c r="A284" s="17"/>
      <c r="B284" s="17"/>
      <c r="C284" s="17" t="s">
        <v>158</v>
      </c>
      <c r="D284" s="17" t="s">
        <v>120</v>
      </c>
      <c r="E284" s="17"/>
      <c r="F284" s="17"/>
      <c r="G284" s="17"/>
      <c r="H284" s="17"/>
      <c r="I284" s="17"/>
      <c r="J284" s="17"/>
      <c r="K284" s="17" t="s">
        <v>17</v>
      </c>
      <c r="L284" s="17" t="s">
        <v>71</v>
      </c>
      <c r="M284" s="17">
        <v>1</v>
      </c>
      <c r="N284" s="17"/>
      <c r="O284" s="17"/>
      <c r="P284" s="17"/>
      <c r="Q284" s="17"/>
      <c r="R284" s="10"/>
      <c r="S284" s="206"/>
      <c r="T284" s="215"/>
      <c r="U284" s="215"/>
    </row>
    <row r="285" spans="1:21">
      <c r="A285" s="8"/>
      <c r="B285" s="8"/>
      <c r="C285" s="8"/>
      <c r="D285" s="8"/>
      <c r="E285" s="8"/>
      <c r="F285" s="8"/>
      <c r="G285" s="8"/>
      <c r="H285" s="8">
        <v>1</v>
      </c>
      <c r="I285" s="8">
        <v>98</v>
      </c>
      <c r="J285" s="8" t="s">
        <v>156</v>
      </c>
      <c r="K285" s="8" t="s">
        <v>66</v>
      </c>
      <c r="L285" s="8" t="s">
        <v>65</v>
      </c>
      <c r="M285" s="8">
        <v>1</v>
      </c>
      <c r="N285" s="8" t="s">
        <v>514</v>
      </c>
      <c r="O285" s="8">
        <v>2</v>
      </c>
      <c r="P285" s="8">
        <v>3</v>
      </c>
      <c r="Q285" s="8" t="s">
        <v>702</v>
      </c>
      <c r="R285" s="10"/>
      <c r="S285" s="206"/>
      <c r="T285" s="215"/>
      <c r="U285" s="215"/>
    </row>
    <row r="286" spans="1:21">
      <c r="A286" s="8"/>
      <c r="B286" s="8"/>
      <c r="C286" s="8"/>
      <c r="D286" s="8"/>
      <c r="E286" s="8"/>
      <c r="F286" s="8"/>
      <c r="G286" s="8"/>
      <c r="H286" s="8">
        <v>2</v>
      </c>
      <c r="I286" s="8">
        <v>93</v>
      </c>
      <c r="J286" s="8" t="s">
        <v>120</v>
      </c>
      <c r="K286" s="8" t="s">
        <v>78</v>
      </c>
      <c r="L286" s="8" t="s">
        <v>71</v>
      </c>
      <c r="M286" s="8">
        <v>1</v>
      </c>
      <c r="N286" s="8" t="s">
        <v>509</v>
      </c>
      <c r="O286" s="8">
        <v>1</v>
      </c>
      <c r="P286" s="8">
        <v>60</v>
      </c>
      <c r="Q286" s="72"/>
      <c r="R286" s="10"/>
      <c r="S286" s="206"/>
      <c r="T286" s="215"/>
      <c r="U286" s="215"/>
    </row>
    <row r="287" spans="1:21" ht="28">
      <c r="A287" s="8"/>
      <c r="B287" s="8"/>
      <c r="C287" s="8"/>
      <c r="D287" s="8"/>
      <c r="E287" s="8"/>
      <c r="F287" s="8"/>
      <c r="G287" s="8"/>
      <c r="H287" s="8">
        <v>3</v>
      </c>
      <c r="I287" s="8">
        <v>66</v>
      </c>
      <c r="J287" s="8" t="s">
        <v>153</v>
      </c>
      <c r="K287" s="8" t="s">
        <v>78</v>
      </c>
      <c r="L287" s="8" t="s">
        <v>71</v>
      </c>
      <c r="M287" s="8">
        <v>1</v>
      </c>
      <c r="N287" s="8" t="s">
        <v>514</v>
      </c>
      <c r="O287" s="8">
        <v>1</v>
      </c>
      <c r="P287" s="8">
        <v>2</v>
      </c>
      <c r="Q287" s="70" t="s">
        <v>624</v>
      </c>
      <c r="R287" s="10"/>
      <c r="S287" s="206"/>
      <c r="T287" s="215"/>
      <c r="U287" s="215"/>
    </row>
    <row r="288" spans="1:21">
      <c r="A288" s="8"/>
      <c r="B288" s="8"/>
      <c r="C288" s="8"/>
      <c r="D288" s="8"/>
      <c r="E288" s="8"/>
      <c r="F288" s="8"/>
      <c r="G288" s="8"/>
      <c r="H288" s="8">
        <v>4</v>
      </c>
      <c r="I288" s="8">
        <v>67</v>
      </c>
      <c r="J288" s="8" t="s">
        <v>151</v>
      </c>
      <c r="K288" s="8" t="s">
        <v>78</v>
      </c>
      <c r="L288" s="8" t="s">
        <v>71</v>
      </c>
      <c r="M288" s="8">
        <v>1</v>
      </c>
      <c r="N288" s="8" t="s">
        <v>509</v>
      </c>
      <c r="O288" s="8">
        <v>2</v>
      </c>
      <c r="P288" s="8">
        <v>80</v>
      </c>
      <c r="Q288" s="72"/>
      <c r="R288" s="10"/>
      <c r="S288" s="206"/>
      <c r="T288" s="215"/>
      <c r="U288" s="215"/>
    </row>
    <row r="289" spans="1:21">
      <c r="A289" s="17"/>
      <c r="B289" s="17"/>
      <c r="C289" s="17" t="s">
        <v>150</v>
      </c>
      <c r="D289" s="17" t="s">
        <v>473</v>
      </c>
      <c r="E289" s="17"/>
      <c r="F289" s="17"/>
      <c r="G289" s="17"/>
      <c r="H289" s="17"/>
      <c r="I289" s="17"/>
      <c r="J289" s="17"/>
      <c r="K289" s="17" t="s">
        <v>17</v>
      </c>
      <c r="L289" s="17" t="s">
        <v>71</v>
      </c>
      <c r="M289" s="17">
        <v>2</v>
      </c>
      <c r="N289" s="17"/>
      <c r="O289" s="17"/>
      <c r="P289" s="17"/>
      <c r="Q289" s="17"/>
      <c r="R289" s="10"/>
      <c r="S289" s="206"/>
      <c r="T289" s="215"/>
      <c r="U289" s="215"/>
    </row>
    <row r="290" spans="1:21">
      <c r="A290" s="8"/>
      <c r="B290" s="8"/>
      <c r="C290" s="8"/>
      <c r="D290" s="8"/>
      <c r="E290" s="8"/>
      <c r="F290" s="8"/>
      <c r="G290" s="8"/>
      <c r="H290" s="8">
        <v>1</v>
      </c>
      <c r="I290" s="8">
        <v>93</v>
      </c>
      <c r="J290" s="8" t="s">
        <v>120</v>
      </c>
      <c r="K290" s="8" t="s">
        <v>66</v>
      </c>
      <c r="L290" s="8" t="s">
        <v>65</v>
      </c>
      <c r="M290" s="8">
        <v>1</v>
      </c>
      <c r="N290" s="8" t="s">
        <v>509</v>
      </c>
      <c r="O290" s="8">
        <v>1</v>
      </c>
      <c r="P290" s="8">
        <v>60</v>
      </c>
      <c r="Q290" s="72"/>
      <c r="R290" s="10"/>
      <c r="S290" s="206"/>
      <c r="T290" s="215"/>
      <c r="U290" s="215"/>
    </row>
    <row r="291" spans="1:21">
      <c r="A291" s="8"/>
      <c r="B291" s="8"/>
      <c r="C291" s="8"/>
      <c r="D291" s="8"/>
      <c r="E291" s="8"/>
      <c r="F291" s="8"/>
      <c r="G291" s="8"/>
      <c r="H291" s="8">
        <v>2</v>
      </c>
      <c r="I291" s="8">
        <v>93</v>
      </c>
      <c r="J291" s="8" t="s">
        <v>120</v>
      </c>
      <c r="K291" s="8" t="s">
        <v>17</v>
      </c>
      <c r="L291" s="8" t="s">
        <v>71</v>
      </c>
      <c r="M291" s="8">
        <v>1</v>
      </c>
      <c r="N291" s="8" t="s">
        <v>509</v>
      </c>
      <c r="O291" s="8">
        <v>1</v>
      </c>
      <c r="P291" s="8">
        <v>60</v>
      </c>
      <c r="Q291" s="72"/>
      <c r="R291" s="10"/>
      <c r="S291" s="206"/>
      <c r="T291" s="215"/>
      <c r="U291" s="215"/>
    </row>
    <row r="292" spans="1:21">
      <c r="A292" s="17"/>
      <c r="B292" s="17"/>
      <c r="C292" s="17" t="s">
        <v>150</v>
      </c>
      <c r="D292" s="17" t="s">
        <v>473</v>
      </c>
      <c r="E292" s="17"/>
      <c r="F292" s="17"/>
      <c r="G292" s="17"/>
      <c r="H292" s="17"/>
      <c r="I292" s="17"/>
      <c r="J292" s="17"/>
      <c r="K292" s="17" t="s">
        <v>17</v>
      </c>
      <c r="L292" s="17" t="s">
        <v>71</v>
      </c>
      <c r="M292" s="17">
        <v>2</v>
      </c>
      <c r="N292" s="17"/>
      <c r="O292" s="17"/>
      <c r="P292" s="17"/>
      <c r="Q292" s="17"/>
      <c r="R292" s="10"/>
      <c r="S292" s="206"/>
      <c r="T292" s="215"/>
      <c r="U292" s="215"/>
    </row>
    <row r="293" spans="1:21">
      <c r="A293" s="8"/>
      <c r="B293" s="8"/>
      <c r="C293" s="8"/>
      <c r="D293" s="8"/>
      <c r="E293" s="8"/>
      <c r="F293" s="8"/>
      <c r="G293" s="8"/>
      <c r="H293" s="8">
        <v>1</v>
      </c>
      <c r="I293" s="8">
        <v>93</v>
      </c>
      <c r="J293" s="8" t="s">
        <v>120</v>
      </c>
      <c r="K293" s="8" t="s">
        <v>66</v>
      </c>
      <c r="L293" s="8" t="s">
        <v>65</v>
      </c>
      <c r="M293" s="8">
        <v>1</v>
      </c>
      <c r="N293" s="8" t="s">
        <v>509</v>
      </c>
      <c r="O293" s="8">
        <v>1</v>
      </c>
      <c r="P293" s="8">
        <v>60</v>
      </c>
      <c r="Q293" s="72"/>
      <c r="R293" s="10"/>
      <c r="S293" s="206"/>
      <c r="T293" s="215"/>
      <c r="U293" s="215"/>
    </row>
    <row r="294" spans="1:21">
      <c r="A294" s="8"/>
      <c r="B294" s="8"/>
      <c r="C294" s="8"/>
      <c r="D294" s="8"/>
      <c r="E294" s="8"/>
      <c r="F294" s="8"/>
      <c r="G294" s="8"/>
      <c r="H294" s="8">
        <v>2</v>
      </c>
      <c r="I294" s="8">
        <v>93</v>
      </c>
      <c r="J294" s="8" t="s">
        <v>120</v>
      </c>
      <c r="K294" s="8" t="s">
        <v>17</v>
      </c>
      <c r="L294" s="8" t="s">
        <v>71</v>
      </c>
      <c r="M294" s="8">
        <v>1</v>
      </c>
      <c r="N294" s="8" t="s">
        <v>509</v>
      </c>
      <c r="O294" s="8">
        <v>1</v>
      </c>
      <c r="P294" s="8">
        <v>60</v>
      </c>
      <c r="Q294" s="72"/>
      <c r="R294" s="10"/>
      <c r="S294" s="206"/>
      <c r="T294" s="215"/>
      <c r="U294" s="215"/>
    </row>
    <row r="295" spans="1:21">
      <c r="A295" s="17"/>
      <c r="B295" s="17"/>
      <c r="C295" s="17" t="s">
        <v>147</v>
      </c>
      <c r="D295" s="17" t="s">
        <v>144</v>
      </c>
      <c r="E295" s="17"/>
      <c r="F295" s="17"/>
      <c r="G295" s="17"/>
      <c r="H295" s="17"/>
      <c r="I295" s="17"/>
      <c r="J295" s="17"/>
      <c r="K295" s="17" t="s">
        <v>17</v>
      </c>
      <c r="L295" s="17" t="s">
        <v>71</v>
      </c>
      <c r="M295" s="17">
        <v>2</v>
      </c>
      <c r="N295" s="17"/>
      <c r="O295" s="17"/>
      <c r="P295" s="17"/>
      <c r="Q295" s="17"/>
      <c r="R295" s="10"/>
      <c r="S295" s="206"/>
      <c r="T295" s="215"/>
      <c r="U295" s="215"/>
    </row>
    <row r="296" spans="1:21">
      <c r="A296" s="8"/>
      <c r="B296" s="8"/>
      <c r="C296" s="8"/>
      <c r="D296" s="8"/>
      <c r="E296" s="8"/>
      <c r="F296" s="8"/>
      <c r="G296" s="8"/>
      <c r="H296" s="8">
        <v>1</v>
      </c>
      <c r="I296" s="8">
        <v>166</v>
      </c>
      <c r="J296" s="8" t="s">
        <v>144</v>
      </c>
      <c r="K296" s="8" t="s">
        <v>66</v>
      </c>
      <c r="L296" s="8" t="s">
        <v>65</v>
      </c>
      <c r="M296" s="8">
        <v>1</v>
      </c>
      <c r="N296" s="8" t="s">
        <v>509</v>
      </c>
      <c r="O296" s="8">
        <v>1</v>
      </c>
      <c r="P296" s="8">
        <v>55</v>
      </c>
      <c r="Q296" s="72"/>
      <c r="R296" s="10"/>
      <c r="S296" s="206"/>
      <c r="T296" s="215"/>
      <c r="U296" s="215"/>
    </row>
    <row r="297" spans="1:21">
      <c r="A297" s="8"/>
      <c r="B297" s="8"/>
      <c r="C297" s="8"/>
      <c r="D297" s="8"/>
      <c r="E297" s="8"/>
      <c r="F297" s="8"/>
      <c r="G297" s="8"/>
      <c r="H297" s="8">
        <v>2</v>
      </c>
      <c r="I297" s="8">
        <v>166</v>
      </c>
      <c r="J297" s="8" t="s">
        <v>144</v>
      </c>
      <c r="K297" s="8" t="s">
        <v>17</v>
      </c>
      <c r="L297" s="8" t="s">
        <v>71</v>
      </c>
      <c r="M297" s="8">
        <v>1</v>
      </c>
      <c r="N297" s="8" t="s">
        <v>509</v>
      </c>
      <c r="O297" s="8">
        <v>1</v>
      </c>
      <c r="P297" s="8">
        <v>55</v>
      </c>
      <c r="Q297" s="72"/>
      <c r="R297" s="10"/>
      <c r="S297" s="206"/>
      <c r="T297" s="215"/>
      <c r="U297" s="215"/>
    </row>
    <row r="298" spans="1:21">
      <c r="A298" s="17"/>
      <c r="B298" s="17"/>
      <c r="C298" s="17" t="s">
        <v>147</v>
      </c>
      <c r="D298" s="17" t="s">
        <v>144</v>
      </c>
      <c r="E298" s="17"/>
      <c r="F298" s="17"/>
      <c r="G298" s="17"/>
      <c r="H298" s="17"/>
      <c r="I298" s="17"/>
      <c r="J298" s="17"/>
      <c r="K298" s="17" t="s">
        <v>17</v>
      </c>
      <c r="L298" s="17" t="s">
        <v>71</v>
      </c>
      <c r="M298" s="17">
        <v>2</v>
      </c>
      <c r="N298" s="17"/>
      <c r="O298" s="17"/>
      <c r="P298" s="17"/>
      <c r="Q298" s="17"/>
      <c r="R298" s="10"/>
      <c r="S298" s="206"/>
      <c r="T298" s="215"/>
      <c r="U298" s="215"/>
    </row>
    <row r="299" spans="1:21">
      <c r="A299" s="8"/>
      <c r="B299" s="8"/>
      <c r="C299" s="8"/>
      <c r="D299" s="8"/>
      <c r="E299" s="8"/>
      <c r="F299" s="8"/>
      <c r="G299" s="8"/>
      <c r="H299" s="8">
        <v>1</v>
      </c>
      <c r="I299" s="8">
        <v>166</v>
      </c>
      <c r="J299" s="8" t="s">
        <v>144</v>
      </c>
      <c r="K299" s="8" t="s">
        <v>66</v>
      </c>
      <c r="L299" s="8" t="s">
        <v>65</v>
      </c>
      <c r="M299" s="8">
        <v>1</v>
      </c>
      <c r="N299" s="8" t="s">
        <v>509</v>
      </c>
      <c r="O299" s="8">
        <v>1</v>
      </c>
      <c r="P299" s="8">
        <v>55</v>
      </c>
      <c r="Q299" s="72"/>
      <c r="R299" s="10"/>
      <c r="S299" s="206"/>
      <c r="T299" s="215"/>
      <c r="U299" s="215"/>
    </row>
    <row r="300" spans="1:21">
      <c r="A300" s="8"/>
      <c r="B300" s="8"/>
      <c r="C300" s="8"/>
      <c r="D300" s="8"/>
      <c r="E300" s="8"/>
      <c r="F300" s="8"/>
      <c r="G300" s="8"/>
      <c r="H300" s="8">
        <v>2</v>
      </c>
      <c r="I300" s="8">
        <v>166</v>
      </c>
      <c r="J300" s="8" t="s">
        <v>144</v>
      </c>
      <c r="K300" s="8" t="s">
        <v>17</v>
      </c>
      <c r="L300" s="8" t="s">
        <v>71</v>
      </c>
      <c r="M300" s="8">
        <v>1</v>
      </c>
      <c r="N300" s="8" t="s">
        <v>509</v>
      </c>
      <c r="O300" s="8">
        <v>1</v>
      </c>
      <c r="P300" s="8">
        <v>55</v>
      </c>
      <c r="Q300" s="72"/>
      <c r="R300" s="10"/>
      <c r="S300" s="206"/>
      <c r="T300" s="215"/>
      <c r="U300" s="215"/>
    </row>
    <row r="301" spans="1:21">
      <c r="A301" s="17"/>
      <c r="B301" s="17"/>
      <c r="C301" s="17" t="s">
        <v>143</v>
      </c>
      <c r="D301" s="17" t="s">
        <v>474</v>
      </c>
      <c r="E301" s="17"/>
      <c r="F301" s="17"/>
      <c r="G301" s="17"/>
      <c r="H301" s="17"/>
      <c r="I301" s="17"/>
      <c r="J301" s="17"/>
      <c r="K301" s="17" t="s">
        <v>17</v>
      </c>
      <c r="L301" s="17" t="s">
        <v>71</v>
      </c>
      <c r="M301" s="17" t="s">
        <v>525</v>
      </c>
      <c r="N301" s="17"/>
      <c r="O301" s="17"/>
      <c r="P301" s="17"/>
      <c r="Q301" s="17"/>
      <c r="R301" s="10"/>
      <c r="S301" s="206"/>
      <c r="T301" s="215"/>
      <c r="U301" s="215"/>
    </row>
    <row r="302" spans="1:21">
      <c r="A302" s="8"/>
      <c r="B302" s="8"/>
      <c r="C302" s="8"/>
      <c r="D302" s="8"/>
      <c r="E302" s="8"/>
      <c r="F302" s="8"/>
      <c r="G302" s="8"/>
      <c r="H302" s="8">
        <v>1</v>
      </c>
      <c r="I302" s="8">
        <v>19</v>
      </c>
      <c r="J302" s="8" t="s">
        <v>141</v>
      </c>
      <c r="K302" s="8" t="s">
        <v>17</v>
      </c>
      <c r="L302" s="8" t="s">
        <v>71</v>
      </c>
      <c r="M302" s="8">
        <v>1</v>
      </c>
      <c r="N302" s="8" t="s">
        <v>509</v>
      </c>
      <c r="O302" s="8">
        <v>2</v>
      </c>
      <c r="P302" s="8">
        <v>30</v>
      </c>
      <c r="Q302" s="72"/>
      <c r="R302" s="10"/>
      <c r="S302" s="206"/>
      <c r="T302" s="215"/>
      <c r="U302" s="215"/>
    </row>
    <row r="303" spans="1:21" ht="28">
      <c r="A303" s="8"/>
      <c r="B303" s="8"/>
      <c r="C303" s="8"/>
      <c r="D303" s="8"/>
      <c r="E303" s="8"/>
      <c r="F303" s="8"/>
      <c r="G303" s="8"/>
      <c r="H303" s="8">
        <v>2</v>
      </c>
      <c r="I303" s="8">
        <v>156</v>
      </c>
      <c r="J303" s="8" t="s">
        <v>139</v>
      </c>
      <c r="K303" s="8" t="s">
        <v>17</v>
      </c>
      <c r="L303" s="8" t="s">
        <v>71</v>
      </c>
      <c r="M303" s="8">
        <v>1</v>
      </c>
      <c r="N303" s="8" t="s">
        <v>514</v>
      </c>
      <c r="O303" s="8">
        <v>2</v>
      </c>
      <c r="P303" s="8">
        <v>2</v>
      </c>
      <c r="Q303" s="70" t="s">
        <v>624</v>
      </c>
      <c r="R303" s="10"/>
      <c r="S303" s="206"/>
      <c r="T303" s="215"/>
      <c r="U303" s="215"/>
    </row>
    <row r="304" spans="1:21">
      <c r="A304" s="8"/>
      <c r="B304" s="8"/>
      <c r="C304" s="8"/>
      <c r="D304" s="8"/>
      <c r="E304" s="8"/>
      <c r="F304" s="8"/>
      <c r="G304" s="8"/>
      <c r="H304" s="8">
        <v>3</v>
      </c>
      <c r="I304" s="8">
        <v>116</v>
      </c>
      <c r="J304" s="8" t="s">
        <v>137</v>
      </c>
      <c r="K304" s="8" t="s">
        <v>17</v>
      </c>
      <c r="L304" s="8" t="s">
        <v>71</v>
      </c>
      <c r="M304" s="8">
        <v>1</v>
      </c>
      <c r="N304" s="8" t="s">
        <v>514</v>
      </c>
      <c r="O304" s="8">
        <v>3</v>
      </c>
      <c r="P304" s="8">
        <v>15</v>
      </c>
      <c r="Q304" s="72"/>
      <c r="R304" s="10"/>
      <c r="S304" s="206"/>
      <c r="T304" s="215"/>
      <c r="U304" s="215"/>
    </row>
    <row r="305" spans="1:21" ht="28">
      <c r="A305" s="8"/>
      <c r="B305" s="8"/>
      <c r="C305" s="8"/>
      <c r="D305" s="8"/>
      <c r="E305" s="8"/>
      <c r="F305" s="8"/>
      <c r="G305" s="8"/>
      <c r="H305" s="8">
        <v>4</v>
      </c>
      <c r="I305" s="8">
        <v>26</v>
      </c>
      <c r="J305" s="8" t="s">
        <v>135</v>
      </c>
      <c r="K305" s="8" t="s">
        <v>17</v>
      </c>
      <c r="L305" s="8" t="s">
        <v>71</v>
      </c>
      <c r="M305" s="8">
        <v>1</v>
      </c>
      <c r="N305" s="8" t="s">
        <v>514</v>
      </c>
      <c r="O305" s="8">
        <v>2</v>
      </c>
      <c r="P305" s="8">
        <v>3</v>
      </c>
      <c r="Q305" s="70" t="s">
        <v>624</v>
      </c>
      <c r="R305" s="10"/>
      <c r="S305" s="206"/>
      <c r="T305" s="215"/>
      <c r="U305" s="215"/>
    </row>
    <row r="306" spans="1:21">
      <c r="A306" s="8"/>
      <c r="B306" s="8"/>
      <c r="C306" s="8"/>
      <c r="D306" s="8"/>
      <c r="E306" s="8"/>
      <c r="F306" s="8"/>
      <c r="G306" s="8"/>
      <c r="H306" s="8">
        <v>5</v>
      </c>
      <c r="I306" s="8">
        <v>309</v>
      </c>
      <c r="J306" s="8" t="s">
        <v>133</v>
      </c>
      <c r="K306" s="8" t="s">
        <v>78</v>
      </c>
      <c r="L306" s="8" t="s">
        <v>71</v>
      </c>
      <c r="M306" s="11">
        <v>1</v>
      </c>
      <c r="N306" s="11" t="s">
        <v>514</v>
      </c>
      <c r="O306" s="11">
        <v>1</v>
      </c>
      <c r="P306" s="11">
        <v>2</v>
      </c>
      <c r="Q306" s="72" t="s">
        <v>690</v>
      </c>
      <c r="R306" s="10"/>
      <c r="S306" s="206"/>
      <c r="T306" s="215"/>
      <c r="U306" s="215"/>
    </row>
    <row r="307" spans="1:21">
      <c r="A307" s="8"/>
      <c r="B307" s="8"/>
      <c r="C307" s="8"/>
      <c r="D307" s="8"/>
      <c r="E307" s="8"/>
      <c r="F307" s="8"/>
      <c r="G307" s="8"/>
      <c r="H307" s="8">
        <v>6</v>
      </c>
      <c r="I307" s="8">
        <v>310</v>
      </c>
      <c r="J307" s="8" t="s">
        <v>131</v>
      </c>
      <c r="K307" s="8" t="s">
        <v>17</v>
      </c>
      <c r="L307" s="8" t="s">
        <v>71</v>
      </c>
      <c r="M307" s="11">
        <v>1</v>
      </c>
      <c r="N307" s="11" t="s">
        <v>509</v>
      </c>
      <c r="O307" s="11">
        <v>1</v>
      </c>
      <c r="P307" s="11">
        <v>30</v>
      </c>
      <c r="Q307" s="18"/>
      <c r="R307" s="10"/>
      <c r="S307" s="206"/>
      <c r="T307" s="215"/>
      <c r="U307" s="215"/>
    </row>
    <row r="308" spans="1:21">
      <c r="A308" s="79"/>
      <c r="B308" s="75"/>
      <c r="C308" s="75" t="s">
        <v>130</v>
      </c>
      <c r="D308" s="75" t="s">
        <v>126</v>
      </c>
      <c r="E308" s="75"/>
      <c r="F308" s="75"/>
      <c r="G308" s="75"/>
      <c r="H308" s="75"/>
      <c r="I308" s="75"/>
      <c r="J308" s="75"/>
      <c r="K308" s="75"/>
      <c r="L308" s="75"/>
      <c r="M308" s="17">
        <v>12</v>
      </c>
      <c r="N308" s="17"/>
      <c r="O308" s="17"/>
      <c r="P308" s="17"/>
      <c r="Q308" s="75"/>
      <c r="R308" s="10"/>
      <c r="S308" s="206"/>
      <c r="T308" s="215"/>
      <c r="U308" s="215"/>
    </row>
    <row r="309" spans="1:21">
      <c r="A309" s="26"/>
      <c r="B309" s="27"/>
      <c r="C309" s="27"/>
      <c r="D309" s="27"/>
      <c r="E309" s="27"/>
      <c r="F309" s="27"/>
      <c r="G309" s="27"/>
      <c r="H309" s="11">
        <v>1</v>
      </c>
      <c r="I309" s="11">
        <v>128</v>
      </c>
      <c r="J309" s="11" t="s">
        <v>128</v>
      </c>
      <c r="K309" s="11" t="s">
        <v>66</v>
      </c>
      <c r="L309" s="8" t="s">
        <v>65</v>
      </c>
      <c r="M309" s="8">
        <v>1</v>
      </c>
      <c r="N309" s="8" t="s">
        <v>514</v>
      </c>
      <c r="O309" s="8">
        <v>2</v>
      </c>
      <c r="P309" s="8">
        <v>3</v>
      </c>
      <c r="Q309" s="18" t="s">
        <v>692</v>
      </c>
      <c r="R309" s="10"/>
      <c r="S309" s="206"/>
      <c r="T309" s="215"/>
      <c r="U309" s="215"/>
    </row>
    <row r="310" spans="1:21">
      <c r="A310" s="26"/>
      <c r="B310" s="27"/>
      <c r="C310" s="27"/>
      <c r="D310" s="27"/>
      <c r="E310" s="27"/>
      <c r="F310" s="27"/>
      <c r="G310" s="27"/>
      <c r="H310" s="25">
        <v>2</v>
      </c>
      <c r="I310" s="25">
        <v>127</v>
      </c>
      <c r="J310" s="19" t="s">
        <v>126</v>
      </c>
      <c r="K310" s="25" t="s">
        <v>78</v>
      </c>
      <c r="L310" s="25" t="s">
        <v>174</v>
      </c>
      <c r="M310" s="19">
        <v>1</v>
      </c>
      <c r="N310" s="19" t="s">
        <v>509</v>
      </c>
      <c r="O310" s="19">
        <v>1</v>
      </c>
      <c r="P310" s="19">
        <v>30</v>
      </c>
      <c r="Q310" s="25"/>
      <c r="R310" s="10"/>
      <c r="S310" s="206"/>
      <c r="T310" s="215"/>
      <c r="U310" s="215"/>
    </row>
    <row r="311" spans="1:21">
      <c r="A311" s="26"/>
      <c r="B311" s="27"/>
      <c r="C311" s="27"/>
      <c r="D311" s="27"/>
      <c r="E311" s="27"/>
      <c r="F311" s="27"/>
      <c r="G311" s="27"/>
      <c r="H311" s="11">
        <v>3</v>
      </c>
      <c r="I311" s="11">
        <v>352</v>
      </c>
      <c r="J311" s="11" t="s">
        <v>3</v>
      </c>
      <c r="K311" s="11" t="s">
        <v>78</v>
      </c>
      <c r="L311" s="8" t="s">
        <v>71</v>
      </c>
      <c r="M311" s="8">
        <v>1</v>
      </c>
      <c r="N311" s="8" t="s">
        <v>509</v>
      </c>
      <c r="O311" s="8">
        <v>1</v>
      </c>
      <c r="P311" s="8">
        <v>80</v>
      </c>
      <c r="Q311" s="18"/>
      <c r="R311" s="10"/>
      <c r="S311" s="206"/>
      <c r="T311" s="215"/>
      <c r="U311" s="215"/>
    </row>
    <row r="312" spans="1:21">
      <c r="A312" s="17"/>
      <c r="B312" s="17"/>
      <c r="C312" s="17" t="s">
        <v>124</v>
      </c>
      <c r="D312" s="17" t="s">
        <v>475</v>
      </c>
      <c r="E312" s="17"/>
      <c r="F312" s="17"/>
      <c r="G312" s="17"/>
      <c r="H312" s="17"/>
      <c r="I312" s="17"/>
      <c r="J312" s="17"/>
      <c r="K312" s="17" t="s">
        <v>17</v>
      </c>
      <c r="L312" s="17" t="s">
        <v>71</v>
      </c>
      <c r="M312" s="75">
        <v>3</v>
      </c>
      <c r="N312" s="75"/>
      <c r="O312" s="75"/>
      <c r="P312" s="75"/>
      <c r="Q312" s="17"/>
      <c r="R312" s="10"/>
      <c r="S312" s="206"/>
      <c r="T312" s="215"/>
      <c r="U312" s="215"/>
    </row>
    <row r="313" spans="1:21">
      <c r="A313" s="8"/>
      <c r="B313" s="8"/>
      <c r="C313" s="8"/>
      <c r="D313" s="8"/>
      <c r="E313" s="8"/>
      <c r="F313" s="8"/>
      <c r="G313" s="8"/>
      <c r="H313" s="8">
        <v>1</v>
      </c>
      <c r="I313" s="8">
        <v>366</v>
      </c>
      <c r="J313" s="8" t="s">
        <v>122</v>
      </c>
      <c r="K313" s="8" t="s">
        <v>66</v>
      </c>
      <c r="L313" s="8" t="s">
        <v>65</v>
      </c>
      <c r="M313" s="11">
        <v>1</v>
      </c>
      <c r="N313" s="11" t="s">
        <v>514</v>
      </c>
      <c r="O313" s="11">
        <v>2</v>
      </c>
      <c r="P313" s="11">
        <v>2</v>
      </c>
      <c r="Q313" s="8" t="s">
        <v>704</v>
      </c>
      <c r="R313" s="10"/>
      <c r="S313" s="206"/>
      <c r="T313" s="215"/>
      <c r="U313" s="215"/>
    </row>
    <row r="314" spans="1:21">
      <c r="A314" s="8"/>
      <c r="B314" s="8"/>
      <c r="C314" s="8"/>
      <c r="D314" s="8"/>
      <c r="E314" s="8"/>
      <c r="F314" s="8"/>
      <c r="G314" s="8"/>
      <c r="H314" s="8">
        <v>2</v>
      </c>
      <c r="I314" s="8">
        <v>93</v>
      </c>
      <c r="J314" s="8" t="s">
        <v>120</v>
      </c>
      <c r="K314" s="8" t="s">
        <v>17</v>
      </c>
      <c r="L314" s="8" t="s">
        <v>71</v>
      </c>
      <c r="M314" s="11">
        <v>1</v>
      </c>
      <c r="N314" s="11" t="s">
        <v>509</v>
      </c>
      <c r="O314" s="11">
        <v>1</v>
      </c>
      <c r="P314" s="11">
        <v>60</v>
      </c>
      <c r="Q314" s="72"/>
      <c r="R314" s="10"/>
      <c r="S314" s="206"/>
      <c r="T314" s="215"/>
      <c r="U314" s="215"/>
    </row>
    <row r="315" spans="1:21" ht="28">
      <c r="A315" s="8"/>
      <c r="B315" s="8"/>
      <c r="C315" s="8"/>
      <c r="D315" s="8"/>
      <c r="E315" s="8"/>
      <c r="F315" s="8"/>
      <c r="G315" s="8"/>
      <c r="H315" s="8">
        <v>3</v>
      </c>
      <c r="I315" s="8">
        <v>365</v>
      </c>
      <c r="J315" s="8" t="s">
        <v>114</v>
      </c>
      <c r="K315" s="8" t="s">
        <v>78</v>
      </c>
      <c r="L315" s="8" t="s">
        <v>71</v>
      </c>
      <c r="M315" s="11">
        <v>1</v>
      </c>
      <c r="N315" s="11" t="s">
        <v>514</v>
      </c>
      <c r="O315" s="11">
        <v>2</v>
      </c>
      <c r="P315" s="11">
        <v>2</v>
      </c>
      <c r="Q315" s="70" t="s">
        <v>624</v>
      </c>
      <c r="R315" s="10"/>
      <c r="S315" s="206"/>
      <c r="T315" s="215"/>
      <c r="U315" s="215"/>
    </row>
    <row r="316" spans="1:21">
      <c r="A316" s="8"/>
      <c r="B316" s="8"/>
      <c r="C316" s="8"/>
      <c r="D316" s="8"/>
      <c r="E316" s="8"/>
      <c r="F316" s="8"/>
      <c r="G316" s="8"/>
      <c r="H316" s="8">
        <v>4</v>
      </c>
      <c r="I316" s="8">
        <v>364</v>
      </c>
      <c r="J316" s="8" t="s">
        <v>112</v>
      </c>
      <c r="K316" s="8" t="s">
        <v>78</v>
      </c>
      <c r="L316" s="8" t="s">
        <v>71</v>
      </c>
      <c r="M316" s="11">
        <v>1</v>
      </c>
      <c r="N316" s="11" t="s">
        <v>509</v>
      </c>
      <c r="O316" s="11">
        <v>1</v>
      </c>
      <c r="P316" s="11">
        <v>80</v>
      </c>
      <c r="Q316" s="72"/>
      <c r="R316" s="10"/>
      <c r="S316" s="206"/>
      <c r="T316" s="215"/>
      <c r="U316" s="215"/>
    </row>
    <row r="317" spans="1:21" ht="28">
      <c r="A317" s="8"/>
      <c r="B317" s="8"/>
      <c r="C317" s="8"/>
      <c r="D317" s="8"/>
      <c r="E317" s="8"/>
      <c r="F317" s="8"/>
      <c r="G317" s="8"/>
      <c r="H317" s="8">
        <v>5</v>
      </c>
      <c r="I317" s="8">
        <v>365</v>
      </c>
      <c r="J317" s="8" t="s">
        <v>114</v>
      </c>
      <c r="K317" s="8" t="s">
        <v>78</v>
      </c>
      <c r="L317" s="8" t="s">
        <v>71</v>
      </c>
      <c r="M317" s="11">
        <v>1</v>
      </c>
      <c r="N317" s="11" t="s">
        <v>514</v>
      </c>
      <c r="O317" s="11">
        <v>2</v>
      </c>
      <c r="P317" s="11">
        <v>2</v>
      </c>
      <c r="Q317" s="70" t="s">
        <v>624</v>
      </c>
      <c r="R317" s="10"/>
      <c r="S317" s="206"/>
      <c r="T317" s="215"/>
      <c r="U317" s="215"/>
    </row>
    <row r="318" spans="1:21">
      <c r="A318" s="8"/>
      <c r="B318" s="8"/>
      <c r="C318" s="8"/>
      <c r="D318" s="8"/>
      <c r="E318" s="8"/>
      <c r="F318" s="8"/>
      <c r="G318" s="8"/>
      <c r="H318" s="8">
        <v>6</v>
      </c>
      <c r="I318" s="8">
        <v>364</v>
      </c>
      <c r="J318" s="8" t="s">
        <v>112</v>
      </c>
      <c r="K318" s="8" t="s">
        <v>78</v>
      </c>
      <c r="L318" s="8" t="s">
        <v>71</v>
      </c>
      <c r="M318" s="11">
        <v>1</v>
      </c>
      <c r="N318" s="11" t="s">
        <v>509</v>
      </c>
      <c r="O318" s="11">
        <v>1</v>
      </c>
      <c r="P318" s="11">
        <v>80</v>
      </c>
      <c r="Q318" s="72"/>
      <c r="R318" s="10"/>
      <c r="S318" s="206"/>
      <c r="T318" s="215"/>
      <c r="U318" s="215"/>
    </row>
    <row r="319" spans="1:21" ht="28">
      <c r="A319" s="8"/>
      <c r="B319" s="8"/>
      <c r="C319" s="8"/>
      <c r="D319" s="8"/>
      <c r="E319" s="8"/>
      <c r="F319" s="8"/>
      <c r="G319" s="8"/>
      <c r="H319" s="8">
        <v>7</v>
      </c>
      <c r="I319" s="8">
        <v>365</v>
      </c>
      <c r="J319" s="8" t="s">
        <v>114</v>
      </c>
      <c r="K319" s="8" t="s">
        <v>78</v>
      </c>
      <c r="L319" s="8" t="s">
        <v>71</v>
      </c>
      <c r="M319" s="11">
        <v>1</v>
      </c>
      <c r="N319" s="11" t="s">
        <v>514</v>
      </c>
      <c r="O319" s="11">
        <v>2</v>
      </c>
      <c r="P319" s="11">
        <v>2</v>
      </c>
      <c r="Q319" s="70" t="s">
        <v>624</v>
      </c>
      <c r="R319" s="10"/>
      <c r="S319" s="206"/>
      <c r="T319" s="215"/>
      <c r="U319" s="215"/>
    </row>
    <row r="320" spans="1:21">
      <c r="A320" s="8"/>
      <c r="B320" s="8"/>
      <c r="C320" s="8"/>
      <c r="D320" s="8"/>
      <c r="E320" s="8"/>
      <c r="F320" s="8"/>
      <c r="G320" s="8"/>
      <c r="H320" s="8">
        <v>8</v>
      </c>
      <c r="I320" s="8">
        <v>364</v>
      </c>
      <c r="J320" s="8" t="s">
        <v>112</v>
      </c>
      <c r="K320" s="8" t="s">
        <v>78</v>
      </c>
      <c r="L320" s="8" t="s">
        <v>71</v>
      </c>
      <c r="M320" s="11">
        <v>1</v>
      </c>
      <c r="N320" s="11" t="s">
        <v>509</v>
      </c>
      <c r="O320" s="11">
        <v>1</v>
      </c>
      <c r="P320" s="11">
        <v>80</v>
      </c>
      <c r="Q320" s="72"/>
      <c r="R320" s="10"/>
      <c r="S320" s="206"/>
      <c r="T320" s="215"/>
      <c r="U320" s="215"/>
    </row>
    <row r="321" spans="1:21">
      <c r="A321" s="17"/>
      <c r="B321" s="17"/>
      <c r="C321" s="17" t="s">
        <v>252</v>
      </c>
      <c r="D321" s="17" t="s">
        <v>476</v>
      </c>
      <c r="E321" s="17"/>
      <c r="F321" s="17"/>
      <c r="G321" s="17"/>
      <c r="H321" s="17"/>
      <c r="I321" s="17"/>
      <c r="J321" s="17"/>
      <c r="K321" s="17" t="s">
        <v>17</v>
      </c>
      <c r="L321" s="17" t="s">
        <v>71</v>
      </c>
      <c r="M321" s="17">
        <v>1</v>
      </c>
      <c r="N321" s="17"/>
      <c r="O321" s="17"/>
      <c r="P321" s="17"/>
      <c r="Q321" s="17"/>
      <c r="R321" s="10"/>
      <c r="S321" s="206"/>
      <c r="T321" s="215"/>
      <c r="U321" s="215"/>
    </row>
    <row r="322" spans="1:21" ht="28">
      <c r="A322" s="8"/>
      <c r="B322" s="8"/>
      <c r="C322" s="8"/>
      <c r="D322" s="8"/>
      <c r="E322" s="8"/>
      <c r="F322" s="8"/>
      <c r="G322" s="8"/>
      <c r="H322" s="8">
        <v>1</v>
      </c>
      <c r="I322" s="8">
        <v>98</v>
      </c>
      <c r="J322" s="8" t="s">
        <v>156</v>
      </c>
      <c r="K322" s="8" t="s">
        <v>66</v>
      </c>
      <c r="L322" s="8" t="s">
        <v>65</v>
      </c>
      <c r="M322" s="8">
        <v>1</v>
      </c>
      <c r="N322" s="8" t="s">
        <v>514</v>
      </c>
      <c r="O322" s="8">
        <v>2</v>
      </c>
      <c r="P322" s="8">
        <v>3</v>
      </c>
      <c r="Q322" s="70" t="s">
        <v>624</v>
      </c>
      <c r="R322" s="10"/>
      <c r="S322" s="206"/>
      <c r="T322" s="215"/>
      <c r="U322" s="215"/>
    </row>
    <row r="323" spans="1:21">
      <c r="A323" s="8"/>
      <c r="B323" s="8"/>
      <c r="C323" s="8"/>
      <c r="D323" s="8"/>
      <c r="E323" s="8"/>
      <c r="F323" s="8"/>
      <c r="G323" s="8"/>
      <c r="H323" s="8">
        <v>2</v>
      </c>
      <c r="I323" s="8">
        <v>100</v>
      </c>
      <c r="J323" s="8" t="s">
        <v>249</v>
      </c>
      <c r="K323" s="8" t="s">
        <v>66</v>
      </c>
      <c r="L323" s="8" t="s">
        <v>65</v>
      </c>
      <c r="M323" s="8">
        <v>1</v>
      </c>
      <c r="N323" s="8" t="s">
        <v>514</v>
      </c>
      <c r="O323" s="8">
        <v>3</v>
      </c>
      <c r="P323" s="8">
        <v>3</v>
      </c>
      <c r="Q323" s="72"/>
      <c r="R323" s="10"/>
      <c r="S323" s="206"/>
      <c r="T323" s="215"/>
      <c r="U323" s="215"/>
    </row>
    <row r="324" spans="1:21">
      <c r="A324" s="28" t="s">
        <v>477</v>
      </c>
      <c r="B324" s="29"/>
      <c r="C324" s="29"/>
      <c r="D324" s="29"/>
      <c r="E324" s="29"/>
      <c r="F324" s="29"/>
      <c r="G324" s="29"/>
      <c r="H324" s="29"/>
      <c r="I324" s="29"/>
      <c r="J324" s="29"/>
      <c r="K324" s="29"/>
      <c r="L324" s="29"/>
      <c r="M324" s="29"/>
      <c r="N324" s="29"/>
      <c r="O324" s="29"/>
      <c r="P324" s="29"/>
      <c r="Q324" s="29"/>
      <c r="R324" s="10"/>
      <c r="S324" s="206"/>
      <c r="T324" s="215"/>
      <c r="U324" s="215"/>
    </row>
    <row r="325" spans="1:21" ht="140">
      <c r="A325" s="404" t="s">
        <v>478</v>
      </c>
      <c r="B325" s="404"/>
      <c r="C325" s="404"/>
      <c r="D325" s="404"/>
      <c r="E325" s="404"/>
      <c r="F325" s="404"/>
      <c r="G325" s="404"/>
      <c r="H325" s="404"/>
      <c r="I325" s="404"/>
      <c r="J325" s="404"/>
      <c r="K325" s="404"/>
      <c r="L325" s="404"/>
      <c r="M325" s="293"/>
      <c r="N325" s="293"/>
      <c r="O325" s="293"/>
      <c r="P325" s="293"/>
      <c r="Q325" s="80" t="s">
        <v>770</v>
      </c>
      <c r="R325" s="8"/>
      <c r="S325" s="305"/>
      <c r="T325" s="306"/>
      <c r="U325" s="306"/>
    </row>
    <row r="326" spans="1:21" ht="31">
      <c r="A326" s="17" t="s">
        <v>440</v>
      </c>
      <c r="B326" s="17" t="s">
        <v>441</v>
      </c>
      <c r="C326" s="17"/>
      <c r="D326" s="17"/>
      <c r="E326" s="17"/>
      <c r="F326" s="17"/>
      <c r="G326" s="17"/>
      <c r="H326" s="17"/>
      <c r="I326" s="17"/>
      <c r="J326" s="17"/>
      <c r="K326" s="17" t="s">
        <v>66</v>
      </c>
      <c r="L326" s="17" t="s">
        <v>65</v>
      </c>
      <c r="M326" s="17">
        <v>200000</v>
      </c>
      <c r="N326" s="17"/>
      <c r="O326" s="17"/>
      <c r="P326" s="17"/>
      <c r="Q326" s="74"/>
      <c r="R326" s="8" t="s">
        <v>1033</v>
      </c>
      <c r="S326" s="310" t="s">
        <v>1486</v>
      </c>
      <c r="T326" s="205" t="s">
        <v>1487</v>
      </c>
      <c r="U326" s="205" t="s">
        <v>1487</v>
      </c>
    </row>
    <row r="327" spans="1:21">
      <c r="A327" s="17"/>
      <c r="B327" s="17"/>
      <c r="C327" s="17" t="s">
        <v>440</v>
      </c>
      <c r="D327" s="17" t="s">
        <v>441</v>
      </c>
      <c r="E327" s="17"/>
      <c r="F327" s="17"/>
      <c r="G327" s="17"/>
      <c r="H327" s="17"/>
      <c r="I327" s="17"/>
      <c r="J327" s="17"/>
      <c r="K327" s="17" t="s">
        <v>66</v>
      </c>
      <c r="L327" s="17" t="s">
        <v>65</v>
      </c>
      <c r="M327" s="17">
        <v>1</v>
      </c>
      <c r="N327" s="17"/>
      <c r="O327" s="17"/>
      <c r="P327" s="17"/>
      <c r="Q327" s="75"/>
      <c r="R327" s="8"/>
      <c r="S327" s="305"/>
      <c r="T327" s="306"/>
      <c r="U327" s="306"/>
    </row>
    <row r="328" spans="1:21" ht="56">
      <c r="A328" s="8"/>
      <c r="B328" s="8"/>
      <c r="C328" s="8"/>
      <c r="D328" s="8"/>
      <c r="E328" s="8"/>
      <c r="F328" s="8"/>
      <c r="G328" s="8"/>
      <c r="H328" s="8">
        <v>1</v>
      </c>
      <c r="I328" s="8">
        <v>628</v>
      </c>
      <c r="J328" s="8" t="s">
        <v>442</v>
      </c>
      <c r="K328" s="8" t="s">
        <v>66</v>
      </c>
      <c r="L328" s="8" t="s">
        <v>65</v>
      </c>
      <c r="M328" s="8">
        <v>1</v>
      </c>
      <c r="N328" s="8" t="s">
        <v>509</v>
      </c>
      <c r="O328" s="8">
        <v>1</v>
      </c>
      <c r="P328" s="8">
        <v>12</v>
      </c>
      <c r="Q328" s="18" t="s">
        <v>771</v>
      </c>
      <c r="R328" s="8"/>
      <c r="S328" s="305"/>
      <c r="T328" s="306"/>
      <c r="U328" s="306"/>
    </row>
    <row r="329" spans="1:21" ht="84">
      <c r="A329" s="8"/>
      <c r="B329" s="8"/>
      <c r="C329" s="8"/>
      <c r="D329" s="8"/>
      <c r="E329" s="8"/>
      <c r="F329" s="8"/>
      <c r="G329" s="8"/>
      <c r="H329" s="8">
        <v>2</v>
      </c>
      <c r="I329" s="8">
        <v>734</v>
      </c>
      <c r="J329" s="8" t="s">
        <v>443</v>
      </c>
      <c r="K329" s="8" t="s">
        <v>17</v>
      </c>
      <c r="L329" s="8" t="s">
        <v>71</v>
      </c>
      <c r="M329" s="8">
        <v>1</v>
      </c>
      <c r="N329" s="8" t="s">
        <v>509</v>
      </c>
      <c r="O329" s="8">
        <v>1</v>
      </c>
      <c r="P329" s="8">
        <v>12</v>
      </c>
      <c r="Q329" s="18" t="s">
        <v>772</v>
      </c>
      <c r="R329" s="8"/>
      <c r="S329" s="305"/>
      <c r="T329" s="306"/>
      <c r="U329" s="306"/>
    </row>
    <row r="330" spans="1:21">
      <c r="A330" s="30"/>
      <c r="B330" s="8"/>
      <c r="C330" s="8"/>
      <c r="D330" s="8"/>
      <c r="E330" s="8"/>
      <c r="F330" s="8"/>
      <c r="G330" s="8"/>
      <c r="H330" s="8">
        <v>3</v>
      </c>
      <c r="I330" s="8">
        <v>735</v>
      </c>
      <c r="J330" s="8" t="s">
        <v>444</v>
      </c>
      <c r="K330" s="8" t="s">
        <v>66</v>
      </c>
      <c r="L330" s="8" t="s">
        <v>65</v>
      </c>
      <c r="M330" s="8">
        <v>1</v>
      </c>
      <c r="N330" s="8" t="s">
        <v>514</v>
      </c>
      <c r="O330" s="8">
        <v>1</v>
      </c>
      <c r="P330" s="8">
        <v>2</v>
      </c>
      <c r="Q330" s="8" t="s">
        <v>744</v>
      </c>
      <c r="R330" s="8"/>
      <c r="S330" s="305"/>
      <c r="T330" s="306"/>
      <c r="U330" s="306"/>
    </row>
    <row r="331" spans="1:21">
      <c r="A331" s="8"/>
      <c r="B331" s="8"/>
      <c r="C331" s="8"/>
      <c r="D331" s="8"/>
      <c r="E331" s="8"/>
      <c r="F331" s="8"/>
      <c r="G331" s="8"/>
      <c r="H331" s="8">
        <v>4</v>
      </c>
      <c r="I331" s="8">
        <v>736</v>
      </c>
      <c r="J331" s="8" t="s">
        <v>445</v>
      </c>
      <c r="K331" s="8" t="s">
        <v>17</v>
      </c>
      <c r="L331" s="8" t="s">
        <v>71</v>
      </c>
      <c r="M331" s="8">
        <v>1</v>
      </c>
      <c r="N331" s="8" t="s">
        <v>514</v>
      </c>
      <c r="O331" s="8">
        <v>1</v>
      </c>
      <c r="P331" s="8">
        <v>1</v>
      </c>
      <c r="Q331" s="11" t="s">
        <v>773</v>
      </c>
      <c r="R331" s="8"/>
      <c r="S331" s="305"/>
      <c r="T331" s="306"/>
      <c r="U331" s="306"/>
    </row>
    <row r="332" spans="1:21" ht="15.5">
      <c r="A332" s="17"/>
      <c r="B332" s="17"/>
      <c r="C332" s="17" t="s">
        <v>479</v>
      </c>
      <c r="D332" s="17" t="s">
        <v>480</v>
      </c>
      <c r="E332" s="17"/>
      <c r="F332" s="17"/>
      <c r="G332" s="17"/>
      <c r="H332" s="17"/>
      <c r="I332" s="17"/>
      <c r="J332" s="17"/>
      <c r="K332" s="17" t="s">
        <v>17</v>
      </c>
      <c r="L332" s="17" t="s">
        <v>71</v>
      </c>
      <c r="M332" s="17">
        <v>1</v>
      </c>
      <c r="N332" s="17"/>
      <c r="O332" s="17"/>
      <c r="P332" s="17"/>
      <c r="Q332" s="17"/>
      <c r="R332" s="10" t="s">
        <v>1140</v>
      </c>
      <c r="S332" s="205" t="s">
        <v>2450</v>
      </c>
      <c r="T332" s="205" t="s">
        <v>2</v>
      </c>
      <c r="U332" s="205" t="s">
        <v>2</v>
      </c>
    </row>
    <row r="333" spans="1:21">
      <c r="A333" s="8"/>
      <c r="B333" s="8"/>
      <c r="C333" s="8"/>
      <c r="D333" s="8"/>
      <c r="E333" s="8"/>
      <c r="F333" s="8"/>
      <c r="G333" s="8"/>
      <c r="H333" s="8">
        <v>1</v>
      </c>
      <c r="I333" s="8">
        <v>324</v>
      </c>
      <c r="J333" s="8" t="s">
        <v>394</v>
      </c>
      <c r="K333" s="8" t="s">
        <v>66</v>
      </c>
      <c r="L333" s="8" t="s">
        <v>65</v>
      </c>
      <c r="M333" s="8">
        <v>1</v>
      </c>
      <c r="N333" s="8" t="s">
        <v>509</v>
      </c>
      <c r="O333" s="8">
        <v>1</v>
      </c>
      <c r="P333" s="8">
        <v>22</v>
      </c>
      <c r="Q333" s="72"/>
      <c r="R333" s="10"/>
      <c r="S333" s="206"/>
      <c r="T333" s="215"/>
      <c r="U333" s="215"/>
    </row>
    <row r="334" spans="1:21">
      <c r="A334" s="8"/>
      <c r="B334" s="8"/>
      <c r="C334" s="8"/>
      <c r="D334" s="8"/>
      <c r="E334" s="8"/>
      <c r="F334" s="8"/>
      <c r="G334" s="8"/>
      <c r="H334" s="19">
        <v>2</v>
      </c>
      <c r="I334" s="19">
        <v>328</v>
      </c>
      <c r="J334" s="19" t="s">
        <v>392</v>
      </c>
      <c r="K334" s="19" t="s">
        <v>17</v>
      </c>
      <c r="L334" s="19" t="s">
        <v>174</v>
      </c>
      <c r="M334" s="19">
        <v>1</v>
      </c>
      <c r="N334" s="19" t="s">
        <v>509</v>
      </c>
      <c r="O334" s="19">
        <v>1</v>
      </c>
      <c r="P334" s="19">
        <v>30</v>
      </c>
      <c r="Q334" s="19"/>
      <c r="R334" s="10"/>
      <c r="S334" s="206"/>
      <c r="T334" s="215"/>
      <c r="U334" s="215"/>
    </row>
    <row r="335" spans="1:21">
      <c r="A335" s="8"/>
      <c r="B335" s="8"/>
      <c r="C335" s="8"/>
      <c r="D335" s="8"/>
      <c r="E335" s="8"/>
      <c r="F335" s="8"/>
      <c r="G335" s="8"/>
      <c r="H335" s="19">
        <v>3</v>
      </c>
      <c r="I335" s="19">
        <v>327</v>
      </c>
      <c r="J335" s="19" t="s">
        <v>413</v>
      </c>
      <c r="K335" s="19" t="s">
        <v>17</v>
      </c>
      <c r="L335" s="19" t="s">
        <v>174</v>
      </c>
      <c r="M335" s="19">
        <v>1</v>
      </c>
      <c r="N335" s="19" t="s">
        <v>509</v>
      </c>
      <c r="O335" s="19">
        <v>1</v>
      </c>
      <c r="P335" s="19">
        <v>8</v>
      </c>
      <c r="Q335" s="19"/>
      <c r="R335" s="10"/>
      <c r="S335" s="206"/>
      <c r="T335" s="215"/>
      <c r="U335" s="215"/>
    </row>
    <row r="336" spans="1:21">
      <c r="A336" s="8"/>
      <c r="B336" s="8"/>
      <c r="C336" s="8"/>
      <c r="D336" s="8"/>
      <c r="E336" s="8"/>
      <c r="F336" s="8"/>
      <c r="G336" s="8"/>
      <c r="H336" s="8">
        <v>4</v>
      </c>
      <c r="I336" s="8">
        <v>373</v>
      </c>
      <c r="J336" s="8" t="s">
        <v>1</v>
      </c>
      <c r="K336" s="8" t="s">
        <v>17</v>
      </c>
      <c r="L336" s="8" t="s">
        <v>71</v>
      </c>
      <c r="M336" s="8">
        <v>1</v>
      </c>
      <c r="N336" s="8" t="s">
        <v>519</v>
      </c>
      <c r="O336" s="8">
        <v>8</v>
      </c>
      <c r="P336" s="8">
        <v>8</v>
      </c>
      <c r="Q336" s="72"/>
      <c r="R336" s="10"/>
      <c r="S336" s="206"/>
      <c r="T336" s="215"/>
      <c r="U336" s="215"/>
    </row>
    <row r="337" spans="1:21">
      <c r="A337" s="8"/>
      <c r="B337" s="8"/>
      <c r="C337" s="8"/>
      <c r="D337" s="8"/>
      <c r="E337" s="8"/>
      <c r="F337" s="8"/>
      <c r="G337" s="8"/>
      <c r="H337" s="19">
        <v>5</v>
      </c>
      <c r="I337" s="19">
        <v>350</v>
      </c>
      <c r="J337" s="19" t="s">
        <v>108</v>
      </c>
      <c r="K337" s="19" t="s">
        <v>17</v>
      </c>
      <c r="L337" s="19" t="s">
        <v>174</v>
      </c>
      <c r="M337" s="19">
        <v>1</v>
      </c>
      <c r="N337" s="19" t="s">
        <v>509</v>
      </c>
      <c r="O337" s="19">
        <v>1</v>
      </c>
      <c r="P337" s="19">
        <v>20</v>
      </c>
      <c r="Q337" s="19"/>
      <c r="R337" s="10"/>
      <c r="S337" s="206"/>
      <c r="T337" s="215"/>
      <c r="U337" s="215"/>
    </row>
    <row r="338" spans="1:21">
      <c r="A338" s="8"/>
      <c r="B338" s="8"/>
      <c r="C338" s="8"/>
      <c r="D338" s="8"/>
      <c r="E338" s="8"/>
      <c r="F338" s="8"/>
      <c r="G338" s="8"/>
      <c r="H338" s="8">
        <v>6</v>
      </c>
      <c r="I338" s="8">
        <v>367</v>
      </c>
      <c r="J338" s="8" t="s">
        <v>481</v>
      </c>
      <c r="K338" s="8" t="s">
        <v>17</v>
      </c>
      <c r="L338" s="8" t="s">
        <v>71</v>
      </c>
      <c r="M338" s="8">
        <v>1</v>
      </c>
      <c r="N338" s="8" t="s">
        <v>509</v>
      </c>
      <c r="O338" s="8">
        <v>1</v>
      </c>
      <c r="P338" s="8">
        <v>30</v>
      </c>
      <c r="Q338" s="72"/>
      <c r="R338" s="10"/>
      <c r="S338" s="206"/>
      <c r="T338" s="215"/>
      <c r="U338" s="215"/>
    </row>
    <row r="339" spans="1:21">
      <c r="A339" s="17"/>
      <c r="B339" s="17"/>
      <c r="C339" s="17" t="s">
        <v>298</v>
      </c>
      <c r="D339" s="17"/>
      <c r="E339" s="17"/>
      <c r="F339" s="17"/>
      <c r="G339" s="17"/>
      <c r="H339" s="17"/>
      <c r="I339" s="17"/>
      <c r="J339" s="17"/>
      <c r="K339" s="17" t="s">
        <v>17</v>
      </c>
      <c r="L339" s="17" t="s">
        <v>71</v>
      </c>
      <c r="M339" s="17">
        <v>200</v>
      </c>
      <c r="N339" s="17"/>
      <c r="O339" s="17"/>
      <c r="P339" s="17"/>
      <c r="Q339" s="138"/>
      <c r="R339" s="10"/>
      <c r="S339" s="206"/>
      <c r="T339" s="215"/>
      <c r="U339" s="215"/>
    </row>
    <row r="340" spans="1:21">
      <c r="A340" s="8"/>
      <c r="B340" s="8"/>
      <c r="C340" s="8"/>
      <c r="D340" s="8"/>
      <c r="E340" s="8"/>
      <c r="F340" s="8"/>
      <c r="G340" s="8"/>
      <c r="H340" s="8">
        <v>1</v>
      </c>
      <c r="I340" s="8">
        <v>349</v>
      </c>
      <c r="J340" s="8" t="s">
        <v>201</v>
      </c>
      <c r="K340" s="8" t="s">
        <v>66</v>
      </c>
      <c r="L340" s="8" t="s">
        <v>65</v>
      </c>
      <c r="M340" s="8">
        <v>1</v>
      </c>
      <c r="N340" s="8" t="s">
        <v>514</v>
      </c>
      <c r="O340" s="8">
        <v>1</v>
      </c>
      <c r="P340" s="8">
        <v>1</v>
      </c>
      <c r="Q340" s="8" t="s">
        <v>666</v>
      </c>
      <c r="R340" s="10"/>
      <c r="S340" s="206"/>
      <c r="T340" s="215"/>
      <c r="U340" s="215"/>
    </row>
    <row r="341" spans="1:21">
      <c r="A341" s="8"/>
      <c r="B341" s="8"/>
      <c r="C341" s="8"/>
      <c r="D341" s="8"/>
      <c r="E341" s="8"/>
      <c r="F341" s="8"/>
      <c r="G341" s="8"/>
      <c r="H341" s="8">
        <v>2</v>
      </c>
      <c r="I341" s="8">
        <v>750</v>
      </c>
      <c r="J341" s="8" t="s">
        <v>295</v>
      </c>
      <c r="K341" s="8" t="s">
        <v>17</v>
      </c>
      <c r="L341" s="8" t="s">
        <v>71</v>
      </c>
      <c r="M341" s="8">
        <v>1</v>
      </c>
      <c r="N341" s="8" t="s">
        <v>514</v>
      </c>
      <c r="O341" s="8">
        <v>2</v>
      </c>
      <c r="P341" s="8">
        <v>3</v>
      </c>
      <c r="Q341" s="8" t="s">
        <v>712</v>
      </c>
      <c r="R341" s="10"/>
      <c r="S341" s="206"/>
      <c r="T341" s="215"/>
      <c r="U341" s="215"/>
    </row>
    <row r="342" spans="1:21">
      <c r="A342" s="8"/>
      <c r="B342" s="8"/>
      <c r="C342" s="8"/>
      <c r="D342" s="8"/>
      <c r="E342" s="8"/>
      <c r="F342" s="8"/>
      <c r="G342" s="8"/>
      <c r="H342" s="19">
        <v>3</v>
      </c>
      <c r="I342" s="19">
        <v>559</v>
      </c>
      <c r="J342" s="19" t="s">
        <v>197</v>
      </c>
      <c r="K342" s="19" t="s">
        <v>78</v>
      </c>
      <c r="L342" s="19" t="s">
        <v>174</v>
      </c>
      <c r="M342" s="19">
        <v>1</v>
      </c>
      <c r="N342" s="19" t="s">
        <v>514</v>
      </c>
      <c r="O342" s="19">
        <v>2</v>
      </c>
      <c r="P342" s="19">
        <v>2</v>
      </c>
      <c r="Q342" s="19"/>
      <c r="R342" s="10"/>
      <c r="S342" s="206"/>
      <c r="T342" s="215"/>
      <c r="U342" s="215"/>
    </row>
    <row r="343" spans="1:21">
      <c r="A343" s="8"/>
      <c r="B343" s="8"/>
      <c r="C343" s="8"/>
      <c r="D343" s="8"/>
      <c r="E343" s="8"/>
      <c r="F343" s="8"/>
      <c r="G343" s="8"/>
      <c r="H343" s="19">
        <v>4</v>
      </c>
      <c r="I343" s="19">
        <v>751</v>
      </c>
      <c r="J343" s="19" t="s">
        <v>292</v>
      </c>
      <c r="K343" s="19" t="s">
        <v>78</v>
      </c>
      <c r="L343" s="19" t="s">
        <v>174</v>
      </c>
      <c r="M343" s="19">
        <v>1</v>
      </c>
      <c r="N343" s="19" t="s">
        <v>509</v>
      </c>
      <c r="O343" s="19">
        <v>1</v>
      </c>
      <c r="P343" s="19">
        <v>12</v>
      </c>
      <c r="Q343" s="19"/>
      <c r="R343" s="10"/>
      <c r="S343" s="206"/>
      <c r="T343" s="215"/>
      <c r="U343" s="215"/>
    </row>
    <row r="344" spans="1:21">
      <c r="A344" s="8"/>
      <c r="B344" s="8"/>
      <c r="C344" s="8"/>
      <c r="D344" s="8"/>
      <c r="E344" s="8"/>
      <c r="F344" s="8"/>
      <c r="G344" s="8"/>
      <c r="H344" s="8">
        <v>5</v>
      </c>
      <c r="I344" s="8">
        <v>352</v>
      </c>
      <c r="J344" s="8" t="s">
        <v>3</v>
      </c>
      <c r="K344" s="8" t="s">
        <v>78</v>
      </c>
      <c r="L344" s="8" t="s">
        <v>71</v>
      </c>
      <c r="M344" s="8">
        <v>1</v>
      </c>
      <c r="N344" s="8" t="s">
        <v>509</v>
      </c>
      <c r="O344" s="8">
        <v>1</v>
      </c>
      <c r="P344" s="8">
        <v>80</v>
      </c>
      <c r="Q344" s="72"/>
      <c r="R344" s="10"/>
      <c r="S344" s="206"/>
      <c r="T344" s="215"/>
      <c r="U344" s="215"/>
    </row>
    <row r="345" spans="1:21">
      <c r="A345" s="8"/>
      <c r="B345" s="8"/>
      <c r="C345" s="8"/>
      <c r="D345" s="8"/>
      <c r="E345" s="8"/>
      <c r="F345" s="8"/>
      <c r="G345" s="8"/>
      <c r="H345" s="19">
        <v>6</v>
      </c>
      <c r="I345" s="19">
        <v>752</v>
      </c>
      <c r="J345" s="19" t="s">
        <v>304</v>
      </c>
      <c r="K345" s="19" t="s">
        <v>17</v>
      </c>
      <c r="L345" s="19" t="s">
        <v>174</v>
      </c>
      <c r="M345" s="19">
        <v>1</v>
      </c>
      <c r="N345" s="19" t="s">
        <v>514</v>
      </c>
      <c r="O345" s="19">
        <v>2</v>
      </c>
      <c r="P345" s="19">
        <v>2</v>
      </c>
      <c r="Q345" s="19"/>
      <c r="R345" s="10"/>
      <c r="S345" s="206"/>
      <c r="T345" s="215"/>
      <c r="U345" s="215"/>
    </row>
    <row r="346" spans="1:21">
      <c r="A346" s="8"/>
      <c r="B346" s="8"/>
      <c r="C346" s="8"/>
      <c r="D346" s="8"/>
      <c r="E346" s="8"/>
      <c r="F346" s="8"/>
      <c r="G346" s="8"/>
      <c r="H346" s="19">
        <v>7</v>
      </c>
      <c r="I346" s="19">
        <v>822</v>
      </c>
      <c r="J346" s="19" t="s">
        <v>302</v>
      </c>
      <c r="K346" s="19" t="s">
        <v>17</v>
      </c>
      <c r="L346" s="19" t="s">
        <v>174</v>
      </c>
      <c r="M346" s="19">
        <v>1</v>
      </c>
      <c r="N346" s="19" t="s">
        <v>509</v>
      </c>
      <c r="O346" s="19">
        <v>1</v>
      </c>
      <c r="P346" s="19">
        <v>15</v>
      </c>
      <c r="Q346" s="19"/>
      <c r="R346" s="10"/>
      <c r="S346" s="206"/>
      <c r="T346" s="215"/>
      <c r="U346" s="215"/>
    </row>
    <row r="347" spans="1:21">
      <c r="A347" s="8"/>
      <c r="B347" s="8"/>
      <c r="C347" s="8"/>
      <c r="D347" s="8"/>
      <c r="E347" s="8"/>
      <c r="F347" s="8"/>
      <c r="G347" s="8"/>
      <c r="H347" s="19">
        <v>8</v>
      </c>
      <c r="I347" s="19">
        <v>1073</v>
      </c>
      <c r="J347" s="19" t="s">
        <v>300</v>
      </c>
      <c r="K347" s="19" t="s">
        <v>17</v>
      </c>
      <c r="L347" s="19" t="s">
        <v>174</v>
      </c>
      <c r="M347" s="19">
        <v>1</v>
      </c>
      <c r="N347" s="19" t="s">
        <v>514</v>
      </c>
      <c r="O347" s="19">
        <v>1</v>
      </c>
      <c r="P347" s="19">
        <v>1</v>
      </c>
      <c r="Q347" s="19"/>
      <c r="R347" s="10"/>
      <c r="S347" s="206"/>
      <c r="T347" s="215"/>
      <c r="U347" s="215"/>
    </row>
    <row r="348" spans="1:21">
      <c r="A348" s="8"/>
      <c r="B348" s="8"/>
      <c r="C348" s="8"/>
      <c r="D348" s="8"/>
      <c r="E348" s="8"/>
      <c r="F348" s="8"/>
      <c r="G348" s="8"/>
      <c r="H348" s="8">
        <v>9</v>
      </c>
      <c r="I348" s="8">
        <v>819</v>
      </c>
      <c r="J348" s="8" t="s">
        <v>253</v>
      </c>
      <c r="K348" s="8" t="s">
        <v>17</v>
      </c>
      <c r="L348" s="8" t="s">
        <v>71</v>
      </c>
      <c r="M348" s="8">
        <v>1</v>
      </c>
      <c r="N348" s="8" t="s">
        <v>514</v>
      </c>
      <c r="O348" s="8">
        <v>2</v>
      </c>
      <c r="P348" s="8">
        <v>3</v>
      </c>
      <c r="Q348" s="72"/>
      <c r="R348" s="10"/>
      <c r="S348" s="206"/>
      <c r="T348" s="215"/>
      <c r="U348" s="215"/>
    </row>
    <row r="349" spans="1:21">
      <c r="A349" s="17"/>
      <c r="B349" s="17"/>
      <c r="C349" s="17" t="s">
        <v>130</v>
      </c>
      <c r="D349" s="17" t="s">
        <v>126</v>
      </c>
      <c r="E349" s="17"/>
      <c r="F349" s="17"/>
      <c r="G349" s="17"/>
      <c r="H349" s="17"/>
      <c r="I349" s="17"/>
      <c r="J349" s="17"/>
      <c r="K349" s="17" t="s">
        <v>17</v>
      </c>
      <c r="L349" s="17" t="s">
        <v>71</v>
      </c>
      <c r="M349" s="17" t="s">
        <v>525</v>
      </c>
      <c r="N349" s="17"/>
      <c r="O349" s="17"/>
      <c r="P349" s="17"/>
      <c r="Q349" s="17"/>
      <c r="R349" s="10"/>
      <c r="S349" s="206"/>
      <c r="T349" s="215"/>
      <c r="U349" s="215"/>
    </row>
    <row r="350" spans="1:21">
      <c r="A350" s="8"/>
      <c r="B350" s="8"/>
      <c r="C350" s="8"/>
      <c r="D350" s="8"/>
      <c r="E350" s="8"/>
      <c r="F350" s="8"/>
      <c r="G350" s="8"/>
      <c r="H350" s="8">
        <v>1</v>
      </c>
      <c r="I350" s="8">
        <v>128</v>
      </c>
      <c r="J350" s="8" t="s">
        <v>128</v>
      </c>
      <c r="K350" s="8" t="s">
        <v>66</v>
      </c>
      <c r="L350" s="8" t="s">
        <v>65</v>
      </c>
      <c r="M350" s="8">
        <v>1</v>
      </c>
      <c r="N350" s="8" t="s">
        <v>514</v>
      </c>
      <c r="O350" s="8">
        <v>2</v>
      </c>
      <c r="P350" s="8">
        <v>3</v>
      </c>
      <c r="Q350" s="8" t="s">
        <v>629</v>
      </c>
      <c r="R350" s="10"/>
      <c r="S350" s="206"/>
      <c r="T350" s="215"/>
      <c r="U350" s="215"/>
    </row>
    <row r="351" spans="1:21">
      <c r="A351" s="8"/>
      <c r="B351" s="8"/>
      <c r="C351" s="8"/>
      <c r="D351" s="8"/>
      <c r="E351" s="8"/>
      <c r="F351" s="8"/>
      <c r="G351" s="8"/>
      <c r="H351" s="19">
        <v>2</v>
      </c>
      <c r="I351" s="19">
        <v>127</v>
      </c>
      <c r="J351" s="19" t="s">
        <v>126</v>
      </c>
      <c r="K351" s="19" t="s">
        <v>78</v>
      </c>
      <c r="L351" s="19" t="s">
        <v>174</v>
      </c>
      <c r="M351" s="19">
        <v>1</v>
      </c>
      <c r="N351" s="19" t="s">
        <v>509</v>
      </c>
      <c r="O351" s="19">
        <v>1</v>
      </c>
      <c r="P351" s="19">
        <v>30</v>
      </c>
      <c r="Q351" s="19"/>
      <c r="R351" s="10"/>
      <c r="S351" s="206"/>
      <c r="T351" s="215"/>
      <c r="U351" s="215"/>
    </row>
    <row r="352" spans="1:21">
      <c r="A352" s="8"/>
      <c r="B352" s="8"/>
      <c r="C352" s="8"/>
      <c r="D352" s="8"/>
      <c r="E352" s="8"/>
      <c r="F352" s="8"/>
      <c r="G352" s="8"/>
      <c r="H352" s="8">
        <v>3</v>
      </c>
      <c r="I352" s="8">
        <v>352</v>
      </c>
      <c r="J352" s="8" t="s">
        <v>3</v>
      </c>
      <c r="K352" s="8" t="s">
        <v>78</v>
      </c>
      <c r="L352" s="8" t="s">
        <v>71</v>
      </c>
      <c r="M352" s="8">
        <v>1</v>
      </c>
      <c r="N352" s="8" t="s">
        <v>509</v>
      </c>
      <c r="O352" s="8">
        <v>1</v>
      </c>
      <c r="P352" s="8">
        <v>80</v>
      </c>
      <c r="Q352" s="72"/>
      <c r="R352" s="10"/>
      <c r="S352" s="206"/>
      <c r="T352" s="215"/>
      <c r="U352" s="215"/>
    </row>
    <row r="353" spans="1:21">
      <c r="A353" s="75"/>
      <c r="B353" s="75"/>
      <c r="C353" s="75" t="s">
        <v>130</v>
      </c>
      <c r="D353" s="75" t="s">
        <v>126</v>
      </c>
      <c r="E353" s="75"/>
      <c r="F353" s="75"/>
      <c r="G353" s="75"/>
      <c r="H353" s="75"/>
      <c r="I353" s="75"/>
      <c r="J353" s="75"/>
      <c r="K353" s="75" t="s">
        <v>17</v>
      </c>
      <c r="L353" s="17" t="s">
        <v>71</v>
      </c>
      <c r="M353" s="17" t="s">
        <v>525</v>
      </c>
      <c r="N353" s="17"/>
      <c r="O353" s="17"/>
      <c r="P353" s="17"/>
      <c r="Q353" s="78"/>
      <c r="R353" s="10"/>
      <c r="S353" s="206"/>
      <c r="T353" s="215"/>
      <c r="U353" s="215"/>
    </row>
    <row r="354" spans="1:21" ht="28">
      <c r="A354" s="11"/>
      <c r="B354" s="11"/>
      <c r="C354" s="11"/>
      <c r="D354" s="11"/>
      <c r="E354" s="11"/>
      <c r="F354" s="11"/>
      <c r="G354" s="11"/>
      <c r="H354" s="11">
        <v>1</v>
      </c>
      <c r="I354" s="11">
        <v>128</v>
      </c>
      <c r="J354" s="11" t="s">
        <v>128</v>
      </c>
      <c r="K354" s="11" t="s">
        <v>66</v>
      </c>
      <c r="L354" s="8" t="s">
        <v>65</v>
      </c>
      <c r="M354" s="8">
        <v>1</v>
      </c>
      <c r="N354" s="8" t="s">
        <v>514</v>
      </c>
      <c r="O354" s="8">
        <v>2</v>
      </c>
      <c r="P354" s="8">
        <v>3</v>
      </c>
      <c r="Q354" s="70" t="s">
        <v>624</v>
      </c>
      <c r="R354" s="10"/>
      <c r="S354" s="206"/>
      <c r="T354" s="215"/>
      <c r="U354" s="215"/>
    </row>
    <row r="355" spans="1:21">
      <c r="A355" s="27"/>
      <c r="B355" s="27"/>
      <c r="C355" s="27"/>
      <c r="D355" s="27"/>
      <c r="E355" s="27"/>
      <c r="F355" s="27"/>
      <c r="G355" s="27"/>
      <c r="H355" s="11">
        <v>2</v>
      </c>
      <c r="I355" s="11">
        <v>127</v>
      </c>
      <c r="J355" s="11" t="s">
        <v>126</v>
      </c>
      <c r="K355" s="11" t="s">
        <v>78</v>
      </c>
      <c r="L355" s="8" t="s">
        <v>71</v>
      </c>
      <c r="M355" s="8">
        <v>1</v>
      </c>
      <c r="N355" s="8" t="s">
        <v>509</v>
      </c>
      <c r="O355" s="8">
        <v>1</v>
      </c>
      <c r="P355" s="8">
        <v>30</v>
      </c>
      <c r="Q355" s="81"/>
      <c r="R355" s="10"/>
      <c r="S355" s="206"/>
      <c r="T355" s="215"/>
      <c r="U355" s="215"/>
    </row>
    <row r="356" spans="1:21">
      <c r="A356" s="11"/>
      <c r="B356" s="11"/>
      <c r="C356" s="11"/>
      <c r="D356" s="11"/>
      <c r="E356" s="11"/>
      <c r="F356" s="11"/>
      <c r="G356" s="11"/>
      <c r="H356" s="11">
        <v>3</v>
      </c>
      <c r="I356" s="11">
        <v>352</v>
      </c>
      <c r="J356" s="11" t="s">
        <v>3</v>
      </c>
      <c r="K356" s="11" t="s">
        <v>78</v>
      </c>
      <c r="L356" s="8" t="s">
        <v>71</v>
      </c>
      <c r="M356" s="8">
        <v>1</v>
      </c>
      <c r="N356" s="8" t="s">
        <v>509</v>
      </c>
      <c r="O356" s="8">
        <v>1</v>
      </c>
      <c r="P356" s="8">
        <v>80</v>
      </c>
      <c r="Q356" s="18"/>
      <c r="R356" s="10"/>
      <c r="S356" s="206"/>
      <c r="T356" s="215"/>
      <c r="U356" s="215"/>
    </row>
    <row r="357" spans="1:21">
      <c r="A357" s="17"/>
      <c r="B357" s="17"/>
      <c r="C357" s="17" t="s">
        <v>130</v>
      </c>
      <c r="D357" s="17" t="s">
        <v>126</v>
      </c>
      <c r="E357" s="17"/>
      <c r="F357" s="17"/>
      <c r="G357" s="17"/>
      <c r="H357" s="17"/>
      <c r="I357" s="17"/>
      <c r="J357" s="17"/>
      <c r="K357" s="17" t="s">
        <v>17</v>
      </c>
      <c r="L357" s="17" t="s">
        <v>71</v>
      </c>
      <c r="M357" s="17" t="s">
        <v>525</v>
      </c>
      <c r="N357" s="17"/>
      <c r="O357" s="17"/>
      <c r="P357" s="17"/>
      <c r="Q357" s="138"/>
      <c r="R357" s="10"/>
      <c r="S357" s="206"/>
      <c r="T357" s="215"/>
      <c r="U357" s="215"/>
    </row>
    <row r="358" spans="1:21">
      <c r="A358" s="24"/>
      <c r="B358" s="24"/>
      <c r="C358" s="24"/>
      <c r="D358" s="24"/>
      <c r="E358" s="24"/>
      <c r="F358" s="24"/>
      <c r="G358" s="24"/>
      <c r="H358" s="11">
        <v>1</v>
      </c>
      <c r="I358" s="11">
        <v>128</v>
      </c>
      <c r="J358" s="11" t="s">
        <v>128</v>
      </c>
      <c r="K358" s="11" t="s">
        <v>66</v>
      </c>
      <c r="L358" s="8" t="s">
        <v>65</v>
      </c>
      <c r="M358" s="8">
        <v>1</v>
      </c>
      <c r="N358" s="8" t="s">
        <v>514</v>
      </c>
      <c r="O358" s="8">
        <v>2</v>
      </c>
      <c r="P358" s="8">
        <v>3</v>
      </c>
      <c r="Q358" s="11" t="s">
        <v>643</v>
      </c>
      <c r="R358" s="10"/>
      <c r="S358" s="206"/>
      <c r="T358" s="215"/>
      <c r="U358" s="215"/>
    </row>
    <row r="359" spans="1:21">
      <c r="A359" s="24"/>
      <c r="B359" s="24"/>
      <c r="C359" s="24"/>
      <c r="D359" s="24"/>
      <c r="E359" s="24"/>
      <c r="F359" s="24"/>
      <c r="G359" s="24"/>
      <c r="H359" s="11">
        <v>2</v>
      </c>
      <c r="I359" s="11">
        <v>127</v>
      </c>
      <c r="J359" s="11" t="s">
        <v>126</v>
      </c>
      <c r="K359" s="11" t="s">
        <v>78</v>
      </c>
      <c r="L359" s="8" t="s">
        <v>71</v>
      </c>
      <c r="M359" s="8">
        <v>1</v>
      </c>
      <c r="N359" s="8" t="s">
        <v>509</v>
      </c>
      <c r="O359" s="8">
        <v>1</v>
      </c>
      <c r="P359" s="8">
        <v>30</v>
      </c>
      <c r="Q359" s="18"/>
      <c r="R359" s="10"/>
      <c r="S359" s="206"/>
      <c r="T359" s="215"/>
      <c r="U359" s="215"/>
    </row>
    <row r="360" spans="1:21">
      <c r="A360" s="24"/>
      <c r="B360" s="24"/>
      <c r="C360" s="24"/>
      <c r="D360" s="24"/>
      <c r="E360" s="24"/>
      <c r="F360" s="24"/>
      <c r="G360" s="24"/>
      <c r="H360" s="11">
        <v>3</v>
      </c>
      <c r="I360" s="11">
        <v>352</v>
      </c>
      <c r="J360" s="11" t="s">
        <v>3</v>
      </c>
      <c r="K360" s="11" t="s">
        <v>78</v>
      </c>
      <c r="L360" s="8" t="s">
        <v>71</v>
      </c>
      <c r="M360" s="8">
        <v>1</v>
      </c>
      <c r="N360" s="8" t="s">
        <v>509</v>
      </c>
      <c r="O360" s="8">
        <v>1</v>
      </c>
      <c r="P360" s="8">
        <v>80</v>
      </c>
      <c r="Q360" s="18"/>
      <c r="R360" s="10"/>
      <c r="S360" s="206"/>
      <c r="T360" s="215"/>
      <c r="U360" s="215"/>
    </row>
    <row r="361" spans="1:21" ht="15.5">
      <c r="A361" s="17"/>
      <c r="B361" s="17"/>
      <c r="C361" s="17" t="s">
        <v>84</v>
      </c>
      <c r="D361" s="17" t="s">
        <v>428</v>
      </c>
      <c r="E361" s="17"/>
      <c r="F361" s="17"/>
      <c r="G361" s="17"/>
      <c r="H361" s="17"/>
      <c r="I361" s="17"/>
      <c r="J361" s="17"/>
      <c r="K361" s="17" t="s">
        <v>17</v>
      </c>
      <c r="L361" s="17" t="s">
        <v>71</v>
      </c>
      <c r="M361" s="17">
        <v>10</v>
      </c>
      <c r="N361" s="17"/>
      <c r="O361" s="17"/>
      <c r="P361" s="17"/>
      <c r="Q361" s="138"/>
      <c r="R361" s="10" t="s">
        <v>1141</v>
      </c>
      <c r="S361" s="205" t="s">
        <v>1307</v>
      </c>
      <c r="T361" s="205" t="s">
        <v>17</v>
      </c>
      <c r="U361" s="205" t="s">
        <v>17</v>
      </c>
    </row>
    <row r="362" spans="1:21">
      <c r="A362" s="8"/>
      <c r="B362" s="8"/>
      <c r="C362" s="8"/>
      <c r="D362" s="8"/>
      <c r="E362" s="8"/>
      <c r="F362" s="8"/>
      <c r="G362" s="8"/>
      <c r="H362" s="8">
        <v>1</v>
      </c>
      <c r="I362" s="8">
        <v>374</v>
      </c>
      <c r="J362" s="8" t="s">
        <v>82</v>
      </c>
      <c r="K362" s="8" t="s">
        <v>66</v>
      </c>
      <c r="L362" s="8" t="s">
        <v>65</v>
      </c>
      <c r="M362" s="8">
        <v>1</v>
      </c>
      <c r="N362" s="8" t="s">
        <v>514</v>
      </c>
      <c r="O362" s="8">
        <v>3</v>
      </c>
      <c r="P362" s="8">
        <v>3</v>
      </c>
      <c r="Q362" s="8" t="s">
        <v>659</v>
      </c>
      <c r="R362" s="10"/>
      <c r="S362" s="206"/>
      <c r="T362" s="215"/>
      <c r="U362" s="215"/>
    </row>
    <row r="363" spans="1:21">
      <c r="A363" s="8"/>
      <c r="B363" s="8"/>
      <c r="C363" s="8"/>
      <c r="D363" s="8"/>
      <c r="E363" s="8"/>
      <c r="F363" s="8"/>
      <c r="G363" s="8"/>
      <c r="H363" s="8">
        <v>2</v>
      </c>
      <c r="I363" s="8">
        <v>373</v>
      </c>
      <c r="J363" s="8" t="s">
        <v>1</v>
      </c>
      <c r="K363" s="8" t="s">
        <v>78</v>
      </c>
      <c r="L363" s="8" t="s">
        <v>71</v>
      </c>
      <c r="M363" s="8">
        <v>1</v>
      </c>
      <c r="N363" s="8" t="s">
        <v>519</v>
      </c>
      <c r="O363" s="8">
        <v>8</v>
      </c>
      <c r="P363" s="8">
        <v>8</v>
      </c>
      <c r="Q363" s="72"/>
      <c r="R363" s="10"/>
      <c r="S363" s="206"/>
      <c r="T363" s="215"/>
      <c r="U363" s="215"/>
    </row>
    <row r="364" spans="1:21">
      <c r="A364" s="8"/>
      <c r="B364" s="8"/>
      <c r="C364" s="8"/>
      <c r="D364" s="8"/>
      <c r="E364" s="8"/>
      <c r="F364" s="8"/>
      <c r="G364" s="8"/>
      <c r="H364" s="8">
        <v>3</v>
      </c>
      <c r="I364" s="8">
        <v>337</v>
      </c>
      <c r="J364" s="8" t="s">
        <v>79</v>
      </c>
      <c r="K364" s="8" t="s">
        <v>78</v>
      </c>
      <c r="L364" s="8" t="s">
        <v>71</v>
      </c>
      <c r="M364" s="8">
        <v>1</v>
      </c>
      <c r="N364" s="8" t="s">
        <v>518</v>
      </c>
      <c r="O364" s="8">
        <v>4</v>
      </c>
      <c r="P364" s="8">
        <v>8</v>
      </c>
      <c r="Q364" s="72"/>
      <c r="R364" s="10"/>
      <c r="S364" s="206"/>
      <c r="T364" s="215"/>
      <c r="U364" s="215"/>
    </row>
    <row r="365" spans="1:21" ht="28">
      <c r="A365" s="8"/>
      <c r="B365" s="8"/>
      <c r="C365" s="8"/>
      <c r="D365" s="8"/>
      <c r="E365" s="8"/>
      <c r="F365" s="8"/>
      <c r="G365" s="8"/>
      <c r="H365" s="8">
        <v>4</v>
      </c>
      <c r="I365" s="8">
        <v>623</v>
      </c>
      <c r="J365" s="8" t="s">
        <v>76</v>
      </c>
      <c r="K365" s="8" t="s">
        <v>17</v>
      </c>
      <c r="L365" s="8" t="s">
        <v>71</v>
      </c>
      <c r="M365" s="8">
        <v>1</v>
      </c>
      <c r="N365" s="8" t="s">
        <v>514</v>
      </c>
      <c r="O365" s="8">
        <v>2</v>
      </c>
      <c r="P365" s="8">
        <v>2</v>
      </c>
      <c r="Q365" s="70" t="s">
        <v>624</v>
      </c>
      <c r="R365" s="10"/>
      <c r="S365" s="206"/>
      <c r="T365" s="215"/>
      <c r="U365" s="215"/>
    </row>
    <row r="366" spans="1:21">
      <c r="A366" s="17"/>
      <c r="B366" s="17"/>
      <c r="C366" s="17" t="s">
        <v>84</v>
      </c>
      <c r="D366" s="17" t="s">
        <v>428</v>
      </c>
      <c r="E366" s="17"/>
      <c r="F366" s="17"/>
      <c r="G366" s="17"/>
      <c r="H366" s="17"/>
      <c r="I366" s="17"/>
      <c r="J366" s="17"/>
      <c r="K366" s="17" t="s">
        <v>17</v>
      </c>
      <c r="L366" s="17" t="s">
        <v>71</v>
      </c>
      <c r="M366" s="17">
        <v>10</v>
      </c>
      <c r="N366" s="17"/>
      <c r="O366" s="17"/>
      <c r="P366" s="17"/>
      <c r="Q366" s="138"/>
      <c r="R366" s="10"/>
      <c r="S366" s="206"/>
      <c r="T366" s="215"/>
      <c r="U366" s="215"/>
    </row>
    <row r="367" spans="1:21">
      <c r="A367" s="8"/>
      <c r="B367" s="8"/>
      <c r="C367" s="8"/>
      <c r="D367" s="8"/>
      <c r="E367" s="8"/>
      <c r="F367" s="8"/>
      <c r="G367" s="8"/>
      <c r="H367" s="8">
        <v>1</v>
      </c>
      <c r="I367" s="8">
        <v>374</v>
      </c>
      <c r="J367" s="8" t="s">
        <v>82</v>
      </c>
      <c r="K367" s="8" t="s">
        <v>66</v>
      </c>
      <c r="L367" s="8" t="s">
        <v>65</v>
      </c>
      <c r="M367" s="8">
        <v>1</v>
      </c>
      <c r="N367" s="8" t="s">
        <v>514</v>
      </c>
      <c r="O367" s="8">
        <v>3</v>
      </c>
      <c r="P367" s="8">
        <v>3</v>
      </c>
      <c r="Q367" s="8" t="s">
        <v>732</v>
      </c>
      <c r="R367" s="10"/>
      <c r="S367" s="206"/>
      <c r="T367" s="215"/>
      <c r="U367" s="215"/>
    </row>
    <row r="368" spans="1:21">
      <c r="A368" s="8"/>
      <c r="B368" s="8"/>
      <c r="C368" s="8"/>
      <c r="D368" s="8"/>
      <c r="E368" s="8"/>
      <c r="F368" s="8"/>
      <c r="G368" s="8"/>
      <c r="H368" s="8">
        <v>2</v>
      </c>
      <c r="I368" s="8">
        <v>373</v>
      </c>
      <c r="J368" s="8" t="s">
        <v>1</v>
      </c>
      <c r="K368" s="8" t="s">
        <v>78</v>
      </c>
      <c r="L368" s="8" t="s">
        <v>71</v>
      </c>
      <c r="M368" s="8">
        <v>1</v>
      </c>
      <c r="N368" s="8" t="s">
        <v>519</v>
      </c>
      <c r="O368" s="8">
        <v>8</v>
      </c>
      <c r="P368" s="8">
        <v>8</v>
      </c>
      <c r="Q368" s="72"/>
      <c r="R368" s="10"/>
      <c r="S368" s="206"/>
      <c r="T368" s="215"/>
      <c r="U368" s="215"/>
    </row>
    <row r="369" spans="1:21">
      <c r="A369" s="8"/>
      <c r="B369" s="8"/>
      <c r="C369" s="8"/>
      <c r="D369" s="8"/>
      <c r="E369" s="8"/>
      <c r="F369" s="8"/>
      <c r="G369" s="8"/>
      <c r="H369" s="8">
        <v>3</v>
      </c>
      <c r="I369" s="8">
        <v>337</v>
      </c>
      <c r="J369" s="8" t="s">
        <v>79</v>
      </c>
      <c r="K369" s="8" t="s">
        <v>78</v>
      </c>
      <c r="L369" s="8" t="s">
        <v>71</v>
      </c>
      <c r="M369" s="8">
        <v>1</v>
      </c>
      <c r="N369" s="8" t="s">
        <v>518</v>
      </c>
      <c r="O369" s="8">
        <v>4</v>
      </c>
      <c r="P369" s="8">
        <v>8</v>
      </c>
      <c r="Q369" s="72"/>
      <c r="R369" s="10"/>
      <c r="S369" s="206"/>
      <c r="T369" s="215"/>
      <c r="U369" s="215"/>
    </row>
    <row r="370" spans="1:21" ht="28">
      <c r="A370" s="8"/>
      <c r="B370" s="8"/>
      <c r="C370" s="8"/>
      <c r="D370" s="8"/>
      <c r="E370" s="8"/>
      <c r="F370" s="8"/>
      <c r="G370" s="8"/>
      <c r="H370" s="8">
        <v>4</v>
      </c>
      <c r="I370" s="8">
        <v>623</v>
      </c>
      <c r="J370" s="8" t="s">
        <v>76</v>
      </c>
      <c r="K370" s="8" t="s">
        <v>17</v>
      </c>
      <c r="L370" s="8" t="s">
        <v>71</v>
      </c>
      <c r="M370" s="8">
        <v>1</v>
      </c>
      <c r="N370" s="8" t="s">
        <v>514</v>
      </c>
      <c r="O370" s="8">
        <v>2</v>
      </c>
      <c r="P370" s="8">
        <v>2</v>
      </c>
      <c r="Q370" s="70" t="s">
        <v>624</v>
      </c>
      <c r="R370" s="10"/>
      <c r="S370" s="206"/>
      <c r="T370" s="215"/>
      <c r="U370" s="215"/>
    </row>
    <row r="371" spans="1:21">
      <c r="A371" s="17" t="s">
        <v>158</v>
      </c>
      <c r="B371" s="17"/>
      <c r="C371" s="17"/>
      <c r="D371" s="17"/>
      <c r="E371" s="17"/>
      <c r="F371" s="17"/>
      <c r="G371" s="17"/>
      <c r="H371" s="17"/>
      <c r="I371" s="17"/>
      <c r="J371" s="17"/>
      <c r="K371" s="17" t="s">
        <v>17</v>
      </c>
      <c r="L371" s="17" t="s">
        <v>71</v>
      </c>
      <c r="M371" s="17">
        <v>200</v>
      </c>
      <c r="N371" s="17"/>
      <c r="O371" s="17"/>
      <c r="P371" s="17"/>
      <c r="Q371" s="17"/>
      <c r="R371" s="10"/>
      <c r="S371" s="206"/>
      <c r="T371" s="215"/>
      <c r="U371" s="215"/>
    </row>
    <row r="372" spans="1:21">
      <c r="A372" s="17"/>
      <c r="B372" s="17"/>
      <c r="C372" s="17" t="s">
        <v>158</v>
      </c>
      <c r="D372" s="17" t="s">
        <v>120</v>
      </c>
      <c r="E372" s="17"/>
      <c r="F372" s="17"/>
      <c r="G372" s="17"/>
      <c r="H372" s="17"/>
      <c r="I372" s="17"/>
      <c r="J372" s="17"/>
      <c r="K372" s="17" t="s">
        <v>17</v>
      </c>
      <c r="L372" s="17" t="s">
        <v>71</v>
      </c>
      <c r="M372" s="17">
        <v>1</v>
      </c>
      <c r="N372" s="17"/>
      <c r="O372" s="17"/>
      <c r="P372" s="17"/>
      <c r="Q372" s="17"/>
      <c r="R372" s="10"/>
      <c r="S372" s="206"/>
      <c r="T372" s="215"/>
      <c r="U372" s="215"/>
    </row>
    <row r="373" spans="1:21" ht="28">
      <c r="A373" s="8"/>
      <c r="B373" s="8"/>
      <c r="C373" s="8"/>
      <c r="D373" s="8"/>
      <c r="E373" s="8"/>
      <c r="F373" s="8"/>
      <c r="G373" s="8"/>
      <c r="H373" s="8">
        <v>1</v>
      </c>
      <c r="I373" s="8">
        <v>98</v>
      </c>
      <c r="J373" s="8" t="s">
        <v>156</v>
      </c>
      <c r="K373" s="8" t="s">
        <v>66</v>
      </c>
      <c r="L373" s="8" t="s">
        <v>65</v>
      </c>
      <c r="M373" s="8">
        <v>1</v>
      </c>
      <c r="N373" s="8" t="s">
        <v>514</v>
      </c>
      <c r="O373" s="8">
        <v>2</v>
      </c>
      <c r="P373" s="8">
        <v>3</v>
      </c>
      <c r="Q373" s="70" t="s">
        <v>624</v>
      </c>
      <c r="R373" s="10"/>
      <c r="S373" s="206"/>
      <c r="T373" s="215"/>
      <c r="U373" s="215"/>
    </row>
    <row r="374" spans="1:21">
      <c r="A374" s="8"/>
      <c r="B374" s="8"/>
      <c r="C374" s="8"/>
      <c r="D374" s="8"/>
      <c r="E374" s="8"/>
      <c r="F374" s="8"/>
      <c r="G374" s="8"/>
      <c r="H374" s="8">
        <v>2</v>
      </c>
      <c r="I374" s="8">
        <v>93</v>
      </c>
      <c r="J374" s="8" t="s">
        <v>120</v>
      </c>
      <c r="K374" s="8" t="s">
        <v>78</v>
      </c>
      <c r="L374" s="8" t="s">
        <v>71</v>
      </c>
      <c r="M374" s="8">
        <v>1</v>
      </c>
      <c r="N374" s="8" t="s">
        <v>509</v>
      </c>
      <c r="O374" s="8">
        <v>1</v>
      </c>
      <c r="P374" s="8">
        <v>60</v>
      </c>
      <c r="Q374" s="72"/>
      <c r="R374" s="10"/>
      <c r="S374" s="206"/>
      <c r="T374" s="215"/>
      <c r="U374" s="215"/>
    </row>
    <row r="375" spans="1:21" ht="28">
      <c r="A375" s="8"/>
      <c r="B375" s="8"/>
      <c r="C375" s="8"/>
      <c r="D375" s="8"/>
      <c r="E375" s="8"/>
      <c r="F375" s="8"/>
      <c r="G375" s="8"/>
      <c r="H375" s="8">
        <v>3</v>
      </c>
      <c r="I375" s="8">
        <v>66</v>
      </c>
      <c r="J375" s="8" t="s">
        <v>153</v>
      </c>
      <c r="K375" s="8" t="s">
        <v>78</v>
      </c>
      <c r="L375" s="8" t="s">
        <v>71</v>
      </c>
      <c r="M375" s="8">
        <v>1</v>
      </c>
      <c r="N375" s="8" t="s">
        <v>514</v>
      </c>
      <c r="O375" s="8">
        <v>1</v>
      </c>
      <c r="P375" s="8">
        <v>2</v>
      </c>
      <c r="Q375" s="70" t="s">
        <v>624</v>
      </c>
      <c r="R375" s="10"/>
      <c r="S375" s="206"/>
      <c r="T375" s="215"/>
      <c r="U375" s="215"/>
    </row>
    <row r="376" spans="1:21">
      <c r="A376" s="8"/>
      <c r="B376" s="8"/>
      <c r="C376" s="8"/>
      <c r="D376" s="8"/>
      <c r="E376" s="8"/>
      <c r="F376" s="8"/>
      <c r="G376" s="8"/>
      <c r="H376" s="8">
        <v>4</v>
      </c>
      <c r="I376" s="8">
        <v>67</v>
      </c>
      <c r="J376" s="8" t="s">
        <v>151</v>
      </c>
      <c r="K376" s="8" t="s">
        <v>78</v>
      </c>
      <c r="L376" s="8" t="s">
        <v>71</v>
      </c>
      <c r="M376" s="8">
        <v>1</v>
      </c>
      <c r="N376" s="8" t="s">
        <v>509</v>
      </c>
      <c r="O376" s="8">
        <v>2</v>
      </c>
      <c r="P376" s="8">
        <v>80</v>
      </c>
      <c r="Q376" s="72"/>
      <c r="R376" s="10"/>
      <c r="S376" s="206"/>
      <c r="T376" s="215"/>
      <c r="U376" s="215"/>
    </row>
    <row r="377" spans="1:21">
      <c r="A377" s="17"/>
      <c r="B377" s="17"/>
      <c r="C377" s="17" t="s">
        <v>150</v>
      </c>
      <c r="D377" s="17" t="s">
        <v>473</v>
      </c>
      <c r="E377" s="17"/>
      <c r="F377" s="17"/>
      <c r="G377" s="17"/>
      <c r="H377" s="17"/>
      <c r="I377" s="17"/>
      <c r="J377" s="17"/>
      <c r="K377" s="17" t="s">
        <v>17</v>
      </c>
      <c r="L377" s="17" t="s">
        <v>71</v>
      </c>
      <c r="M377" s="17">
        <v>2</v>
      </c>
      <c r="N377" s="17"/>
      <c r="O377" s="17"/>
      <c r="P377" s="17"/>
      <c r="Q377" s="138"/>
      <c r="R377" s="10"/>
      <c r="S377" s="206"/>
      <c r="T377" s="215"/>
      <c r="U377" s="215"/>
    </row>
    <row r="378" spans="1:21">
      <c r="A378" s="8"/>
      <c r="B378" s="8"/>
      <c r="C378" s="8"/>
      <c r="D378" s="8"/>
      <c r="E378" s="8"/>
      <c r="F378" s="8"/>
      <c r="G378" s="8"/>
      <c r="H378" s="8">
        <v>1</v>
      </c>
      <c r="I378" s="8">
        <v>93</v>
      </c>
      <c r="J378" s="8" t="s">
        <v>120</v>
      </c>
      <c r="K378" s="8" t="s">
        <v>66</v>
      </c>
      <c r="L378" s="8" t="s">
        <v>65</v>
      </c>
      <c r="M378" s="8">
        <v>1</v>
      </c>
      <c r="N378" s="8" t="s">
        <v>509</v>
      </c>
      <c r="O378" s="8">
        <v>1</v>
      </c>
      <c r="P378" s="8">
        <v>60</v>
      </c>
      <c r="Q378" s="72"/>
      <c r="R378" s="10"/>
      <c r="S378" s="206"/>
      <c r="T378" s="215"/>
      <c r="U378" s="215"/>
    </row>
    <row r="379" spans="1:21">
      <c r="A379" s="8"/>
      <c r="B379" s="8"/>
      <c r="C379" s="8"/>
      <c r="D379" s="8"/>
      <c r="E379" s="8"/>
      <c r="F379" s="8"/>
      <c r="G379" s="8"/>
      <c r="H379" s="8">
        <v>2</v>
      </c>
      <c r="I379" s="8">
        <v>93</v>
      </c>
      <c r="J379" s="8" t="s">
        <v>120</v>
      </c>
      <c r="K379" s="8" t="s">
        <v>17</v>
      </c>
      <c r="L379" s="8" t="s">
        <v>71</v>
      </c>
      <c r="M379" s="8">
        <v>1</v>
      </c>
      <c r="N379" s="8" t="s">
        <v>509</v>
      </c>
      <c r="O379" s="8">
        <v>1</v>
      </c>
      <c r="P379" s="8">
        <v>60</v>
      </c>
      <c r="Q379" s="72"/>
      <c r="R379" s="10"/>
      <c r="S379" s="206"/>
      <c r="T379" s="215"/>
      <c r="U379" s="215"/>
    </row>
    <row r="380" spans="1:21">
      <c r="A380" s="17"/>
      <c r="B380" s="17"/>
      <c r="C380" s="17" t="s">
        <v>150</v>
      </c>
      <c r="D380" s="17" t="s">
        <v>473</v>
      </c>
      <c r="E380" s="17"/>
      <c r="F380" s="17"/>
      <c r="G380" s="17"/>
      <c r="H380" s="17"/>
      <c r="I380" s="17"/>
      <c r="J380" s="17"/>
      <c r="K380" s="17" t="s">
        <v>17</v>
      </c>
      <c r="L380" s="17" t="s">
        <v>71</v>
      </c>
      <c r="M380" s="17">
        <v>2</v>
      </c>
      <c r="N380" s="17"/>
      <c r="O380" s="17"/>
      <c r="P380" s="17"/>
      <c r="Q380" s="17"/>
      <c r="R380" s="10"/>
      <c r="S380" s="206"/>
      <c r="T380" s="215"/>
      <c r="U380" s="215"/>
    </row>
    <row r="381" spans="1:21">
      <c r="A381" s="8"/>
      <c r="B381" s="8"/>
      <c r="C381" s="8"/>
      <c r="D381" s="8"/>
      <c r="E381" s="8"/>
      <c r="F381" s="8"/>
      <c r="G381" s="8"/>
      <c r="H381" s="8">
        <v>1</v>
      </c>
      <c r="I381" s="8">
        <v>93</v>
      </c>
      <c r="J381" s="8" t="s">
        <v>120</v>
      </c>
      <c r="K381" s="8" t="s">
        <v>66</v>
      </c>
      <c r="L381" s="8" t="s">
        <v>65</v>
      </c>
      <c r="M381" s="8">
        <v>1</v>
      </c>
      <c r="N381" s="8" t="s">
        <v>509</v>
      </c>
      <c r="O381" s="8">
        <v>1</v>
      </c>
      <c r="P381" s="8">
        <v>60</v>
      </c>
      <c r="Q381" s="72"/>
      <c r="R381" s="10"/>
      <c r="S381" s="206"/>
      <c r="T381" s="215"/>
      <c r="U381" s="215"/>
    </row>
    <row r="382" spans="1:21">
      <c r="A382" s="8"/>
      <c r="B382" s="8"/>
      <c r="C382" s="8"/>
      <c r="D382" s="8"/>
      <c r="E382" s="8"/>
      <c r="F382" s="8"/>
      <c r="G382" s="8"/>
      <c r="H382" s="8">
        <v>2</v>
      </c>
      <c r="I382" s="8">
        <v>93</v>
      </c>
      <c r="J382" s="8" t="s">
        <v>120</v>
      </c>
      <c r="K382" s="8" t="s">
        <v>17</v>
      </c>
      <c r="L382" s="8" t="s">
        <v>71</v>
      </c>
      <c r="M382" s="8">
        <v>1</v>
      </c>
      <c r="N382" s="8" t="s">
        <v>509</v>
      </c>
      <c r="O382" s="8">
        <v>1</v>
      </c>
      <c r="P382" s="8">
        <v>60</v>
      </c>
      <c r="Q382" s="72"/>
      <c r="R382" s="10"/>
      <c r="S382" s="206"/>
      <c r="T382" s="215"/>
      <c r="U382" s="215"/>
    </row>
    <row r="383" spans="1:21">
      <c r="A383" s="17"/>
      <c r="B383" s="17"/>
      <c r="C383" s="17" t="s">
        <v>147</v>
      </c>
      <c r="D383" s="17" t="s">
        <v>144</v>
      </c>
      <c r="E383" s="17"/>
      <c r="F383" s="17"/>
      <c r="G383" s="17"/>
      <c r="H383" s="17"/>
      <c r="I383" s="17"/>
      <c r="J383" s="17"/>
      <c r="K383" s="17" t="s">
        <v>17</v>
      </c>
      <c r="L383" s="17" t="s">
        <v>71</v>
      </c>
      <c r="M383" s="17">
        <v>2</v>
      </c>
      <c r="N383" s="17"/>
      <c r="O383" s="17"/>
      <c r="P383" s="17"/>
      <c r="Q383" s="17"/>
      <c r="R383" s="10"/>
      <c r="S383" s="206"/>
      <c r="T383" s="215"/>
      <c r="U383" s="215"/>
    </row>
    <row r="384" spans="1:21">
      <c r="A384" s="8"/>
      <c r="B384" s="8"/>
      <c r="C384" s="8"/>
      <c r="D384" s="8"/>
      <c r="E384" s="8"/>
      <c r="F384" s="8"/>
      <c r="G384" s="8"/>
      <c r="H384" s="8">
        <v>1</v>
      </c>
      <c r="I384" s="8">
        <v>166</v>
      </c>
      <c r="J384" s="8" t="s">
        <v>144</v>
      </c>
      <c r="K384" s="8" t="s">
        <v>66</v>
      </c>
      <c r="L384" s="8" t="s">
        <v>65</v>
      </c>
      <c r="M384" s="8">
        <v>1</v>
      </c>
      <c r="N384" s="8" t="s">
        <v>509</v>
      </c>
      <c r="O384" s="8">
        <v>1</v>
      </c>
      <c r="P384" s="8">
        <v>55</v>
      </c>
      <c r="Q384" s="72"/>
      <c r="R384" s="10"/>
      <c r="S384" s="206"/>
      <c r="T384" s="215"/>
      <c r="U384" s="215"/>
    </row>
    <row r="385" spans="1:21">
      <c r="A385" s="8"/>
      <c r="B385" s="8"/>
      <c r="C385" s="8"/>
      <c r="D385" s="8"/>
      <c r="E385" s="8"/>
      <c r="F385" s="8"/>
      <c r="G385" s="8"/>
      <c r="H385" s="8">
        <v>2</v>
      </c>
      <c r="I385" s="8">
        <v>166</v>
      </c>
      <c r="J385" s="8" t="s">
        <v>144</v>
      </c>
      <c r="K385" s="8" t="s">
        <v>17</v>
      </c>
      <c r="L385" s="8" t="s">
        <v>71</v>
      </c>
      <c r="M385" s="8">
        <v>1</v>
      </c>
      <c r="N385" s="8" t="s">
        <v>509</v>
      </c>
      <c r="O385" s="8">
        <v>1</v>
      </c>
      <c r="P385" s="8">
        <v>55</v>
      </c>
      <c r="Q385" s="72"/>
      <c r="R385" s="10"/>
      <c r="S385" s="206"/>
      <c r="T385" s="215"/>
      <c r="U385" s="215"/>
    </row>
    <row r="386" spans="1:21">
      <c r="A386" s="17"/>
      <c r="B386" s="17"/>
      <c r="C386" s="17" t="s">
        <v>147</v>
      </c>
      <c r="D386" s="17" t="s">
        <v>144</v>
      </c>
      <c r="E386" s="17"/>
      <c r="F386" s="17"/>
      <c r="G386" s="17"/>
      <c r="H386" s="17"/>
      <c r="I386" s="17"/>
      <c r="J386" s="17"/>
      <c r="K386" s="17" t="s">
        <v>17</v>
      </c>
      <c r="L386" s="17" t="s">
        <v>71</v>
      </c>
      <c r="M386" s="17">
        <v>2</v>
      </c>
      <c r="N386" s="17"/>
      <c r="O386" s="17"/>
      <c r="P386" s="17"/>
      <c r="Q386" s="17"/>
      <c r="R386" s="10"/>
      <c r="S386" s="206"/>
      <c r="T386" s="215"/>
      <c r="U386" s="215"/>
    </row>
    <row r="387" spans="1:21">
      <c r="A387" s="8"/>
      <c r="B387" s="8"/>
      <c r="C387" s="8"/>
      <c r="D387" s="8"/>
      <c r="E387" s="8"/>
      <c r="F387" s="8"/>
      <c r="G387" s="8"/>
      <c r="H387" s="8">
        <v>1</v>
      </c>
      <c r="I387" s="8">
        <v>166</v>
      </c>
      <c r="J387" s="8" t="s">
        <v>144</v>
      </c>
      <c r="K387" s="8" t="s">
        <v>66</v>
      </c>
      <c r="L387" s="8" t="s">
        <v>65</v>
      </c>
      <c r="M387" s="8">
        <v>1</v>
      </c>
      <c r="N387" s="8" t="s">
        <v>509</v>
      </c>
      <c r="O387" s="8">
        <v>1</v>
      </c>
      <c r="P387" s="8">
        <v>55</v>
      </c>
      <c r="Q387" s="72"/>
      <c r="R387" s="10"/>
      <c r="S387" s="206"/>
      <c r="T387" s="215"/>
      <c r="U387" s="215"/>
    </row>
    <row r="388" spans="1:21">
      <c r="A388" s="8"/>
      <c r="B388" s="8"/>
      <c r="C388" s="8"/>
      <c r="D388" s="8"/>
      <c r="E388" s="8"/>
      <c r="F388" s="8"/>
      <c r="G388" s="8"/>
      <c r="H388" s="8">
        <v>2</v>
      </c>
      <c r="I388" s="8">
        <v>166</v>
      </c>
      <c r="J388" s="8" t="s">
        <v>144</v>
      </c>
      <c r="K388" s="8" t="s">
        <v>17</v>
      </c>
      <c r="L388" s="8" t="s">
        <v>71</v>
      </c>
      <c r="M388" s="8">
        <v>1</v>
      </c>
      <c r="N388" s="8" t="s">
        <v>509</v>
      </c>
      <c r="O388" s="8">
        <v>1</v>
      </c>
      <c r="P388" s="8">
        <v>55</v>
      </c>
      <c r="Q388" s="72"/>
      <c r="R388" s="10"/>
      <c r="S388" s="206"/>
      <c r="T388" s="215"/>
      <c r="U388" s="215"/>
    </row>
    <row r="389" spans="1:21">
      <c r="A389" s="17"/>
      <c r="B389" s="17"/>
      <c r="C389" s="17" t="s">
        <v>143</v>
      </c>
      <c r="D389" s="17" t="s">
        <v>474</v>
      </c>
      <c r="E389" s="17"/>
      <c r="F389" s="17"/>
      <c r="G389" s="17"/>
      <c r="H389" s="17"/>
      <c r="I389" s="17"/>
      <c r="J389" s="17"/>
      <c r="K389" s="17" t="s">
        <v>17</v>
      </c>
      <c r="L389" s="17" t="s">
        <v>71</v>
      </c>
      <c r="M389" s="17" t="s">
        <v>525</v>
      </c>
      <c r="N389" s="17"/>
      <c r="O389" s="17"/>
      <c r="P389" s="17"/>
      <c r="Q389" s="17"/>
      <c r="R389" s="10"/>
      <c r="S389" s="206"/>
      <c r="T389" s="215"/>
      <c r="U389" s="215"/>
    </row>
    <row r="390" spans="1:21">
      <c r="A390" s="8"/>
      <c r="B390" s="8"/>
      <c r="C390" s="8"/>
      <c r="D390" s="8"/>
      <c r="E390" s="8"/>
      <c r="F390" s="8"/>
      <c r="G390" s="8"/>
      <c r="H390" s="8">
        <v>1</v>
      </c>
      <c r="I390" s="8">
        <v>19</v>
      </c>
      <c r="J390" s="8" t="s">
        <v>141</v>
      </c>
      <c r="K390" s="8" t="s">
        <v>17</v>
      </c>
      <c r="L390" s="8" t="s">
        <v>71</v>
      </c>
      <c r="M390" s="8">
        <v>1</v>
      </c>
      <c r="N390" s="8" t="s">
        <v>509</v>
      </c>
      <c r="O390" s="8">
        <v>2</v>
      </c>
      <c r="P390" s="8">
        <v>30</v>
      </c>
      <c r="Q390" s="72"/>
      <c r="R390" s="10"/>
      <c r="S390" s="206"/>
      <c r="T390" s="215"/>
      <c r="U390" s="215"/>
    </row>
    <row r="391" spans="1:21" ht="28">
      <c r="A391" s="8"/>
      <c r="B391" s="8"/>
      <c r="C391" s="8"/>
      <c r="D391" s="8"/>
      <c r="E391" s="8"/>
      <c r="F391" s="8"/>
      <c r="G391" s="8"/>
      <c r="H391" s="8">
        <v>2</v>
      </c>
      <c r="I391" s="8">
        <v>156</v>
      </c>
      <c r="J391" s="8" t="s">
        <v>139</v>
      </c>
      <c r="K391" s="8" t="s">
        <v>17</v>
      </c>
      <c r="L391" s="8" t="s">
        <v>71</v>
      </c>
      <c r="M391" s="8">
        <v>1</v>
      </c>
      <c r="N391" s="8" t="s">
        <v>514</v>
      </c>
      <c r="O391" s="8">
        <v>2</v>
      </c>
      <c r="P391" s="8">
        <v>2</v>
      </c>
      <c r="Q391" s="70" t="s">
        <v>624</v>
      </c>
      <c r="R391" s="10"/>
      <c r="S391" s="206"/>
      <c r="T391" s="215"/>
      <c r="U391" s="215"/>
    </row>
    <row r="392" spans="1:21">
      <c r="A392" s="8"/>
      <c r="B392" s="8"/>
      <c r="C392" s="8"/>
      <c r="D392" s="8"/>
      <c r="E392" s="8"/>
      <c r="F392" s="8"/>
      <c r="G392" s="8"/>
      <c r="H392" s="8">
        <v>3</v>
      </c>
      <c r="I392" s="8">
        <v>116</v>
      </c>
      <c r="J392" s="8" t="s">
        <v>137</v>
      </c>
      <c r="K392" s="8" t="s">
        <v>17</v>
      </c>
      <c r="L392" s="8" t="s">
        <v>71</v>
      </c>
      <c r="M392" s="8">
        <v>1</v>
      </c>
      <c r="N392" s="8" t="s">
        <v>514</v>
      </c>
      <c r="O392" s="8">
        <v>3</v>
      </c>
      <c r="P392" s="8">
        <v>15</v>
      </c>
      <c r="Q392" s="72"/>
      <c r="R392" s="10"/>
      <c r="S392" s="206"/>
      <c r="T392" s="215"/>
      <c r="U392" s="215"/>
    </row>
    <row r="393" spans="1:21" ht="28">
      <c r="A393" s="8"/>
      <c r="B393" s="8"/>
      <c r="C393" s="8"/>
      <c r="D393" s="8"/>
      <c r="E393" s="8"/>
      <c r="F393" s="8"/>
      <c r="G393" s="8"/>
      <c r="H393" s="8">
        <v>4</v>
      </c>
      <c r="I393" s="8">
        <v>26</v>
      </c>
      <c r="J393" s="8" t="s">
        <v>135</v>
      </c>
      <c r="K393" s="8" t="s">
        <v>17</v>
      </c>
      <c r="L393" s="8" t="s">
        <v>71</v>
      </c>
      <c r="M393" s="8">
        <v>1</v>
      </c>
      <c r="N393" s="8" t="s">
        <v>514</v>
      </c>
      <c r="O393" s="8">
        <v>2</v>
      </c>
      <c r="P393" s="8">
        <v>3</v>
      </c>
      <c r="Q393" s="70" t="s">
        <v>624</v>
      </c>
      <c r="R393" s="10"/>
      <c r="S393" s="206"/>
      <c r="T393" s="215"/>
      <c r="U393" s="215"/>
    </row>
    <row r="394" spans="1:21">
      <c r="A394" s="8"/>
      <c r="B394" s="8"/>
      <c r="C394" s="8"/>
      <c r="D394" s="8"/>
      <c r="E394" s="8"/>
      <c r="F394" s="8"/>
      <c r="G394" s="8"/>
      <c r="H394" s="8">
        <v>5</v>
      </c>
      <c r="I394" s="8">
        <v>309</v>
      </c>
      <c r="J394" s="8" t="s">
        <v>133</v>
      </c>
      <c r="K394" s="8" t="s">
        <v>78</v>
      </c>
      <c r="L394" s="8" t="s">
        <v>71</v>
      </c>
      <c r="M394" s="11">
        <v>1</v>
      </c>
      <c r="N394" s="11" t="s">
        <v>514</v>
      </c>
      <c r="O394" s="11">
        <v>1</v>
      </c>
      <c r="P394" s="11">
        <v>2</v>
      </c>
      <c r="Q394" s="72" t="s">
        <v>690</v>
      </c>
      <c r="R394" s="10"/>
      <c r="S394" s="206"/>
      <c r="T394" s="215"/>
      <c r="U394" s="215"/>
    </row>
    <row r="395" spans="1:21">
      <c r="A395" s="8"/>
      <c r="B395" s="8"/>
      <c r="C395" s="8"/>
      <c r="D395" s="8"/>
      <c r="E395" s="8"/>
      <c r="F395" s="8"/>
      <c r="G395" s="8"/>
      <c r="H395" s="8">
        <v>6</v>
      </c>
      <c r="I395" s="8">
        <v>310</v>
      </c>
      <c r="J395" s="8" t="s">
        <v>131</v>
      </c>
      <c r="K395" s="8" t="s">
        <v>17</v>
      </c>
      <c r="L395" s="8" t="s">
        <v>71</v>
      </c>
      <c r="M395" s="11">
        <v>1</v>
      </c>
      <c r="N395" s="11" t="s">
        <v>509</v>
      </c>
      <c r="O395" s="11">
        <v>1</v>
      </c>
      <c r="P395" s="11">
        <v>30</v>
      </c>
      <c r="Q395" s="18"/>
      <c r="R395" s="10"/>
      <c r="S395" s="206"/>
      <c r="T395" s="215"/>
      <c r="U395" s="215"/>
    </row>
    <row r="396" spans="1:21">
      <c r="A396" s="17"/>
      <c r="B396" s="17"/>
      <c r="C396" s="17" t="s">
        <v>130</v>
      </c>
      <c r="D396" s="17" t="s">
        <v>126</v>
      </c>
      <c r="E396" s="17"/>
      <c r="F396" s="17"/>
      <c r="G396" s="17"/>
      <c r="H396" s="17"/>
      <c r="I396" s="17"/>
      <c r="J396" s="17"/>
      <c r="K396" s="17"/>
      <c r="L396" s="17"/>
      <c r="M396" s="17">
        <v>12</v>
      </c>
      <c r="N396" s="17"/>
      <c r="O396" s="17"/>
      <c r="P396" s="17"/>
      <c r="Q396" s="17"/>
      <c r="R396" s="10"/>
      <c r="S396" s="206"/>
      <c r="T396" s="215"/>
      <c r="U396" s="215"/>
    </row>
    <row r="397" spans="1:21" ht="28">
      <c r="A397" s="24"/>
      <c r="B397" s="24"/>
      <c r="C397" s="24"/>
      <c r="D397" s="24"/>
      <c r="E397" s="24"/>
      <c r="F397" s="24"/>
      <c r="G397" s="24"/>
      <c r="H397" s="11">
        <v>1</v>
      </c>
      <c r="I397" s="11">
        <v>128</v>
      </c>
      <c r="J397" s="11" t="s">
        <v>128</v>
      </c>
      <c r="K397" s="11" t="s">
        <v>66</v>
      </c>
      <c r="L397" s="11" t="s">
        <v>65</v>
      </c>
      <c r="M397" s="8">
        <v>1</v>
      </c>
      <c r="N397" s="8" t="s">
        <v>514</v>
      </c>
      <c r="O397" s="8">
        <v>2</v>
      </c>
      <c r="P397" s="8">
        <v>3</v>
      </c>
      <c r="Q397" s="70" t="s">
        <v>624</v>
      </c>
      <c r="R397" s="10"/>
      <c r="S397" s="206"/>
      <c r="T397" s="215"/>
      <c r="U397" s="215"/>
    </row>
    <row r="398" spans="1:21">
      <c r="A398" s="24"/>
      <c r="B398" s="24"/>
      <c r="C398" s="24"/>
      <c r="D398" s="24"/>
      <c r="E398" s="24"/>
      <c r="F398" s="24"/>
      <c r="G398" s="24"/>
      <c r="H398" s="25">
        <v>2</v>
      </c>
      <c r="I398" s="25">
        <v>127</v>
      </c>
      <c r="J398" s="19" t="s">
        <v>126</v>
      </c>
      <c r="K398" s="19" t="s">
        <v>78</v>
      </c>
      <c r="L398" s="25" t="s">
        <v>96</v>
      </c>
      <c r="M398" s="19">
        <v>1</v>
      </c>
      <c r="N398" s="19" t="s">
        <v>509</v>
      </c>
      <c r="O398" s="19">
        <v>1</v>
      </c>
      <c r="P398" s="19">
        <v>30</v>
      </c>
      <c r="Q398" s="25"/>
      <c r="R398" s="10"/>
      <c r="S398" s="206"/>
      <c r="T398" s="215"/>
      <c r="U398" s="215"/>
    </row>
    <row r="399" spans="1:21">
      <c r="A399" s="24"/>
      <c r="B399" s="24"/>
      <c r="C399" s="24"/>
      <c r="D399" s="24"/>
      <c r="E399" s="24"/>
      <c r="F399" s="24"/>
      <c r="G399" s="24"/>
      <c r="H399" s="11">
        <v>3</v>
      </c>
      <c r="I399" s="11">
        <v>352</v>
      </c>
      <c r="J399" s="11" t="s">
        <v>3</v>
      </c>
      <c r="K399" s="11" t="s">
        <v>78</v>
      </c>
      <c r="L399" s="11" t="s">
        <v>71</v>
      </c>
      <c r="M399" s="8">
        <v>1</v>
      </c>
      <c r="N399" s="8" t="s">
        <v>509</v>
      </c>
      <c r="O399" s="8">
        <v>1</v>
      </c>
      <c r="P399" s="8">
        <v>80</v>
      </c>
      <c r="Q399" s="18"/>
      <c r="R399" s="10"/>
      <c r="S399" s="206"/>
      <c r="T399" s="215"/>
      <c r="U399" s="215"/>
    </row>
    <row r="400" spans="1:21">
      <c r="A400" s="75"/>
      <c r="B400" s="75"/>
      <c r="C400" s="75" t="s">
        <v>130</v>
      </c>
      <c r="D400" s="75" t="s">
        <v>126</v>
      </c>
      <c r="E400" s="75"/>
      <c r="F400" s="75"/>
      <c r="G400" s="75"/>
      <c r="H400" s="75"/>
      <c r="I400" s="75"/>
      <c r="J400" s="75"/>
      <c r="K400" s="75"/>
      <c r="L400" s="75"/>
      <c r="M400" s="17">
        <v>12</v>
      </c>
      <c r="N400" s="17"/>
      <c r="O400" s="17"/>
      <c r="P400" s="17"/>
      <c r="Q400" s="75"/>
      <c r="R400" s="10"/>
      <c r="S400" s="206"/>
      <c r="T400" s="215"/>
      <c r="U400" s="215"/>
    </row>
    <row r="401" spans="1:21">
      <c r="A401" s="11"/>
      <c r="B401" s="11"/>
      <c r="C401" s="11"/>
      <c r="D401" s="11"/>
      <c r="E401" s="11"/>
      <c r="F401" s="11"/>
      <c r="G401" s="11"/>
      <c r="H401" s="11">
        <v>1</v>
      </c>
      <c r="I401" s="11">
        <v>128</v>
      </c>
      <c r="J401" s="11" t="s">
        <v>128</v>
      </c>
      <c r="K401" s="11" t="s">
        <v>66</v>
      </c>
      <c r="L401" s="8" t="s">
        <v>65</v>
      </c>
      <c r="M401" s="8">
        <v>1</v>
      </c>
      <c r="N401" s="8" t="s">
        <v>514</v>
      </c>
      <c r="O401" s="8">
        <v>2</v>
      </c>
      <c r="P401" s="8">
        <v>3</v>
      </c>
      <c r="Q401" s="18" t="s">
        <v>692</v>
      </c>
      <c r="R401" s="10"/>
      <c r="S401" s="206"/>
      <c r="T401" s="215"/>
      <c r="U401" s="215"/>
    </row>
    <row r="402" spans="1:21">
      <c r="A402" s="11"/>
      <c r="B402" s="11"/>
      <c r="C402" s="11"/>
      <c r="D402" s="11"/>
      <c r="E402" s="11"/>
      <c r="F402" s="11"/>
      <c r="G402" s="11"/>
      <c r="H402" s="19">
        <v>2</v>
      </c>
      <c r="I402" s="19">
        <v>127</v>
      </c>
      <c r="J402" s="19" t="s">
        <v>126</v>
      </c>
      <c r="K402" s="19" t="s">
        <v>78</v>
      </c>
      <c r="L402" s="19" t="s">
        <v>174</v>
      </c>
      <c r="M402" s="19">
        <v>1</v>
      </c>
      <c r="N402" s="19" t="s">
        <v>509</v>
      </c>
      <c r="O402" s="19">
        <v>1</v>
      </c>
      <c r="P402" s="19">
        <v>30</v>
      </c>
      <c r="Q402" s="19"/>
      <c r="R402" s="10"/>
      <c r="S402" s="206"/>
      <c r="T402" s="215"/>
      <c r="U402" s="215"/>
    </row>
    <row r="403" spans="1:21">
      <c r="A403" s="11"/>
      <c r="B403" s="11"/>
      <c r="C403" s="11"/>
      <c r="D403" s="11"/>
      <c r="E403" s="11"/>
      <c r="F403" s="11"/>
      <c r="G403" s="11"/>
      <c r="H403" s="11">
        <v>3</v>
      </c>
      <c r="I403" s="11">
        <v>352</v>
      </c>
      <c r="J403" s="11" t="s">
        <v>3</v>
      </c>
      <c r="K403" s="11" t="s">
        <v>78</v>
      </c>
      <c r="L403" s="8" t="s">
        <v>71</v>
      </c>
      <c r="M403" s="8">
        <v>1</v>
      </c>
      <c r="N403" s="8" t="s">
        <v>509</v>
      </c>
      <c r="O403" s="8">
        <v>1</v>
      </c>
      <c r="P403" s="8">
        <v>80</v>
      </c>
      <c r="Q403" s="18"/>
      <c r="R403" s="10"/>
      <c r="S403" s="206"/>
      <c r="T403" s="215"/>
      <c r="U403" s="215"/>
    </row>
    <row r="404" spans="1:21">
      <c r="A404" s="17"/>
      <c r="B404" s="17"/>
      <c r="C404" s="17" t="s">
        <v>124</v>
      </c>
      <c r="D404" s="17" t="s">
        <v>475</v>
      </c>
      <c r="E404" s="17"/>
      <c r="F404" s="17"/>
      <c r="G404" s="17"/>
      <c r="H404" s="17"/>
      <c r="I404" s="17"/>
      <c r="J404" s="17"/>
      <c r="K404" s="17" t="s">
        <v>17</v>
      </c>
      <c r="L404" s="17" t="s">
        <v>71</v>
      </c>
      <c r="M404" s="75">
        <v>3</v>
      </c>
      <c r="N404" s="75"/>
      <c r="O404" s="75"/>
      <c r="P404" s="75"/>
      <c r="Q404" s="138"/>
      <c r="R404" s="10"/>
      <c r="S404" s="206"/>
      <c r="T404" s="215"/>
      <c r="U404" s="215"/>
    </row>
    <row r="405" spans="1:21">
      <c r="A405" s="8"/>
      <c r="B405" s="8"/>
      <c r="C405" s="8"/>
      <c r="D405" s="8"/>
      <c r="E405" s="8"/>
      <c r="F405" s="8"/>
      <c r="G405" s="8"/>
      <c r="H405" s="8">
        <v>1</v>
      </c>
      <c r="I405" s="8">
        <v>366</v>
      </c>
      <c r="J405" s="8" t="s">
        <v>122</v>
      </c>
      <c r="K405" s="8" t="s">
        <v>66</v>
      </c>
      <c r="L405" s="8" t="s">
        <v>65</v>
      </c>
      <c r="M405" s="11">
        <v>1</v>
      </c>
      <c r="N405" s="11" t="s">
        <v>514</v>
      </c>
      <c r="O405" s="11">
        <v>2</v>
      </c>
      <c r="P405" s="11">
        <v>2</v>
      </c>
      <c r="Q405" s="8" t="s">
        <v>704</v>
      </c>
      <c r="R405" s="10"/>
      <c r="S405" s="206"/>
      <c r="T405" s="215"/>
      <c r="U405" s="215"/>
    </row>
    <row r="406" spans="1:21">
      <c r="A406" s="8"/>
      <c r="B406" s="8"/>
      <c r="C406" s="8"/>
      <c r="D406" s="8"/>
      <c r="E406" s="8"/>
      <c r="F406" s="8"/>
      <c r="G406" s="8"/>
      <c r="H406" s="8">
        <v>2</v>
      </c>
      <c r="I406" s="8">
        <v>93</v>
      </c>
      <c r="J406" s="8" t="s">
        <v>120</v>
      </c>
      <c r="K406" s="8" t="s">
        <v>17</v>
      </c>
      <c r="L406" s="8" t="s">
        <v>71</v>
      </c>
      <c r="M406" s="11">
        <v>1</v>
      </c>
      <c r="N406" s="11" t="s">
        <v>509</v>
      </c>
      <c r="O406" s="11">
        <v>1</v>
      </c>
      <c r="P406" s="11">
        <v>60</v>
      </c>
      <c r="Q406" s="72"/>
      <c r="R406" s="10"/>
      <c r="S406" s="206"/>
      <c r="T406" s="215"/>
      <c r="U406" s="215"/>
    </row>
    <row r="407" spans="1:21" ht="28">
      <c r="A407" s="8"/>
      <c r="B407" s="8"/>
      <c r="C407" s="8"/>
      <c r="D407" s="8"/>
      <c r="E407" s="8"/>
      <c r="F407" s="8"/>
      <c r="G407" s="8"/>
      <c r="H407" s="8">
        <v>3</v>
      </c>
      <c r="I407" s="8">
        <v>365</v>
      </c>
      <c r="J407" s="8" t="s">
        <v>114</v>
      </c>
      <c r="K407" s="8" t="s">
        <v>78</v>
      </c>
      <c r="L407" s="8" t="s">
        <v>71</v>
      </c>
      <c r="M407" s="11">
        <v>1</v>
      </c>
      <c r="N407" s="11" t="s">
        <v>514</v>
      </c>
      <c r="O407" s="11">
        <v>2</v>
      </c>
      <c r="P407" s="11">
        <v>2</v>
      </c>
      <c r="Q407" s="70" t="s">
        <v>624</v>
      </c>
      <c r="R407" s="10"/>
      <c r="S407" s="206"/>
      <c r="T407" s="215"/>
      <c r="U407" s="215"/>
    </row>
    <row r="408" spans="1:21">
      <c r="A408" s="8"/>
      <c r="B408" s="8"/>
      <c r="C408" s="8"/>
      <c r="D408" s="8"/>
      <c r="E408" s="8"/>
      <c r="F408" s="8"/>
      <c r="G408" s="8"/>
      <c r="H408" s="8">
        <v>4</v>
      </c>
      <c r="I408" s="8">
        <v>364</v>
      </c>
      <c r="J408" s="8" t="s">
        <v>112</v>
      </c>
      <c r="K408" s="8" t="s">
        <v>78</v>
      </c>
      <c r="L408" s="8" t="s">
        <v>71</v>
      </c>
      <c r="M408" s="11">
        <v>1</v>
      </c>
      <c r="N408" s="11" t="s">
        <v>509</v>
      </c>
      <c r="O408" s="11">
        <v>1</v>
      </c>
      <c r="P408" s="11">
        <v>80</v>
      </c>
      <c r="Q408" s="72"/>
      <c r="R408" s="10"/>
      <c r="S408" s="206"/>
      <c r="T408" s="215"/>
      <c r="U408" s="215"/>
    </row>
    <row r="409" spans="1:21" ht="28">
      <c r="A409" s="8"/>
      <c r="B409" s="8"/>
      <c r="C409" s="8"/>
      <c r="D409" s="8"/>
      <c r="E409" s="8"/>
      <c r="F409" s="8"/>
      <c r="G409" s="8"/>
      <c r="H409" s="8">
        <v>5</v>
      </c>
      <c r="I409" s="8">
        <v>365</v>
      </c>
      <c r="J409" s="8" t="s">
        <v>114</v>
      </c>
      <c r="K409" s="8" t="s">
        <v>78</v>
      </c>
      <c r="L409" s="8" t="s">
        <v>71</v>
      </c>
      <c r="M409" s="11">
        <v>1</v>
      </c>
      <c r="N409" s="11" t="s">
        <v>514</v>
      </c>
      <c r="O409" s="11">
        <v>2</v>
      </c>
      <c r="P409" s="11">
        <v>2</v>
      </c>
      <c r="Q409" s="70" t="s">
        <v>624</v>
      </c>
      <c r="R409" s="10"/>
      <c r="S409" s="206"/>
      <c r="T409" s="215"/>
      <c r="U409" s="215"/>
    </row>
    <row r="410" spans="1:21">
      <c r="A410" s="8"/>
      <c r="B410" s="8"/>
      <c r="C410" s="8"/>
      <c r="D410" s="8"/>
      <c r="E410" s="8"/>
      <c r="F410" s="8"/>
      <c r="G410" s="8"/>
      <c r="H410" s="8">
        <v>6</v>
      </c>
      <c r="I410" s="8">
        <v>364</v>
      </c>
      <c r="J410" s="8" t="s">
        <v>112</v>
      </c>
      <c r="K410" s="8" t="s">
        <v>78</v>
      </c>
      <c r="L410" s="8" t="s">
        <v>71</v>
      </c>
      <c r="M410" s="11">
        <v>1</v>
      </c>
      <c r="N410" s="11" t="s">
        <v>509</v>
      </c>
      <c r="O410" s="11">
        <v>1</v>
      </c>
      <c r="P410" s="11">
        <v>80</v>
      </c>
      <c r="Q410" s="72"/>
      <c r="R410" s="10"/>
      <c r="S410" s="206"/>
      <c r="T410" s="215"/>
      <c r="U410" s="215"/>
    </row>
    <row r="411" spans="1:21" ht="28">
      <c r="A411" s="8"/>
      <c r="B411" s="8"/>
      <c r="C411" s="8"/>
      <c r="D411" s="8"/>
      <c r="E411" s="8"/>
      <c r="F411" s="8"/>
      <c r="G411" s="8"/>
      <c r="H411" s="8">
        <v>7</v>
      </c>
      <c r="I411" s="8">
        <v>365</v>
      </c>
      <c r="J411" s="8" t="s">
        <v>114</v>
      </c>
      <c r="K411" s="8" t="s">
        <v>78</v>
      </c>
      <c r="L411" s="8" t="s">
        <v>71</v>
      </c>
      <c r="M411" s="11">
        <v>1</v>
      </c>
      <c r="N411" s="11" t="s">
        <v>514</v>
      </c>
      <c r="O411" s="11">
        <v>2</v>
      </c>
      <c r="P411" s="11">
        <v>2</v>
      </c>
      <c r="Q411" s="70" t="s">
        <v>624</v>
      </c>
      <c r="R411" s="10"/>
      <c r="S411" s="206"/>
      <c r="T411" s="215"/>
      <c r="U411" s="215"/>
    </row>
    <row r="412" spans="1:21">
      <c r="A412" s="8"/>
      <c r="B412" s="8"/>
      <c r="C412" s="8"/>
      <c r="D412" s="8"/>
      <c r="E412" s="8"/>
      <c r="F412" s="8"/>
      <c r="G412" s="8"/>
      <c r="H412" s="8">
        <v>8</v>
      </c>
      <c r="I412" s="8">
        <v>364</v>
      </c>
      <c r="J412" s="8" t="s">
        <v>112</v>
      </c>
      <c r="K412" s="8" t="s">
        <v>78</v>
      </c>
      <c r="L412" s="8" t="s">
        <v>71</v>
      </c>
      <c r="M412" s="11">
        <v>1</v>
      </c>
      <c r="N412" s="11" t="s">
        <v>509</v>
      </c>
      <c r="O412" s="11">
        <v>1</v>
      </c>
      <c r="P412" s="11">
        <v>80</v>
      </c>
      <c r="Q412" s="72"/>
      <c r="R412" s="10"/>
      <c r="S412" s="206"/>
      <c r="T412" s="215"/>
      <c r="U412" s="215"/>
    </row>
    <row r="413" spans="1:21">
      <c r="A413" s="17"/>
      <c r="B413" s="17"/>
      <c r="C413" s="17" t="s">
        <v>252</v>
      </c>
      <c r="D413" s="17" t="s">
        <v>476</v>
      </c>
      <c r="E413" s="17"/>
      <c r="F413" s="17"/>
      <c r="G413" s="17"/>
      <c r="H413" s="17"/>
      <c r="I413" s="17"/>
      <c r="J413" s="17"/>
      <c r="K413" s="17" t="s">
        <v>17</v>
      </c>
      <c r="L413" s="17" t="s">
        <v>71</v>
      </c>
      <c r="M413" s="17">
        <v>1</v>
      </c>
      <c r="N413" s="17"/>
      <c r="O413" s="17"/>
      <c r="P413" s="17"/>
      <c r="Q413" s="138"/>
      <c r="R413" s="10"/>
      <c r="S413" s="206"/>
      <c r="T413" s="215"/>
      <c r="U413" s="215"/>
    </row>
    <row r="414" spans="1:21" ht="28">
      <c r="A414" s="8"/>
      <c r="B414" s="8"/>
      <c r="C414" s="8"/>
      <c r="D414" s="8"/>
      <c r="E414" s="8"/>
      <c r="F414" s="8"/>
      <c r="G414" s="8"/>
      <c r="H414" s="8">
        <v>1</v>
      </c>
      <c r="I414" s="8">
        <v>98</v>
      </c>
      <c r="J414" s="8" t="s">
        <v>156</v>
      </c>
      <c r="K414" s="8" t="s">
        <v>66</v>
      </c>
      <c r="L414" s="8" t="s">
        <v>65</v>
      </c>
      <c r="M414" s="8">
        <v>1</v>
      </c>
      <c r="N414" s="8" t="s">
        <v>514</v>
      </c>
      <c r="O414" s="8">
        <v>2</v>
      </c>
      <c r="P414" s="8">
        <v>3</v>
      </c>
      <c r="Q414" s="70" t="s">
        <v>624</v>
      </c>
      <c r="R414" s="10"/>
      <c r="S414" s="206"/>
      <c r="T414" s="215"/>
      <c r="U414" s="215"/>
    </row>
    <row r="415" spans="1:21">
      <c r="A415" s="8"/>
      <c r="B415" s="8"/>
      <c r="C415" s="8"/>
      <c r="D415" s="8"/>
      <c r="E415" s="8"/>
      <c r="F415" s="8"/>
      <c r="G415" s="8"/>
      <c r="H415" s="8">
        <v>2</v>
      </c>
      <c r="I415" s="8">
        <v>100</v>
      </c>
      <c r="J415" s="8" t="s">
        <v>249</v>
      </c>
      <c r="K415" s="8" t="s">
        <v>66</v>
      </c>
      <c r="L415" s="8" t="s">
        <v>65</v>
      </c>
      <c r="M415" s="8">
        <v>1</v>
      </c>
      <c r="N415" s="8" t="s">
        <v>514</v>
      </c>
      <c r="O415" s="8">
        <v>3</v>
      </c>
      <c r="P415" s="8">
        <v>3</v>
      </c>
      <c r="Q415" s="72"/>
      <c r="R415" s="10"/>
      <c r="S415" s="206"/>
      <c r="T415" s="215"/>
      <c r="U415" s="215"/>
    </row>
    <row r="416" spans="1:21">
      <c r="A416" s="36" t="s">
        <v>503</v>
      </c>
      <c r="B416" s="36"/>
      <c r="C416" s="36"/>
      <c r="D416" s="36"/>
      <c r="E416" s="36"/>
      <c r="F416" s="36"/>
      <c r="G416" s="36"/>
      <c r="H416" s="36"/>
      <c r="I416" s="36"/>
      <c r="J416" s="36"/>
      <c r="K416" s="36"/>
      <c r="L416" s="36"/>
      <c r="M416" s="36"/>
      <c r="N416" s="36"/>
      <c r="O416" s="36"/>
      <c r="P416" s="36"/>
      <c r="Q416" s="36"/>
      <c r="R416" s="10"/>
      <c r="S416" s="206"/>
      <c r="T416" s="215"/>
      <c r="U416" s="215"/>
    </row>
    <row r="417" spans="1:21" ht="28">
      <c r="A417" s="405" t="s">
        <v>504</v>
      </c>
      <c r="B417" s="405"/>
      <c r="C417" s="405"/>
      <c r="D417" s="405"/>
      <c r="E417" s="405"/>
      <c r="F417" s="405"/>
      <c r="G417" s="405"/>
      <c r="H417" s="405"/>
      <c r="I417" s="405"/>
      <c r="J417" s="405"/>
      <c r="K417" s="405"/>
      <c r="L417" s="405"/>
      <c r="M417" s="294"/>
      <c r="N417" s="294"/>
      <c r="O417" s="294"/>
      <c r="P417" s="294"/>
      <c r="Q417" s="82" t="s">
        <v>624</v>
      </c>
      <c r="R417" s="8"/>
      <c r="S417" s="305"/>
      <c r="T417" s="306"/>
      <c r="U417" s="306"/>
    </row>
    <row r="418" spans="1:21" ht="28">
      <c r="A418" s="406" t="s">
        <v>505</v>
      </c>
      <c r="B418" s="406"/>
      <c r="C418" s="406"/>
      <c r="D418" s="406"/>
      <c r="E418" s="406"/>
      <c r="F418" s="406"/>
      <c r="G418" s="406"/>
      <c r="H418" s="406"/>
      <c r="I418" s="406"/>
      <c r="J418" s="406"/>
      <c r="K418" s="406"/>
      <c r="L418" s="406"/>
      <c r="M418" s="295"/>
      <c r="N418" s="295"/>
      <c r="O418" s="295"/>
      <c r="P418" s="295"/>
      <c r="Q418" s="37" t="s">
        <v>624</v>
      </c>
      <c r="R418" s="8"/>
      <c r="S418" s="305"/>
      <c r="T418" s="306"/>
      <c r="U418" s="306"/>
    </row>
    <row r="419" spans="1:21" ht="31">
      <c r="A419" s="17" t="s">
        <v>440</v>
      </c>
      <c r="B419" s="17" t="s">
        <v>441</v>
      </c>
      <c r="C419" s="17"/>
      <c r="D419" s="17"/>
      <c r="E419" s="17"/>
      <c r="F419" s="17"/>
      <c r="G419" s="17"/>
      <c r="H419" s="17"/>
      <c r="I419" s="17"/>
      <c r="J419" s="17"/>
      <c r="K419" s="17" t="s">
        <v>66</v>
      </c>
      <c r="L419" s="17" t="s">
        <v>65</v>
      </c>
      <c r="M419" s="17">
        <v>200000</v>
      </c>
      <c r="N419" s="17"/>
      <c r="O419" s="17"/>
      <c r="P419" s="17"/>
      <c r="Q419" s="17"/>
      <c r="R419" s="8" t="s">
        <v>1034</v>
      </c>
      <c r="S419" s="310" t="s">
        <v>1488</v>
      </c>
      <c r="T419" s="311" t="s">
        <v>1489</v>
      </c>
      <c r="U419" s="307" t="s">
        <v>17</v>
      </c>
    </row>
    <row r="420" spans="1:21">
      <c r="A420" s="17"/>
      <c r="B420" s="17"/>
      <c r="C420" s="17" t="s">
        <v>440</v>
      </c>
      <c r="D420" s="17" t="s">
        <v>441</v>
      </c>
      <c r="E420" s="17"/>
      <c r="F420" s="17"/>
      <c r="G420" s="17"/>
      <c r="H420" s="17"/>
      <c r="I420" s="17"/>
      <c r="J420" s="17"/>
      <c r="K420" s="17" t="s">
        <v>66</v>
      </c>
      <c r="L420" s="17" t="s">
        <v>65</v>
      </c>
      <c r="M420" s="17">
        <v>1</v>
      </c>
      <c r="N420" s="17"/>
      <c r="O420" s="17"/>
      <c r="P420" s="17"/>
      <c r="Q420" s="17"/>
      <c r="R420" s="8"/>
      <c r="S420" s="305"/>
      <c r="T420" s="306"/>
      <c r="U420" s="306"/>
    </row>
    <row r="421" spans="1:21" ht="42">
      <c r="A421" s="8"/>
      <c r="B421" s="8"/>
      <c r="C421" s="8"/>
      <c r="D421" s="8"/>
      <c r="E421" s="8"/>
      <c r="F421" s="8"/>
      <c r="G421" s="8"/>
      <c r="H421" s="8">
        <v>1</v>
      </c>
      <c r="I421" s="8">
        <v>628</v>
      </c>
      <c r="J421" s="8" t="s">
        <v>442</v>
      </c>
      <c r="K421" s="8" t="s">
        <v>66</v>
      </c>
      <c r="L421" s="8" t="s">
        <v>65</v>
      </c>
      <c r="M421" s="8">
        <v>1</v>
      </c>
      <c r="N421" s="8" t="s">
        <v>509</v>
      </c>
      <c r="O421" s="8">
        <v>1</v>
      </c>
      <c r="P421" s="8">
        <v>12</v>
      </c>
      <c r="Q421" s="18" t="s">
        <v>776</v>
      </c>
      <c r="R421" s="8"/>
      <c r="S421" s="305"/>
      <c r="T421" s="306"/>
      <c r="U421" s="306"/>
    </row>
    <row r="422" spans="1:21" ht="112">
      <c r="A422" s="8"/>
      <c r="B422" s="8"/>
      <c r="C422" s="8"/>
      <c r="D422" s="8"/>
      <c r="E422" s="8"/>
      <c r="F422" s="8"/>
      <c r="G422" s="8"/>
      <c r="H422" s="8">
        <v>2</v>
      </c>
      <c r="I422" s="8">
        <v>734</v>
      </c>
      <c r="J422" s="8" t="s">
        <v>443</v>
      </c>
      <c r="K422" s="8" t="s">
        <v>17</v>
      </c>
      <c r="L422" s="8" t="s">
        <v>71</v>
      </c>
      <c r="M422" s="8">
        <v>1</v>
      </c>
      <c r="N422" s="8" t="s">
        <v>509</v>
      </c>
      <c r="O422" s="8">
        <v>1</v>
      </c>
      <c r="P422" s="8">
        <v>12</v>
      </c>
      <c r="Q422" s="18" t="s">
        <v>795</v>
      </c>
      <c r="R422" s="8"/>
      <c r="S422" s="305"/>
      <c r="T422" s="306"/>
      <c r="U422" s="306"/>
    </row>
    <row r="423" spans="1:21" ht="126">
      <c r="A423" s="8"/>
      <c r="B423" s="8"/>
      <c r="C423" s="8"/>
      <c r="D423" s="8"/>
      <c r="E423" s="8"/>
      <c r="F423" s="8"/>
      <c r="G423" s="8"/>
      <c r="H423" s="8">
        <v>3</v>
      </c>
      <c r="I423" s="8">
        <v>735</v>
      </c>
      <c r="J423" s="8" t="s">
        <v>444</v>
      </c>
      <c r="K423" s="8" t="s">
        <v>66</v>
      </c>
      <c r="L423" s="8" t="s">
        <v>65</v>
      </c>
      <c r="M423" s="8">
        <v>1</v>
      </c>
      <c r="N423" s="8" t="s">
        <v>514</v>
      </c>
      <c r="O423" s="8">
        <v>1</v>
      </c>
      <c r="P423" s="8">
        <v>2</v>
      </c>
      <c r="Q423" s="72" t="s">
        <v>796</v>
      </c>
      <c r="R423" s="8"/>
      <c r="S423" s="305"/>
      <c r="T423" s="306"/>
      <c r="U423" s="306"/>
    </row>
    <row r="424" spans="1:21">
      <c r="A424" s="8"/>
      <c r="B424" s="8"/>
      <c r="C424" s="8"/>
      <c r="D424" s="8"/>
      <c r="E424" s="8"/>
      <c r="F424" s="8"/>
      <c r="G424" s="8"/>
      <c r="H424" s="8">
        <v>4</v>
      </c>
      <c r="I424" s="8">
        <v>736</v>
      </c>
      <c r="J424" s="8" t="s">
        <v>445</v>
      </c>
      <c r="K424" s="8" t="s">
        <v>17</v>
      </c>
      <c r="L424" s="8" t="s">
        <v>71</v>
      </c>
      <c r="M424" s="8">
        <v>1</v>
      </c>
      <c r="N424" s="8" t="s">
        <v>514</v>
      </c>
      <c r="O424" s="8">
        <v>1</v>
      </c>
      <c r="P424" s="8">
        <v>1</v>
      </c>
      <c r="Q424" s="18" t="s">
        <v>797</v>
      </c>
      <c r="R424" s="8"/>
      <c r="S424" s="305"/>
      <c r="T424" s="306"/>
      <c r="U424" s="306"/>
    </row>
    <row r="425" spans="1:21" ht="31">
      <c r="A425" s="17"/>
      <c r="B425" s="17"/>
      <c r="C425" s="17" t="s">
        <v>488</v>
      </c>
      <c r="D425" s="17" t="s">
        <v>489</v>
      </c>
      <c r="E425" s="17"/>
      <c r="F425" s="17"/>
      <c r="G425" s="17"/>
      <c r="H425" s="17"/>
      <c r="I425" s="17"/>
      <c r="J425" s="17"/>
      <c r="K425" s="17" t="s">
        <v>17</v>
      </c>
      <c r="L425" s="17" t="s">
        <v>71</v>
      </c>
      <c r="M425" s="17">
        <v>1</v>
      </c>
      <c r="N425" s="17"/>
      <c r="O425" s="17"/>
      <c r="P425" s="17"/>
      <c r="Q425" s="83"/>
      <c r="R425" s="10" t="s">
        <v>1142</v>
      </c>
      <c r="S425" s="312" t="s">
        <v>1490</v>
      </c>
      <c r="T425" s="205" t="s">
        <v>1491</v>
      </c>
      <c r="U425" s="307" t="s">
        <v>17</v>
      </c>
    </row>
    <row r="426" spans="1:21">
      <c r="A426" s="8"/>
      <c r="B426" s="8"/>
      <c r="C426" s="8"/>
      <c r="D426" s="8"/>
      <c r="E426" s="8"/>
      <c r="F426" s="8"/>
      <c r="G426" s="8"/>
      <c r="H426" s="19">
        <v>1</v>
      </c>
      <c r="I426" s="19">
        <v>356</v>
      </c>
      <c r="J426" s="19" t="s">
        <v>490</v>
      </c>
      <c r="K426" s="19" t="s">
        <v>17</v>
      </c>
      <c r="L426" s="19" t="s">
        <v>174</v>
      </c>
      <c r="M426" s="19">
        <v>1</v>
      </c>
      <c r="N426" s="19" t="s">
        <v>510</v>
      </c>
      <c r="O426" s="19">
        <v>1</v>
      </c>
      <c r="P426" s="19">
        <v>6</v>
      </c>
      <c r="Q426" s="19"/>
      <c r="R426" s="10"/>
      <c r="S426" s="206"/>
      <c r="T426" s="215"/>
      <c r="U426" s="215"/>
    </row>
    <row r="427" spans="1:21">
      <c r="A427" s="8"/>
      <c r="B427" s="8"/>
      <c r="C427" s="8"/>
      <c r="D427" s="8"/>
      <c r="E427" s="8"/>
      <c r="F427" s="8"/>
      <c r="G427" s="8"/>
      <c r="H427" s="19">
        <v>2</v>
      </c>
      <c r="I427" s="19">
        <v>357</v>
      </c>
      <c r="J427" s="19" t="s">
        <v>491</v>
      </c>
      <c r="K427" s="19" t="s">
        <v>78</v>
      </c>
      <c r="L427" s="19" t="s">
        <v>174</v>
      </c>
      <c r="M427" s="19">
        <v>1</v>
      </c>
      <c r="N427" s="19" t="s">
        <v>438</v>
      </c>
      <c r="O427" s="19">
        <v>1</v>
      </c>
      <c r="P427" s="19">
        <v>8</v>
      </c>
      <c r="Q427" s="19"/>
      <c r="R427" s="10"/>
      <c r="S427" s="206"/>
      <c r="T427" s="215"/>
      <c r="U427" s="215"/>
    </row>
    <row r="428" spans="1:21">
      <c r="A428" s="8"/>
      <c r="B428" s="8"/>
      <c r="C428" s="8"/>
      <c r="D428" s="8"/>
      <c r="E428" s="8"/>
      <c r="F428" s="8"/>
      <c r="G428" s="8"/>
      <c r="H428" s="19">
        <v>3</v>
      </c>
      <c r="I428" s="19">
        <v>355</v>
      </c>
      <c r="J428" s="19" t="s">
        <v>103</v>
      </c>
      <c r="K428" s="19" t="s">
        <v>78</v>
      </c>
      <c r="L428" s="19" t="s">
        <v>174</v>
      </c>
      <c r="M428" s="19">
        <v>1</v>
      </c>
      <c r="N428" s="19" t="s">
        <v>514</v>
      </c>
      <c r="O428" s="19">
        <v>2</v>
      </c>
      <c r="P428" s="19">
        <v>2</v>
      </c>
      <c r="Q428" s="19"/>
      <c r="R428" s="10"/>
      <c r="S428" s="206"/>
      <c r="T428" s="215"/>
      <c r="U428" s="215"/>
    </row>
    <row r="429" spans="1:21" ht="28">
      <c r="A429" s="8"/>
      <c r="B429" s="8"/>
      <c r="C429" s="8"/>
      <c r="D429" s="8"/>
      <c r="E429" s="8"/>
      <c r="F429" s="8"/>
      <c r="G429" s="8"/>
      <c r="H429" s="8">
        <v>4</v>
      </c>
      <c r="I429" s="8">
        <v>103</v>
      </c>
      <c r="J429" s="8" t="s">
        <v>448</v>
      </c>
      <c r="K429" s="8" t="s">
        <v>78</v>
      </c>
      <c r="L429" s="8" t="s">
        <v>71</v>
      </c>
      <c r="M429" s="8">
        <v>1</v>
      </c>
      <c r="N429" s="8" t="s">
        <v>509</v>
      </c>
      <c r="O429" s="8">
        <v>3</v>
      </c>
      <c r="P429" s="8">
        <v>5</v>
      </c>
      <c r="Q429" s="72" t="s">
        <v>624</v>
      </c>
      <c r="R429" s="10"/>
      <c r="S429" s="206"/>
      <c r="T429" s="215"/>
      <c r="U429" s="215"/>
    </row>
    <row r="430" spans="1:21">
      <c r="A430" s="8"/>
      <c r="B430" s="8"/>
      <c r="C430" s="8"/>
      <c r="D430" s="8"/>
      <c r="E430" s="8"/>
      <c r="F430" s="8"/>
      <c r="G430" s="8"/>
      <c r="H430" s="19">
        <v>5</v>
      </c>
      <c r="I430" s="19">
        <v>187</v>
      </c>
      <c r="J430" s="19" t="s">
        <v>453</v>
      </c>
      <c r="K430" s="19" t="s">
        <v>17</v>
      </c>
      <c r="L430" s="19" t="s">
        <v>174</v>
      </c>
      <c r="M430" s="19">
        <v>1</v>
      </c>
      <c r="N430" s="19" t="s">
        <v>514</v>
      </c>
      <c r="O430" s="19">
        <v>1</v>
      </c>
      <c r="P430" s="19">
        <v>2</v>
      </c>
      <c r="Q430" s="19"/>
      <c r="R430" s="10"/>
      <c r="S430" s="206"/>
      <c r="T430" s="215"/>
      <c r="U430" s="215"/>
    </row>
    <row r="431" spans="1:21">
      <c r="A431" s="8"/>
      <c r="B431" s="8"/>
      <c r="C431" s="8"/>
      <c r="D431" s="8"/>
      <c r="E431" s="8"/>
      <c r="F431" s="8"/>
      <c r="G431" s="8"/>
      <c r="H431" s="8">
        <v>6</v>
      </c>
      <c r="I431" s="8">
        <v>384</v>
      </c>
      <c r="J431" s="8" t="s">
        <v>492</v>
      </c>
      <c r="K431" s="8" t="s">
        <v>78</v>
      </c>
      <c r="L431" s="8" t="s">
        <v>71</v>
      </c>
      <c r="M431" s="8">
        <v>1</v>
      </c>
      <c r="N431" s="8" t="s">
        <v>438</v>
      </c>
      <c r="O431" s="8">
        <v>1</v>
      </c>
      <c r="P431" s="8">
        <v>9</v>
      </c>
      <c r="Q431" s="72"/>
      <c r="R431" s="10"/>
      <c r="S431" s="206"/>
      <c r="T431" s="215"/>
      <c r="U431" s="215"/>
    </row>
    <row r="432" spans="1:21" ht="28">
      <c r="A432" s="8"/>
      <c r="B432" s="8"/>
      <c r="C432" s="8"/>
      <c r="D432" s="8"/>
      <c r="E432" s="8"/>
      <c r="F432" s="8"/>
      <c r="G432" s="8"/>
      <c r="H432" s="8">
        <v>7</v>
      </c>
      <c r="I432" s="8">
        <v>355</v>
      </c>
      <c r="J432" s="8" t="s">
        <v>103</v>
      </c>
      <c r="K432" s="8" t="s">
        <v>78</v>
      </c>
      <c r="L432" s="8" t="s">
        <v>71</v>
      </c>
      <c r="M432" s="8">
        <v>1</v>
      </c>
      <c r="N432" s="8" t="s">
        <v>514</v>
      </c>
      <c r="O432" s="8">
        <v>2</v>
      </c>
      <c r="P432" s="8">
        <v>2</v>
      </c>
      <c r="Q432" s="72" t="s">
        <v>624</v>
      </c>
      <c r="R432" s="10"/>
      <c r="S432" s="206"/>
      <c r="T432" s="215"/>
      <c r="U432" s="215"/>
    </row>
    <row r="433" spans="1:21">
      <c r="A433" s="8"/>
      <c r="B433" s="8"/>
      <c r="C433" s="8"/>
      <c r="D433" s="8"/>
      <c r="E433" s="8"/>
      <c r="F433" s="8"/>
      <c r="G433" s="8"/>
      <c r="H433" s="8">
        <v>8</v>
      </c>
      <c r="I433" s="8">
        <v>385</v>
      </c>
      <c r="J433" s="8" t="s">
        <v>493</v>
      </c>
      <c r="K433" s="8" t="s">
        <v>78</v>
      </c>
      <c r="L433" s="8" t="s">
        <v>71</v>
      </c>
      <c r="M433" s="8">
        <v>1</v>
      </c>
      <c r="N433" s="8" t="s">
        <v>438</v>
      </c>
      <c r="O433" s="8">
        <v>1</v>
      </c>
      <c r="P433" s="8">
        <v>9</v>
      </c>
      <c r="Q433" s="72"/>
      <c r="R433" s="10"/>
      <c r="S433" s="206"/>
      <c r="T433" s="215"/>
      <c r="U433" s="215"/>
    </row>
    <row r="434" spans="1:21" ht="28">
      <c r="A434" s="8"/>
      <c r="B434" s="8"/>
      <c r="C434" s="8"/>
      <c r="D434" s="8"/>
      <c r="E434" s="8"/>
      <c r="F434" s="8"/>
      <c r="G434" s="8"/>
      <c r="H434" s="8">
        <v>9</v>
      </c>
      <c r="I434" s="8">
        <v>355</v>
      </c>
      <c r="J434" s="8" t="s">
        <v>103</v>
      </c>
      <c r="K434" s="8" t="s">
        <v>78</v>
      </c>
      <c r="L434" s="8" t="s">
        <v>71</v>
      </c>
      <c r="M434" s="8">
        <v>1</v>
      </c>
      <c r="N434" s="8" t="s">
        <v>514</v>
      </c>
      <c r="O434" s="8">
        <v>2</v>
      </c>
      <c r="P434" s="8">
        <v>2</v>
      </c>
      <c r="Q434" s="72" t="s">
        <v>624</v>
      </c>
      <c r="R434" s="10"/>
      <c r="S434" s="206"/>
      <c r="T434" s="215"/>
      <c r="U434" s="215"/>
    </row>
    <row r="435" spans="1:21">
      <c r="A435" s="8"/>
      <c r="B435" s="8"/>
      <c r="C435" s="8"/>
      <c r="D435" s="8"/>
      <c r="E435" s="8"/>
      <c r="F435" s="8"/>
      <c r="G435" s="8"/>
      <c r="H435" s="8">
        <v>10</v>
      </c>
      <c r="I435" s="8">
        <v>82</v>
      </c>
      <c r="J435" s="8" t="s">
        <v>494</v>
      </c>
      <c r="K435" s="8" t="s">
        <v>78</v>
      </c>
      <c r="L435" s="8" t="s">
        <v>71</v>
      </c>
      <c r="M435" s="8">
        <v>1</v>
      </c>
      <c r="N435" s="8" t="s">
        <v>438</v>
      </c>
      <c r="O435" s="8">
        <v>1</v>
      </c>
      <c r="P435" s="8">
        <v>8</v>
      </c>
      <c r="Q435" s="72"/>
      <c r="R435" s="10"/>
      <c r="S435" s="206"/>
      <c r="T435" s="215"/>
      <c r="U435" s="215"/>
    </row>
    <row r="436" spans="1:21">
      <c r="A436" s="8"/>
      <c r="B436" s="8"/>
      <c r="C436" s="8"/>
      <c r="D436" s="8"/>
      <c r="E436" s="8"/>
      <c r="F436" s="8"/>
      <c r="G436" s="8"/>
      <c r="H436" s="8">
        <v>11</v>
      </c>
      <c r="I436" s="8">
        <v>189</v>
      </c>
      <c r="J436" s="8" t="s">
        <v>495</v>
      </c>
      <c r="K436" s="8" t="s">
        <v>78</v>
      </c>
      <c r="L436" s="8" t="s">
        <v>71</v>
      </c>
      <c r="M436" s="8">
        <v>1</v>
      </c>
      <c r="N436" s="8" t="s">
        <v>438</v>
      </c>
      <c r="O436" s="8">
        <v>1</v>
      </c>
      <c r="P436" s="8">
        <v>8</v>
      </c>
      <c r="Q436" s="72"/>
      <c r="R436" s="10"/>
      <c r="S436" s="206"/>
      <c r="T436" s="215"/>
      <c r="U436" s="215"/>
    </row>
    <row r="437" spans="1:21">
      <c r="A437" s="8"/>
      <c r="B437" s="8"/>
      <c r="C437" s="8"/>
      <c r="D437" s="8"/>
      <c r="E437" s="8"/>
      <c r="F437" s="8"/>
      <c r="G437" s="8"/>
      <c r="H437" s="8">
        <v>12</v>
      </c>
      <c r="I437" s="8">
        <v>65</v>
      </c>
      <c r="J437" s="8" t="s">
        <v>496</v>
      </c>
      <c r="K437" s="8" t="s">
        <v>78</v>
      </c>
      <c r="L437" s="8" t="s">
        <v>71</v>
      </c>
      <c r="M437" s="8">
        <v>1</v>
      </c>
      <c r="N437" s="8" t="s">
        <v>438</v>
      </c>
      <c r="O437" s="8">
        <v>1</v>
      </c>
      <c r="P437" s="8">
        <v>8</v>
      </c>
      <c r="Q437" s="72"/>
      <c r="R437" s="10"/>
      <c r="S437" s="206"/>
      <c r="T437" s="215"/>
      <c r="U437" s="215"/>
    </row>
    <row r="438" spans="1:21" ht="28">
      <c r="A438" s="8"/>
      <c r="B438" s="8"/>
      <c r="C438" s="8"/>
      <c r="D438" s="8"/>
      <c r="E438" s="8"/>
      <c r="F438" s="8"/>
      <c r="G438" s="8"/>
      <c r="H438" s="8">
        <v>13</v>
      </c>
      <c r="I438" s="8">
        <v>355</v>
      </c>
      <c r="J438" s="8" t="s">
        <v>103</v>
      </c>
      <c r="K438" s="8" t="s">
        <v>78</v>
      </c>
      <c r="L438" s="8" t="s">
        <v>71</v>
      </c>
      <c r="M438" s="8">
        <v>1</v>
      </c>
      <c r="N438" s="8" t="s">
        <v>514</v>
      </c>
      <c r="O438" s="8">
        <v>2</v>
      </c>
      <c r="P438" s="8">
        <v>2</v>
      </c>
      <c r="Q438" s="72" t="s">
        <v>624</v>
      </c>
      <c r="R438" s="10"/>
      <c r="S438" s="206"/>
      <c r="T438" s="215"/>
      <c r="U438" s="215"/>
    </row>
    <row r="439" spans="1:21" ht="15.5">
      <c r="A439" s="17"/>
      <c r="B439" s="17"/>
      <c r="C439" s="17" t="s">
        <v>498</v>
      </c>
      <c r="D439" s="17" t="s">
        <v>499</v>
      </c>
      <c r="E439" s="17"/>
      <c r="F439" s="17"/>
      <c r="G439" s="17"/>
      <c r="H439" s="17"/>
      <c r="I439" s="17"/>
      <c r="J439" s="17"/>
      <c r="K439" s="17" t="s">
        <v>66</v>
      </c>
      <c r="L439" s="17" t="s">
        <v>65</v>
      </c>
      <c r="M439" s="17" t="s">
        <v>525</v>
      </c>
      <c r="N439" s="17"/>
      <c r="O439" s="17"/>
      <c r="P439" s="17"/>
      <c r="Q439" s="17"/>
      <c r="R439" s="8" t="s">
        <v>1143</v>
      </c>
      <c r="S439" s="205" t="s">
        <v>1492</v>
      </c>
      <c r="T439" s="205" t="s">
        <v>2</v>
      </c>
      <c r="U439" s="307" t="s">
        <v>17</v>
      </c>
    </row>
    <row r="440" spans="1:21">
      <c r="A440" s="8"/>
      <c r="B440" s="8"/>
      <c r="C440" s="8"/>
      <c r="D440" s="8"/>
      <c r="E440" s="8"/>
      <c r="F440" s="8"/>
      <c r="G440" s="8"/>
      <c r="H440" s="8">
        <v>1</v>
      </c>
      <c r="I440" s="8">
        <v>88</v>
      </c>
      <c r="J440" s="8" t="s">
        <v>500</v>
      </c>
      <c r="K440" s="8" t="s">
        <v>66</v>
      </c>
      <c r="L440" s="8" t="s">
        <v>65</v>
      </c>
      <c r="M440" s="8">
        <v>1</v>
      </c>
      <c r="N440" s="8" t="s">
        <v>514</v>
      </c>
      <c r="O440" s="8">
        <v>1</v>
      </c>
      <c r="P440" s="8">
        <v>2</v>
      </c>
      <c r="Q440" s="8" t="s">
        <v>798</v>
      </c>
      <c r="R440" s="10"/>
      <c r="S440" s="206"/>
      <c r="T440" s="215"/>
      <c r="U440" s="215"/>
    </row>
    <row r="441" spans="1:21">
      <c r="A441" s="8"/>
      <c r="B441" s="8"/>
      <c r="C441" s="8"/>
      <c r="D441" s="8"/>
      <c r="E441" s="8"/>
      <c r="F441" s="8"/>
      <c r="G441" s="8"/>
      <c r="H441" s="8">
        <v>2</v>
      </c>
      <c r="I441" s="8">
        <v>87</v>
      </c>
      <c r="J441" s="8" t="s">
        <v>499</v>
      </c>
      <c r="K441" s="8" t="s">
        <v>66</v>
      </c>
      <c r="L441" s="8" t="s">
        <v>65</v>
      </c>
      <c r="M441" s="8">
        <v>1</v>
      </c>
      <c r="N441" s="8" t="s">
        <v>509</v>
      </c>
      <c r="O441" s="8">
        <v>1</v>
      </c>
      <c r="P441" s="8">
        <v>48</v>
      </c>
      <c r="Q441" s="72"/>
      <c r="R441" s="10"/>
      <c r="S441" s="206"/>
      <c r="T441" s="215"/>
      <c r="U441" s="215"/>
    </row>
    <row r="442" spans="1:21">
      <c r="A442" s="17"/>
      <c r="B442" s="17"/>
      <c r="C442" s="17" t="s">
        <v>498</v>
      </c>
      <c r="D442" s="17" t="s">
        <v>499</v>
      </c>
      <c r="E442" s="17"/>
      <c r="F442" s="17"/>
      <c r="G442" s="17"/>
      <c r="H442" s="17"/>
      <c r="I442" s="17"/>
      <c r="J442" s="17"/>
      <c r="K442" s="17" t="s">
        <v>66</v>
      </c>
      <c r="L442" s="17" t="s">
        <v>65</v>
      </c>
      <c r="M442" s="17" t="s">
        <v>525</v>
      </c>
      <c r="N442" s="17"/>
      <c r="O442" s="17"/>
      <c r="P442" s="17"/>
      <c r="Q442" s="17"/>
      <c r="R442" s="8"/>
      <c r="S442" s="305"/>
      <c r="T442" s="306"/>
      <c r="U442" s="306"/>
    </row>
    <row r="443" spans="1:21">
      <c r="A443" s="8"/>
      <c r="B443" s="8"/>
      <c r="C443" s="8"/>
      <c r="D443" s="8"/>
      <c r="E443" s="8"/>
      <c r="F443" s="8"/>
      <c r="G443" s="8"/>
      <c r="H443" s="8">
        <v>1</v>
      </c>
      <c r="I443" s="8">
        <v>88</v>
      </c>
      <c r="J443" s="8" t="s">
        <v>500</v>
      </c>
      <c r="K443" s="8" t="s">
        <v>66</v>
      </c>
      <c r="L443" s="8" t="s">
        <v>65</v>
      </c>
      <c r="M443" s="8">
        <v>1</v>
      </c>
      <c r="N443" s="8" t="s">
        <v>514</v>
      </c>
      <c r="O443" s="8">
        <v>1</v>
      </c>
      <c r="P443" s="8">
        <v>2</v>
      </c>
      <c r="Q443" s="8" t="s">
        <v>799</v>
      </c>
      <c r="R443" s="10"/>
      <c r="S443" s="206"/>
      <c r="T443" s="215"/>
      <c r="U443" s="215"/>
    </row>
    <row r="444" spans="1:21">
      <c r="A444" s="8"/>
      <c r="B444" s="8"/>
      <c r="C444" s="8"/>
      <c r="D444" s="8"/>
      <c r="E444" s="8"/>
      <c r="F444" s="8"/>
      <c r="G444" s="8"/>
      <c r="H444" s="8">
        <v>2</v>
      </c>
      <c r="I444" s="8">
        <v>87</v>
      </c>
      <c r="J444" s="8" t="s">
        <v>499</v>
      </c>
      <c r="K444" s="8" t="s">
        <v>66</v>
      </c>
      <c r="L444" s="8" t="s">
        <v>65</v>
      </c>
      <c r="M444" s="8">
        <v>1</v>
      </c>
      <c r="N444" s="8" t="s">
        <v>509</v>
      </c>
      <c r="O444" s="8">
        <v>1</v>
      </c>
      <c r="P444" s="8">
        <v>48</v>
      </c>
      <c r="Q444" s="72"/>
      <c r="R444" s="10"/>
      <c r="S444" s="206"/>
      <c r="T444" s="215"/>
      <c r="U444" s="215"/>
    </row>
    <row r="445" spans="1:21">
      <c r="A445" s="17"/>
      <c r="B445" s="17"/>
      <c r="C445" s="17" t="s">
        <v>498</v>
      </c>
      <c r="D445" s="17" t="s">
        <v>499</v>
      </c>
      <c r="E445" s="17"/>
      <c r="F445" s="17"/>
      <c r="G445" s="17"/>
      <c r="H445" s="17"/>
      <c r="I445" s="17"/>
      <c r="J445" s="17"/>
      <c r="K445" s="17" t="s">
        <v>66</v>
      </c>
      <c r="L445" s="17" t="s">
        <v>65</v>
      </c>
      <c r="M445" s="17" t="s">
        <v>525</v>
      </c>
      <c r="N445" s="17"/>
      <c r="O445" s="17"/>
      <c r="P445" s="17"/>
      <c r="Q445" s="17"/>
      <c r="R445" s="8" t="s">
        <v>1144</v>
      </c>
      <c r="S445" s="305"/>
      <c r="T445" s="306"/>
      <c r="U445" s="306"/>
    </row>
    <row r="446" spans="1:21">
      <c r="A446" s="8"/>
      <c r="B446" s="8"/>
      <c r="C446" s="8"/>
      <c r="D446" s="8"/>
      <c r="E446" s="8"/>
      <c r="F446" s="8"/>
      <c r="G446" s="8"/>
      <c r="H446" s="8">
        <v>1</v>
      </c>
      <c r="I446" s="8">
        <v>88</v>
      </c>
      <c r="J446" s="8" t="s">
        <v>500</v>
      </c>
      <c r="K446" s="8" t="s">
        <v>66</v>
      </c>
      <c r="L446" s="8" t="s">
        <v>65</v>
      </c>
      <c r="M446" s="8">
        <v>1</v>
      </c>
      <c r="N446" s="8" t="s">
        <v>514</v>
      </c>
      <c r="O446" s="8">
        <v>1</v>
      </c>
      <c r="P446" s="8">
        <v>2</v>
      </c>
      <c r="Q446" s="8" t="s">
        <v>643</v>
      </c>
      <c r="R446" s="10"/>
      <c r="S446" s="206"/>
      <c r="T446" s="215"/>
      <c r="U446" s="215"/>
    </row>
    <row r="447" spans="1:21">
      <c r="A447" s="8"/>
      <c r="B447" s="8"/>
      <c r="C447" s="8"/>
      <c r="D447" s="8"/>
      <c r="E447" s="8"/>
      <c r="F447" s="8"/>
      <c r="G447" s="8"/>
      <c r="H447" s="8">
        <v>2</v>
      </c>
      <c r="I447" s="8">
        <v>87</v>
      </c>
      <c r="J447" s="8" t="s">
        <v>499</v>
      </c>
      <c r="K447" s="8" t="s">
        <v>66</v>
      </c>
      <c r="L447" s="8" t="s">
        <v>65</v>
      </c>
      <c r="M447" s="8">
        <v>1</v>
      </c>
      <c r="N447" s="8" t="s">
        <v>509</v>
      </c>
      <c r="O447" s="8">
        <v>1</v>
      </c>
      <c r="P447" s="8">
        <v>48</v>
      </c>
      <c r="Q447" s="72" t="s">
        <v>800</v>
      </c>
      <c r="R447" s="10"/>
      <c r="S447" s="206"/>
      <c r="T447" s="215"/>
      <c r="U447" s="215"/>
    </row>
    <row r="448" spans="1:21">
      <c r="A448" s="8"/>
      <c r="B448" s="8"/>
      <c r="C448" s="8"/>
      <c r="D448" s="8"/>
      <c r="E448" s="8"/>
      <c r="F448" s="8"/>
      <c r="G448" s="8"/>
      <c r="H448" s="8">
        <v>3</v>
      </c>
      <c r="I448" s="8">
        <v>87</v>
      </c>
      <c r="J448" s="8" t="s">
        <v>499</v>
      </c>
      <c r="K448" s="8" t="s">
        <v>17</v>
      </c>
      <c r="L448" s="8" t="s">
        <v>71</v>
      </c>
      <c r="M448" s="8">
        <v>1</v>
      </c>
      <c r="N448" s="8" t="s">
        <v>509</v>
      </c>
      <c r="O448" s="8">
        <v>1</v>
      </c>
      <c r="P448" s="8">
        <v>48</v>
      </c>
      <c r="Q448" s="72"/>
      <c r="R448" s="10"/>
      <c r="S448" s="206"/>
      <c r="T448" s="215"/>
      <c r="U448" s="215"/>
    </row>
    <row r="449" spans="1:21">
      <c r="A449" s="38" t="s">
        <v>503</v>
      </c>
      <c r="B449" s="39"/>
      <c r="C449" s="39"/>
      <c r="D449" s="39"/>
      <c r="E449" s="39"/>
      <c r="F449" s="39"/>
      <c r="G449" s="39"/>
      <c r="H449" s="39"/>
      <c r="I449" s="39"/>
      <c r="J449" s="39"/>
      <c r="K449" s="39"/>
      <c r="L449" s="39"/>
      <c r="M449" s="39"/>
      <c r="N449" s="39"/>
      <c r="O449" s="39"/>
      <c r="P449" s="39"/>
      <c r="Q449" s="39"/>
      <c r="R449" s="10"/>
      <c r="S449" s="206"/>
      <c r="T449" s="215"/>
      <c r="U449" s="215"/>
    </row>
    <row r="450" spans="1:21" ht="28">
      <c r="A450" s="405" t="s">
        <v>506</v>
      </c>
      <c r="B450" s="405"/>
      <c r="C450" s="405"/>
      <c r="D450" s="405"/>
      <c r="E450" s="405"/>
      <c r="F450" s="405"/>
      <c r="G450" s="405"/>
      <c r="H450" s="405"/>
      <c r="I450" s="405"/>
      <c r="J450" s="405"/>
      <c r="K450" s="405"/>
      <c r="L450" s="294"/>
      <c r="M450" s="294"/>
      <c r="N450" s="294"/>
      <c r="O450" s="294"/>
      <c r="P450" s="294"/>
      <c r="Q450" s="82" t="s">
        <v>624</v>
      </c>
      <c r="R450" s="10"/>
      <c r="S450" s="206"/>
      <c r="T450" s="215"/>
      <c r="U450" s="215"/>
    </row>
    <row r="451" spans="1:21" ht="28">
      <c r="A451" s="406" t="s">
        <v>507</v>
      </c>
      <c r="B451" s="406"/>
      <c r="C451" s="406"/>
      <c r="D451" s="406"/>
      <c r="E451" s="406"/>
      <c r="F451" s="406"/>
      <c r="G451" s="406"/>
      <c r="H451" s="406"/>
      <c r="I451" s="406"/>
      <c r="J451" s="406"/>
      <c r="K451" s="406"/>
      <c r="L451" s="37"/>
      <c r="M451" s="37"/>
      <c r="N451" s="37"/>
      <c r="O451" s="37"/>
      <c r="P451" s="37"/>
      <c r="Q451" s="37" t="s">
        <v>624</v>
      </c>
      <c r="R451" s="10"/>
      <c r="S451" s="206"/>
      <c r="T451" s="215"/>
      <c r="U451" s="215"/>
    </row>
    <row r="452" spans="1:21">
      <c r="A452" s="17" t="s">
        <v>440</v>
      </c>
      <c r="B452" s="17" t="s">
        <v>441</v>
      </c>
      <c r="C452" s="17"/>
      <c r="D452" s="17"/>
      <c r="E452" s="17"/>
      <c r="F452" s="17"/>
      <c r="G452" s="17"/>
      <c r="H452" s="17"/>
      <c r="I452" s="17"/>
      <c r="J452" s="17"/>
      <c r="K452" s="17" t="s">
        <v>66</v>
      </c>
      <c r="L452" s="17" t="s">
        <v>65</v>
      </c>
      <c r="M452" s="17">
        <v>200000</v>
      </c>
      <c r="N452" s="17"/>
      <c r="O452" s="17"/>
      <c r="P452" s="17"/>
      <c r="Q452" s="17"/>
      <c r="R452" s="8"/>
      <c r="S452" s="305"/>
      <c r="T452" s="306"/>
      <c r="U452" s="306"/>
    </row>
    <row r="453" spans="1:21">
      <c r="A453" s="17"/>
      <c r="B453" s="17"/>
      <c r="C453" s="17" t="s">
        <v>440</v>
      </c>
      <c r="D453" s="17" t="s">
        <v>441</v>
      </c>
      <c r="E453" s="17"/>
      <c r="F453" s="17"/>
      <c r="G453" s="17"/>
      <c r="H453" s="17"/>
      <c r="I453" s="17"/>
      <c r="J453" s="17"/>
      <c r="K453" s="17" t="s">
        <v>66</v>
      </c>
      <c r="L453" s="17" t="s">
        <v>65</v>
      </c>
      <c r="M453" s="17">
        <v>1</v>
      </c>
      <c r="N453" s="17"/>
      <c r="O453" s="17"/>
      <c r="P453" s="17"/>
      <c r="Q453" s="17"/>
      <c r="R453" s="8"/>
      <c r="S453" s="305"/>
      <c r="T453" s="306"/>
      <c r="U453" s="306"/>
    </row>
    <row r="454" spans="1:21" ht="42">
      <c r="A454" s="8"/>
      <c r="B454" s="8"/>
      <c r="C454" s="8"/>
      <c r="D454" s="8"/>
      <c r="E454" s="8"/>
      <c r="F454" s="8"/>
      <c r="G454" s="8"/>
      <c r="H454" s="8">
        <v>1</v>
      </c>
      <c r="I454" s="8">
        <v>628</v>
      </c>
      <c r="J454" s="8" t="s">
        <v>442</v>
      </c>
      <c r="K454" s="8" t="s">
        <v>66</v>
      </c>
      <c r="L454" s="8" t="s">
        <v>65</v>
      </c>
      <c r="M454" s="8">
        <v>1</v>
      </c>
      <c r="N454" s="8" t="s">
        <v>509</v>
      </c>
      <c r="O454" s="8">
        <v>1</v>
      </c>
      <c r="P454" s="8">
        <v>12</v>
      </c>
      <c r="Q454" s="18" t="s">
        <v>776</v>
      </c>
      <c r="R454" s="8"/>
      <c r="S454" s="305"/>
      <c r="T454" s="306"/>
      <c r="U454" s="306"/>
    </row>
    <row r="455" spans="1:21" ht="140">
      <c r="A455" s="8"/>
      <c r="B455" s="8"/>
      <c r="C455" s="8"/>
      <c r="D455" s="8"/>
      <c r="E455" s="8"/>
      <c r="F455" s="8"/>
      <c r="G455" s="8"/>
      <c r="H455" s="8">
        <v>2</v>
      </c>
      <c r="I455" s="8">
        <v>734</v>
      </c>
      <c r="J455" s="8" t="s">
        <v>443</v>
      </c>
      <c r="K455" s="8" t="s">
        <v>17</v>
      </c>
      <c r="L455" s="8" t="s">
        <v>71</v>
      </c>
      <c r="M455" s="8">
        <v>1</v>
      </c>
      <c r="N455" s="8" t="s">
        <v>509</v>
      </c>
      <c r="O455" s="8">
        <v>1</v>
      </c>
      <c r="P455" s="8">
        <v>12</v>
      </c>
      <c r="Q455" s="18" t="s">
        <v>801</v>
      </c>
      <c r="R455" s="8"/>
      <c r="S455" s="305"/>
      <c r="T455" s="306"/>
      <c r="U455" s="306"/>
    </row>
    <row r="456" spans="1:21">
      <c r="A456" s="8"/>
      <c r="B456" s="8"/>
      <c r="C456" s="8"/>
      <c r="D456" s="8"/>
      <c r="E456" s="8"/>
      <c r="F456" s="8"/>
      <c r="G456" s="8"/>
      <c r="H456" s="8">
        <v>3</v>
      </c>
      <c r="I456" s="8">
        <v>735</v>
      </c>
      <c r="J456" s="8" t="s">
        <v>444</v>
      </c>
      <c r="K456" s="8" t="s">
        <v>66</v>
      </c>
      <c r="L456" s="8" t="s">
        <v>65</v>
      </c>
      <c r="M456" s="8">
        <v>1</v>
      </c>
      <c r="N456" s="8" t="s">
        <v>514</v>
      </c>
      <c r="O456" s="8">
        <v>1</v>
      </c>
      <c r="P456" s="8">
        <v>2</v>
      </c>
      <c r="Q456" s="72" t="s">
        <v>802</v>
      </c>
      <c r="R456" s="8"/>
      <c r="S456" s="305"/>
      <c r="T456" s="306"/>
      <c r="U456" s="306"/>
    </row>
    <row r="457" spans="1:21" ht="70">
      <c r="A457" s="8"/>
      <c r="B457" s="8"/>
      <c r="C457" s="8"/>
      <c r="D457" s="8"/>
      <c r="E457" s="8"/>
      <c r="F457" s="8"/>
      <c r="G457" s="8"/>
      <c r="H457" s="8">
        <v>4</v>
      </c>
      <c r="I457" s="8">
        <v>736</v>
      </c>
      <c r="J457" s="8" t="s">
        <v>445</v>
      </c>
      <c r="K457" s="8" t="s">
        <v>17</v>
      </c>
      <c r="L457" s="8" t="s">
        <v>71</v>
      </c>
      <c r="M457" s="8">
        <v>1</v>
      </c>
      <c r="N457" s="8" t="s">
        <v>514</v>
      </c>
      <c r="O457" s="8">
        <v>1</v>
      </c>
      <c r="P457" s="8">
        <v>1</v>
      </c>
      <c r="Q457" s="72" t="s">
        <v>803</v>
      </c>
      <c r="R457" s="8"/>
      <c r="S457" s="305"/>
      <c r="T457" s="306"/>
      <c r="U457" s="306"/>
    </row>
    <row r="458" spans="1:21">
      <c r="A458" s="17"/>
      <c r="B458" s="17"/>
      <c r="C458" s="17" t="s">
        <v>488</v>
      </c>
      <c r="D458" s="17" t="s">
        <v>489</v>
      </c>
      <c r="E458" s="17"/>
      <c r="F458" s="17"/>
      <c r="G458" s="17"/>
      <c r="H458" s="17"/>
      <c r="I458" s="17"/>
      <c r="J458" s="17"/>
      <c r="K458" s="17" t="s">
        <v>17</v>
      </c>
      <c r="L458" s="17" t="s">
        <v>71</v>
      </c>
      <c r="M458" s="17">
        <v>1</v>
      </c>
      <c r="N458" s="17"/>
      <c r="O458" s="17"/>
      <c r="P458" s="17"/>
      <c r="Q458" s="83"/>
      <c r="R458" s="10"/>
      <c r="S458" s="206"/>
      <c r="T458" s="215"/>
      <c r="U458" s="215"/>
    </row>
    <row r="459" spans="1:21">
      <c r="A459" s="8"/>
      <c r="B459" s="8"/>
      <c r="C459" s="8"/>
      <c r="D459" s="8"/>
      <c r="E459" s="8"/>
      <c r="F459" s="8"/>
      <c r="G459" s="8"/>
      <c r="H459" s="8">
        <v>1</v>
      </c>
      <c r="I459" s="8">
        <v>356</v>
      </c>
      <c r="J459" s="8" t="s">
        <v>490</v>
      </c>
      <c r="K459" s="8" t="s">
        <v>17</v>
      </c>
      <c r="L459" s="8" t="s">
        <v>71</v>
      </c>
      <c r="M459" s="8">
        <v>1</v>
      </c>
      <c r="N459" s="8" t="s">
        <v>510</v>
      </c>
      <c r="O459" s="8">
        <v>1</v>
      </c>
      <c r="P459" s="8">
        <v>6</v>
      </c>
      <c r="Q459" s="72"/>
      <c r="R459" s="10"/>
      <c r="S459" s="206"/>
      <c r="T459" s="215"/>
      <c r="U459" s="215"/>
    </row>
    <row r="460" spans="1:21">
      <c r="A460" s="8"/>
      <c r="B460" s="8"/>
      <c r="C460" s="8"/>
      <c r="D460" s="8"/>
      <c r="E460" s="8"/>
      <c r="F460" s="8"/>
      <c r="G460" s="8"/>
      <c r="H460" s="11">
        <v>2</v>
      </c>
      <c r="I460" s="11">
        <v>357</v>
      </c>
      <c r="J460" s="11" t="s">
        <v>491</v>
      </c>
      <c r="K460" s="11" t="s">
        <v>78</v>
      </c>
      <c r="L460" s="8" t="s">
        <v>71</v>
      </c>
      <c r="M460" s="8">
        <v>1</v>
      </c>
      <c r="N460" s="8" t="s">
        <v>438</v>
      </c>
      <c r="O460" s="8">
        <v>1</v>
      </c>
      <c r="P460" s="8">
        <v>8</v>
      </c>
      <c r="Q460" s="72"/>
      <c r="R460" s="10"/>
      <c r="S460" s="206"/>
      <c r="T460" s="215"/>
      <c r="U460" s="215"/>
    </row>
    <row r="461" spans="1:21" ht="28">
      <c r="A461" s="8"/>
      <c r="B461" s="8"/>
      <c r="C461" s="8"/>
      <c r="D461" s="8"/>
      <c r="E461" s="8"/>
      <c r="F461" s="8"/>
      <c r="G461" s="8"/>
      <c r="H461" s="8">
        <v>3</v>
      </c>
      <c r="I461" s="8">
        <v>355</v>
      </c>
      <c r="J461" s="8" t="s">
        <v>103</v>
      </c>
      <c r="K461" s="8" t="s">
        <v>78</v>
      </c>
      <c r="L461" s="8" t="s">
        <v>71</v>
      </c>
      <c r="M461" s="8">
        <v>1</v>
      </c>
      <c r="N461" s="8" t="s">
        <v>514</v>
      </c>
      <c r="O461" s="8">
        <v>2</v>
      </c>
      <c r="P461" s="8">
        <v>2</v>
      </c>
      <c r="Q461" s="72" t="s">
        <v>624</v>
      </c>
      <c r="R461" s="10"/>
      <c r="S461" s="206"/>
      <c r="T461" s="215"/>
      <c r="U461" s="215"/>
    </row>
    <row r="462" spans="1:21" ht="28">
      <c r="A462" s="8"/>
      <c r="B462" s="8"/>
      <c r="C462" s="8"/>
      <c r="D462" s="8"/>
      <c r="E462" s="8"/>
      <c r="F462" s="8"/>
      <c r="G462" s="8"/>
      <c r="H462" s="8">
        <v>4</v>
      </c>
      <c r="I462" s="8">
        <v>103</v>
      </c>
      <c r="J462" s="8" t="s">
        <v>448</v>
      </c>
      <c r="K462" s="8" t="s">
        <v>78</v>
      </c>
      <c r="L462" s="8" t="s">
        <v>71</v>
      </c>
      <c r="M462" s="8">
        <v>1</v>
      </c>
      <c r="N462" s="8" t="s">
        <v>509</v>
      </c>
      <c r="O462" s="8">
        <v>3</v>
      </c>
      <c r="P462" s="8">
        <v>5</v>
      </c>
      <c r="Q462" s="72" t="s">
        <v>624</v>
      </c>
      <c r="R462" s="10"/>
      <c r="S462" s="206"/>
      <c r="T462" s="215"/>
      <c r="U462" s="215"/>
    </row>
    <row r="463" spans="1:21">
      <c r="A463" s="8"/>
      <c r="B463" s="8"/>
      <c r="C463" s="8"/>
      <c r="D463" s="8"/>
      <c r="E463" s="8"/>
      <c r="F463" s="8"/>
      <c r="G463" s="8"/>
      <c r="H463" s="19">
        <v>5</v>
      </c>
      <c r="I463" s="19">
        <v>187</v>
      </c>
      <c r="J463" s="19" t="s">
        <v>453</v>
      </c>
      <c r="K463" s="19" t="s">
        <v>17</v>
      </c>
      <c r="L463" s="19" t="s">
        <v>174</v>
      </c>
      <c r="M463" s="19">
        <v>1</v>
      </c>
      <c r="N463" s="19" t="s">
        <v>514</v>
      </c>
      <c r="O463" s="19">
        <v>1</v>
      </c>
      <c r="P463" s="19">
        <v>2</v>
      </c>
      <c r="Q463" s="19"/>
      <c r="R463" s="10"/>
      <c r="S463" s="206"/>
      <c r="T463" s="215"/>
      <c r="U463" s="215"/>
    </row>
    <row r="464" spans="1:21">
      <c r="A464" s="8"/>
      <c r="B464" s="8"/>
      <c r="C464" s="8"/>
      <c r="D464" s="8"/>
      <c r="E464" s="8"/>
      <c r="F464" s="8"/>
      <c r="G464" s="8"/>
      <c r="H464" s="8">
        <v>6</v>
      </c>
      <c r="I464" s="8">
        <v>384</v>
      </c>
      <c r="J464" s="8" t="s">
        <v>492</v>
      </c>
      <c r="K464" s="8" t="s">
        <v>78</v>
      </c>
      <c r="L464" s="8" t="s">
        <v>71</v>
      </c>
      <c r="M464" s="8">
        <v>1</v>
      </c>
      <c r="N464" s="8" t="s">
        <v>438</v>
      </c>
      <c r="O464" s="8">
        <v>1</v>
      </c>
      <c r="P464" s="8">
        <v>9</v>
      </c>
      <c r="Q464" s="72"/>
      <c r="R464" s="10"/>
      <c r="S464" s="206"/>
      <c r="T464" s="215"/>
      <c r="U464" s="215"/>
    </row>
    <row r="465" spans="1:21" ht="28">
      <c r="A465" s="8"/>
      <c r="B465" s="8"/>
      <c r="C465" s="8"/>
      <c r="D465" s="8"/>
      <c r="E465" s="8"/>
      <c r="F465" s="8"/>
      <c r="G465" s="8"/>
      <c r="H465" s="8">
        <v>7</v>
      </c>
      <c r="I465" s="8">
        <v>355</v>
      </c>
      <c r="J465" s="8" t="s">
        <v>103</v>
      </c>
      <c r="K465" s="8" t="s">
        <v>78</v>
      </c>
      <c r="L465" s="8" t="s">
        <v>71</v>
      </c>
      <c r="M465" s="8">
        <v>1</v>
      </c>
      <c r="N465" s="8" t="s">
        <v>514</v>
      </c>
      <c r="O465" s="8">
        <v>2</v>
      </c>
      <c r="P465" s="8">
        <v>2</v>
      </c>
      <c r="Q465" s="72" t="s">
        <v>624</v>
      </c>
      <c r="R465" s="10"/>
      <c r="S465" s="206"/>
      <c r="T465" s="215"/>
      <c r="U465" s="215"/>
    </row>
    <row r="466" spans="1:21">
      <c r="A466" s="8"/>
      <c r="B466" s="8"/>
      <c r="C466" s="8"/>
      <c r="D466" s="8"/>
      <c r="E466" s="8"/>
      <c r="F466" s="8"/>
      <c r="G466" s="8"/>
      <c r="H466" s="8">
        <v>8</v>
      </c>
      <c r="I466" s="8">
        <v>385</v>
      </c>
      <c r="J466" s="8" t="s">
        <v>493</v>
      </c>
      <c r="K466" s="8" t="s">
        <v>78</v>
      </c>
      <c r="L466" s="8" t="s">
        <v>71</v>
      </c>
      <c r="M466" s="8">
        <v>1</v>
      </c>
      <c r="N466" s="8" t="s">
        <v>438</v>
      </c>
      <c r="O466" s="8">
        <v>1</v>
      </c>
      <c r="P466" s="8">
        <v>9</v>
      </c>
      <c r="Q466" s="72"/>
      <c r="R466" s="10"/>
      <c r="S466" s="206"/>
      <c r="T466" s="215"/>
      <c r="U466" s="215"/>
    </row>
    <row r="467" spans="1:21" ht="28">
      <c r="A467" s="8"/>
      <c r="B467" s="8"/>
      <c r="C467" s="8"/>
      <c r="D467" s="8"/>
      <c r="E467" s="8"/>
      <c r="F467" s="8"/>
      <c r="G467" s="8"/>
      <c r="H467" s="8">
        <v>9</v>
      </c>
      <c r="I467" s="8">
        <v>355</v>
      </c>
      <c r="J467" s="8" t="s">
        <v>103</v>
      </c>
      <c r="K467" s="8" t="s">
        <v>78</v>
      </c>
      <c r="L467" s="8" t="s">
        <v>71</v>
      </c>
      <c r="M467" s="8">
        <v>1</v>
      </c>
      <c r="N467" s="8" t="s">
        <v>514</v>
      </c>
      <c r="O467" s="8">
        <v>2</v>
      </c>
      <c r="P467" s="8">
        <v>2</v>
      </c>
      <c r="Q467" s="72" t="s">
        <v>624</v>
      </c>
      <c r="R467" s="10"/>
      <c r="S467" s="206"/>
      <c r="T467" s="215"/>
      <c r="U467" s="215"/>
    </row>
    <row r="468" spans="1:21">
      <c r="A468" s="8"/>
      <c r="B468" s="8"/>
      <c r="C468" s="8"/>
      <c r="D468" s="8"/>
      <c r="E468" s="8"/>
      <c r="F468" s="8"/>
      <c r="G468" s="8"/>
      <c r="H468" s="8">
        <v>10</v>
      </c>
      <c r="I468" s="8">
        <v>82</v>
      </c>
      <c r="J468" s="8" t="s">
        <v>494</v>
      </c>
      <c r="K468" s="8" t="s">
        <v>78</v>
      </c>
      <c r="L468" s="8" t="s">
        <v>71</v>
      </c>
      <c r="M468" s="8">
        <v>1</v>
      </c>
      <c r="N468" s="8" t="s">
        <v>438</v>
      </c>
      <c r="O468" s="8">
        <v>1</v>
      </c>
      <c r="P468" s="8">
        <v>8</v>
      </c>
      <c r="Q468" s="72"/>
      <c r="R468" s="10"/>
      <c r="S468" s="206"/>
      <c r="T468" s="215"/>
      <c r="U468" s="215"/>
    </row>
    <row r="469" spans="1:21">
      <c r="A469" s="8"/>
      <c r="B469" s="8"/>
      <c r="C469" s="8"/>
      <c r="D469" s="8"/>
      <c r="E469" s="8"/>
      <c r="F469" s="8"/>
      <c r="G469" s="8"/>
      <c r="H469" s="8">
        <v>11</v>
      </c>
      <c r="I469" s="8">
        <v>189</v>
      </c>
      <c r="J469" s="8" t="s">
        <v>495</v>
      </c>
      <c r="K469" s="8" t="s">
        <v>78</v>
      </c>
      <c r="L469" s="8" t="s">
        <v>71</v>
      </c>
      <c r="M469" s="8">
        <v>1</v>
      </c>
      <c r="N469" s="8" t="s">
        <v>438</v>
      </c>
      <c r="O469" s="8">
        <v>1</v>
      </c>
      <c r="P469" s="8">
        <v>8</v>
      </c>
      <c r="Q469" s="72"/>
      <c r="R469" s="10"/>
      <c r="S469" s="206"/>
      <c r="T469" s="215"/>
      <c r="U469" s="215"/>
    </row>
    <row r="470" spans="1:21">
      <c r="A470" s="8"/>
      <c r="B470" s="8"/>
      <c r="C470" s="8"/>
      <c r="D470" s="8"/>
      <c r="E470" s="8"/>
      <c r="F470" s="8"/>
      <c r="G470" s="8"/>
      <c r="H470" s="8">
        <v>12</v>
      </c>
      <c r="I470" s="8">
        <v>65</v>
      </c>
      <c r="J470" s="8" t="s">
        <v>496</v>
      </c>
      <c r="K470" s="8" t="s">
        <v>78</v>
      </c>
      <c r="L470" s="8" t="s">
        <v>71</v>
      </c>
      <c r="M470" s="8">
        <v>1</v>
      </c>
      <c r="N470" s="8" t="s">
        <v>438</v>
      </c>
      <c r="O470" s="8">
        <v>1</v>
      </c>
      <c r="P470" s="8">
        <v>8</v>
      </c>
      <c r="Q470" s="72"/>
      <c r="R470" s="10"/>
      <c r="S470" s="206"/>
      <c r="T470" s="215"/>
      <c r="U470" s="215"/>
    </row>
    <row r="471" spans="1:21" ht="28">
      <c r="A471" s="8"/>
      <c r="B471" s="8"/>
      <c r="C471" s="8"/>
      <c r="D471" s="8"/>
      <c r="E471" s="8"/>
      <c r="F471" s="8"/>
      <c r="G471" s="8"/>
      <c r="H471" s="8">
        <v>13</v>
      </c>
      <c r="I471" s="8">
        <v>355</v>
      </c>
      <c r="J471" s="8" t="s">
        <v>103</v>
      </c>
      <c r="K471" s="8" t="s">
        <v>78</v>
      </c>
      <c r="L471" s="8" t="s">
        <v>71</v>
      </c>
      <c r="M471" s="8">
        <v>1</v>
      </c>
      <c r="N471" s="8" t="s">
        <v>514</v>
      </c>
      <c r="O471" s="8">
        <v>2</v>
      </c>
      <c r="P471" s="8">
        <v>2</v>
      </c>
      <c r="Q471" s="72" t="s">
        <v>624</v>
      </c>
      <c r="R471" s="10"/>
      <c r="S471" s="206"/>
      <c r="T471" s="215"/>
      <c r="U471" s="215"/>
    </row>
    <row r="472" spans="1:21">
      <c r="A472" s="17"/>
      <c r="B472" s="17"/>
      <c r="C472" s="17" t="s">
        <v>498</v>
      </c>
      <c r="D472" s="17" t="s">
        <v>499</v>
      </c>
      <c r="E472" s="17"/>
      <c r="F472" s="17"/>
      <c r="G472" s="17"/>
      <c r="H472" s="17"/>
      <c r="I472" s="17"/>
      <c r="J472" s="17"/>
      <c r="K472" s="17" t="s">
        <v>66</v>
      </c>
      <c r="L472" s="17" t="s">
        <v>65</v>
      </c>
      <c r="M472" s="17" t="s">
        <v>525</v>
      </c>
      <c r="N472" s="17"/>
      <c r="O472" s="17"/>
      <c r="P472" s="17"/>
      <c r="Q472" s="17"/>
      <c r="R472" s="8"/>
      <c r="S472" s="305"/>
      <c r="T472" s="306"/>
      <c r="U472" s="306"/>
    </row>
    <row r="473" spans="1:21">
      <c r="A473" s="8"/>
      <c r="B473" s="8"/>
      <c r="C473" s="8"/>
      <c r="D473" s="8"/>
      <c r="E473" s="8"/>
      <c r="F473" s="8"/>
      <c r="G473" s="8"/>
      <c r="H473" s="8">
        <v>1</v>
      </c>
      <c r="I473" s="8">
        <v>88</v>
      </c>
      <c r="J473" s="8" t="s">
        <v>500</v>
      </c>
      <c r="K473" s="8" t="s">
        <v>66</v>
      </c>
      <c r="L473" s="8" t="s">
        <v>65</v>
      </c>
      <c r="M473" s="8">
        <v>1</v>
      </c>
      <c r="N473" s="8" t="s">
        <v>514</v>
      </c>
      <c r="O473" s="8">
        <v>1</v>
      </c>
      <c r="P473" s="8">
        <v>2</v>
      </c>
      <c r="Q473" s="8" t="s">
        <v>798</v>
      </c>
      <c r="R473" s="10"/>
      <c r="S473" s="206"/>
      <c r="T473" s="215"/>
      <c r="U473" s="215"/>
    </row>
    <row r="474" spans="1:21">
      <c r="A474" s="8"/>
      <c r="B474" s="8"/>
      <c r="C474" s="8"/>
      <c r="D474" s="8"/>
      <c r="E474" s="8"/>
      <c r="F474" s="8"/>
      <c r="G474" s="8"/>
      <c r="H474" s="8">
        <v>2</v>
      </c>
      <c r="I474" s="8">
        <v>87</v>
      </c>
      <c r="J474" s="8" t="s">
        <v>499</v>
      </c>
      <c r="K474" s="8" t="s">
        <v>66</v>
      </c>
      <c r="L474" s="8" t="s">
        <v>65</v>
      </c>
      <c r="M474" s="8">
        <v>1</v>
      </c>
      <c r="N474" s="8" t="s">
        <v>509</v>
      </c>
      <c r="O474" s="8">
        <v>1</v>
      </c>
      <c r="P474" s="8">
        <v>48</v>
      </c>
      <c r="Q474" s="72"/>
      <c r="R474" s="10"/>
      <c r="S474" s="206"/>
      <c r="T474" s="215"/>
      <c r="U474" s="215"/>
    </row>
    <row r="475" spans="1:21">
      <c r="A475" s="17"/>
      <c r="B475" s="17"/>
      <c r="C475" s="17" t="s">
        <v>498</v>
      </c>
      <c r="D475" s="17" t="s">
        <v>499</v>
      </c>
      <c r="E475" s="17"/>
      <c r="F475" s="17"/>
      <c r="G475" s="17"/>
      <c r="H475" s="17"/>
      <c r="I475" s="17"/>
      <c r="J475" s="17"/>
      <c r="K475" s="17" t="s">
        <v>66</v>
      </c>
      <c r="L475" s="17" t="s">
        <v>65</v>
      </c>
      <c r="M475" s="17" t="s">
        <v>525</v>
      </c>
      <c r="N475" s="17"/>
      <c r="O475" s="17"/>
      <c r="P475" s="17"/>
      <c r="Q475" s="17"/>
      <c r="R475" s="8"/>
      <c r="S475" s="305"/>
      <c r="T475" s="306"/>
      <c r="U475" s="306"/>
    </row>
    <row r="476" spans="1:21">
      <c r="A476" s="8"/>
      <c r="B476" s="8"/>
      <c r="C476" s="8"/>
      <c r="D476" s="8"/>
      <c r="E476" s="8"/>
      <c r="F476" s="8"/>
      <c r="G476" s="8"/>
      <c r="H476" s="8">
        <v>1</v>
      </c>
      <c r="I476" s="8">
        <v>88</v>
      </c>
      <c r="J476" s="8" t="s">
        <v>500</v>
      </c>
      <c r="K476" s="8" t="s">
        <v>66</v>
      </c>
      <c r="L476" s="8" t="s">
        <v>65</v>
      </c>
      <c r="M476" s="8">
        <v>1</v>
      </c>
      <c r="N476" s="8" t="s">
        <v>514</v>
      </c>
      <c r="O476" s="8">
        <v>1</v>
      </c>
      <c r="P476" s="8">
        <v>2</v>
      </c>
      <c r="Q476" s="8" t="s">
        <v>799</v>
      </c>
      <c r="R476" s="10"/>
      <c r="S476" s="206"/>
      <c r="T476" s="215"/>
      <c r="U476" s="215"/>
    </row>
    <row r="477" spans="1:21">
      <c r="A477" s="8"/>
      <c r="B477" s="8"/>
      <c r="C477" s="8"/>
      <c r="D477" s="8"/>
      <c r="E477" s="8"/>
      <c r="F477" s="8"/>
      <c r="G477" s="8"/>
      <c r="H477" s="8">
        <v>2</v>
      </c>
      <c r="I477" s="8">
        <v>87</v>
      </c>
      <c r="J477" s="8" t="s">
        <v>499</v>
      </c>
      <c r="K477" s="8" t="s">
        <v>66</v>
      </c>
      <c r="L477" s="8" t="s">
        <v>65</v>
      </c>
      <c r="M477" s="8">
        <v>1</v>
      </c>
      <c r="N477" s="8" t="s">
        <v>509</v>
      </c>
      <c r="O477" s="8">
        <v>1</v>
      </c>
      <c r="P477" s="8">
        <v>48</v>
      </c>
      <c r="Q477" s="72"/>
      <c r="R477" s="10"/>
      <c r="S477" s="206"/>
      <c r="T477" s="215"/>
      <c r="U477" s="215"/>
    </row>
    <row r="478" spans="1:21">
      <c r="A478" s="17"/>
      <c r="B478" s="17"/>
      <c r="C478" s="17" t="s">
        <v>498</v>
      </c>
      <c r="D478" s="17" t="s">
        <v>499</v>
      </c>
      <c r="E478" s="17"/>
      <c r="F478" s="17"/>
      <c r="G478" s="17"/>
      <c r="H478" s="17"/>
      <c r="I478" s="17"/>
      <c r="J478" s="17"/>
      <c r="K478" s="17" t="s">
        <v>66</v>
      </c>
      <c r="L478" s="17" t="s">
        <v>65</v>
      </c>
      <c r="M478" s="17" t="s">
        <v>525</v>
      </c>
      <c r="N478" s="17"/>
      <c r="O478" s="17"/>
      <c r="P478" s="17"/>
      <c r="Q478" s="17"/>
      <c r="R478" s="8"/>
      <c r="S478" s="305"/>
      <c r="T478" s="306"/>
      <c r="U478" s="306"/>
    </row>
    <row r="479" spans="1:21">
      <c r="A479" s="8"/>
      <c r="B479" s="8"/>
      <c r="C479" s="8"/>
      <c r="D479" s="8"/>
      <c r="E479" s="8"/>
      <c r="F479" s="8"/>
      <c r="G479" s="8"/>
      <c r="H479" s="8">
        <v>1</v>
      </c>
      <c r="I479" s="8">
        <v>88</v>
      </c>
      <c r="J479" s="8" t="s">
        <v>500</v>
      </c>
      <c r="K479" s="8" t="s">
        <v>66</v>
      </c>
      <c r="L479" s="8" t="s">
        <v>65</v>
      </c>
      <c r="M479" s="8">
        <v>1</v>
      </c>
      <c r="N479" s="8" t="s">
        <v>514</v>
      </c>
      <c r="O479" s="8">
        <v>1</v>
      </c>
      <c r="P479" s="8">
        <v>2</v>
      </c>
      <c r="Q479" s="8" t="s">
        <v>643</v>
      </c>
      <c r="R479" s="10"/>
      <c r="S479" s="206"/>
      <c r="T479" s="215"/>
      <c r="U479" s="215"/>
    </row>
    <row r="480" spans="1:21">
      <c r="A480" s="8"/>
      <c r="B480" s="8"/>
      <c r="C480" s="8"/>
      <c r="D480" s="8"/>
      <c r="E480" s="8"/>
      <c r="F480" s="8"/>
      <c r="G480" s="8"/>
      <c r="H480" s="8">
        <v>2</v>
      </c>
      <c r="I480" s="8">
        <v>87</v>
      </c>
      <c r="J480" s="8" t="s">
        <v>499</v>
      </c>
      <c r="K480" s="8" t="s">
        <v>66</v>
      </c>
      <c r="L480" s="8" t="s">
        <v>65</v>
      </c>
      <c r="M480" s="8">
        <v>1</v>
      </c>
      <c r="N480" s="8" t="s">
        <v>509</v>
      </c>
      <c r="O480" s="8">
        <v>1</v>
      </c>
      <c r="P480" s="8">
        <v>48</v>
      </c>
      <c r="Q480" s="72" t="s">
        <v>800</v>
      </c>
      <c r="R480" s="10"/>
      <c r="S480" s="206"/>
      <c r="T480" s="215"/>
      <c r="U480" s="215"/>
    </row>
    <row r="481" spans="1:21">
      <c r="A481" s="8"/>
      <c r="B481" s="8"/>
      <c r="C481" s="8"/>
      <c r="D481" s="8"/>
      <c r="E481" s="8"/>
      <c r="F481" s="8"/>
      <c r="G481" s="8"/>
      <c r="H481" s="8">
        <v>3</v>
      </c>
      <c r="I481" s="8">
        <v>87</v>
      </c>
      <c r="J481" s="8" t="s">
        <v>499</v>
      </c>
      <c r="K481" s="8" t="s">
        <v>17</v>
      </c>
      <c r="L481" s="8" t="s">
        <v>71</v>
      </c>
      <c r="M481" s="8">
        <v>1</v>
      </c>
      <c r="N481" s="8" t="s">
        <v>509</v>
      </c>
      <c r="O481" s="8">
        <v>1</v>
      </c>
      <c r="P481" s="8">
        <v>48</v>
      </c>
      <c r="Q481" s="72"/>
      <c r="R481" s="10"/>
      <c r="S481" s="206"/>
      <c r="T481" s="215"/>
      <c r="U481" s="215"/>
    </row>
    <row r="482" spans="1:21">
      <c r="A482" s="31" t="s">
        <v>482</v>
      </c>
      <c r="B482" s="32"/>
      <c r="C482" s="32"/>
      <c r="D482" s="32"/>
      <c r="E482" s="32"/>
      <c r="F482" s="32"/>
      <c r="G482" s="32"/>
      <c r="H482" s="32"/>
      <c r="I482" s="32"/>
      <c r="J482" s="32"/>
      <c r="K482" s="32"/>
      <c r="L482" s="32"/>
      <c r="M482" s="32"/>
      <c r="N482" s="32"/>
      <c r="O482" s="32"/>
      <c r="P482" s="32"/>
      <c r="Q482" s="32"/>
      <c r="R482" s="10"/>
      <c r="S482" s="206"/>
      <c r="T482" s="215"/>
      <c r="U482" s="215"/>
    </row>
    <row r="483" spans="1:21" ht="98">
      <c r="A483" s="404" t="s">
        <v>774</v>
      </c>
      <c r="B483" s="404"/>
      <c r="C483" s="404"/>
      <c r="D483" s="404"/>
      <c r="E483" s="404"/>
      <c r="F483" s="404"/>
      <c r="G483" s="404"/>
      <c r="H483" s="404"/>
      <c r="I483" s="404"/>
      <c r="J483" s="404"/>
      <c r="K483" s="404"/>
      <c r="L483" s="293"/>
      <c r="M483" s="293"/>
      <c r="N483" s="293"/>
      <c r="O483" s="293"/>
      <c r="P483" s="293"/>
      <c r="Q483" s="80" t="s">
        <v>775</v>
      </c>
      <c r="R483" s="8"/>
      <c r="S483" s="305"/>
      <c r="T483" s="306"/>
      <c r="U483" s="306"/>
    </row>
    <row r="484" spans="1:21" ht="31">
      <c r="A484" s="17" t="s">
        <v>440</v>
      </c>
      <c r="B484" s="17" t="s">
        <v>441</v>
      </c>
      <c r="C484" s="17"/>
      <c r="D484" s="17"/>
      <c r="E484" s="17"/>
      <c r="F484" s="17"/>
      <c r="G484" s="17"/>
      <c r="H484" s="17"/>
      <c r="I484" s="17"/>
      <c r="J484" s="17"/>
      <c r="K484" s="17" t="s">
        <v>66</v>
      </c>
      <c r="L484" s="17" t="s">
        <v>65</v>
      </c>
      <c r="M484" s="17">
        <v>200000</v>
      </c>
      <c r="N484" s="17"/>
      <c r="O484" s="17"/>
      <c r="P484" s="17"/>
      <c r="Q484" s="17"/>
      <c r="R484" s="8" t="s">
        <v>1035</v>
      </c>
      <c r="S484" s="310" t="s">
        <v>1493</v>
      </c>
      <c r="T484" s="205" t="s">
        <v>2</v>
      </c>
      <c r="U484" s="307" t="s">
        <v>2</v>
      </c>
    </row>
    <row r="485" spans="1:21">
      <c r="A485" s="17"/>
      <c r="B485" s="17"/>
      <c r="C485" s="17" t="s">
        <v>440</v>
      </c>
      <c r="D485" s="17" t="s">
        <v>441</v>
      </c>
      <c r="E485" s="17"/>
      <c r="F485" s="17"/>
      <c r="G485" s="17"/>
      <c r="H485" s="17"/>
      <c r="I485" s="17"/>
      <c r="J485" s="17"/>
      <c r="K485" s="17" t="s">
        <v>66</v>
      </c>
      <c r="L485" s="17" t="s">
        <v>65</v>
      </c>
      <c r="M485" s="17">
        <v>1</v>
      </c>
      <c r="N485" s="17"/>
      <c r="O485" s="17"/>
      <c r="P485" s="17"/>
      <c r="Q485" s="17"/>
      <c r="R485" s="8"/>
      <c r="S485" s="305"/>
      <c r="T485" s="306"/>
      <c r="U485" s="306"/>
    </row>
    <row r="486" spans="1:21" ht="42">
      <c r="A486" s="8"/>
      <c r="B486" s="8"/>
      <c r="C486" s="8"/>
      <c r="D486" s="8"/>
      <c r="E486" s="8"/>
      <c r="F486" s="8"/>
      <c r="G486" s="8"/>
      <c r="H486" s="8">
        <v>1</v>
      </c>
      <c r="I486" s="8">
        <v>628</v>
      </c>
      <c r="J486" s="8" t="s">
        <v>442</v>
      </c>
      <c r="K486" s="8" t="s">
        <v>66</v>
      </c>
      <c r="L486" s="8" t="s">
        <v>65</v>
      </c>
      <c r="M486" s="8">
        <v>1</v>
      </c>
      <c r="N486" s="8" t="s">
        <v>509</v>
      </c>
      <c r="O486" s="8">
        <v>1</v>
      </c>
      <c r="P486" s="8">
        <v>12</v>
      </c>
      <c r="Q486" s="18" t="s">
        <v>776</v>
      </c>
      <c r="R486" s="8"/>
      <c r="S486" s="305"/>
      <c r="T486" s="306"/>
      <c r="U486" s="306"/>
    </row>
    <row r="487" spans="1:21" ht="168">
      <c r="A487" s="8"/>
      <c r="B487" s="8"/>
      <c r="C487" s="8"/>
      <c r="D487" s="8"/>
      <c r="E487" s="8"/>
      <c r="F487" s="8"/>
      <c r="G487" s="8"/>
      <c r="H487" s="8">
        <v>2</v>
      </c>
      <c r="I487" s="8">
        <v>734</v>
      </c>
      <c r="J487" s="8" t="s">
        <v>443</v>
      </c>
      <c r="K487" s="8" t="s">
        <v>17</v>
      </c>
      <c r="L487" s="8" t="s">
        <v>71</v>
      </c>
      <c r="M487" s="8">
        <v>1</v>
      </c>
      <c r="N487" s="8" t="s">
        <v>509</v>
      </c>
      <c r="O487" s="8">
        <v>1</v>
      </c>
      <c r="P487" s="8">
        <v>12</v>
      </c>
      <c r="Q487" s="18" t="s">
        <v>777</v>
      </c>
      <c r="R487" s="8"/>
      <c r="S487" s="305"/>
      <c r="T487" s="306"/>
      <c r="U487" s="306"/>
    </row>
    <row r="488" spans="1:21">
      <c r="A488" s="8"/>
      <c r="B488" s="8"/>
      <c r="C488" s="8"/>
      <c r="D488" s="8"/>
      <c r="E488" s="8"/>
      <c r="F488" s="8"/>
      <c r="G488" s="8"/>
      <c r="H488" s="8">
        <v>3</v>
      </c>
      <c r="I488" s="8">
        <v>735</v>
      </c>
      <c r="J488" s="8" t="s">
        <v>444</v>
      </c>
      <c r="K488" s="8" t="s">
        <v>66</v>
      </c>
      <c r="L488" s="8" t="s">
        <v>65</v>
      </c>
      <c r="M488" s="8">
        <v>1</v>
      </c>
      <c r="N488" s="8" t="s">
        <v>514</v>
      </c>
      <c r="O488" s="8">
        <v>1</v>
      </c>
      <c r="P488" s="8">
        <v>2</v>
      </c>
      <c r="Q488" s="8" t="s">
        <v>778</v>
      </c>
      <c r="R488" s="8"/>
      <c r="S488" s="305"/>
      <c r="T488" s="306"/>
      <c r="U488" s="306"/>
    </row>
    <row r="489" spans="1:21" ht="112">
      <c r="A489" s="8"/>
      <c r="B489" s="8"/>
      <c r="C489" s="8"/>
      <c r="D489" s="8"/>
      <c r="E489" s="8"/>
      <c r="F489" s="8"/>
      <c r="G489" s="8"/>
      <c r="H489" s="8">
        <v>4</v>
      </c>
      <c r="I489" s="8">
        <v>736</v>
      </c>
      <c r="J489" s="8" t="s">
        <v>445</v>
      </c>
      <c r="K489" s="8" t="s">
        <v>17</v>
      </c>
      <c r="L489" s="8" t="s">
        <v>71</v>
      </c>
      <c r="M489" s="8">
        <v>1</v>
      </c>
      <c r="N489" s="8" t="s">
        <v>514</v>
      </c>
      <c r="O489" s="8">
        <v>1</v>
      </c>
      <c r="P489" s="8">
        <v>1</v>
      </c>
      <c r="Q489" s="72" t="s">
        <v>779</v>
      </c>
      <c r="R489" s="8"/>
      <c r="S489" s="305"/>
      <c r="T489" s="306"/>
      <c r="U489" s="306"/>
    </row>
    <row r="490" spans="1:21" ht="31">
      <c r="A490" s="17"/>
      <c r="B490" s="17"/>
      <c r="C490" s="17" t="s">
        <v>424</v>
      </c>
      <c r="D490" s="17" t="s">
        <v>425</v>
      </c>
      <c r="E490" s="17"/>
      <c r="F490" s="17"/>
      <c r="G490" s="17"/>
      <c r="H490" s="17"/>
      <c r="I490" s="17"/>
      <c r="J490" s="17"/>
      <c r="K490" s="17" t="s">
        <v>17</v>
      </c>
      <c r="L490" s="17" t="s">
        <v>71</v>
      </c>
      <c r="M490" s="17">
        <v>1</v>
      </c>
      <c r="N490" s="17"/>
      <c r="O490" s="17"/>
      <c r="P490" s="17"/>
      <c r="Q490" s="17"/>
      <c r="R490" s="10" t="s">
        <v>1145</v>
      </c>
      <c r="S490" s="205" t="s">
        <v>1494</v>
      </c>
      <c r="T490" s="215"/>
      <c r="U490" s="215"/>
    </row>
    <row r="491" spans="1:21">
      <c r="A491" s="8"/>
      <c r="B491" s="8"/>
      <c r="C491" s="8"/>
      <c r="D491" s="8"/>
      <c r="E491" s="8"/>
      <c r="F491" s="8"/>
      <c r="G491" s="8"/>
      <c r="H491" s="8">
        <v>1</v>
      </c>
      <c r="I491" s="8">
        <v>350</v>
      </c>
      <c r="J491" s="8" t="s">
        <v>108</v>
      </c>
      <c r="K491" s="8" t="s">
        <v>17</v>
      </c>
      <c r="L491" s="8" t="s">
        <v>71</v>
      </c>
      <c r="M491" s="8">
        <v>1</v>
      </c>
      <c r="N491" s="8" t="s">
        <v>509</v>
      </c>
      <c r="O491" s="8">
        <v>1</v>
      </c>
      <c r="P491" s="8">
        <v>20</v>
      </c>
      <c r="Q491" s="72"/>
      <c r="R491" s="10"/>
      <c r="S491" s="206"/>
      <c r="T491" s="215"/>
      <c r="U491" s="215"/>
    </row>
    <row r="492" spans="1:21" ht="28">
      <c r="A492" s="8"/>
      <c r="B492" s="8"/>
      <c r="C492" s="8"/>
      <c r="D492" s="8"/>
      <c r="E492" s="8"/>
      <c r="F492" s="8"/>
      <c r="G492" s="8"/>
      <c r="H492" s="8">
        <v>2</v>
      </c>
      <c r="I492" s="8">
        <v>235</v>
      </c>
      <c r="J492" s="8" t="s">
        <v>90</v>
      </c>
      <c r="K492" s="8" t="s">
        <v>66</v>
      </c>
      <c r="L492" s="8" t="s">
        <v>65</v>
      </c>
      <c r="M492" s="8">
        <v>1</v>
      </c>
      <c r="N492" s="8" t="s">
        <v>514</v>
      </c>
      <c r="O492" s="8">
        <v>2</v>
      </c>
      <c r="P492" s="8">
        <v>2</v>
      </c>
      <c r="Q492" s="70" t="s">
        <v>624</v>
      </c>
      <c r="R492" s="10"/>
      <c r="S492" s="206"/>
      <c r="T492" s="215"/>
      <c r="U492" s="215"/>
    </row>
    <row r="493" spans="1:21">
      <c r="A493" s="8"/>
      <c r="B493" s="8"/>
      <c r="C493" s="8"/>
      <c r="D493" s="8"/>
      <c r="E493" s="8"/>
      <c r="F493" s="8"/>
      <c r="G493" s="8"/>
      <c r="H493" s="8">
        <v>3</v>
      </c>
      <c r="I493" s="8">
        <v>234</v>
      </c>
      <c r="J493" s="8" t="s">
        <v>88</v>
      </c>
      <c r="K493" s="8" t="s">
        <v>66</v>
      </c>
      <c r="L493" s="8" t="s">
        <v>65</v>
      </c>
      <c r="M493" s="8">
        <v>1</v>
      </c>
      <c r="N493" s="8" t="s">
        <v>509</v>
      </c>
      <c r="O493" s="8">
        <v>1</v>
      </c>
      <c r="P493" s="8">
        <v>48</v>
      </c>
      <c r="Q493" s="8"/>
      <c r="R493" s="10"/>
      <c r="S493" s="206"/>
      <c r="T493" s="215"/>
      <c r="U493" s="215"/>
    </row>
    <row r="494" spans="1:21" ht="28">
      <c r="A494" s="8"/>
      <c r="B494" s="8"/>
      <c r="C494" s="8"/>
      <c r="D494" s="8"/>
      <c r="E494" s="8"/>
      <c r="F494" s="8"/>
      <c r="G494" s="8"/>
      <c r="H494" s="11">
        <v>4</v>
      </c>
      <c r="I494" s="11">
        <v>235</v>
      </c>
      <c r="J494" s="11" t="s">
        <v>90</v>
      </c>
      <c r="K494" s="11" t="s">
        <v>78</v>
      </c>
      <c r="L494" s="8" t="s">
        <v>71</v>
      </c>
      <c r="M494" s="8">
        <v>1</v>
      </c>
      <c r="N494" s="8" t="s">
        <v>514</v>
      </c>
      <c r="O494" s="8">
        <v>2</v>
      </c>
      <c r="P494" s="8">
        <v>2</v>
      </c>
      <c r="Q494" s="70" t="s">
        <v>624</v>
      </c>
      <c r="R494" s="10"/>
      <c r="S494" s="206"/>
      <c r="T494" s="215"/>
      <c r="U494" s="215"/>
    </row>
    <row r="495" spans="1:21">
      <c r="A495" s="8"/>
      <c r="B495" s="8"/>
      <c r="C495" s="8"/>
      <c r="D495" s="8"/>
      <c r="E495" s="8"/>
      <c r="F495" s="8"/>
      <c r="G495" s="8"/>
      <c r="H495" s="8">
        <v>5</v>
      </c>
      <c r="I495" s="8">
        <v>234</v>
      </c>
      <c r="J495" s="8" t="s">
        <v>88</v>
      </c>
      <c r="K495" s="8" t="s">
        <v>78</v>
      </c>
      <c r="L495" s="8" t="s">
        <v>71</v>
      </c>
      <c r="M495" s="8">
        <v>1</v>
      </c>
      <c r="N495" s="8" t="s">
        <v>509</v>
      </c>
      <c r="O495" s="8">
        <v>1</v>
      </c>
      <c r="P495" s="8">
        <v>48</v>
      </c>
      <c r="Q495" s="8"/>
      <c r="R495" s="10"/>
      <c r="S495" s="206"/>
      <c r="T495" s="215"/>
      <c r="U495" s="215"/>
    </row>
    <row r="496" spans="1:21" ht="28">
      <c r="A496" s="8"/>
      <c r="B496" s="8"/>
      <c r="C496" s="8"/>
      <c r="D496" s="8"/>
      <c r="E496" s="8"/>
      <c r="F496" s="8"/>
      <c r="G496" s="8"/>
      <c r="H496" s="8">
        <v>6</v>
      </c>
      <c r="I496" s="8">
        <v>235</v>
      </c>
      <c r="J496" s="8" t="s">
        <v>90</v>
      </c>
      <c r="K496" s="8" t="s">
        <v>78</v>
      </c>
      <c r="L496" s="8" t="s">
        <v>71</v>
      </c>
      <c r="M496" s="8">
        <v>1</v>
      </c>
      <c r="N496" s="8" t="s">
        <v>514</v>
      </c>
      <c r="O496" s="8">
        <v>2</v>
      </c>
      <c r="P496" s="8">
        <v>2</v>
      </c>
      <c r="Q496" s="70" t="s">
        <v>624</v>
      </c>
      <c r="R496" s="10"/>
      <c r="S496" s="206"/>
      <c r="T496" s="215"/>
      <c r="U496" s="215"/>
    </row>
    <row r="497" spans="1:21">
      <c r="A497" s="8"/>
      <c r="B497" s="8"/>
      <c r="C497" s="8"/>
      <c r="D497" s="8"/>
      <c r="E497" s="8"/>
      <c r="F497" s="8"/>
      <c r="G497" s="8"/>
      <c r="H497" s="8">
        <v>7</v>
      </c>
      <c r="I497" s="8">
        <v>234</v>
      </c>
      <c r="J497" s="8" t="s">
        <v>88</v>
      </c>
      <c r="K497" s="8" t="s">
        <v>78</v>
      </c>
      <c r="L497" s="8" t="s">
        <v>71</v>
      </c>
      <c r="M497" s="8">
        <v>1</v>
      </c>
      <c r="N497" s="8" t="s">
        <v>509</v>
      </c>
      <c r="O497" s="8">
        <v>1</v>
      </c>
      <c r="P497" s="8">
        <v>48</v>
      </c>
      <c r="Q497" s="8"/>
      <c r="R497" s="10"/>
      <c r="S497" s="206"/>
      <c r="T497" s="215"/>
      <c r="U497" s="215"/>
    </row>
    <row r="498" spans="1:21" ht="28">
      <c r="A498" s="8"/>
      <c r="B498" s="8"/>
      <c r="C498" s="8"/>
      <c r="D498" s="8"/>
      <c r="E498" s="8"/>
      <c r="F498" s="8"/>
      <c r="G498" s="8"/>
      <c r="H498" s="8">
        <v>8</v>
      </c>
      <c r="I498" s="8">
        <v>235</v>
      </c>
      <c r="J498" s="8" t="s">
        <v>90</v>
      </c>
      <c r="K498" s="8" t="s">
        <v>78</v>
      </c>
      <c r="L498" s="8" t="s">
        <v>71</v>
      </c>
      <c r="M498" s="8">
        <v>1</v>
      </c>
      <c r="N498" s="8" t="s">
        <v>514</v>
      </c>
      <c r="O498" s="8">
        <v>2</v>
      </c>
      <c r="P498" s="8">
        <v>2</v>
      </c>
      <c r="Q498" s="70" t="s">
        <v>624</v>
      </c>
      <c r="R498" s="10"/>
      <c r="S498" s="206"/>
      <c r="T498" s="215"/>
      <c r="U498" s="215"/>
    </row>
    <row r="499" spans="1:21">
      <c r="A499" s="8"/>
      <c r="B499" s="8"/>
      <c r="C499" s="8"/>
      <c r="D499" s="8"/>
      <c r="E499" s="8"/>
      <c r="F499" s="8"/>
      <c r="G499" s="8"/>
      <c r="H499" s="8">
        <v>9</v>
      </c>
      <c r="I499" s="8">
        <v>234</v>
      </c>
      <c r="J499" s="8" t="s">
        <v>88</v>
      </c>
      <c r="K499" s="8" t="s">
        <v>78</v>
      </c>
      <c r="L499" s="8" t="s">
        <v>71</v>
      </c>
      <c r="M499" s="8">
        <v>1</v>
      </c>
      <c r="N499" s="8" t="s">
        <v>509</v>
      </c>
      <c r="O499" s="8">
        <v>1</v>
      </c>
      <c r="P499" s="8">
        <v>48</v>
      </c>
      <c r="Q499" s="8"/>
      <c r="R499" s="10"/>
      <c r="S499" s="206"/>
      <c r="T499" s="215"/>
      <c r="U499" s="215"/>
    </row>
    <row r="500" spans="1:21" ht="28">
      <c r="A500" s="8"/>
      <c r="B500" s="8"/>
      <c r="C500" s="8"/>
      <c r="D500" s="8"/>
      <c r="E500" s="8"/>
      <c r="F500" s="8"/>
      <c r="G500" s="8"/>
      <c r="H500" s="8">
        <v>10</v>
      </c>
      <c r="I500" s="8">
        <v>235</v>
      </c>
      <c r="J500" s="8" t="s">
        <v>90</v>
      </c>
      <c r="K500" s="8" t="s">
        <v>78</v>
      </c>
      <c r="L500" s="8" t="s">
        <v>71</v>
      </c>
      <c r="M500" s="8">
        <v>1</v>
      </c>
      <c r="N500" s="8" t="s">
        <v>514</v>
      </c>
      <c r="O500" s="8">
        <v>2</v>
      </c>
      <c r="P500" s="8">
        <v>2</v>
      </c>
      <c r="Q500" s="70" t="s">
        <v>624</v>
      </c>
      <c r="R500" s="10"/>
      <c r="S500" s="206"/>
      <c r="T500" s="215"/>
      <c r="U500" s="215"/>
    </row>
    <row r="501" spans="1:21">
      <c r="A501" s="8"/>
      <c r="B501" s="8"/>
      <c r="C501" s="8"/>
      <c r="D501" s="8"/>
      <c r="E501" s="8"/>
      <c r="F501" s="8"/>
      <c r="G501" s="8"/>
      <c r="H501" s="8">
        <v>11</v>
      </c>
      <c r="I501" s="8">
        <v>234</v>
      </c>
      <c r="J501" s="8" t="s">
        <v>88</v>
      </c>
      <c r="K501" s="8" t="s">
        <v>78</v>
      </c>
      <c r="L501" s="8" t="s">
        <v>71</v>
      </c>
      <c r="M501" s="8">
        <v>1</v>
      </c>
      <c r="N501" s="8" t="s">
        <v>509</v>
      </c>
      <c r="O501" s="8">
        <v>1</v>
      </c>
      <c r="P501" s="8">
        <v>48</v>
      </c>
      <c r="Q501" s="8"/>
      <c r="R501" s="10"/>
      <c r="S501" s="206"/>
      <c r="T501" s="215"/>
      <c r="U501" s="215"/>
    </row>
    <row r="502" spans="1:21" ht="28">
      <c r="A502" s="8"/>
      <c r="B502" s="8"/>
      <c r="C502" s="8"/>
      <c r="D502" s="8"/>
      <c r="E502" s="8"/>
      <c r="F502" s="8"/>
      <c r="G502" s="8"/>
      <c r="H502" s="8">
        <v>12</v>
      </c>
      <c r="I502" s="8">
        <v>235</v>
      </c>
      <c r="J502" s="8" t="s">
        <v>90</v>
      </c>
      <c r="K502" s="8" t="s">
        <v>78</v>
      </c>
      <c r="L502" s="8" t="s">
        <v>71</v>
      </c>
      <c r="M502" s="8">
        <v>1</v>
      </c>
      <c r="N502" s="8" t="s">
        <v>514</v>
      </c>
      <c r="O502" s="8">
        <v>2</v>
      </c>
      <c r="P502" s="8">
        <v>2</v>
      </c>
      <c r="Q502" s="70" t="s">
        <v>624</v>
      </c>
      <c r="R502" s="10"/>
      <c r="S502" s="206"/>
      <c r="T502" s="215"/>
      <c r="U502" s="215"/>
    </row>
    <row r="503" spans="1:21">
      <c r="A503" s="8"/>
      <c r="B503" s="8"/>
      <c r="C503" s="8"/>
      <c r="D503" s="8"/>
      <c r="E503" s="8"/>
      <c r="F503" s="8"/>
      <c r="G503" s="8"/>
      <c r="H503" s="8">
        <v>13</v>
      </c>
      <c r="I503" s="8">
        <v>234</v>
      </c>
      <c r="J503" s="8" t="s">
        <v>88</v>
      </c>
      <c r="K503" s="8" t="s">
        <v>78</v>
      </c>
      <c r="L503" s="8" t="s">
        <v>71</v>
      </c>
      <c r="M503" s="8">
        <v>1</v>
      </c>
      <c r="N503" s="8" t="s">
        <v>509</v>
      </c>
      <c r="O503" s="8">
        <v>1</v>
      </c>
      <c r="P503" s="8">
        <v>48</v>
      </c>
      <c r="Q503" s="8"/>
      <c r="R503" s="10"/>
      <c r="S503" s="206"/>
      <c r="T503" s="215"/>
      <c r="U503" s="215"/>
    </row>
    <row r="504" spans="1:21" ht="28">
      <c r="A504" s="8"/>
      <c r="B504" s="8"/>
      <c r="C504" s="8"/>
      <c r="D504" s="8"/>
      <c r="E504" s="8"/>
      <c r="F504" s="8"/>
      <c r="G504" s="8"/>
      <c r="H504" s="8">
        <v>14</v>
      </c>
      <c r="I504" s="8">
        <v>235</v>
      </c>
      <c r="J504" s="8" t="s">
        <v>90</v>
      </c>
      <c r="K504" s="8" t="s">
        <v>78</v>
      </c>
      <c r="L504" s="8" t="s">
        <v>71</v>
      </c>
      <c r="M504" s="8">
        <v>1</v>
      </c>
      <c r="N504" s="8" t="s">
        <v>514</v>
      </c>
      <c r="O504" s="8">
        <v>2</v>
      </c>
      <c r="P504" s="8">
        <v>2</v>
      </c>
      <c r="Q504" s="70" t="s">
        <v>624</v>
      </c>
      <c r="R504" s="10"/>
      <c r="S504" s="206"/>
      <c r="T504" s="215"/>
      <c r="U504" s="215"/>
    </row>
    <row r="505" spans="1:21">
      <c r="A505" s="8"/>
      <c r="B505" s="8"/>
      <c r="C505" s="8"/>
      <c r="D505" s="8"/>
      <c r="E505" s="8"/>
      <c r="F505" s="8"/>
      <c r="G505" s="8"/>
      <c r="H505" s="8">
        <v>15</v>
      </c>
      <c r="I505" s="8">
        <v>234</v>
      </c>
      <c r="J505" s="8" t="s">
        <v>88</v>
      </c>
      <c r="K505" s="8" t="s">
        <v>78</v>
      </c>
      <c r="L505" s="8" t="s">
        <v>71</v>
      </c>
      <c r="M505" s="8">
        <v>1</v>
      </c>
      <c r="N505" s="8" t="s">
        <v>509</v>
      </c>
      <c r="O505" s="8">
        <v>1</v>
      </c>
      <c r="P505" s="8">
        <v>48</v>
      </c>
      <c r="Q505" s="8"/>
      <c r="R505" s="10"/>
      <c r="S505" s="206"/>
      <c r="T505" s="215"/>
      <c r="U505" s="215"/>
    </row>
    <row r="506" spans="1:21" ht="28">
      <c r="A506" s="8"/>
      <c r="B506" s="8"/>
      <c r="C506" s="8"/>
      <c r="D506" s="8"/>
      <c r="E506" s="8"/>
      <c r="F506" s="8"/>
      <c r="G506" s="8"/>
      <c r="H506" s="8">
        <v>16</v>
      </c>
      <c r="I506" s="8">
        <v>235</v>
      </c>
      <c r="J506" s="8" t="s">
        <v>90</v>
      </c>
      <c r="K506" s="8" t="s">
        <v>78</v>
      </c>
      <c r="L506" s="8" t="s">
        <v>71</v>
      </c>
      <c r="M506" s="8">
        <v>1</v>
      </c>
      <c r="N506" s="8" t="s">
        <v>514</v>
      </c>
      <c r="O506" s="8">
        <v>2</v>
      </c>
      <c r="P506" s="8">
        <v>2</v>
      </c>
      <c r="Q506" s="70" t="s">
        <v>624</v>
      </c>
      <c r="R506" s="10"/>
      <c r="S506" s="206"/>
      <c r="T506" s="215"/>
      <c r="U506" s="215"/>
    </row>
    <row r="507" spans="1:21">
      <c r="A507" s="8"/>
      <c r="B507" s="8"/>
      <c r="C507" s="8"/>
      <c r="D507" s="8"/>
      <c r="E507" s="8"/>
      <c r="F507" s="8"/>
      <c r="G507" s="8"/>
      <c r="H507" s="8">
        <v>17</v>
      </c>
      <c r="I507" s="8">
        <v>234</v>
      </c>
      <c r="J507" s="8" t="s">
        <v>88</v>
      </c>
      <c r="K507" s="8" t="s">
        <v>78</v>
      </c>
      <c r="L507" s="8" t="s">
        <v>71</v>
      </c>
      <c r="M507" s="8">
        <v>1</v>
      </c>
      <c r="N507" s="8" t="s">
        <v>509</v>
      </c>
      <c r="O507" s="8">
        <v>1</v>
      </c>
      <c r="P507" s="8">
        <v>48</v>
      </c>
      <c r="Q507" s="8"/>
      <c r="R507" s="10"/>
      <c r="S507" s="206"/>
      <c r="T507" s="215"/>
      <c r="U507" s="215"/>
    </row>
    <row r="508" spans="1:21" ht="28">
      <c r="A508" s="8"/>
      <c r="B508" s="8"/>
      <c r="C508" s="8"/>
      <c r="D508" s="8"/>
      <c r="E508" s="8"/>
      <c r="F508" s="8"/>
      <c r="G508" s="8"/>
      <c r="H508" s="8">
        <v>18</v>
      </c>
      <c r="I508" s="8">
        <v>235</v>
      </c>
      <c r="J508" s="8" t="s">
        <v>90</v>
      </c>
      <c r="K508" s="8" t="s">
        <v>78</v>
      </c>
      <c r="L508" s="8" t="s">
        <v>71</v>
      </c>
      <c r="M508" s="8">
        <v>1</v>
      </c>
      <c r="N508" s="8" t="s">
        <v>514</v>
      </c>
      <c r="O508" s="8">
        <v>2</v>
      </c>
      <c r="P508" s="8">
        <v>2</v>
      </c>
      <c r="Q508" s="70" t="s">
        <v>624</v>
      </c>
      <c r="R508" s="10"/>
      <c r="S508" s="206"/>
      <c r="T508" s="215"/>
      <c r="U508" s="215"/>
    </row>
    <row r="509" spans="1:21">
      <c r="A509" s="8"/>
      <c r="B509" s="8"/>
      <c r="C509" s="8"/>
      <c r="D509" s="8"/>
      <c r="E509" s="8"/>
      <c r="F509" s="8"/>
      <c r="G509" s="8"/>
      <c r="H509" s="8">
        <v>19</v>
      </c>
      <c r="I509" s="8">
        <v>234</v>
      </c>
      <c r="J509" s="8" t="s">
        <v>88</v>
      </c>
      <c r="K509" s="8" t="s">
        <v>78</v>
      </c>
      <c r="L509" s="8" t="s">
        <v>71</v>
      </c>
      <c r="M509" s="8">
        <v>1</v>
      </c>
      <c r="N509" s="8" t="s">
        <v>509</v>
      </c>
      <c r="O509" s="8">
        <v>1</v>
      </c>
      <c r="P509" s="8">
        <v>48</v>
      </c>
      <c r="Q509" s="8"/>
      <c r="R509" s="10"/>
      <c r="S509" s="206"/>
      <c r="T509" s="215"/>
      <c r="U509" s="215"/>
    </row>
    <row r="510" spans="1:21" ht="28">
      <c r="A510" s="8"/>
      <c r="B510" s="8"/>
      <c r="C510" s="8"/>
      <c r="D510" s="8"/>
      <c r="E510" s="8"/>
      <c r="F510" s="8"/>
      <c r="G510" s="8"/>
      <c r="H510" s="8">
        <v>20</v>
      </c>
      <c r="I510" s="8">
        <v>235</v>
      </c>
      <c r="J510" s="8" t="s">
        <v>90</v>
      </c>
      <c r="K510" s="8" t="s">
        <v>78</v>
      </c>
      <c r="L510" s="8" t="s">
        <v>71</v>
      </c>
      <c r="M510" s="8">
        <v>1</v>
      </c>
      <c r="N510" s="8" t="s">
        <v>514</v>
      </c>
      <c r="O510" s="8">
        <v>2</v>
      </c>
      <c r="P510" s="8">
        <v>2</v>
      </c>
      <c r="Q510" s="70" t="s">
        <v>624</v>
      </c>
      <c r="R510" s="10"/>
      <c r="S510" s="206"/>
      <c r="T510" s="215"/>
      <c r="U510" s="215"/>
    </row>
    <row r="511" spans="1:21">
      <c r="A511" s="8"/>
      <c r="B511" s="8"/>
      <c r="C511" s="8"/>
      <c r="D511" s="8"/>
      <c r="E511" s="8"/>
      <c r="F511" s="8"/>
      <c r="G511" s="8"/>
      <c r="H511" s="8">
        <v>21</v>
      </c>
      <c r="I511" s="8">
        <v>234</v>
      </c>
      <c r="J511" s="8" t="s">
        <v>88</v>
      </c>
      <c r="K511" s="8" t="s">
        <v>78</v>
      </c>
      <c r="L511" s="8" t="s">
        <v>71</v>
      </c>
      <c r="M511" s="8">
        <v>1</v>
      </c>
      <c r="N511" s="8" t="s">
        <v>509</v>
      </c>
      <c r="O511" s="8">
        <v>1</v>
      </c>
      <c r="P511" s="8">
        <v>48</v>
      </c>
      <c r="Q511" s="8"/>
      <c r="R511" s="10"/>
      <c r="S511" s="206"/>
      <c r="T511" s="215"/>
      <c r="U511" s="215"/>
    </row>
    <row r="512" spans="1:21" ht="28">
      <c r="A512" s="8"/>
      <c r="B512" s="8"/>
      <c r="C512" s="8"/>
      <c r="D512" s="8"/>
      <c r="E512" s="8"/>
      <c r="F512" s="8"/>
      <c r="G512" s="8"/>
      <c r="H512" s="8">
        <v>22</v>
      </c>
      <c r="I512" s="8">
        <v>235</v>
      </c>
      <c r="J512" s="8" t="s">
        <v>90</v>
      </c>
      <c r="K512" s="8" t="s">
        <v>78</v>
      </c>
      <c r="L512" s="8" t="s">
        <v>71</v>
      </c>
      <c r="M512" s="8">
        <v>1</v>
      </c>
      <c r="N512" s="8" t="s">
        <v>514</v>
      </c>
      <c r="O512" s="8">
        <v>2</v>
      </c>
      <c r="P512" s="8">
        <v>2</v>
      </c>
      <c r="Q512" s="70" t="s">
        <v>624</v>
      </c>
      <c r="R512" s="10"/>
      <c r="S512" s="206"/>
      <c r="T512" s="215"/>
      <c r="U512" s="215"/>
    </row>
    <row r="513" spans="1:21">
      <c r="A513" s="8"/>
      <c r="B513" s="8"/>
      <c r="C513" s="8"/>
      <c r="D513" s="8"/>
      <c r="E513" s="8"/>
      <c r="F513" s="8"/>
      <c r="G513" s="8"/>
      <c r="H513" s="8">
        <v>23</v>
      </c>
      <c r="I513" s="8">
        <v>234</v>
      </c>
      <c r="J513" s="8" t="s">
        <v>88</v>
      </c>
      <c r="K513" s="8" t="s">
        <v>78</v>
      </c>
      <c r="L513" s="8" t="s">
        <v>71</v>
      </c>
      <c r="M513" s="8">
        <v>1</v>
      </c>
      <c r="N513" s="8" t="s">
        <v>509</v>
      </c>
      <c r="O513" s="8">
        <v>1</v>
      </c>
      <c r="P513" s="8">
        <v>48</v>
      </c>
      <c r="Q513" s="8"/>
      <c r="R513" s="10"/>
      <c r="S513" s="206"/>
      <c r="T513" s="215"/>
      <c r="U513" s="215"/>
    </row>
    <row r="514" spans="1:21" ht="28">
      <c r="A514" s="8"/>
      <c r="B514" s="8"/>
      <c r="C514" s="8"/>
      <c r="D514" s="8"/>
      <c r="E514" s="8"/>
      <c r="F514" s="8"/>
      <c r="G514" s="8"/>
      <c r="H514" s="8">
        <v>24</v>
      </c>
      <c r="I514" s="8">
        <v>235</v>
      </c>
      <c r="J514" s="8" t="s">
        <v>90</v>
      </c>
      <c r="K514" s="8" t="s">
        <v>78</v>
      </c>
      <c r="L514" s="8" t="s">
        <v>71</v>
      </c>
      <c r="M514" s="8">
        <v>1</v>
      </c>
      <c r="N514" s="8" t="s">
        <v>514</v>
      </c>
      <c r="O514" s="8">
        <v>2</v>
      </c>
      <c r="P514" s="8">
        <v>2</v>
      </c>
      <c r="Q514" s="70" t="s">
        <v>624</v>
      </c>
      <c r="R514" s="10"/>
      <c r="S514" s="206"/>
      <c r="T514" s="215"/>
      <c r="U514" s="215"/>
    </row>
    <row r="515" spans="1:21">
      <c r="A515" s="8"/>
      <c r="B515" s="8"/>
      <c r="C515" s="8"/>
      <c r="D515" s="8"/>
      <c r="E515" s="8"/>
      <c r="F515" s="8"/>
      <c r="G515" s="8"/>
      <c r="H515" s="8">
        <v>25</v>
      </c>
      <c r="I515" s="8">
        <v>234</v>
      </c>
      <c r="J515" s="8" t="s">
        <v>88</v>
      </c>
      <c r="K515" s="8" t="s">
        <v>78</v>
      </c>
      <c r="L515" s="8" t="s">
        <v>71</v>
      </c>
      <c r="M515" s="8">
        <v>1</v>
      </c>
      <c r="N515" s="8" t="s">
        <v>509</v>
      </c>
      <c r="O515" s="8">
        <v>1</v>
      </c>
      <c r="P515" s="8">
        <v>48</v>
      </c>
      <c r="Q515" s="8"/>
      <c r="R515" s="10"/>
      <c r="S515" s="206"/>
      <c r="T515" s="215"/>
      <c r="U515" s="215"/>
    </row>
    <row r="516" spans="1:21" ht="28">
      <c r="A516" s="8"/>
      <c r="B516" s="8"/>
      <c r="C516" s="8"/>
      <c r="D516" s="8"/>
      <c r="E516" s="8"/>
      <c r="F516" s="8"/>
      <c r="G516" s="8"/>
      <c r="H516" s="8">
        <v>26</v>
      </c>
      <c r="I516" s="8">
        <v>235</v>
      </c>
      <c r="J516" s="8" t="s">
        <v>90</v>
      </c>
      <c r="K516" s="8" t="s">
        <v>78</v>
      </c>
      <c r="L516" s="8" t="s">
        <v>71</v>
      </c>
      <c r="M516" s="8">
        <v>1</v>
      </c>
      <c r="N516" s="8" t="s">
        <v>514</v>
      </c>
      <c r="O516" s="8">
        <v>2</v>
      </c>
      <c r="P516" s="8">
        <v>2</v>
      </c>
      <c r="Q516" s="70" t="s">
        <v>624</v>
      </c>
      <c r="R516" s="10"/>
      <c r="S516" s="206"/>
      <c r="T516" s="215"/>
      <c r="U516" s="215"/>
    </row>
    <row r="517" spans="1:21">
      <c r="A517" s="8"/>
      <c r="B517" s="8"/>
      <c r="C517" s="8"/>
      <c r="D517" s="8"/>
      <c r="E517" s="8"/>
      <c r="F517" s="8"/>
      <c r="G517" s="8"/>
      <c r="H517" s="8">
        <v>27</v>
      </c>
      <c r="I517" s="8">
        <v>234</v>
      </c>
      <c r="J517" s="8" t="s">
        <v>88</v>
      </c>
      <c r="K517" s="8" t="s">
        <v>78</v>
      </c>
      <c r="L517" s="8" t="s">
        <v>71</v>
      </c>
      <c r="M517" s="8">
        <v>1</v>
      </c>
      <c r="N517" s="8" t="s">
        <v>509</v>
      </c>
      <c r="O517" s="8">
        <v>1</v>
      </c>
      <c r="P517" s="8">
        <v>48</v>
      </c>
      <c r="Q517" s="8"/>
      <c r="R517" s="10"/>
      <c r="S517" s="206"/>
      <c r="T517" s="215"/>
      <c r="U517" s="215"/>
    </row>
    <row r="518" spans="1:21" ht="28">
      <c r="A518" s="8"/>
      <c r="B518" s="8"/>
      <c r="C518" s="8"/>
      <c r="D518" s="8"/>
      <c r="E518" s="8"/>
      <c r="F518" s="8"/>
      <c r="G518" s="8"/>
      <c r="H518" s="8">
        <v>28</v>
      </c>
      <c r="I518" s="8">
        <v>235</v>
      </c>
      <c r="J518" s="8" t="s">
        <v>90</v>
      </c>
      <c r="K518" s="8" t="s">
        <v>78</v>
      </c>
      <c r="L518" s="8" t="s">
        <v>71</v>
      </c>
      <c r="M518" s="8">
        <v>1</v>
      </c>
      <c r="N518" s="8" t="s">
        <v>514</v>
      </c>
      <c r="O518" s="8">
        <v>2</v>
      </c>
      <c r="P518" s="8">
        <v>2</v>
      </c>
      <c r="Q518" s="70" t="s">
        <v>624</v>
      </c>
      <c r="R518" s="10"/>
      <c r="S518" s="206"/>
      <c r="T518" s="215"/>
      <c r="U518" s="215"/>
    </row>
    <row r="519" spans="1:21">
      <c r="A519" s="8"/>
      <c r="B519" s="8"/>
      <c r="C519" s="8"/>
      <c r="D519" s="8"/>
      <c r="E519" s="8"/>
      <c r="F519" s="8"/>
      <c r="G519" s="8"/>
      <c r="H519" s="8">
        <v>29</v>
      </c>
      <c r="I519" s="8">
        <v>234</v>
      </c>
      <c r="J519" s="8" t="s">
        <v>88</v>
      </c>
      <c r="K519" s="8" t="s">
        <v>78</v>
      </c>
      <c r="L519" s="8" t="s">
        <v>71</v>
      </c>
      <c r="M519" s="8">
        <v>1</v>
      </c>
      <c r="N519" s="8" t="s">
        <v>509</v>
      </c>
      <c r="O519" s="8">
        <v>1</v>
      </c>
      <c r="P519" s="8">
        <v>48</v>
      </c>
      <c r="Q519" s="8"/>
      <c r="R519" s="10"/>
      <c r="S519" s="206"/>
      <c r="T519" s="215"/>
      <c r="U519" s="215"/>
    </row>
    <row r="520" spans="1:21" ht="28">
      <c r="A520" s="8"/>
      <c r="B520" s="8"/>
      <c r="C520" s="11"/>
      <c r="D520" s="11"/>
      <c r="E520" s="11"/>
      <c r="F520" s="11"/>
      <c r="G520" s="11"/>
      <c r="H520" s="11">
        <v>30</v>
      </c>
      <c r="I520" s="11">
        <v>235</v>
      </c>
      <c r="J520" s="11" t="s">
        <v>90</v>
      </c>
      <c r="K520" s="11" t="s">
        <v>78</v>
      </c>
      <c r="L520" s="8" t="s">
        <v>71</v>
      </c>
      <c r="M520" s="8">
        <v>1</v>
      </c>
      <c r="N520" s="8" t="s">
        <v>514</v>
      </c>
      <c r="O520" s="8">
        <v>2</v>
      </c>
      <c r="P520" s="8">
        <v>2</v>
      </c>
      <c r="Q520" s="70" t="s">
        <v>624</v>
      </c>
      <c r="R520" s="10"/>
      <c r="S520" s="206"/>
      <c r="T520" s="215"/>
      <c r="U520" s="215"/>
    </row>
    <row r="521" spans="1:21">
      <c r="A521" s="8"/>
      <c r="B521" s="8"/>
      <c r="C521" s="11"/>
      <c r="D521" s="11"/>
      <c r="E521" s="11"/>
      <c r="F521" s="11"/>
      <c r="G521" s="11"/>
      <c r="H521" s="11">
        <v>31</v>
      </c>
      <c r="I521" s="11">
        <v>234</v>
      </c>
      <c r="J521" s="11" t="s">
        <v>88</v>
      </c>
      <c r="K521" s="11" t="s">
        <v>78</v>
      </c>
      <c r="L521" s="8" t="s">
        <v>71</v>
      </c>
      <c r="M521" s="8">
        <v>1</v>
      </c>
      <c r="N521" s="11" t="s">
        <v>509</v>
      </c>
      <c r="O521" s="8">
        <v>1</v>
      </c>
      <c r="P521" s="8">
        <v>48</v>
      </c>
      <c r="Q521" s="8"/>
      <c r="R521" s="10"/>
      <c r="S521" s="206"/>
      <c r="T521" s="215"/>
      <c r="U521" s="215"/>
    </row>
    <row r="522" spans="1:21" ht="46.5">
      <c r="A522" s="17"/>
      <c r="B522" s="17"/>
      <c r="C522" s="17" t="s">
        <v>483</v>
      </c>
      <c r="D522" s="17" t="s">
        <v>484</v>
      </c>
      <c r="E522" s="17"/>
      <c r="F522" s="17"/>
      <c r="G522" s="17"/>
      <c r="H522" s="17"/>
      <c r="I522" s="17"/>
      <c r="J522" s="17"/>
      <c r="K522" s="17" t="s">
        <v>17</v>
      </c>
      <c r="L522" s="17" t="s">
        <v>71</v>
      </c>
      <c r="M522" s="17">
        <v>1</v>
      </c>
      <c r="N522" s="17"/>
      <c r="O522" s="17"/>
      <c r="P522" s="17"/>
      <c r="Q522" s="17"/>
      <c r="R522" s="10" t="s">
        <v>1036</v>
      </c>
      <c r="S522" s="307" t="s">
        <v>1495</v>
      </c>
      <c r="T522" s="205" t="s">
        <v>2</v>
      </c>
      <c r="U522" s="307" t="s">
        <v>2</v>
      </c>
    </row>
    <row r="523" spans="1:21">
      <c r="A523" s="8"/>
      <c r="B523" s="8"/>
      <c r="C523" s="8"/>
      <c r="D523" s="8"/>
      <c r="E523" s="8"/>
      <c r="F523" s="8"/>
      <c r="G523" s="8"/>
      <c r="H523" s="8">
        <v>1</v>
      </c>
      <c r="I523" s="8">
        <v>350</v>
      </c>
      <c r="J523" s="8" t="s">
        <v>108</v>
      </c>
      <c r="K523" s="8" t="s">
        <v>17</v>
      </c>
      <c r="L523" s="8" t="s">
        <v>71</v>
      </c>
      <c r="M523" s="8">
        <v>1</v>
      </c>
      <c r="N523" s="8" t="s">
        <v>509</v>
      </c>
      <c r="O523" s="8">
        <v>1</v>
      </c>
      <c r="P523" s="8">
        <v>20</v>
      </c>
      <c r="Q523" s="72" t="s">
        <v>780</v>
      </c>
      <c r="R523" s="10"/>
      <c r="S523" s="206"/>
      <c r="T523" s="215"/>
      <c r="U523" s="215"/>
    </row>
    <row r="524" spans="1:21">
      <c r="A524" s="8"/>
      <c r="B524" s="8"/>
      <c r="C524" s="8"/>
      <c r="D524" s="8"/>
      <c r="E524" s="8"/>
      <c r="F524" s="8"/>
      <c r="G524" s="8"/>
      <c r="H524" s="8">
        <v>2</v>
      </c>
      <c r="I524" s="8">
        <v>382</v>
      </c>
      <c r="J524" s="8" t="s">
        <v>485</v>
      </c>
      <c r="K524" s="8" t="s">
        <v>66</v>
      </c>
      <c r="L524" s="8" t="s">
        <v>65</v>
      </c>
      <c r="M524" s="8">
        <v>1</v>
      </c>
      <c r="N524" s="8" t="s">
        <v>438</v>
      </c>
      <c r="O524" s="8">
        <v>1</v>
      </c>
      <c r="P524" s="8">
        <v>10</v>
      </c>
      <c r="Q524" s="72"/>
      <c r="R524" s="10"/>
      <c r="S524" s="206"/>
      <c r="T524" s="215"/>
      <c r="U524" s="215"/>
    </row>
    <row r="525" spans="1:21" ht="28">
      <c r="A525" s="8"/>
      <c r="B525" s="8"/>
      <c r="C525" s="8"/>
      <c r="D525" s="8"/>
      <c r="E525" s="8"/>
      <c r="F525" s="8"/>
      <c r="G525" s="8"/>
      <c r="H525" s="8">
        <v>3</v>
      </c>
      <c r="I525" s="8">
        <v>355</v>
      </c>
      <c r="J525" s="8" t="s">
        <v>103</v>
      </c>
      <c r="K525" s="8" t="s">
        <v>66</v>
      </c>
      <c r="L525" s="8" t="s">
        <v>65</v>
      </c>
      <c r="M525" s="8">
        <v>1</v>
      </c>
      <c r="N525" s="8" t="s">
        <v>514</v>
      </c>
      <c r="O525" s="8">
        <v>2</v>
      </c>
      <c r="P525" s="8">
        <v>2</v>
      </c>
      <c r="Q525" s="70" t="s">
        <v>624</v>
      </c>
      <c r="R525" s="10"/>
      <c r="S525" s="206"/>
      <c r="T525" s="215"/>
      <c r="U525" s="215"/>
    </row>
    <row r="526" spans="1:21">
      <c r="A526" s="8"/>
      <c r="B526" s="8"/>
      <c r="C526" s="8"/>
      <c r="D526" s="8"/>
      <c r="E526" s="8"/>
      <c r="F526" s="8"/>
      <c r="G526" s="8"/>
      <c r="H526" s="19">
        <v>4</v>
      </c>
      <c r="I526" s="19">
        <v>646</v>
      </c>
      <c r="J526" s="19" t="s">
        <v>486</v>
      </c>
      <c r="K526" s="19" t="s">
        <v>17</v>
      </c>
      <c r="L526" s="19" t="s">
        <v>174</v>
      </c>
      <c r="M526" s="19">
        <v>1</v>
      </c>
      <c r="N526" s="19" t="s">
        <v>438</v>
      </c>
      <c r="O526" s="19">
        <v>1</v>
      </c>
      <c r="P526" s="19">
        <v>15</v>
      </c>
      <c r="Q526" s="19"/>
      <c r="R526" s="10"/>
      <c r="S526" s="206"/>
      <c r="T526" s="215"/>
      <c r="U526" s="215"/>
    </row>
    <row r="527" spans="1:21">
      <c r="A527" s="8"/>
      <c r="B527" s="8"/>
      <c r="C527" s="8"/>
      <c r="D527" s="8"/>
      <c r="E527" s="8"/>
      <c r="F527" s="8"/>
      <c r="G527" s="8"/>
      <c r="H527" s="8">
        <v>5</v>
      </c>
      <c r="I527" s="8">
        <v>330</v>
      </c>
      <c r="J527" s="8" t="s">
        <v>351</v>
      </c>
      <c r="K527" s="8" t="s">
        <v>78</v>
      </c>
      <c r="L527" s="8" t="s">
        <v>71</v>
      </c>
      <c r="M527" s="8">
        <v>1</v>
      </c>
      <c r="N527" s="8" t="s">
        <v>438</v>
      </c>
      <c r="O527" s="8">
        <v>1</v>
      </c>
      <c r="P527" s="8">
        <v>15</v>
      </c>
      <c r="Q527" s="72"/>
      <c r="R527" s="10"/>
      <c r="S527" s="206"/>
      <c r="T527" s="215"/>
      <c r="U527" s="215"/>
    </row>
    <row r="528" spans="1:21" ht="28">
      <c r="A528" s="8"/>
      <c r="B528" s="8"/>
      <c r="C528" s="8"/>
      <c r="D528" s="8"/>
      <c r="E528" s="8"/>
      <c r="F528" s="8"/>
      <c r="G528" s="8"/>
      <c r="H528" s="8">
        <v>6</v>
      </c>
      <c r="I528" s="8">
        <v>355</v>
      </c>
      <c r="J528" s="8" t="s">
        <v>103</v>
      </c>
      <c r="K528" s="8" t="s">
        <v>78</v>
      </c>
      <c r="L528" s="8" t="s">
        <v>71</v>
      </c>
      <c r="M528" s="8">
        <v>1</v>
      </c>
      <c r="N528" s="8" t="s">
        <v>514</v>
      </c>
      <c r="O528" s="8">
        <v>2</v>
      </c>
      <c r="P528" s="8">
        <v>2</v>
      </c>
      <c r="Q528" s="70" t="s">
        <v>624</v>
      </c>
      <c r="R528" s="10"/>
      <c r="S528" s="206"/>
      <c r="T528" s="215"/>
      <c r="U528" s="215"/>
    </row>
    <row r="529" spans="1:21">
      <c r="A529" s="17"/>
      <c r="B529" s="17"/>
      <c r="C529" s="17" t="s">
        <v>111</v>
      </c>
      <c r="D529" s="17" t="s">
        <v>487</v>
      </c>
      <c r="E529" s="17"/>
      <c r="F529" s="17"/>
      <c r="G529" s="17"/>
      <c r="H529" s="17"/>
      <c r="I529" s="17"/>
      <c r="J529" s="17"/>
      <c r="K529" s="17" t="s">
        <v>17</v>
      </c>
      <c r="L529" s="17" t="s">
        <v>71</v>
      </c>
      <c r="M529" s="17">
        <v>1000</v>
      </c>
      <c r="N529" s="17"/>
      <c r="O529" s="17"/>
      <c r="P529" s="17"/>
      <c r="Q529" s="138"/>
      <c r="R529" s="10"/>
      <c r="S529" s="206"/>
      <c r="T529" s="215"/>
      <c r="U529" s="215"/>
    </row>
    <row r="530" spans="1:21">
      <c r="A530" s="8"/>
      <c r="B530" s="8"/>
      <c r="C530" s="8"/>
      <c r="D530" s="8"/>
      <c r="E530" s="8"/>
      <c r="F530" s="8"/>
      <c r="G530" s="8"/>
      <c r="H530" s="8">
        <v>1</v>
      </c>
      <c r="I530" s="8">
        <v>350</v>
      </c>
      <c r="J530" s="8" t="s">
        <v>108</v>
      </c>
      <c r="K530" s="8" t="s">
        <v>66</v>
      </c>
      <c r="L530" s="8" t="s">
        <v>65</v>
      </c>
      <c r="M530" s="8">
        <v>1</v>
      </c>
      <c r="N530" s="8" t="s">
        <v>509</v>
      </c>
      <c r="O530" s="8">
        <v>1</v>
      </c>
      <c r="P530" s="8">
        <v>20</v>
      </c>
      <c r="Q530" s="72"/>
      <c r="R530" s="10"/>
      <c r="S530" s="206"/>
      <c r="T530" s="215"/>
      <c r="U530" s="215"/>
    </row>
    <row r="531" spans="1:21">
      <c r="A531" s="8"/>
      <c r="B531" s="8"/>
      <c r="C531" s="8"/>
      <c r="D531" s="8"/>
      <c r="E531" s="8"/>
      <c r="F531" s="8"/>
      <c r="G531" s="8"/>
      <c r="H531" s="19">
        <v>2</v>
      </c>
      <c r="I531" s="19">
        <v>350</v>
      </c>
      <c r="J531" s="19" t="s">
        <v>108</v>
      </c>
      <c r="K531" s="19" t="s">
        <v>17</v>
      </c>
      <c r="L531" s="19" t="s">
        <v>174</v>
      </c>
      <c r="M531" s="19">
        <v>1</v>
      </c>
      <c r="N531" s="19" t="s">
        <v>509</v>
      </c>
      <c r="O531" s="19">
        <v>1</v>
      </c>
      <c r="P531" s="19">
        <v>20</v>
      </c>
      <c r="Q531" s="19"/>
      <c r="R531" s="10"/>
      <c r="S531" s="206"/>
      <c r="T531" s="215"/>
      <c r="U531" s="215"/>
    </row>
    <row r="532" spans="1:21">
      <c r="A532" s="8"/>
      <c r="B532" s="8"/>
      <c r="C532" s="8"/>
      <c r="D532" s="8"/>
      <c r="E532" s="8"/>
      <c r="F532" s="8"/>
      <c r="G532" s="8"/>
      <c r="H532" s="8">
        <v>3</v>
      </c>
      <c r="I532" s="8">
        <v>662</v>
      </c>
      <c r="J532" s="8" t="s">
        <v>97</v>
      </c>
      <c r="K532" s="8" t="s">
        <v>66</v>
      </c>
      <c r="L532" s="8" t="s">
        <v>65</v>
      </c>
      <c r="M532" s="8">
        <v>1</v>
      </c>
      <c r="N532" s="8" t="s">
        <v>514</v>
      </c>
      <c r="O532" s="8">
        <v>1</v>
      </c>
      <c r="P532" s="8">
        <v>1</v>
      </c>
      <c r="Q532" s="8" t="s">
        <v>744</v>
      </c>
      <c r="R532" s="10"/>
      <c r="S532" s="206"/>
      <c r="T532" s="215"/>
      <c r="U532" s="215"/>
    </row>
    <row r="533" spans="1:21">
      <c r="A533" s="8"/>
      <c r="B533" s="8"/>
      <c r="C533" s="8"/>
      <c r="D533" s="8"/>
      <c r="E533" s="8"/>
      <c r="F533" s="8"/>
      <c r="G533" s="8"/>
      <c r="H533" s="19">
        <v>4</v>
      </c>
      <c r="I533" s="19">
        <v>380</v>
      </c>
      <c r="J533" s="19" t="s">
        <v>105</v>
      </c>
      <c r="K533" s="19" t="s">
        <v>17</v>
      </c>
      <c r="L533" s="19" t="s">
        <v>174</v>
      </c>
      <c r="M533" s="19">
        <v>1</v>
      </c>
      <c r="N533" s="19" t="s">
        <v>438</v>
      </c>
      <c r="O533" s="19">
        <v>1</v>
      </c>
      <c r="P533" s="19">
        <v>15</v>
      </c>
      <c r="Q533" s="19"/>
      <c r="R533" s="10"/>
      <c r="S533" s="206"/>
      <c r="T533" s="215"/>
      <c r="U533" s="215"/>
    </row>
    <row r="534" spans="1:21">
      <c r="D534" s="8"/>
      <c r="E534" s="11">
        <v>5</v>
      </c>
      <c r="F534" s="11" t="s">
        <v>186</v>
      </c>
      <c r="G534" s="11" t="s">
        <v>427</v>
      </c>
      <c r="H534" s="11"/>
      <c r="I534" s="11"/>
      <c r="J534" s="11"/>
      <c r="K534" s="11" t="s">
        <v>78</v>
      </c>
      <c r="L534" s="11" t="s">
        <v>71</v>
      </c>
      <c r="M534" s="11">
        <v>1</v>
      </c>
      <c r="N534" s="11"/>
      <c r="O534" s="11"/>
      <c r="P534" s="11"/>
      <c r="S534" s="313"/>
      <c r="T534" s="302"/>
      <c r="U534" s="302"/>
    </row>
    <row r="535" spans="1:21">
      <c r="A535" s="8"/>
      <c r="B535" s="8"/>
      <c r="C535" s="8"/>
      <c r="D535" s="8"/>
      <c r="E535" s="8"/>
      <c r="F535" s="8"/>
      <c r="G535" s="8"/>
      <c r="H535" s="19">
        <v>1</v>
      </c>
      <c r="I535" s="19">
        <v>355</v>
      </c>
      <c r="J535" s="19" t="s">
        <v>103</v>
      </c>
      <c r="K535" s="19" t="s">
        <v>78</v>
      </c>
      <c r="L535" s="19" t="s">
        <v>174</v>
      </c>
      <c r="M535" s="19">
        <v>1</v>
      </c>
      <c r="N535" s="19" t="s">
        <v>514</v>
      </c>
      <c r="O535" s="19">
        <v>2</v>
      </c>
      <c r="P535" s="19">
        <v>2</v>
      </c>
      <c r="Q535" s="19"/>
      <c r="R535" s="10"/>
      <c r="S535" s="206"/>
      <c r="T535" s="215"/>
      <c r="U535" s="215"/>
    </row>
    <row r="536" spans="1:21">
      <c r="A536" s="8"/>
      <c r="B536" s="8"/>
      <c r="C536" s="8"/>
      <c r="D536" s="8"/>
      <c r="E536" s="8"/>
      <c r="F536" s="8"/>
      <c r="G536" s="8"/>
      <c r="H536" s="8">
        <v>6</v>
      </c>
      <c r="I536" s="8">
        <v>212</v>
      </c>
      <c r="J536" s="8" t="s">
        <v>101</v>
      </c>
      <c r="K536" s="8" t="s">
        <v>78</v>
      </c>
      <c r="L536" s="8" t="s">
        <v>71</v>
      </c>
      <c r="M536" s="11">
        <v>1</v>
      </c>
      <c r="N536" s="11" t="s">
        <v>438</v>
      </c>
      <c r="O536" s="11">
        <v>1</v>
      </c>
      <c r="P536" s="11">
        <v>17</v>
      </c>
      <c r="Q536" s="72"/>
      <c r="R536" s="10"/>
      <c r="S536" s="206"/>
      <c r="T536" s="215"/>
      <c r="U536" s="215"/>
    </row>
    <row r="537" spans="1:21">
      <c r="A537" s="17"/>
      <c r="B537" s="17"/>
      <c r="C537" s="17" t="s">
        <v>488</v>
      </c>
      <c r="D537" s="17" t="s">
        <v>489</v>
      </c>
      <c r="E537" s="17"/>
      <c r="F537" s="17"/>
      <c r="G537" s="17"/>
      <c r="H537" s="17"/>
      <c r="I537" s="17"/>
      <c r="J537" s="17"/>
      <c r="K537" s="17" t="s">
        <v>17</v>
      </c>
      <c r="L537" s="17" t="s">
        <v>71</v>
      </c>
      <c r="M537" s="17">
        <v>1</v>
      </c>
      <c r="N537" s="17"/>
      <c r="O537" s="17"/>
      <c r="P537" s="17"/>
      <c r="Q537" s="74"/>
      <c r="R537" s="10"/>
      <c r="S537" s="206"/>
      <c r="T537" s="215"/>
      <c r="U537" s="215"/>
    </row>
    <row r="538" spans="1:21">
      <c r="A538" s="8"/>
      <c r="B538" s="8"/>
      <c r="C538" s="8"/>
      <c r="D538" s="8"/>
      <c r="E538" s="8"/>
      <c r="F538" s="8"/>
      <c r="G538" s="8"/>
      <c r="H538" s="8">
        <v>1</v>
      </c>
      <c r="I538" s="8">
        <v>356</v>
      </c>
      <c r="J538" s="8" t="s">
        <v>490</v>
      </c>
      <c r="K538" s="8" t="s">
        <v>17</v>
      </c>
      <c r="L538" s="8" t="s">
        <v>71</v>
      </c>
      <c r="M538" s="8">
        <v>1</v>
      </c>
      <c r="N538" s="8" t="s">
        <v>510</v>
      </c>
      <c r="O538" s="8">
        <v>1</v>
      </c>
      <c r="P538" s="8">
        <v>6</v>
      </c>
      <c r="Q538" s="72"/>
      <c r="R538" s="10"/>
      <c r="S538" s="206"/>
      <c r="T538" s="215"/>
      <c r="U538" s="215"/>
    </row>
    <row r="539" spans="1:21">
      <c r="A539" s="8"/>
      <c r="B539" s="8"/>
      <c r="C539" s="8"/>
      <c r="D539" s="8"/>
      <c r="E539" s="8"/>
      <c r="F539" s="8"/>
      <c r="G539" s="8"/>
      <c r="H539" s="8">
        <v>2</v>
      </c>
      <c r="I539" s="8">
        <v>357</v>
      </c>
      <c r="J539" s="8" t="s">
        <v>491</v>
      </c>
      <c r="K539" s="8" t="s">
        <v>78</v>
      </c>
      <c r="L539" s="8" t="s">
        <v>71</v>
      </c>
      <c r="M539" s="8">
        <v>1</v>
      </c>
      <c r="N539" s="8" t="s">
        <v>438</v>
      </c>
      <c r="O539" s="8">
        <v>1</v>
      </c>
      <c r="P539" s="8">
        <v>8</v>
      </c>
      <c r="Q539" s="72"/>
      <c r="R539" s="10"/>
      <c r="S539" s="206"/>
      <c r="T539" s="215"/>
      <c r="U539" s="215"/>
    </row>
    <row r="540" spans="1:21" ht="28">
      <c r="A540" s="8"/>
      <c r="B540" s="8"/>
      <c r="C540" s="8"/>
      <c r="D540" s="8"/>
      <c r="E540" s="8"/>
      <c r="F540" s="8"/>
      <c r="G540" s="8"/>
      <c r="H540" s="8">
        <v>3</v>
      </c>
      <c r="I540" s="8">
        <v>355</v>
      </c>
      <c r="J540" s="8" t="s">
        <v>103</v>
      </c>
      <c r="K540" s="8" t="s">
        <v>78</v>
      </c>
      <c r="L540" s="8" t="s">
        <v>71</v>
      </c>
      <c r="M540" s="8">
        <v>1</v>
      </c>
      <c r="N540" s="8" t="s">
        <v>514</v>
      </c>
      <c r="O540" s="8">
        <v>2</v>
      </c>
      <c r="P540" s="8">
        <v>2</v>
      </c>
      <c r="Q540" s="70" t="s">
        <v>624</v>
      </c>
      <c r="R540" s="10"/>
      <c r="S540" s="206"/>
      <c r="T540" s="215"/>
      <c r="U540" s="215"/>
    </row>
    <row r="541" spans="1:21" ht="28">
      <c r="A541" s="8"/>
      <c r="B541" s="8"/>
      <c r="C541" s="8"/>
      <c r="D541" s="8"/>
      <c r="E541" s="8"/>
      <c r="F541" s="8"/>
      <c r="G541" s="8"/>
      <c r="H541" s="8">
        <v>4</v>
      </c>
      <c r="I541" s="8">
        <v>103</v>
      </c>
      <c r="J541" s="8" t="s">
        <v>448</v>
      </c>
      <c r="K541" s="8" t="s">
        <v>78</v>
      </c>
      <c r="L541" s="8" t="s">
        <v>71</v>
      </c>
      <c r="M541" s="8">
        <v>1</v>
      </c>
      <c r="N541" s="8" t="s">
        <v>509</v>
      </c>
      <c r="O541" s="8">
        <v>3</v>
      </c>
      <c r="P541" s="8">
        <v>5</v>
      </c>
      <c r="Q541" s="70" t="s">
        <v>624</v>
      </c>
      <c r="R541" s="10"/>
      <c r="S541" s="206"/>
      <c r="T541" s="215"/>
      <c r="U541" s="215"/>
    </row>
    <row r="542" spans="1:21">
      <c r="A542" s="8"/>
      <c r="B542" s="8"/>
      <c r="C542" s="8"/>
      <c r="D542" s="8"/>
      <c r="E542" s="8"/>
      <c r="F542" s="8"/>
      <c r="G542" s="8"/>
      <c r="H542" s="19">
        <v>5</v>
      </c>
      <c r="I542" s="19">
        <v>187</v>
      </c>
      <c r="J542" s="19" t="s">
        <v>453</v>
      </c>
      <c r="K542" s="19" t="s">
        <v>17</v>
      </c>
      <c r="L542" s="19" t="s">
        <v>174</v>
      </c>
      <c r="M542" s="19">
        <v>1</v>
      </c>
      <c r="N542" s="19" t="s">
        <v>514</v>
      </c>
      <c r="O542" s="19">
        <v>1</v>
      </c>
      <c r="P542" s="19">
        <v>2</v>
      </c>
      <c r="Q542" s="19"/>
      <c r="R542" s="10"/>
      <c r="S542" s="206"/>
      <c r="T542" s="215"/>
      <c r="U542" s="215"/>
    </row>
    <row r="543" spans="1:21">
      <c r="A543" s="8"/>
      <c r="B543" s="8"/>
      <c r="C543" s="8"/>
      <c r="D543" s="8"/>
      <c r="E543" s="8"/>
      <c r="F543" s="8"/>
      <c r="G543" s="8"/>
      <c r="H543" s="8">
        <v>6</v>
      </c>
      <c r="I543" s="8">
        <v>384</v>
      </c>
      <c r="J543" s="8" t="s">
        <v>492</v>
      </c>
      <c r="K543" s="8" t="s">
        <v>78</v>
      </c>
      <c r="L543" s="8" t="s">
        <v>71</v>
      </c>
      <c r="M543" s="8">
        <v>1</v>
      </c>
      <c r="N543" s="8" t="s">
        <v>438</v>
      </c>
      <c r="O543" s="8">
        <v>1</v>
      </c>
      <c r="P543" s="8">
        <v>9</v>
      </c>
      <c r="Q543" s="72"/>
      <c r="R543" s="10"/>
      <c r="S543" s="206"/>
      <c r="T543" s="215"/>
      <c r="U543" s="215"/>
    </row>
    <row r="544" spans="1:21" ht="28">
      <c r="A544" s="8"/>
      <c r="B544" s="8"/>
      <c r="C544" s="8"/>
      <c r="D544" s="8"/>
      <c r="E544" s="8"/>
      <c r="F544" s="8"/>
      <c r="G544" s="8"/>
      <c r="H544" s="8">
        <v>7</v>
      </c>
      <c r="I544" s="8">
        <v>355</v>
      </c>
      <c r="J544" s="8" t="s">
        <v>103</v>
      </c>
      <c r="K544" s="8" t="s">
        <v>78</v>
      </c>
      <c r="L544" s="8" t="s">
        <v>71</v>
      </c>
      <c r="M544" s="8">
        <v>1</v>
      </c>
      <c r="N544" s="8" t="s">
        <v>514</v>
      </c>
      <c r="O544" s="8">
        <v>2</v>
      </c>
      <c r="P544" s="8">
        <v>2</v>
      </c>
      <c r="Q544" s="70" t="s">
        <v>624</v>
      </c>
      <c r="R544" s="10"/>
      <c r="S544" s="206"/>
      <c r="T544" s="215"/>
      <c r="U544" s="215"/>
    </row>
    <row r="545" spans="1:21">
      <c r="A545" s="8"/>
      <c r="B545" s="8"/>
      <c r="C545" s="8"/>
      <c r="D545" s="8"/>
      <c r="E545" s="8"/>
      <c r="F545" s="8"/>
      <c r="G545" s="8"/>
      <c r="H545" s="8">
        <v>8</v>
      </c>
      <c r="I545" s="8">
        <v>385</v>
      </c>
      <c r="J545" s="8" t="s">
        <v>493</v>
      </c>
      <c r="K545" s="8" t="s">
        <v>78</v>
      </c>
      <c r="L545" s="8" t="s">
        <v>71</v>
      </c>
      <c r="M545" s="8">
        <v>1</v>
      </c>
      <c r="N545" s="8" t="s">
        <v>438</v>
      </c>
      <c r="O545" s="8">
        <v>1</v>
      </c>
      <c r="P545" s="8">
        <v>9</v>
      </c>
      <c r="Q545" s="72"/>
      <c r="R545" s="10"/>
      <c r="S545" s="206"/>
      <c r="T545" s="215"/>
      <c r="U545" s="215"/>
    </row>
    <row r="546" spans="1:21" ht="28">
      <c r="A546" s="8"/>
      <c r="B546" s="8"/>
      <c r="C546" s="8"/>
      <c r="D546" s="8"/>
      <c r="E546" s="8"/>
      <c r="F546" s="8"/>
      <c r="G546" s="8"/>
      <c r="H546" s="8">
        <v>9</v>
      </c>
      <c r="I546" s="8">
        <v>355</v>
      </c>
      <c r="J546" s="8" t="s">
        <v>103</v>
      </c>
      <c r="K546" s="8" t="s">
        <v>78</v>
      </c>
      <c r="L546" s="8" t="s">
        <v>71</v>
      </c>
      <c r="M546" s="8">
        <v>1</v>
      </c>
      <c r="N546" s="8" t="s">
        <v>514</v>
      </c>
      <c r="O546" s="8">
        <v>2</v>
      </c>
      <c r="P546" s="8">
        <v>2</v>
      </c>
      <c r="Q546" s="70" t="s">
        <v>624</v>
      </c>
      <c r="R546" s="10"/>
      <c r="S546" s="206"/>
      <c r="T546" s="215"/>
      <c r="U546" s="215"/>
    </row>
    <row r="547" spans="1:21">
      <c r="A547" s="8"/>
      <c r="B547" s="8"/>
      <c r="C547" s="8"/>
      <c r="D547" s="8"/>
      <c r="E547" s="8"/>
      <c r="F547" s="8"/>
      <c r="G547" s="8"/>
      <c r="H547" s="8">
        <v>10</v>
      </c>
      <c r="I547" s="8">
        <v>82</v>
      </c>
      <c r="J547" s="8" t="s">
        <v>494</v>
      </c>
      <c r="K547" s="8" t="s">
        <v>78</v>
      </c>
      <c r="L547" s="8" t="s">
        <v>71</v>
      </c>
      <c r="M547" s="8">
        <v>1</v>
      </c>
      <c r="N547" s="8" t="s">
        <v>438</v>
      </c>
      <c r="O547" s="8">
        <v>1</v>
      </c>
      <c r="P547" s="8">
        <v>8</v>
      </c>
      <c r="Q547" s="72"/>
      <c r="R547" s="10"/>
      <c r="S547" s="206"/>
      <c r="T547" s="215"/>
      <c r="U547" s="215"/>
    </row>
    <row r="548" spans="1:21">
      <c r="A548" s="8"/>
      <c r="B548" s="8"/>
      <c r="C548" s="8"/>
      <c r="D548" s="8"/>
      <c r="E548" s="8"/>
      <c r="F548" s="8"/>
      <c r="G548" s="8"/>
      <c r="H548" s="8">
        <v>11</v>
      </c>
      <c r="I548" s="8">
        <v>189</v>
      </c>
      <c r="J548" s="8" t="s">
        <v>495</v>
      </c>
      <c r="K548" s="8" t="s">
        <v>78</v>
      </c>
      <c r="L548" s="8" t="s">
        <v>71</v>
      </c>
      <c r="M548" s="8">
        <v>1</v>
      </c>
      <c r="N548" s="8" t="s">
        <v>438</v>
      </c>
      <c r="O548" s="8">
        <v>1</v>
      </c>
      <c r="P548" s="8">
        <v>8</v>
      </c>
      <c r="Q548" s="72"/>
      <c r="R548" s="10"/>
      <c r="S548" s="206"/>
      <c r="T548" s="215"/>
      <c r="U548" s="215"/>
    </row>
    <row r="549" spans="1:21">
      <c r="A549" s="8"/>
      <c r="B549" s="8"/>
      <c r="C549" s="8"/>
      <c r="D549" s="8"/>
      <c r="E549" s="8"/>
      <c r="F549" s="8"/>
      <c r="G549" s="8"/>
      <c r="H549" s="8">
        <v>12</v>
      </c>
      <c r="I549" s="8">
        <v>65</v>
      </c>
      <c r="J549" s="8" t="s">
        <v>496</v>
      </c>
      <c r="K549" s="8" t="s">
        <v>78</v>
      </c>
      <c r="L549" s="8" t="s">
        <v>71</v>
      </c>
      <c r="M549" s="8">
        <v>1</v>
      </c>
      <c r="N549" s="8" t="s">
        <v>438</v>
      </c>
      <c r="O549" s="8">
        <v>1</v>
      </c>
      <c r="P549" s="8">
        <v>8</v>
      </c>
      <c r="Q549" s="72"/>
      <c r="R549" s="10"/>
      <c r="S549" s="206"/>
      <c r="T549" s="215"/>
      <c r="U549" s="215"/>
    </row>
    <row r="550" spans="1:21" ht="28">
      <c r="A550" s="8"/>
      <c r="B550" s="8"/>
      <c r="C550" s="8"/>
      <c r="D550" s="8"/>
      <c r="E550" s="8"/>
      <c r="F550" s="8"/>
      <c r="G550" s="8"/>
      <c r="H550" s="8">
        <v>13</v>
      </c>
      <c r="I550" s="8">
        <v>355</v>
      </c>
      <c r="J550" s="8" t="s">
        <v>103</v>
      </c>
      <c r="K550" s="8" t="s">
        <v>78</v>
      </c>
      <c r="L550" s="8" t="s">
        <v>71</v>
      </c>
      <c r="M550" s="8">
        <v>1</v>
      </c>
      <c r="N550" s="8" t="s">
        <v>514</v>
      </c>
      <c r="O550" s="8">
        <v>2</v>
      </c>
      <c r="P550" s="8">
        <v>2</v>
      </c>
      <c r="Q550" s="70" t="s">
        <v>624</v>
      </c>
      <c r="R550" s="10"/>
      <c r="S550" s="206"/>
      <c r="T550" s="215"/>
      <c r="U550" s="215"/>
    </row>
    <row r="551" spans="1:21">
      <c r="A551" s="17"/>
      <c r="B551" s="17"/>
      <c r="C551" s="17" t="s">
        <v>298</v>
      </c>
      <c r="D551" s="17" t="s">
        <v>426</v>
      </c>
      <c r="E551" s="17"/>
      <c r="F551" s="17"/>
      <c r="G551" s="17"/>
      <c r="H551" s="17"/>
      <c r="I551" s="17"/>
      <c r="J551" s="17"/>
      <c r="K551" s="17" t="s">
        <v>17</v>
      </c>
      <c r="L551" s="17" t="s">
        <v>71</v>
      </c>
      <c r="M551" s="17">
        <v>200</v>
      </c>
      <c r="N551" s="17"/>
      <c r="O551" s="17"/>
      <c r="P551" s="17"/>
      <c r="Q551" s="138"/>
      <c r="R551" s="10" t="s">
        <v>1700</v>
      </c>
      <c r="S551" s="206" t="s">
        <v>1084</v>
      </c>
      <c r="T551" s="215" t="s">
        <v>17</v>
      </c>
      <c r="U551" s="215" t="s">
        <v>17</v>
      </c>
    </row>
    <row r="552" spans="1:21">
      <c r="A552" s="8"/>
      <c r="B552" s="8"/>
      <c r="C552" s="8"/>
      <c r="D552" s="8"/>
      <c r="E552" s="8"/>
      <c r="F552" s="8"/>
      <c r="G552" s="8"/>
      <c r="H552" s="8">
        <v>1</v>
      </c>
      <c r="I552" s="8">
        <v>349</v>
      </c>
      <c r="J552" s="8" t="s">
        <v>201</v>
      </c>
      <c r="K552" s="8" t="s">
        <v>66</v>
      </c>
      <c r="L552" s="8" t="s">
        <v>65</v>
      </c>
      <c r="M552" s="8">
        <v>1</v>
      </c>
      <c r="N552" s="8" t="s">
        <v>514</v>
      </c>
      <c r="O552" s="8">
        <v>1</v>
      </c>
      <c r="P552" s="8">
        <v>1</v>
      </c>
      <c r="Q552" s="72" t="s">
        <v>666</v>
      </c>
      <c r="R552" s="10"/>
      <c r="S552" s="206"/>
      <c r="T552" s="215"/>
      <c r="U552" s="215"/>
    </row>
    <row r="553" spans="1:21">
      <c r="A553" s="8"/>
      <c r="B553" s="8"/>
      <c r="C553" s="8"/>
      <c r="D553" s="8"/>
      <c r="E553" s="8"/>
      <c r="F553" s="8"/>
      <c r="G553" s="8"/>
      <c r="H553" s="8">
        <v>2</v>
      </c>
      <c r="I553" s="8">
        <v>750</v>
      </c>
      <c r="J553" s="8" t="s">
        <v>295</v>
      </c>
      <c r="K553" s="8" t="s">
        <v>17</v>
      </c>
      <c r="L553" s="8" t="s">
        <v>71</v>
      </c>
      <c r="M553" s="8">
        <v>1</v>
      </c>
      <c r="N553" s="8" t="s">
        <v>514</v>
      </c>
      <c r="O553" s="8">
        <v>2</v>
      </c>
      <c r="P553" s="8">
        <v>3</v>
      </c>
      <c r="Q553" s="72" t="s">
        <v>712</v>
      </c>
      <c r="R553" s="10"/>
      <c r="S553" s="206"/>
      <c r="T553" s="215"/>
      <c r="U553" s="215"/>
    </row>
    <row r="554" spans="1:21">
      <c r="A554" s="8"/>
      <c r="B554" s="8"/>
      <c r="C554" s="8"/>
      <c r="D554" s="8"/>
      <c r="E554" s="8"/>
      <c r="F554" s="8"/>
      <c r="G554" s="8"/>
      <c r="H554" s="19">
        <v>3</v>
      </c>
      <c r="I554" s="19">
        <v>559</v>
      </c>
      <c r="J554" s="19" t="s">
        <v>197</v>
      </c>
      <c r="K554" s="19" t="s">
        <v>17</v>
      </c>
      <c r="L554" s="19" t="s">
        <v>174</v>
      </c>
      <c r="M554" s="19">
        <v>1</v>
      </c>
      <c r="N554" s="19" t="s">
        <v>514</v>
      </c>
      <c r="O554" s="19">
        <v>2</v>
      </c>
      <c r="P554" s="19">
        <v>2</v>
      </c>
      <c r="Q554" s="25"/>
      <c r="R554" s="10"/>
      <c r="S554" s="206"/>
      <c r="T554" s="215"/>
      <c r="U554" s="215"/>
    </row>
    <row r="555" spans="1:21">
      <c r="A555" s="8"/>
      <c r="B555" s="8"/>
      <c r="C555" s="8"/>
      <c r="D555" s="8"/>
      <c r="E555" s="8"/>
      <c r="F555" s="8"/>
      <c r="G555" s="8"/>
      <c r="H555" s="19">
        <v>4</v>
      </c>
      <c r="I555" s="19">
        <v>751</v>
      </c>
      <c r="J555" s="19" t="s">
        <v>292</v>
      </c>
      <c r="K555" s="19" t="s">
        <v>17</v>
      </c>
      <c r="L555" s="19" t="s">
        <v>174</v>
      </c>
      <c r="M555" s="19">
        <v>1</v>
      </c>
      <c r="N555" s="19" t="s">
        <v>509</v>
      </c>
      <c r="O555" s="19">
        <v>1</v>
      </c>
      <c r="P555" s="19">
        <v>12</v>
      </c>
      <c r="Q555" s="25"/>
      <c r="R555" s="10"/>
      <c r="S555" s="206"/>
      <c r="T555" s="215"/>
      <c r="U555" s="215"/>
    </row>
    <row r="556" spans="1:21">
      <c r="A556" s="8"/>
      <c r="B556" s="8"/>
      <c r="C556" s="8"/>
      <c r="D556" s="8"/>
      <c r="E556" s="8"/>
      <c r="F556" s="8"/>
      <c r="G556" s="8"/>
      <c r="H556" s="11">
        <v>5</v>
      </c>
      <c r="I556" s="11">
        <v>352</v>
      </c>
      <c r="J556" s="11" t="s">
        <v>3</v>
      </c>
      <c r="K556" s="11" t="s">
        <v>78</v>
      </c>
      <c r="L556" s="8" t="s">
        <v>71</v>
      </c>
      <c r="M556" s="8">
        <v>1</v>
      </c>
      <c r="N556" s="8" t="s">
        <v>509</v>
      </c>
      <c r="O556" s="8">
        <v>1</v>
      </c>
      <c r="P556" s="8">
        <v>80</v>
      </c>
      <c r="Q556" s="18"/>
      <c r="R556" s="10"/>
      <c r="S556" s="206"/>
      <c r="T556" s="215"/>
      <c r="U556" s="215"/>
    </row>
    <row r="557" spans="1:21">
      <c r="A557" s="8"/>
      <c r="B557" s="8"/>
      <c r="C557" s="8"/>
      <c r="D557" s="8"/>
      <c r="E557" s="8"/>
      <c r="F557" s="8"/>
      <c r="G557" s="8"/>
      <c r="H557" s="19">
        <v>6</v>
      </c>
      <c r="I557" s="19">
        <v>752</v>
      </c>
      <c r="J557" s="19" t="s">
        <v>304</v>
      </c>
      <c r="K557" s="19" t="s">
        <v>17</v>
      </c>
      <c r="L557" s="19" t="s">
        <v>174</v>
      </c>
      <c r="M557" s="19">
        <v>1</v>
      </c>
      <c r="N557" s="19" t="s">
        <v>514</v>
      </c>
      <c r="O557" s="19">
        <v>2</v>
      </c>
      <c r="P557" s="19">
        <v>2</v>
      </c>
      <c r="Q557" s="19"/>
      <c r="R557" s="10"/>
      <c r="S557" s="206"/>
      <c r="T557" s="215"/>
      <c r="U557" s="215"/>
    </row>
    <row r="558" spans="1:21">
      <c r="A558" s="8"/>
      <c r="B558" s="8"/>
      <c r="C558" s="8"/>
      <c r="D558" s="8"/>
      <c r="E558" s="8"/>
      <c r="F558" s="8"/>
      <c r="G558" s="8"/>
      <c r="H558" s="19">
        <v>7</v>
      </c>
      <c r="I558" s="19">
        <v>822</v>
      </c>
      <c r="J558" s="19" t="s">
        <v>302</v>
      </c>
      <c r="K558" s="19" t="s">
        <v>17</v>
      </c>
      <c r="L558" s="19" t="s">
        <v>174</v>
      </c>
      <c r="M558" s="19">
        <v>1</v>
      </c>
      <c r="N558" s="19" t="s">
        <v>509</v>
      </c>
      <c r="O558" s="19">
        <v>1</v>
      </c>
      <c r="P558" s="19">
        <v>15</v>
      </c>
      <c r="Q558" s="19"/>
      <c r="R558" s="10"/>
      <c r="S558" s="206"/>
      <c r="T558" s="215"/>
      <c r="U558" s="215"/>
    </row>
    <row r="559" spans="1:21">
      <c r="A559" s="8"/>
      <c r="B559" s="8"/>
      <c r="C559" s="8"/>
      <c r="D559" s="8"/>
      <c r="E559" s="8"/>
      <c r="F559" s="8"/>
      <c r="G559" s="8"/>
      <c r="H559" s="19">
        <v>8</v>
      </c>
      <c r="I559" s="19">
        <v>1073</v>
      </c>
      <c r="J559" s="19" t="s">
        <v>300</v>
      </c>
      <c r="K559" s="19" t="s">
        <v>17</v>
      </c>
      <c r="L559" s="19" t="s">
        <v>174</v>
      </c>
      <c r="M559" s="19">
        <v>1</v>
      </c>
      <c r="N559" s="19" t="s">
        <v>514</v>
      </c>
      <c r="O559" s="19">
        <v>1</v>
      </c>
      <c r="P559" s="19">
        <v>1</v>
      </c>
      <c r="Q559" s="19"/>
      <c r="R559" s="10"/>
      <c r="S559" s="206"/>
      <c r="T559" s="215"/>
      <c r="U559" s="215"/>
    </row>
    <row r="560" spans="1:21" ht="28">
      <c r="A560" s="8"/>
      <c r="B560" s="8"/>
      <c r="C560" s="8"/>
      <c r="D560" s="8"/>
      <c r="E560" s="8"/>
      <c r="F560" s="8"/>
      <c r="G560" s="8"/>
      <c r="H560" s="8">
        <v>9</v>
      </c>
      <c r="I560" s="8">
        <v>819</v>
      </c>
      <c r="J560" s="8" t="s">
        <v>253</v>
      </c>
      <c r="K560" s="8" t="s">
        <v>17</v>
      </c>
      <c r="L560" s="8" t="s">
        <v>71</v>
      </c>
      <c r="M560" s="8">
        <v>1</v>
      </c>
      <c r="N560" s="8" t="s">
        <v>514</v>
      </c>
      <c r="O560" s="8">
        <v>2</v>
      </c>
      <c r="P560" s="8">
        <v>3</v>
      </c>
      <c r="Q560" s="70" t="s">
        <v>624</v>
      </c>
      <c r="R560" s="10"/>
      <c r="S560" s="206"/>
      <c r="T560" s="215"/>
      <c r="U560" s="215"/>
    </row>
    <row r="561" spans="1:21">
      <c r="A561" s="75"/>
      <c r="B561" s="75"/>
      <c r="C561" s="75" t="s">
        <v>193</v>
      </c>
      <c r="D561" s="75" t="s">
        <v>497</v>
      </c>
      <c r="E561" s="75"/>
      <c r="F561" s="75"/>
      <c r="G561" s="75"/>
      <c r="H561" s="75"/>
      <c r="I561" s="75"/>
      <c r="J561" s="75"/>
      <c r="K561" s="75" t="s">
        <v>17</v>
      </c>
      <c r="L561" s="17" t="s">
        <v>71</v>
      </c>
      <c r="M561" s="17">
        <v>40</v>
      </c>
      <c r="N561" s="17"/>
      <c r="O561" s="17"/>
      <c r="P561" s="17"/>
      <c r="Q561" s="78"/>
      <c r="R561" s="10"/>
      <c r="S561" s="206"/>
      <c r="T561" s="215"/>
      <c r="U561" s="215"/>
    </row>
    <row r="562" spans="1:21">
      <c r="A562" s="11"/>
      <c r="B562" s="11"/>
      <c r="C562" s="11"/>
      <c r="D562" s="11"/>
      <c r="E562" s="11"/>
      <c r="F562" s="11"/>
      <c r="G562" s="11"/>
      <c r="H562" s="11">
        <v>1</v>
      </c>
      <c r="I562" s="11">
        <v>737</v>
      </c>
      <c r="J562" s="11" t="s">
        <v>191</v>
      </c>
      <c r="K562" s="11" t="s">
        <v>17</v>
      </c>
      <c r="L562" s="8" t="s">
        <v>71</v>
      </c>
      <c r="M562" s="8">
        <v>1</v>
      </c>
      <c r="N562" s="8" t="s">
        <v>514</v>
      </c>
      <c r="O562" s="8">
        <v>2</v>
      </c>
      <c r="P562" s="8">
        <v>2</v>
      </c>
      <c r="Q562" s="11" t="s">
        <v>646</v>
      </c>
      <c r="R562" s="10"/>
      <c r="S562" s="206"/>
      <c r="T562" s="215"/>
      <c r="U562" s="215"/>
    </row>
    <row r="563" spans="1:21" ht="28">
      <c r="A563" s="11"/>
      <c r="B563" s="11"/>
      <c r="C563" s="11"/>
      <c r="D563" s="11"/>
      <c r="E563" s="11"/>
      <c r="F563" s="11"/>
      <c r="G563" s="11"/>
      <c r="H563" s="11">
        <v>2</v>
      </c>
      <c r="I563" s="11">
        <v>738</v>
      </c>
      <c r="J563" s="11" t="s">
        <v>189</v>
      </c>
      <c r="K563" s="11" t="s">
        <v>17</v>
      </c>
      <c r="L563" s="8" t="s">
        <v>71</v>
      </c>
      <c r="M563" s="8">
        <v>1</v>
      </c>
      <c r="N563" s="8" t="s">
        <v>514</v>
      </c>
      <c r="O563" s="8">
        <v>1</v>
      </c>
      <c r="P563" s="8">
        <v>3</v>
      </c>
      <c r="Q563" s="70" t="s">
        <v>624</v>
      </c>
      <c r="R563" s="10"/>
      <c r="S563" s="206"/>
      <c r="T563" s="215"/>
      <c r="U563" s="215"/>
    </row>
    <row r="564" spans="1:21">
      <c r="A564" s="11"/>
      <c r="B564" s="11"/>
      <c r="C564" s="11"/>
      <c r="D564" s="11"/>
      <c r="E564" s="11"/>
      <c r="F564" s="11"/>
      <c r="G564" s="11"/>
      <c r="H564" s="11">
        <v>3</v>
      </c>
      <c r="I564" s="11">
        <v>739</v>
      </c>
      <c r="J564" s="11" t="s">
        <v>187</v>
      </c>
      <c r="K564" s="11" t="s">
        <v>78</v>
      </c>
      <c r="L564" s="8" t="s">
        <v>71</v>
      </c>
      <c r="M564" s="8">
        <v>1</v>
      </c>
      <c r="N564" s="8" t="s">
        <v>438</v>
      </c>
      <c r="O564" s="8">
        <v>1</v>
      </c>
      <c r="P564" s="8">
        <v>20</v>
      </c>
      <c r="Q564" s="18"/>
      <c r="R564" s="10"/>
      <c r="S564" s="206"/>
      <c r="T564" s="215"/>
      <c r="U564" s="215"/>
    </row>
    <row r="565" spans="1:21">
      <c r="A565" s="14"/>
      <c r="B565" s="14"/>
      <c r="C565" s="14"/>
      <c r="D565" s="11"/>
      <c r="E565" s="11">
        <v>4</v>
      </c>
      <c r="F565" s="11" t="s">
        <v>186</v>
      </c>
      <c r="G565" s="11" t="s">
        <v>427</v>
      </c>
      <c r="H565" s="11"/>
      <c r="I565" s="11"/>
      <c r="J565" s="11"/>
      <c r="K565" s="11" t="s">
        <v>78</v>
      </c>
      <c r="L565" s="8" t="s">
        <v>71</v>
      </c>
      <c r="M565" s="8">
        <v>1</v>
      </c>
      <c r="N565" s="8"/>
      <c r="O565" s="8"/>
      <c r="P565" s="8"/>
      <c r="Q565" s="14"/>
      <c r="S565" s="313"/>
      <c r="T565" s="302"/>
      <c r="U565" s="302"/>
    </row>
    <row r="566" spans="1:21" ht="28">
      <c r="A566" s="11"/>
      <c r="B566" s="11"/>
      <c r="C566" s="11"/>
      <c r="D566" s="11"/>
      <c r="E566" s="11"/>
      <c r="F566" s="11"/>
      <c r="G566" s="11"/>
      <c r="H566" s="11">
        <v>1</v>
      </c>
      <c r="I566" s="11">
        <v>355</v>
      </c>
      <c r="J566" s="11" t="s">
        <v>103</v>
      </c>
      <c r="K566" s="11" t="s">
        <v>78</v>
      </c>
      <c r="L566" s="8" t="s">
        <v>71</v>
      </c>
      <c r="M566" s="8">
        <v>1</v>
      </c>
      <c r="N566" s="8" t="s">
        <v>514</v>
      </c>
      <c r="O566" s="8">
        <v>2</v>
      </c>
      <c r="P566" s="8">
        <v>2</v>
      </c>
      <c r="Q566" s="70" t="s">
        <v>624</v>
      </c>
      <c r="R566" s="10"/>
      <c r="S566" s="206"/>
      <c r="T566" s="215"/>
      <c r="U566" s="215"/>
    </row>
    <row r="567" spans="1:21" ht="62">
      <c r="A567" s="17"/>
      <c r="B567" s="17"/>
      <c r="C567" s="17" t="s">
        <v>165</v>
      </c>
      <c r="D567" s="17" t="s">
        <v>469</v>
      </c>
      <c r="E567" s="17"/>
      <c r="F567" s="17"/>
      <c r="G567" s="17"/>
      <c r="H567" s="17"/>
      <c r="I567" s="17"/>
      <c r="J567" s="17"/>
      <c r="K567" s="17" t="s">
        <v>17</v>
      </c>
      <c r="L567" s="17" t="s">
        <v>71</v>
      </c>
      <c r="M567" s="75">
        <v>5</v>
      </c>
      <c r="N567" s="75"/>
      <c r="O567" s="75"/>
      <c r="P567" s="75"/>
      <c r="Q567" s="74"/>
      <c r="R567" s="10" t="s">
        <v>1037</v>
      </c>
      <c r="S567" s="205" t="s">
        <v>1496</v>
      </c>
      <c r="T567" s="205" t="s">
        <v>1497</v>
      </c>
      <c r="U567" s="205" t="s">
        <v>1497</v>
      </c>
    </row>
    <row r="568" spans="1:21">
      <c r="A568" s="8"/>
      <c r="B568" s="8"/>
      <c r="C568" s="8"/>
      <c r="D568" s="8"/>
      <c r="E568" s="8"/>
      <c r="F568" s="8"/>
      <c r="G568" s="19"/>
      <c r="H568" s="19">
        <v>1</v>
      </c>
      <c r="I568" s="19">
        <v>152</v>
      </c>
      <c r="J568" s="19" t="s">
        <v>164</v>
      </c>
      <c r="K568" s="19" t="s">
        <v>78</v>
      </c>
      <c r="L568" s="19" t="s">
        <v>174</v>
      </c>
      <c r="M568" s="19">
        <v>1</v>
      </c>
      <c r="N568" s="19" t="s">
        <v>514</v>
      </c>
      <c r="O568" s="19">
        <v>2</v>
      </c>
      <c r="P568" s="19">
        <v>3</v>
      </c>
      <c r="Q568" s="19"/>
      <c r="R568" s="10"/>
      <c r="S568" s="206"/>
      <c r="T568" s="215"/>
      <c r="U568" s="215"/>
    </row>
    <row r="569" spans="1:21" ht="28">
      <c r="A569" s="8"/>
      <c r="B569" s="8"/>
      <c r="C569" s="8"/>
      <c r="D569" s="8"/>
      <c r="E569" s="8"/>
      <c r="F569" s="8"/>
      <c r="G569" s="8"/>
      <c r="H569" s="11">
        <v>2</v>
      </c>
      <c r="I569" s="11">
        <v>208</v>
      </c>
      <c r="J569" s="11" t="s">
        <v>470</v>
      </c>
      <c r="K569" s="11" t="s">
        <v>78</v>
      </c>
      <c r="L569" s="8" t="s">
        <v>71</v>
      </c>
      <c r="M569" s="18">
        <v>1</v>
      </c>
      <c r="N569" s="18" t="s">
        <v>514</v>
      </c>
      <c r="O569" s="18">
        <v>1</v>
      </c>
      <c r="P569" s="18">
        <v>1</v>
      </c>
      <c r="Q569" s="70" t="s">
        <v>624</v>
      </c>
      <c r="R569" s="10"/>
      <c r="S569" s="206"/>
      <c r="T569" s="215"/>
      <c r="U569" s="215"/>
    </row>
    <row r="570" spans="1:21" ht="28">
      <c r="A570" s="8"/>
      <c r="B570" s="8"/>
      <c r="C570" s="8"/>
      <c r="D570" s="8"/>
      <c r="E570" s="8"/>
      <c r="F570" s="8"/>
      <c r="G570" s="8"/>
      <c r="H570" s="11">
        <v>3</v>
      </c>
      <c r="I570" s="11">
        <v>209</v>
      </c>
      <c r="J570" s="11" t="s">
        <v>471</v>
      </c>
      <c r="K570" s="11" t="s">
        <v>78</v>
      </c>
      <c r="L570" s="8" t="s">
        <v>71</v>
      </c>
      <c r="M570" s="18">
        <v>1</v>
      </c>
      <c r="N570" s="18" t="s">
        <v>509</v>
      </c>
      <c r="O570" s="18">
        <v>1</v>
      </c>
      <c r="P570" s="18">
        <v>4</v>
      </c>
      <c r="Q570" s="70" t="s">
        <v>624</v>
      </c>
      <c r="R570" s="10"/>
      <c r="S570" s="206"/>
      <c r="T570" s="215"/>
      <c r="U570" s="215"/>
    </row>
    <row r="571" spans="1:21">
      <c r="A571" s="8"/>
      <c r="B571" s="8"/>
      <c r="C571" s="8"/>
      <c r="D571" s="8"/>
      <c r="E571" s="8"/>
      <c r="F571" s="8"/>
      <c r="G571" s="8"/>
      <c r="H571" s="8">
        <v>4</v>
      </c>
      <c r="I571" s="8">
        <v>352</v>
      </c>
      <c r="J571" s="8" t="s">
        <v>3</v>
      </c>
      <c r="K571" s="8" t="s">
        <v>78</v>
      </c>
      <c r="L571" s="11" t="s">
        <v>71</v>
      </c>
      <c r="M571" s="11">
        <v>1</v>
      </c>
      <c r="N571" s="11" t="s">
        <v>509</v>
      </c>
      <c r="O571" s="11">
        <v>1</v>
      </c>
      <c r="P571" s="11">
        <v>80</v>
      </c>
      <c r="Q571" s="72"/>
      <c r="R571" s="10"/>
      <c r="S571" s="206"/>
      <c r="T571" s="215"/>
      <c r="U571" s="215"/>
    </row>
    <row r="572" spans="1:21">
      <c r="A572" s="75"/>
      <c r="B572" s="75"/>
      <c r="C572" s="75" t="s">
        <v>130</v>
      </c>
      <c r="D572" s="75" t="s">
        <v>126</v>
      </c>
      <c r="E572" s="75"/>
      <c r="F572" s="75"/>
      <c r="G572" s="75"/>
      <c r="H572" s="75"/>
      <c r="I572" s="75"/>
      <c r="J572" s="75"/>
      <c r="K572" s="75" t="s">
        <v>17</v>
      </c>
      <c r="L572" s="17" t="s">
        <v>71</v>
      </c>
      <c r="M572" s="75" t="s">
        <v>525</v>
      </c>
      <c r="N572" s="75"/>
      <c r="O572" s="75"/>
      <c r="P572" s="75"/>
      <c r="Q572" s="78"/>
      <c r="R572" s="10"/>
      <c r="S572" s="206"/>
      <c r="T572" s="215"/>
      <c r="U572" s="215"/>
    </row>
    <row r="573" spans="1:21">
      <c r="A573" s="11"/>
      <c r="B573" s="11"/>
      <c r="C573" s="11"/>
      <c r="D573" s="11"/>
      <c r="E573" s="11"/>
      <c r="F573" s="11"/>
      <c r="G573" s="11"/>
      <c r="H573" s="11">
        <v>1</v>
      </c>
      <c r="I573" s="11">
        <v>128</v>
      </c>
      <c r="J573" s="11" t="s">
        <v>128</v>
      </c>
      <c r="K573" s="11" t="s">
        <v>66</v>
      </c>
      <c r="L573" s="8" t="s">
        <v>65</v>
      </c>
      <c r="M573" s="11">
        <v>1</v>
      </c>
      <c r="N573" s="11" t="s">
        <v>514</v>
      </c>
      <c r="O573" s="11">
        <v>2</v>
      </c>
      <c r="P573" s="11">
        <v>3</v>
      </c>
      <c r="Q573" s="11" t="s">
        <v>718</v>
      </c>
      <c r="R573" s="10"/>
      <c r="S573" s="206"/>
      <c r="T573" s="215"/>
      <c r="U573" s="215"/>
    </row>
    <row r="574" spans="1:21">
      <c r="A574" s="11"/>
      <c r="B574" s="11"/>
      <c r="C574" s="11"/>
      <c r="D574" s="11"/>
      <c r="E574" s="11"/>
      <c r="F574" s="11"/>
      <c r="G574" s="11"/>
      <c r="H574" s="11">
        <v>2</v>
      </c>
      <c r="I574" s="11">
        <v>127</v>
      </c>
      <c r="J574" s="11" t="s">
        <v>126</v>
      </c>
      <c r="K574" s="11" t="s">
        <v>78</v>
      </c>
      <c r="L574" s="8" t="s">
        <v>71</v>
      </c>
      <c r="M574" s="11">
        <v>1</v>
      </c>
      <c r="N574" s="11" t="s">
        <v>509</v>
      </c>
      <c r="O574" s="11">
        <v>1</v>
      </c>
      <c r="P574" s="11">
        <v>30</v>
      </c>
      <c r="Q574" s="18"/>
      <c r="R574" s="10"/>
      <c r="S574" s="206"/>
      <c r="T574" s="215"/>
      <c r="U574" s="215"/>
    </row>
    <row r="575" spans="1:21" ht="28">
      <c r="A575" s="11"/>
      <c r="B575" s="11"/>
      <c r="C575" s="11"/>
      <c r="D575" s="11"/>
      <c r="E575" s="11"/>
      <c r="F575" s="11"/>
      <c r="G575" s="11"/>
      <c r="H575" s="11">
        <v>3</v>
      </c>
      <c r="I575" s="11">
        <v>352</v>
      </c>
      <c r="J575" s="11" t="s">
        <v>3</v>
      </c>
      <c r="K575" s="11" t="s">
        <v>78</v>
      </c>
      <c r="L575" s="8" t="s">
        <v>71</v>
      </c>
      <c r="M575" s="11">
        <v>1</v>
      </c>
      <c r="N575" s="11" t="s">
        <v>509</v>
      </c>
      <c r="O575" s="11">
        <v>1</v>
      </c>
      <c r="P575" s="11">
        <v>80</v>
      </c>
      <c r="Q575" s="70" t="s">
        <v>624</v>
      </c>
      <c r="R575" s="10"/>
      <c r="S575" s="206"/>
      <c r="T575" s="215"/>
      <c r="U575" s="215"/>
    </row>
    <row r="576" spans="1:21">
      <c r="A576" s="14"/>
      <c r="B576" s="14"/>
      <c r="C576" s="14"/>
      <c r="D576" s="11"/>
      <c r="E576" s="11">
        <v>4</v>
      </c>
      <c r="F576" s="11" t="s">
        <v>181</v>
      </c>
      <c r="G576" s="11" t="s">
        <v>180</v>
      </c>
      <c r="H576" s="11"/>
      <c r="I576" s="11"/>
      <c r="J576" s="11"/>
      <c r="K576" s="11" t="s">
        <v>78</v>
      </c>
      <c r="L576" s="8" t="s">
        <v>71</v>
      </c>
      <c r="M576" s="8"/>
      <c r="N576" s="8"/>
      <c r="O576" s="8"/>
      <c r="P576" s="8"/>
      <c r="Q576" s="14"/>
      <c r="S576" s="313"/>
      <c r="T576" s="302"/>
      <c r="U576" s="302"/>
    </row>
    <row r="577" spans="1:21">
      <c r="A577" s="11"/>
      <c r="B577" s="11"/>
      <c r="C577" s="11"/>
      <c r="D577" s="11"/>
      <c r="E577" s="11"/>
      <c r="F577" s="11"/>
      <c r="G577" s="11"/>
      <c r="H577" s="11">
        <v>1</v>
      </c>
      <c r="I577" s="11">
        <v>128</v>
      </c>
      <c r="J577" s="11" t="s">
        <v>128</v>
      </c>
      <c r="K577" s="11" t="s">
        <v>66</v>
      </c>
      <c r="L577" s="8" t="s">
        <v>65</v>
      </c>
      <c r="M577" s="8">
        <v>1</v>
      </c>
      <c r="N577" s="8" t="s">
        <v>514</v>
      </c>
      <c r="O577" s="11">
        <v>2</v>
      </c>
      <c r="P577" s="11">
        <v>3</v>
      </c>
      <c r="Q577" s="11" t="s">
        <v>718</v>
      </c>
      <c r="R577" s="10"/>
      <c r="S577" s="206"/>
      <c r="T577" s="215"/>
      <c r="U577" s="215"/>
    </row>
    <row r="578" spans="1:21" ht="28">
      <c r="A578" s="11"/>
      <c r="B578" s="11"/>
      <c r="C578" s="11"/>
      <c r="D578" s="11"/>
      <c r="E578" s="11"/>
      <c r="F578" s="11"/>
      <c r="G578" s="11"/>
      <c r="H578" s="11">
        <v>2</v>
      </c>
      <c r="I578" s="11">
        <v>127</v>
      </c>
      <c r="J578" s="11" t="s">
        <v>126</v>
      </c>
      <c r="K578" s="11" t="s">
        <v>66</v>
      </c>
      <c r="L578" s="8" t="s">
        <v>65</v>
      </c>
      <c r="M578" s="8">
        <v>1</v>
      </c>
      <c r="N578" s="8" t="s">
        <v>509</v>
      </c>
      <c r="O578" s="11">
        <v>1</v>
      </c>
      <c r="P578" s="11">
        <v>30</v>
      </c>
      <c r="Q578" s="70" t="s">
        <v>624</v>
      </c>
      <c r="R578" s="33"/>
      <c r="S578" s="314"/>
      <c r="T578" s="304"/>
      <c r="U578" s="304"/>
    </row>
    <row r="579" spans="1:21">
      <c r="A579" s="17"/>
      <c r="B579" s="17"/>
      <c r="C579" s="17" t="s">
        <v>130</v>
      </c>
      <c r="D579" s="17" t="s">
        <v>126</v>
      </c>
      <c r="E579" s="17"/>
      <c r="F579" s="17"/>
      <c r="G579" s="17"/>
      <c r="H579" s="17"/>
      <c r="I579" s="17"/>
      <c r="J579" s="17"/>
      <c r="K579" s="17" t="s">
        <v>17</v>
      </c>
      <c r="L579" s="17" t="s">
        <v>71</v>
      </c>
      <c r="M579" s="17" t="s">
        <v>525</v>
      </c>
      <c r="N579" s="17"/>
      <c r="O579" s="17"/>
      <c r="P579" s="17"/>
      <c r="Q579" s="138"/>
      <c r="R579" s="10"/>
      <c r="S579" s="206"/>
      <c r="T579" s="215"/>
      <c r="U579" s="215"/>
    </row>
    <row r="580" spans="1:21">
      <c r="A580" s="8"/>
      <c r="B580" s="8"/>
      <c r="C580" s="8"/>
      <c r="D580" s="8"/>
      <c r="E580" s="8"/>
      <c r="F580" s="8"/>
      <c r="G580" s="8"/>
      <c r="H580" s="8">
        <v>1</v>
      </c>
      <c r="I580" s="8">
        <v>128</v>
      </c>
      <c r="J580" s="8" t="s">
        <v>128</v>
      </c>
      <c r="K580" s="8" t="s">
        <v>66</v>
      </c>
      <c r="L580" s="8" t="s">
        <v>65</v>
      </c>
      <c r="M580" s="8">
        <v>1</v>
      </c>
      <c r="N580" s="8" t="s">
        <v>514</v>
      </c>
      <c r="O580" s="8">
        <v>2</v>
      </c>
      <c r="P580" s="8">
        <v>3</v>
      </c>
      <c r="Q580" s="8" t="s">
        <v>646</v>
      </c>
      <c r="R580" s="10"/>
      <c r="S580" s="206"/>
      <c r="T580" s="215"/>
      <c r="U580" s="215"/>
    </row>
    <row r="581" spans="1:21">
      <c r="A581" s="8"/>
      <c r="B581" s="8"/>
      <c r="C581" s="8"/>
      <c r="D581" s="8"/>
      <c r="E581" s="8"/>
      <c r="F581" s="8"/>
      <c r="G581" s="8"/>
      <c r="H581" s="19">
        <v>2</v>
      </c>
      <c r="I581" s="19">
        <v>127</v>
      </c>
      <c r="J581" s="19" t="s">
        <v>126</v>
      </c>
      <c r="K581" s="19" t="s">
        <v>78</v>
      </c>
      <c r="L581" s="19" t="s">
        <v>174</v>
      </c>
      <c r="M581" s="19">
        <v>1</v>
      </c>
      <c r="N581" s="19" t="s">
        <v>509</v>
      </c>
      <c r="O581" s="19">
        <v>1</v>
      </c>
      <c r="P581" s="19">
        <v>30</v>
      </c>
      <c r="Q581" s="19"/>
      <c r="R581" s="10"/>
      <c r="S581" s="206"/>
      <c r="T581" s="215"/>
      <c r="U581" s="215"/>
    </row>
    <row r="582" spans="1:21">
      <c r="A582" s="8"/>
      <c r="B582" s="8"/>
      <c r="C582" s="8"/>
      <c r="D582" s="8"/>
      <c r="E582" s="8"/>
      <c r="F582" s="8"/>
      <c r="G582" s="8"/>
      <c r="H582" s="8">
        <v>3</v>
      </c>
      <c r="I582" s="8">
        <v>352</v>
      </c>
      <c r="J582" s="8" t="s">
        <v>3</v>
      </c>
      <c r="K582" s="8" t="s">
        <v>78</v>
      </c>
      <c r="L582" s="8" t="s">
        <v>71</v>
      </c>
      <c r="M582" s="8">
        <v>1</v>
      </c>
      <c r="N582" s="8" t="s">
        <v>509</v>
      </c>
      <c r="O582" s="8">
        <v>1</v>
      </c>
      <c r="P582" s="8">
        <v>80</v>
      </c>
      <c r="Q582" s="72"/>
      <c r="R582" s="10"/>
      <c r="S582" s="206"/>
      <c r="T582" s="215"/>
      <c r="U582" s="215"/>
    </row>
    <row r="583" spans="1:21">
      <c r="A583" s="17"/>
      <c r="B583" s="17"/>
      <c r="C583" s="17" t="s">
        <v>130</v>
      </c>
      <c r="D583" s="17" t="s">
        <v>126</v>
      </c>
      <c r="E583" s="17"/>
      <c r="F583" s="17"/>
      <c r="G583" s="17"/>
      <c r="H583" s="17"/>
      <c r="I583" s="17"/>
      <c r="J583" s="17"/>
      <c r="K583" s="17" t="s">
        <v>17</v>
      </c>
      <c r="L583" s="17" t="s">
        <v>71</v>
      </c>
      <c r="M583" s="17" t="s">
        <v>525</v>
      </c>
      <c r="N583" s="17"/>
      <c r="O583" s="17"/>
      <c r="P583" s="17"/>
      <c r="Q583" s="138"/>
      <c r="R583" s="10"/>
      <c r="S583" s="206"/>
      <c r="T583" s="215"/>
      <c r="U583" s="215"/>
    </row>
    <row r="584" spans="1:21">
      <c r="A584" s="8"/>
      <c r="B584" s="8"/>
      <c r="C584" s="8"/>
      <c r="D584" s="8"/>
      <c r="E584" s="8"/>
      <c r="F584" s="8"/>
      <c r="G584" s="8"/>
      <c r="H584" s="8">
        <v>1</v>
      </c>
      <c r="I584" s="8">
        <v>128</v>
      </c>
      <c r="J584" s="8" t="s">
        <v>128</v>
      </c>
      <c r="K584" s="8" t="s">
        <v>66</v>
      </c>
      <c r="L584" s="8" t="s">
        <v>65</v>
      </c>
      <c r="M584" s="8">
        <v>1</v>
      </c>
      <c r="N584" s="8" t="s">
        <v>514</v>
      </c>
      <c r="O584" s="8">
        <v>2</v>
      </c>
      <c r="P584" s="8">
        <v>3</v>
      </c>
      <c r="Q584" s="8" t="s">
        <v>689</v>
      </c>
      <c r="R584" s="10"/>
      <c r="S584" s="206"/>
      <c r="T584" s="215"/>
      <c r="U584" s="215"/>
    </row>
    <row r="585" spans="1:21">
      <c r="A585" s="8"/>
      <c r="B585" s="8"/>
      <c r="C585" s="8"/>
      <c r="D585" s="8"/>
      <c r="E585" s="8"/>
      <c r="F585" s="8"/>
      <c r="G585" s="8"/>
      <c r="H585" s="8">
        <v>2</v>
      </c>
      <c r="I585" s="8">
        <v>127</v>
      </c>
      <c r="J585" s="8" t="s">
        <v>126</v>
      </c>
      <c r="K585" s="8" t="s">
        <v>78</v>
      </c>
      <c r="L585" s="8" t="s">
        <v>71</v>
      </c>
      <c r="M585" s="8">
        <v>1</v>
      </c>
      <c r="N585" s="8" t="s">
        <v>509</v>
      </c>
      <c r="O585" s="8">
        <v>1</v>
      </c>
      <c r="P585" s="8">
        <v>30</v>
      </c>
      <c r="Q585" s="8" t="s">
        <v>781</v>
      </c>
      <c r="R585" s="10"/>
      <c r="S585" s="206"/>
      <c r="T585" s="215"/>
      <c r="U585" s="215"/>
    </row>
    <row r="586" spans="1:21">
      <c r="A586" s="8"/>
      <c r="B586" s="8"/>
      <c r="C586" s="8"/>
      <c r="D586" s="8"/>
      <c r="E586" s="8"/>
      <c r="F586" s="8"/>
      <c r="G586" s="8"/>
      <c r="H586" s="8">
        <v>3</v>
      </c>
      <c r="I586" s="8">
        <v>352</v>
      </c>
      <c r="J586" s="8" t="s">
        <v>3</v>
      </c>
      <c r="K586" s="8" t="s">
        <v>78</v>
      </c>
      <c r="L586" s="8" t="s">
        <v>71</v>
      </c>
      <c r="M586" s="8">
        <v>1</v>
      </c>
      <c r="N586" s="8" t="s">
        <v>509</v>
      </c>
      <c r="O586" s="8">
        <v>1</v>
      </c>
      <c r="P586" s="8">
        <v>80</v>
      </c>
      <c r="Q586" s="72" t="s">
        <v>782</v>
      </c>
      <c r="R586" s="10"/>
      <c r="S586" s="206"/>
      <c r="T586" s="215"/>
      <c r="U586" s="215"/>
    </row>
    <row r="587" spans="1:21">
      <c r="A587" s="75"/>
      <c r="B587" s="75"/>
      <c r="C587" s="75" t="s">
        <v>130</v>
      </c>
      <c r="D587" s="75" t="s">
        <v>126</v>
      </c>
      <c r="E587" s="75"/>
      <c r="F587" s="75"/>
      <c r="G587" s="75"/>
      <c r="H587" s="75"/>
      <c r="I587" s="75"/>
      <c r="J587" s="75"/>
      <c r="K587" s="75" t="s">
        <v>17</v>
      </c>
      <c r="L587" s="17" t="s">
        <v>71</v>
      </c>
      <c r="M587" s="17" t="s">
        <v>525</v>
      </c>
      <c r="N587" s="17"/>
      <c r="O587" s="17"/>
      <c r="P587" s="17"/>
      <c r="Q587" s="78"/>
      <c r="R587" s="10"/>
      <c r="S587" s="206"/>
      <c r="T587" s="215"/>
      <c r="U587" s="215"/>
    </row>
    <row r="588" spans="1:21">
      <c r="A588" s="11"/>
      <c r="B588" s="11"/>
      <c r="C588" s="11"/>
      <c r="D588" s="11"/>
      <c r="E588" s="11"/>
      <c r="F588" s="11"/>
      <c r="G588" s="11"/>
      <c r="H588" s="11">
        <v>1</v>
      </c>
      <c r="I588" s="11">
        <v>128</v>
      </c>
      <c r="J588" s="11" t="s">
        <v>128</v>
      </c>
      <c r="K588" s="11" t="s">
        <v>66</v>
      </c>
      <c r="L588" s="8" t="s">
        <v>65</v>
      </c>
      <c r="M588" s="8">
        <v>1</v>
      </c>
      <c r="N588" s="8" t="s">
        <v>514</v>
      </c>
      <c r="O588" s="8">
        <v>2</v>
      </c>
      <c r="P588" s="8">
        <v>3</v>
      </c>
      <c r="Q588" s="11" t="s">
        <v>689</v>
      </c>
      <c r="R588" s="10"/>
      <c r="S588" s="206"/>
      <c r="T588" s="215"/>
      <c r="U588" s="215"/>
    </row>
    <row r="589" spans="1:21">
      <c r="A589" s="11"/>
      <c r="B589" s="11"/>
      <c r="C589" s="11"/>
      <c r="D589" s="11"/>
      <c r="E589" s="11"/>
      <c r="F589" s="11"/>
      <c r="G589" s="11"/>
      <c r="H589" s="11">
        <v>2</v>
      </c>
      <c r="I589" s="11">
        <v>127</v>
      </c>
      <c r="J589" s="11" t="s">
        <v>126</v>
      </c>
      <c r="K589" s="11" t="s">
        <v>78</v>
      </c>
      <c r="L589" s="8" t="s">
        <v>71</v>
      </c>
      <c r="M589" s="8">
        <v>1</v>
      </c>
      <c r="N589" s="8" t="s">
        <v>509</v>
      </c>
      <c r="O589" s="8">
        <v>1</v>
      </c>
      <c r="P589" s="8">
        <v>30</v>
      </c>
      <c r="Q589" s="11" t="s">
        <v>783</v>
      </c>
      <c r="R589" s="10"/>
      <c r="S589" s="206"/>
      <c r="T589" s="215"/>
      <c r="U589" s="215"/>
    </row>
    <row r="590" spans="1:21">
      <c r="A590" s="11"/>
      <c r="B590" s="11"/>
      <c r="C590" s="11"/>
      <c r="D590" s="11"/>
      <c r="E590" s="11"/>
      <c r="F590" s="11"/>
      <c r="G590" s="11"/>
      <c r="H590" s="11">
        <v>3</v>
      </c>
      <c r="I590" s="11">
        <v>352</v>
      </c>
      <c r="J590" s="11" t="s">
        <v>3</v>
      </c>
      <c r="K590" s="11" t="s">
        <v>78</v>
      </c>
      <c r="L590" s="8" t="s">
        <v>71</v>
      </c>
      <c r="M590" s="8">
        <v>1</v>
      </c>
      <c r="N590" s="8" t="s">
        <v>509</v>
      </c>
      <c r="O590" s="8">
        <v>1</v>
      </c>
      <c r="P590" s="8">
        <v>80</v>
      </c>
      <c r="Q590" s="18" t="s">
        <v>782</v>
      </c>
      <c r="R590" s="10"/>
      <c r="S590" s="206"/>
      <c r="T590" s="215"/>
      <c r="U590" s="215"/>
    </row>
    <row r="591" spans="1:21">
      <c r="A591" s="75"/>
      <c r="B591" s="75"/>
      <c r="C591" s="75" t="s">
        <v>130</v>
      </c>
      <c r="D591" s="75" t="s">
        <v>126</v>
      </c>
      <c r="E591" s="75"/>
      <c r="F591" s="75"/>
      <c r="G591" s="75"/>
      <c r="H591" s="75"/>
      <c r="I591" s="75"/>
      <c r="J591" s="75"/>
      <c r="K591" s="75" t="s">
        <v>17</v>
      </c>
      <c r="L591" s="17" t="s">
        <v>71</v>
      </c>
      <c r="M591" s="17" t="s">
        <v>525</v>
      </c>
      <c r="N591" s="17"/>
      <c r="O591" s="17"/>
      <c r="P591" s="17"/>
      <c r="Q591" s="78"/>
      <c r="R591" s="10"/>
      <c r="S591" s="206"/>
      <c r="T591" s="215"/>
      <c r="U591" s="215"/>
    </row>
    <row r="592" spans="1:21">
      <c r="A592" s="11"/>
      <c r="B592" s="11"/>
      <c r="C592" s="11"/>
      <c r="D592" s="11"/>
      <c r="E592" s="11"/>
      <c r="F592" s="11"/>
      <c r="G592" s="11"/>
      <c r="H592" s="11">
        <v>1</v>
      </c>
      <c r="I592" s="11">
        <v>128</v>
      </c>
      <c r="J592" s="11" t="s">
        <v>128</v>
      </c>
      <c r="K592" s="11" t="s">
        <v>66</v>
      </c>
      <c r="L592" s="8" t="s">
        <v>65</v>
      </c>
      <c r="M592" s="8">
        <v>1</v>
      </c>
      <c r="N592" s="8" t="s">
        <v>514</v>
      </c>
      <c r="O592" s="8">
        <v>2</v>
      </c>
      <c r="P592" s="8">
        <v>3</v>
      </c>
      <c r="Q592" s="11" t="s">
        <v>689</v>
      </c>
      <c r="R592" s="10"/>
      <c r="S592" s="206"/>
      <c r="T592" s="215"/>
      <c r="U592" s="215"/>
    </row>
    <row r="593" spans="1:21">
      <c r="A593" s="11"/>
      <c r="B593" s="11"/>
      <c r="C593" s="11"/>
      <c r="D593" s="11"/>
      <c r="E593" s="11"/>
      <c r="F593" s="11"/>
      <c r="G593" s="11"/>
      <c r="H593" s="11">
        <v>2</v>
      </c>
      <c r="I593" s="11">
        <v>127</v>
      </c>
      <c r="J593" s="11" t="s">
        <v>126</v>
      </c>
      <c r="K593" s="11" t="s">
        <v>78</v>
      </c>
      <c r="L593" s="8" t="s">
        <v>71</v>
      </c>
      <c r="M593" s="8">
        <v>1</v>
      </c>
      <c r="N593" s="8" t="s">
        <v>509</v>
      </c>
      <c r="O593" s="8">
        <v>1</v>
      </c>
      <c r="P593" s="8">
        <v>30</v>
      </c>
      <c r="Q593" s="11" t="s">
        <v>784</v>
      </c>
      <c r="R593" s="10"/>
      <c r="S593" s="206"/>
      <c r="T593" s="215"/>
      <c r="U593" s="215"/>
    </row>
    <row r="594" spans="1:21">
      <c r="A594" s="11"/>
      <c r="B594" s="11"/>
      <c r="C594" s="11"/>
      <c r="D594" s="11"/>
      <c r="E594" s="11"/>
      <c r="F594" s="11"/>
      <c r="G594" s="11"/>
      <c r="H594" s="11">
        <v>3</v>
      </c>
      <c r="I594" s="11">
        <v>352</v>
      </c>
      <c r="J594" s="11" t="s">
        <v>3</v>
      </c>
      <c r="K594" s="11" t="s">
        <v>78</v>
      </c>
      <c r="L594" s="8" t="s">
        <v>71</v>
      </c>
      <c r="M594" s="8">
        <v>1</v>
      </c>
      <c r="N594" s="8" t="s">
        <v>509</v>
      </c>
      <c r="O594" s="8">
        <v>1</v>
      </c>
      <c r="P594" s="8">
        <v>80</v>
      </c>
      <c r="Q594" s="18" t="s">
        <v>782</v>
      </c>
      <c r="R594" s="10"/>
      <c r="S594" s="206"/>
      <c r="T594" s="215"/>
      <c r="U594" s="215"/>
    </row>
    <row r="595" spans="1:21">
      <c r="A595" s="75"/>
      <c r="B595" s="75"/>
      <c r="C595" s="75" t="s">
        <v>130</v>
      </c>
      <c r="D595" s="75" t="s">
        <v>126</v>
      </c>
      <c r="E595" s="75"/>
      <c r="F595" s="75"/>
      <c r="G595" s="75"/>
      <c r="H595" s="75"/>
      <c r="I595" s="75"/>
      <c r="J595" s="75"/>
      <c r="K595" s="75" t="s">
        <v>17</v>
      </c>
      <c r="L595" s="17" t="s">
        <v>71</v>
      </c>
      <c r="M595" s="17" t="s">
        <v>525</v>
      </c>
      <c r="N595" s="17"/>
      <c r="O595" s="17"/>
      <c r="P595" s="17"/>
      <c r="Q595" s="78"/>
      <c r="R595" s="10"/>
      <c r="S595" s="206"/>
      <c r="T595" s="215"/>
      <c r="U595" s="215"/>
    </row>
    <row r="596" spans="1:21">
      <c r="A596" s="11"/>
      <c r="B596" s="11"/>
      <c r="C596" s="11"/>
      <c r="D596" s="11"/>
      <c r="E596" s="11"/>
      <c r="F596" s="11"/>
      <c r="G596" s="11"/>
      <c r="H596" s="11">
        <v>1</v>
      </c>
      <c r="I596" s="11">
        <v>128</v>
      </c>
      <c r="J596" s="11" t="s">
        <v>128</v>
      </c>
      <c r="K596" s="11" t="s">
        <v>66</v>
      </c>
      <c r="L596" s="8" t="s">
        <v>65</v>
      </c>
      <c r="M596" s="8">
        <v>1</v>
      </c>
      <c r="N596" s="8" t="s">
        <v>514</v>
      </c>
      <c r="O596" s="8">
        <v>2</v>
      </c>
      <c r="P596" s="8">
        <v>3</v>
      </c>
      <c r="Q596" s="11" t="s">
        <v>689</v>
      </c>
      <c r="R596" s="10"/>
      <c r="S596" s="206"/>
      <c r="T596" s="215"/>
      <c r="U596" s="215"/>
    </row>
    <row r="597" spans="1:21">
      <c r="A597" s="11"/>
      <c r="B597" s="11"/>
      <c r="C597" s="11"/>
      <c r="D597" s="11"/>
      <c r="E597" s="11"/>
      <c r="F597" s="11"/>
      <c r="G597" s="11"/>
      <c r="H597" s="11">
        <v>2</v>
      </c>
      <c r="I597" s="11">
        <v>127</v>
      </c>
      <c r="J597" s="11" t="s">
        <v>126</v>
      </c>
      <c r="K597" s="11" t="s">
        <v>78</v>
      </c>
      <c r="L597" s="8" t="s">
        <v>71</v>
      </c>
      <c r="M597" s="8">
        <v>1</v>
      </c>
      <c r="N597" s="8" t="s">
        <v>509</v>
      </c>
      <c r="O597" s="8">
        <v>1</v>
      </c>
      <c r="P597" s="8">
        <v>30</v>
      </c>
      <c r="Q597" s="11" t="s">
        <v>785</v>
      </c>
      <c r="R597" s="10"/>
      <c r="S597" s="206"/>
      <c r="T597" s="215"/>
      <c r="U597" s="215"/>
    </row>
    <row r="598" spans="1:21">
      <c r="A598" s="11"/>
      <c r="B598" s="11"/>
      <c r="C598" s="11"/>
      <c r="D598" s="11"/>
      <c r="E598" s="11"/>
      <c r="F598" s="11"/>
      <c r="G598" s="11"/>
      <c r="H598" s="11">
        <v>3</v>
      </c>
      <c r="I598" s="11">
        <v>352</v>
      </c>
      <c r="J598" s="11" t="s">
        <v>3</v>
      </c>
      <c r="K598" s="11" t="s">
        <v>78</v>
      </c>
      <c r="L598" s="8" t="s">
        <v>71</v>
      </c>
      <c r="M598" s="8">
        <v>1</v>
      </c>
      <c r="N598" s="8" t="s">
        <v>509</v>
      </c>
      <c r="O598" s="8">
        <v>1</v>
      </c>
      <c r="P598" s="8">
        <v>80</v>
      </c>
      <c r="Q598" s="18" t="s">
        <v>786</v>
      </c>
      <c r="R598" s="10"/>
      <c r="S598" s="206"/>
      <c r="T598" s="215"/>
      <c r="U598" s="215"/>
    </row>
    <row r="599" spans="1:21">
      <c r="A599" s="75"/>
      <c r="B599" s="75"/>
      <c r="C599" s="75" t="s">
        <v>130</v>
      </c>
      <c r="D599" s="75" t="s">
        <v>126</v>
      </c>
      <c r="E599" s="75"/>
      <c r="F599" s="75"/>
      <c r="G599" s="75"/>
      <c r="H599" s="75"/>
      <c r="I599" s="75"/>
      <c r="J599" s="75"/>
      <c r="K599" s="75" t="s">
        <v>17</v>
      </c>
      <c r="L599" s="17" t="s">
        <v>71</v>
      </c>
      <c r="M599" s="17" t="s">
        <v>525</v>
      </c>
      <c r="N599" s="17"/>
      <c r="O599" s="17"/>
      <c r="P599" s="17"/>
      <c r="Q599" s="78"/>
      <c r="R599" s="10"/>
      <c r="S599" s="206"/>
      <c r="T599" s="215"/>
      <c r="U599" s="215"/>
    </row>
    <row r="600" spans="1:21">
      <c r="A600" s="11"/>
      <c r="B600" s="11"/>
      <c r="C600" s="11"/>
      <c r="D600" s="11"/>
      <c r="E600" s="11"/>
      <c r="F600" s="11"/>
      <c r="G600" s="11"/>
      <c r="H600" s="11">
        <v>1</v>
      </c>
      <c r="I600" s="11">
        <v>128</v>
      </c>
      <c r="J600" s="11" t="s">
        <v>128</v>
      </c>
      <c r="K600" s="11" t="s">
        <v>66</v>
      </c>
      <c r="L600" s="8" t="s">
        <v>65</v>
      </c>
      <c r="M600" s="8">
        <v>1</v>
      </c>
      <c r="N600" s="8" t="s">
        <v>514</v>
      </c>
      <c r="O600" s="8">
        <v>2</v>
      </c>
      <c r="P600" s="8">
        <v>3</v>
      </c>
      <c r="Q600" s="11" t="s">
        <v>689</v>
      </c>
      <c r="R600" s="10"/>
      <c r="S600" s="206"/>
      <c r="T600" s="215"/>
      <c r="U600" s="215"/>
    </row>
    <row r="601" spans="1:21">
      <c r="A601" s="11"/>
      <c r="B601" s="11"/>
      <c r="C601" s="11"/>
      <c r="D601" s="11"/>
      <c r="E601" s="11"/>
      <c r="F601" s="11"/>
      <c r="G601" s="11"/>
      <c r="H601" s="11">
        <v>2</v>
      </c>
      <c r="I601" s="11">
        <v>127</v>
      </c>
      <c r="J601" s="11" t="s">
        <v>126</v>
      </c>
      <c r="K601" s="11" t="s">
        <v>78</v>
      </c>
      <c r="L601" s="8" t="s">
        <v>71</v>
      </c>
      <c r="M601" s="8">
        <v>1</v>
      </c>
      <c r="N601" s="8" t="s">
        <v>509</v>
      </c>
      <c r="O601" s="8">
        <v>1</v>
      </c>
      <c r="P601" s="8">
        <v>30</v>
      </c>
      <c r="Q601" s="11" t="s">
        <v>787</v>
      </c>
      <c r="R601" s="10"/>
      <c r="S601" s="206"/>
      <c r="T601" s="215"/>
      <c r="U601" s="215"/>
    </row>
    <row r="602" spans="1:21">
      <c r="A602" s="11"/>
      <c r="B602" s="11"/>
      <c r="C602" s="11"/>
      <c r="D602" s="11"/>
      <c r="E602" s="11"/>
      <c r="F602" s="11"/>
      <c r="G602" s="11"/>
      <c r="H602" s="11">
        <v>3</v>
      </c>
      <c r="I602" s="11">
        <v>352</v>
      </c>
      <c r="J602" s="11" t="s">
        <v>3</v>
      </c>
      <c r="K602" s="11" t="s">
        <v>78</v>
      </c>
      <c r="L602" s="8" t="s">
        <v>71</v>
      </c>
      <c r="M602" s="8">
        <v>1</v>
      </c>
      <c r="N602" s="8" t="s">
        <v>509</v>
      </c>
      <c r="O602" s="8">
        <v>1</v>
      </c>
      <c r="P602" s="8">
        <v>80</v>
      </c>
      <c r="Q602" s="18"/>
      <c r="R602" s="10"/>
      <c r="S602" s="206"/>
      <c r="T602" s="215"/>
      <c r="U602" s="215"/>
    </row>
    <row r="603" spans="1:21">
      <c r="A603" s="17"/>
      <c r="B603" s="17"/>
      <c r="C603" s="17" t="s">
        <v>130</v>
      </c>
      <c r="D603" s="17" t="s">
        <v>126</v>
      </c>
      <c r="E603" s="17"/>
      <c r="F603" s="17"/>
      <c r="G603" s="17"/>
      <c r="H603" s="17"/>
      <c r="I603" s="17"/>
      <c r="J603" s="17"/>
      <c r="K603" s="17" t="s">
        <v>17</v>
      </c>
      <c r="L603" s="17" t="s">
        <v>71</v>
      </c>
      <c r="M603" s="17" t="s">
        <v>525</v>
      </c>
      <c r="N603" s="17"/>
      <c r="O603" s="17"/>
      <c r="P603" s="17"/>
      <c r="Q603" s="138"/>
      <c r="R603" s="10"/>
      <c r="S603" s="206"/>
      <c r="T603" s="215"/>
      <c r="U603" s="215"/>
    </row>
    <row r="604" spans="1:21">
      <c r="A604" s="8"/>
      <c r="B604" s="8"/>
      <c r="C604" s="8"/>
      <c r="D604" s="8"/>
      <c r="E604" s="8"/>
      <c r="F604" s="8"/>
      <c r="G604" s="8"/>
      <c r="H604" s="8">
        <v>1</v>
      </c>
      <c r="I604" s="8">
        <v>128</v>
      </c>
      <c r="J604" s="8" t="s">
        <v>128</v>
      </c>
      <c r="K604" s="8" t="s">
        <v>66</v>
      </c>
      <c r="L604" s="8" t="s">
        <v>65</v>
      </c>
      <c r="M604" s="8">
        <v>1</v>
      </c>
      <c r="N604" s="8" t="s">
        <v>514</v>
      </c>
      <c r="O604" s="8">
        <v>2</v>
      </c>
      <c r="P604" s="8">
        <v>3</v>
      </c>
      <c r="Q604" s="8" t="s">
        <v>689</v>
      </c>
      <c r="R604" s="10"/>
      <c r="S604" s="206"/>
      <c r="T604" s="215"/>
      <c r="U604" s="215"/>
    </row>
    <row r="605" spans="1:21">
      <c r="A605" s="8"/>
      <c r="B605" s="8"/>
      <c r="C605" s="8"/>
      <c r="D605" s="8"/>
      <c r="E605" s="8"/>
      <c r="F605" s="8"/>
      <c r="G605" s="8"/>
      <c r="H605" s="8">
        <v>2</v>
      </c>
      <c r="I605" s="8">
        <v>127</v>
      </c>
      <c r="J605" s="8" t="s">
        <v>126</v>
      </c>
      <c r="K605" s="8" t="s">
        <v>78</v>
      </c>
      <c r="L605" s="8" t="s">
        <v>71</v>
      </c>
      <c r="M605" s="8">
        <v>1</v>
      </c>
      <c r="N605" s="8" t="s">
        <v>509</v>
      </c>
      <c r="O605" s="8">
        <v>1</v>
      </c>
      <c r="P605" s="8">
        <v>30</v>
      </c>
      <c r="Q605" s="8" t="s">
        <v>788</v>
      </c>
      <c r="R605" s="10"/>
      <c r="S605" s="206"/>
      <c r="T605" s="215"/>
      <c r="U605" s="215"/>
    </row>
    <row r="606" spans="1:21">
      <c r="A606" s="8"/>
      <c r="B606" s="8"/>
      <c r="C606" s="8"/>
      <c r="D606" s="8"/>
      <c r="E606" s="8"/>
      <c r="F606" s="8"/>
      <c r="G606" s="8"/>
      <c r="H606" s="8">
        <v>3</v>
      </c>
      <c r="I606" s="8">
        <v>352</v>
      </c>
      <c r="J606" s="8" t="s">
        <v>3</v>
      </c>
      <c r="K606" s="8" t="s">
        <v>78</v>
      </c>
      <c r="L606" s="8" t="s">
        <v>71</v>
      </c>
      <c r="M606" s="8">
        <v>1</v>
      </c>
      <c r="N606" s="8" t="s">
        <v>509</v>
      </c>
      <c r="O606" s="8">
        <v>1</v>
      </c>
      <c r="P606" s="8">
        <v>80</v>
      </c>
      <c r="Q606" s="72"/>
      <c r="R606" s="10"/>
      <c r="S606" s="206"/>
      <c r="T606" s="215"/>
      <c r="U606" s="215"/>
    </row>
    <row r="607" spans="1:21" ht="201.5">
      <c r="R607" t="s">
        <v>2753</v>
      </c>
      <c r="S607" s="317" t="s">
        <v>2448</v>
      </c>
    </row>
    <row r="608" spans="1:21">
      <c r="R608" t="s">
        <v>1038</v>
      </c>
    </row>
    <row r="609" spans="18:21">
      <c r="R609" s="97" t="s">
        <v>1701</v>
      </c>
      <c r="S609" s="96" t="s">
        <v>2751</v>
      </c>
      <c r="T609" s="96" t="s">
        <v>1702</v>
      </c>
      <c r="U609" s="96" t="s">
        <v>1702</v>
      </c>
    </row>
    <row r="611" spans="18:21">
      <c r="R611" t="s">
        <v>1171</v>
      </c>
    </row>
  </sheetData>
  <mergeCells count="7">
    <mergeCell ref="A483:K483"/>
    <mergeCell ref="A40:L40"/>
    <mergeCell ref="A325:L325"/>
    <mergeCell ref="A417:L417"/>
    <mergeCell ref="A418:L418"/>
    <mergeCell ref="A450:K450"/>
    <mergeCell ref="A451:K451"/>
  </mergeCells>
  <pageMargins left="0.7" right="0.7" top="0.75" bottom="0.75" header="0.3" footer="0.3"/>
  <pageSetup orientation="portrait" horizontalDpi="300" verticalDpi="0"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tabColor theme="1" tint="0.34998626667073579"/>
  </sheetPr>
  <dimension ref="A1:D90"/>
  <sheetViews>
    <sheetView zoomScale="25" zoomScaleNormal="25" workbookViewId="0">
      <selection activeCell="A103" sqref="A103"/>
    </sheetView>
  </sheetViews>
  <sheetFormatPr defaultColWidth="8.83203125" defaultRowHeight="14"/>
  <cols>
    <col min="1" max="1" width="52" customWidth="1"/>
    <col min="2" max="2" width="54.5" customWidth="1"/>
    <col min="3" max="3" width="72.6640625" customWidth="1"/>
    <col min="4" max="4" width="73" style="14" customWidth="1"/>
  </cols>
  <sheetData>
    <row r="1" spans="1:4" s="233" customFormat="1" ht="24.75" customHeight="1" thickBot="1">
      <c r="A1" s="418" t="s">
        <v>23</v>
      </c>
      <c r="B1" s="419"/>
      <c r="C1" s="420"/>
      <c r="D1" s="239"/>
    </row>
    <row r="2" spans="1:4" ht="29.5" thickBot="1">
      <c r="A2" s="412" t="s">
        <v>1367</v>
      </c>
      <c r="B2" s="413"/>
      <c r="C2" s="414"/>
      <c r="D2" s="240" t="s">
        <v>2031</v>
      </c>
    </row>
    <row r="3" spans="1:4" ht="30.75" customHeight="1" thickBot="1">
      <c r="A3" s="167" t="s">
        <v>1317</v>
      </c>
      <c r="B3" s="168" t="s">
        <v>3</v>
      </c>
      <c r="C3" s="169" t="s">
        <v>1318</v>
      </c>
      <c r="D3" s="95" t="s">
        <v>1368</v>
      </c>
    </row>
    <row r="4" spans="1:4" ht="15" customHeight="1" thickBot="1">
      <c r="A4" s="170" t="s">
        <v>1319</v>
      </c>
      <c r="B4" s="171" t="s">
        <v>1320</v>
      </c>
      <c r="C4" s="172" t="s">
        <v>1321</v>
      </c>
    </row>
    <row r="5" spans="1:4" ht="15" customHeight="1" thickBot="1">
      <c r="A5" s="170" t="s">
        <v>1322</v>
      </c>
      <c r="B5" s="171" t="s">
        <v>1323</v>
      </c>
      <c r="C5" s="172" t="s">
        <v>1324</v>
      </c>
      <c r="D5" s="18" t="s">
        <v>1369</v>
      </c>
    </row>
    <row r="6" spans="1:4" ht="15" customHeight="1" thickBot="1">
      <c r="A6" s="170" t="s">
        <v>1325</v>
      </c>
      <c r="B6" s="171" t="s">
        <v>1326</v>
      </c>
      <c r="C6" s="172" t="s">
        <v>1324</v>
      </c>
      <c r="D6" s="14" t="s">
        <v>1370</v>
      </c>
    </row>
    <row r="7" spans="1:4" ht="15" customHeight="1" thickBot="1">
      <c r="A7" s="170" t="s">
        <v>1327</v>
      </c>
      <c r="B7" s="171" t="s">
        <v>1328</v>
      </c>
      <c r="C7" s="172" t="s">
        <v>1324</v>
      </c>
    </row>
    <row r="8" spans="1:4" ht="15" customHeight="1" thickBot="1">
      <c r="A8" s="170" t="s">
        <v>1329</v>
      </c>
      <c r="B8" s="171" t="s">
        <v>1330</v>
      </c>
      <c r="C8" s="172" t="s">
        <v>1324</v>
      </c>
    </row>
    <row r="9" spans="1:4" ht="15" customHeight="1" thickBot="1">
      <c r="A9" s="170" t="s">
        <v>1331</v>
      </c>
      <c r="B9" s="171" t="s">
        <v>1332</v>
      </c>
      <c r="C9" s="172" t="s">
        <v>1324</v>
      </c>
    </row>
    <row r="10" spans="1:4" ht="15" customHeight="1">
      <c r="A10" s="97" t="s">
        <v>2744</v>
      </c>
      <c r="B10" s="97" t="s">
        <v>2745</v>
      </c>
      <c r="C10" s="97" t="s">
        <v>1324</v>
      </c>
      <c r="D10" s="97" t="s">
        <v>2746</v>
      </c>
    </row>
    <row r="11" spans="1:4" ht="15" customHeight="1" thickBot="1">
      <c r="A11" s="170" t="s">
        <v>1333</v>
      </c>
      <c r="B11" s="171" t="s">
        <v>1334</v>
      </c>
      <c r="C11" s="172" t="s">
        <v>1335</v>
      </c>
    </row>
    <row r="12" spans="1:4" ht="15" customHeight="1" thickBot="1">
      <c r="A12" s="170" t="s">
        <v>1336</v>
      </c>
      <c r="B12" s="171" t="s">
        <v>1337</v>
      </c>
      <c r="C12" s="172" t="s">
        <v>1335</v>
      </c>
    </row>
    <row r="13" spans="1:4" ht="15" customHeight="1" thickBot="1">
      <c r="A13" s="170" t="s">
        <v>1338</v>
      </c>
      <c r="B13" s="171" t="s">
        <v>1339</v>
      </c>
      <c r="C13" s="172" t="s">
        <v>1335</v>
      </c>
    </row>
    <row r="14" spans="1:4" ht="15" customHeight="1" thickBot="1">
      <c r="A14" s="170" t="s">
        <v>1340</v>
      </c>
      <c r="B14" s="171" t="s">
        <v>1341</v>
      </c>
      <c r="C14" s="172" t="s">
        <v>1342</v>
      </c>
    </row>
    <row r="15" spans="1:4" ht="15" customHeight="1" thickBot="1">
      <c r="A15" s="170" t="s">
        <v>1343</v>
      </c>
      <c r="B15" s="171" t="s">
        <v>1344</v>
      </c>
      <c r="C15" s="172" t="s">
        <v>1342</v>
      </c>
    </row>
    <row r="16" spans="1:4" ht="15" customHeight="1" thickBot="1">
      <c r="A16" s="170" t="s">
        <v>1345</v>
      </c>
      <c r="B16" s="171" t="s">
        <v>1346</v>
      </c>
      <c r="C16" s="172" t="s">
        <v>1342</v>
      </c>
    </row>
    <row r="17" spans="1:4" ht="15" customHeight="1" thickBot="1">
      <c r="A17" s="170" t="s">
        <v>1347</v>
      </c>
      <c r="B17" s="171" t="s">
        <v>1348</v>
      </c>
      <c r="C17" s="172" t="s">
        <v>1342</v>
      </c>
    </row>
    <row r="18" spans="1:4" ht="15" customHeight="1" thickBot="1">
      <c r="A18" s="315" t="s">
        <v>2747</v>
      </c>
      <c r="B18" s="315" t="s">
        <v>2748</v>
      </c>
      <c r="C18" s="315" t="s">
        <v>1342</v>
      </c>
      <c r="D18" s="316" t="s">
        <v>2749</v>
      </c>
    </row>
    <row r="19" spans="1:4" ht="15" customHeight="1" thickBot="1">
      <c r="A19" s="170" t="s">
        <v>1349</v>
      </c>
      <c r="B19" s="171" t="s">
        <v>1350</v>
      </c>
      <c r="C19" s="172" t="s">
        <v>1351</v>
      </c>
    </row>
    <row r="20" spans="1:4" ht="15" customHeight="1" thickBot="1">
      <c r="A20" s="170" t="s">
        <v>1352</v>
      </c>
      <c r="B20" s="171" t="s">
        <v>1353</v>
      </c>
      <c r="C20" s="172" t="s">
        <v>1351</v>
      </c>
    </row>
    <row r="21" spans="1:4" ht="15" customHeight="1" thickBot="1">
      <c r="A21" s="170" t="s">
        <v>1354</v>
      </c>
      <c r="B21" s="171" t="s">
        <v>1355</v>
      </c>
      <c r="C21" s="172" t="s">
        <v>1351</v>
      </c>
    </row>
    <row r="22" spans="1:4" ht="15" customHeight="1" thickBot="1">
      <c r="A22" s="170" t="s">
        <v>1356</v>
      </c>
      <c r="B22" s="171" t="s">
        <v>1357</v>
      </c>
      <c r="C22" s="172" t="s">
        <v>1358</v>
      </c>
    </row>
    <row r="23" spans="1:4" ht="15" customHeight="1" thickBot="1">
      <c r="A23" s="170" t="s">
        <v>1359</v>
      </c>
      <c r="B23" s="171" t="s">
        <v>1360</v>
      </c>
      <c r="C23" s="172" t="s">
        <v>1361</v>
      </c>
    </row>
    <row r="24" spans="1:4" ht="15" customHeight="1" thickBot="1">
      <c r="A24" s="170" t="s">
        <v>1362</v>
      </c>
      <c r="B24" s="171" t="s">
        <v>1363</v>
      </c>
      <c r="C24" s="172" t="s">
        <v>1358</v>
      </c>
    </row>
    <row r="25" spans="1:4" ht="27.75" customHeight="1">
      <c r="A25" s="421" t="s">
        <v>1775</v>
      </c>
      <c r="B25" s="421"/>
      <c r="C25" s="421"/>
    </row>
    <row r="64" ht="14.5" thickBot="1"/>
    <row r="65" spans="1:4" s="233" customFormat="1" ht="24.75" customHeight="1" thickBot="1">
      <c r="A65" s="418" t="s">
        <v>21</v>
      </c>
      <c r="B65" s="419"/>
      <c r="C65" s="420"/>
      <c r="D65" s="239"/>
    </row>
    <row r="66" spans="1:4" ht="27" customHeight="1">
      <c r="A66" s="422" t="s">
        <v>1381</v>
      </c>
      <c r="B66" s="422"/>
      <c r="C66" s="422"/>
    </row>
    <row r="68" spans="1:4" ht="84">
      <c r="A68" s="230" t="s">
        <v>1382</v>
      </c>
      <c r="B68" s="234" t="s">
        <v>1776</v>
      </c>
      <c r="C68" s="2" t="s">
        <v>1780</v>
      </c>
    </row>
    <row r="69" spans="1:4" ht="84">
      <c r="B69" s="234" t="s">
        <v>1777</v>
      </c>
      <c r="C69" s="2" t="s">
        <v>1781</v>
      </c>
    </row>
    <row r="70" spans="1:4" ht="56">
      <c r="B70" s="232" t="s">
        <v>1778</v>
      </c>
    </row>
    <row r="71" spans="1:4" ht="28">
      <c r="B71" s="232" t="s">
        <v>1779</v>
      </c>
    </row>
    <row r="73" spans="1:4" ht="28">
      <c r="A73" s="412" t="s">
        <v>1396</v>
      </c>
      <c r="B73" s="413"/>
      <c r="C73" s="414"/>
    </row>
    <row r="74" spans="1:4">
      <c r="A74" s="415" t="s">
        <v>1397</v>
      </c>
      <c r="B74" s="416"/>
      <c r="C74" s="417"/>
    </row>
    <row r="75" spans="1:4" ht="14.5" thickBot="1">
      <c r="A75" s="190"/>
      <c r="B75" s="191"/>
      <c r="C75" s="192"/>
    </row>
    <row r="76" spans="1:4" ht="14.5" thickBot="1">
      <c r="A76" s="193" t="s">
        <v>1398</v>
      </c>
      <c r="B76" s="194" t="s">
        <v>1399</v>
      </c>
      <c r="C76" s="195" t="s">
        <v>0</v>
      </c>
    </row>
    <row r="77" spans="1:4" ht="15" thickBot="1">
      <c r="A77" s="196">
        <v>1</v>
      </c>
      <c r="B77" s="197" t="s">
        <v>1400</v>
      </c>
      <c r="C77" s="198" t="s">
        <v>1401</v>
      </c>
    </row>
    <row r="78" spans="1:4" ht="15" thickBot="1">
      <c r="A78" s="196">
        <v>2</v>
      </c>
      <c r="B78" s="197" t="s">
        <v>1402</v>
      </c>
      <c r="C78" s="198" t="s">
        <v>1403</v>
      </c>
    </row>
    <row r="79" spans="1:4" ht="15" thickBot="1">
      <c r="A79" s="196">
        <v>3</v>
      </c>
      <c r="B79" s="197" t="s">
        <v>1404</v>
      </c>
      <c r="C79" s="198" t="s">
        <v>1405</v>
      </c>
    </row>
    <row r="80" spans="1:4" ht="15" thickBot="1">
      <c r="A80" s="196">
        <v>4</v>
      </c>
      <c r="B80" s="197" t="s">
        <v>1406</v>
      </c>
      <c r="C80" s="198" t="s">
        <v>1407</v>
      </c>
    </row>
    <row r="81" spans="1:3" ht="15" thickBot="1">
      <c r="A81" s="196">
        <v>5</v>
      </c>
      <c r="B81" s="197" t="s">
        <v>1408</v>
      </c>
      <c r="C81" s="198" t="s">
        <v>1409</v>
      </c>
    </row>
    <row r="82" spans="1:3" ht="15" thickBot="1">
      <c r="A82" s="196">
        <v>6</v>
      </c>
      <c r="B82" s="197" t="s">
        <v>1410</v>
      </c>
      <c r="C82" s="198" t="s">
        <v>1411</v>
      </c>
    </row>
    <row r="83" spans="1:3" ht="15" thickBot="1">
      <c r="A83" s="196">
        <v>7</v>
      </c>
      <c r="B83" s="197" t="s">
        <v>1412</v>
      </c>
      <c r="C83" s="198" t="s">
        <v>1413</v>
      </c>
    </row>
    <row r="84" spans="1:3" ht="15" thickBot="1">
      <c r="A84" s="196">
        <v>8</v>
      </c>
      <c r="B84" s="197" t="s">
        <v>1414</v>
      </c>
      <c r="C84" s="198" t="s">
        <v>1415</v>
      </c>
    </row>
    <row r="85" spans="1:3" ht="29.5" thickBot="1">
      <c r="A85" s="196">
        <v>9</v>
      </c>
      <c r="B85" s="197" t="s">
        <v>1416</v>
      </c>
      <c r="C85" s="198" t="s">
        <v>1417</v>
      </c>
    </row>
    <row r="86" spans="1:3" ht="15" thickBot="1">
      <c r="A86" s="196">
        <v>10</v>
      </c>
      <c r="B86" s="197" t="s">
        <v>1418</v>
      </c>
      <c r="C86" s="198" t="s">
        <v>1419</v>
      </c>
    </row>
    <row r="87" spans="1:3" ht="15" thickBot="1">
      <c r="A87" s="196">
        <v>12</v>
      </c>
      <c r="B87" s="197" t="s">
        <v>1420</v>
      </c>
      <c r="C87" s="198" t="s">
        <v>1421</v>
      </c>
    </row>
    <row r="88" spans="1:3" ht="44" thickBot="1">
      <c r="A88" s="196">
        <v>13</v>
      </c>
      <c r="B88" s="197" t="s">
        <v>1422</v>
      </c>
      <c r="C88" s="198"/>
    </row>
    <row r="89" spans="1:3" ht="15" thickBot="1">
      <c r="A89" s="196">
        <v>14</v>
      </c>
      <c r="B89" s="197" t="s">
        <v>1423</v>
      </c>
      <c r="C89" s="198"/>
    </row>
    <row r="90" spans="1:3" ht="14.5">
      <c r="A90" s="199">
        <v>15</v>
      </c>
      <c r="B90" s="200" t="s">
        <v>1424</v>
      </c>
      <c r="C90" s="201" t="s">
        <v>1425</v>
      </c>
    </row>
  </sheetData>
  <mergeCells count="7">
    <mergeCell ref="A2:C2"/>
    <mergeCell ref="A73:C73"/>
    <mergeCell ref="A74:C74"/>
    <mergeCell ref="A1:C1"/>
    <mergeCell ref="A25:C25"/>
    <mergeCell ref="A65:C65"/>
    <mergeCell ref="A66:C66"/>
  </mergeCells>
  <pageMargins left="0.7" right="0.7" top="0.75" bottom="0.75" header="0.3" footer="0.3"/>
  <pageSetup orientation="portrait" horizontalDpi="90" verticalDpi="90" r:id="rId1"/>
  <customProperties>
    <customPr name="IbpWorksheetKeyString_GUID" r:id="rId2"/>
  </customProperties>
  <drawing r:id="rId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tabColor theme="3"/>
    <pageSetUpPr fitToPage="1"/>
  </sheetPr>
  <dimension ref="A1:XFD1150"/>
  <sheetViews>
    <sheetView topLeftCell="O1" zoomScale="55" zoomScaleNormal="55" workbookViewId="0">
      <pane ySplit="1" topLeftCell="A2" activePane="bottomLeft" state="frozen"/>
      <selection activeCell="O1" sqref="O1"/>
      <selection pane="bottomLeft" activeCell="T77" sqref="T77"/>
    </sheetView>
  </sheetViews>
  <sheetFormatPr defaultColWidth="8.33203125" defaultRowHeight="17.5" outlineLevelRow="2"/>
  <cols>
    <col min="1" max="2" width="2" customWidth="1"/>
    <col min="3" max="4" width="5" style="10" customWidth="1"/>
    <col min="5" max="8" width="5" style="8" customWidth="1"/>
    <col min="9" max="9" width="8.33203125" style="8"/>
    <col min="10" max="10" width="6.5" style="10" customWidth="1"/>
    <col min="11" max="11" width="11.5" style="10" customWidth="1"/>
    <col min="12" max="12" width="10" style="33" customWidth="1"/>
    <col min="13" max="13" width="3.83203125" style="10" customWidth="1"/>
    <col min="14" max="14" width="4" style="10" customWidth="1"/>
    <col min="15" max="15" width="3.83203125" style="10" customWidth="1"/>
    <col min="16" max="16" width="3.5" style="10" customWidth="1"/>
    <col min="17" max="17" width="11.5" style="93" customWidth="1"/>
    <col min="18" max="18" width="84.1640625" style="10" customWidth="1"/>
    <col min="19" max="19" width="70.83203125" style="207" customWidth="1"/>
    <col min="20" max="20" width="75.6640625" style="10" customWidth="1"/>
    <col min="21" max="21" width="54" style="10" customWidth="1"/>
    <col min="22" max="22" width="77" style="10" customWidth="1"/>
    <col min="23" max="23" width="32.1640625" style="10" customWidth="1"/>
  </cols>
  <sheetData>
    <row r="1" spans="1:23" s="43" customFormat="1" ht="42">
      <c r="A1" s="132" t="s">
        <v>415</v>
      </c>
      <c r="B1" s="132" t="s">
        <v>416</v>
      </c>
      <c r="C1" s="132" t="s">
        <v>417</v>
      </c>
      <c r="D1" s="132" t="s">
        <v>412</v>
      </c>
      <c r="E1" s="132" t="s">
        <v>431</v>
      </c>
      <c r="F1" s="132" t="s">
        <v>411</v>
      </c>
      <c r="G1" s="132" t="s">
        <v>419</v>
      </c>
      <c r="H1" s="132" t="s">
        <v>420</v>
      </c>
      <c r="I1" s="132" t="s">
        <v>410</v>
      </c>
      <c r="J1" s="132" t="s">
        <v>408</v>
      </c>
      <c r="K1" s="132" t="s">
        <v>407</v>
      </c>
      <c r="L1" s="132" t="s">
        <v>406</v>
      </c>
      <c r="M1" s="42" t="s">
        <v>535</v>
      </c>
      <c r="N1" s="42" t="s">
        <v>534</v>
      </c>
      <c r="O1" s="42" t="s">
        <v>533</v>
      </c>
      <c r="P1" s="42" t="s">
        <v>532</v>
      </c>
      <c r="Q1" s="273" t="s">
        <v>821</v>
      </c>
      <c r="R1" s="69" t="s">
        <v>753</v>
      </c>
      <c r="S1" s="69" t="s">
        <v>0</v>
      </c>
      <c r="T1" s="69" t="s">
        <v>2351</v>
      </c>
      <c r="U1" s="42" t="s">
        <v>1448</v>
      </c>
      <c r="V1" s="69" t="s">
        <v>2412</v>
      </c>
      <c r="W1" s="69" t="s">
        <v>2411</v>
      </c>
    </row>
    <row r="2" spans="1:23">
      <c r="A2" s="428" t="s">
        <v>421</v>
      </c>
      <c r="B2" s="428"/>
      <c r="C2" s="428"/>
      <c r="D2" s="428"/>
      <c r="E2" s="428"/>
      <c r="F2" s="428"/>
      <c r="G2" s="428"/>
      <c r="H2" s="428"/>
      <c r="I2" s="428"/>
      <c r="J2" s="428"/>
      <c r="K2" s="428"/>
      <c r="L2" s="428"/>
      <c r="M2" s="428"/>
      <c r="N2" s="428"/>
      <c r="O2" s="428"/>
      <c r="P2" s="428"/>
      <c r="Q2" s="428"/>
      <c r="R2" s="292"/>
      <c r="T2" s="207"/>
      <c r="U2" s="98"/>
      <c r="V2" s="98"/>
      <c r="W2"/>
    </row>
    <row r="3" spans="1:23" s="8" customFormat="1">
      <c r="A3" s="84"/>
      <c r="B3" s="84"/>
      <c r="C3" s="85" t="s">
        <v>405</v>
      </c>
      <c r="D3" s="85" t="s">
        <v>422</v>
      </c>
      <c r="E3" s="85"/>
      <c r="F3" s="85"/>
      <c r="G3" s="85"/>
      <c r="H3" s="85"/>
      <c r="I3" s="85"/>
      <c r="J3" s="85"/>
      <c r="K3" s="85" t="s">
        <v>66</v>
      </c>
      <c r="L3" s="75" t="s">
        <v>65</v>
      </c>
      <c r="M3" s="85">
        <v>1</v>
      </c>
      <c r="N3" s="85"/>
      <c r="O3" s="85"/>
      <c r="P3" s="85"/>
      <c r="Q3" s="86"/>
      <c r="R3" s="207" t="s">
        <v>1178</v>
      </c>
      <c r="S3" s="207"/>
      <c r="T3" s="207"/>
      <c r="U3" s="98"/>
      <c r="V3" s="98"/>
    </row>
    <row r="4" spans="1:23" s="8" customFormat="1" hidden="1" outlineLevel="1">
      <c r="A4" s="88"/>
      <c r="B4" s="88"/>
      <c r="C4" s="87"/>
      <c r="D4" s="87"/>
      <c r="E4" s="87"/>
      <c r="F4" s="87"/>
      <c r="G4" s="87"/>
      <c r="H4" s="87">
        <v>1</v>
      </c>
      <c r="I4" s="87">
        <v>143</v>
      </c>
      <c r="J4" s="87" t="s">
        <v>403</v>
      </c>
      <c r="K4" s="87" t="s">
        <v>66</v>
      </c>
      <c r="L4" s="11" t="s">
        <v>65</v>
      </c>
      <c r="M4" s="87">
        <v>1</v>
      </c>
      <c r="N4" s="87" t="s">
        <v>514</v>
      </c>
      <c r="O4" s="87">
        <v>3</v>
      </c>
      <c r="P4" s="87">
        <v>3</v>
      </c>
      <c r="Q4" s="89" t="s">
        <v>822</v>
      </c>
      <c r="R4" s="207"/>
      <c r="S4" s="207"/>
      <c r="T4" s="207"/>
      <c r="U4" s="98"/>
      <c r="V4" s="98"/>
    </row>
    <row r="5" spans="1:23" s="8" customFormat="1" hidden="1" outlineLevel="1">
      <c r="A5" s="88"/>
      <c r="B5" s="88"/>
      <c r="C5" s="87"/>
      <c r="D5" s="87"/>
      <c r="E5" s="87"/>
      <c r="F5" s="87"/>
      <c r="G5" s="87"/>
      <c r="H5" s="87">
        <v>2</v>
      </c>
      <c r="I5" s="87">
        <v>329</v>
      </c>
      <c r="J5" s="87" t="s">
        <v>401</v>
      </c>
      <c r="K5" s="87" t="s">
        <v>66</v>
      </c>
      <c r="L5" s="11" t="s">
        <v>65</v>
      </c>
      <c r="M5" s="87">
        <v>1</v>
      </c>
      <c r="N5" s="87" t="s">
        <v>509</v>
      </c>
      <c r="O5" s="87">
        <v>4</v>
      </c>
      <c r="P5" s="87">
        <v>9</v>
      </c>
      <c r="Q5" s="89"/>
      <c r="R5" s="207"/>
      <c r="S5" s="207"/>
      <c r="T5" s="207"/>
      <c r="U5" s="98"/>
      <c r="V5" s="98"/>
    </row>
    <row r="6" spans="1:23" s="8" customFormat="1" ht="35" collapsed="1">
      <c r="A6" s="84"/>
      <c r="B6" s="84"/>
      <c r="C6" s="85" t="s">
        <v>536</v>
      </c>
      <c r="D6" s="85" t="s">
        <v>537</v>
      </c>
      <c r="E6" s="85"/>
      <c r="F6" s="85"/>
      <c r="G6" s="85"/>
      <c r="H6" s="85"/>
      <c r="I6" s="85"/>
      <c r="J6" s="85"/>
      <c r="K6" s="85" t="s">
        <v>66</v>
      </c>
      <c r="L6" s="75" t="s">
        <v>65</v>
      </c>
      <c r="M6" s="85">
        <v>1</v>
      </c>
      <c r="N6" s="85"/>
      <c r="O6" s="85"/>
      <c r="P6" s="85"/>
      <c r="Q6" s="86"/>
      <c r="R6" s="207" t="s">
        <v>1179</v>
      </c>
      <c r="S6" s="203" t="s">
        <v>2350</v>
      </c>
      <c r="T6" s="291" t="s">
        <v>1465</v>
      </c>
      <c r="U6" s="98"/>
      <c r="V6" s="98"/>
    </row>
    <row r="7" spans="1:23" s="8" customFormat="1" hidden="1" outlineLevel="1">
      <c r="A7" s="88"/>
      <c r="B7" s="88"/>
      <c r="C7" s="87"/>
      <c r="D7" s="87"/>
      <c r="E7" s="87"/>
      <c r="F7" s="87"/>
      <c r="G7" s="87"/>
      <c r="H7" s="87">
        <v>1</v>
      </c>
      <c r="I7" s="87">
        <v>373</v>
      </c>
      <c r="J7" s="87" t="s">
        <v>1</v>
      </c>
      <c r="K7" s="87" t="s">
        <v>66</v>
      </c>
      <c r="L7" s="11" t="s">
        <v>65</v>
      </c>
      <c r="M7" s="87">
        <v>1</v>
      </c>
      <c r="N7" s="87" t="s">
        <v>519</v>
      </c>
      <c r="O7" s="87">
        <v>8</v>
      </c>
      <c r="P7" s="87">
        <v>8</v>
      </c>
      <c r="Q7" s="89"/>
      <c r="R7" s="207"/>
      <c r="S7" s="207"/>
      <c r="T7" s="207"/>
      <c r="U7" s="98"/>
      <c r="V7" s="98"/>
    </row>
    <row r="8" spans="1:23" s="8" customFormat="1" hidden="1" outlineLevel="1">
      <c r="A8" s="88"/>
      <c r="B8" s="88"/>
      <c r="C8" s="87"/>
      <c r="D8" s="87"/>
      <c r="E8" s="87"/>
      <c r="F8" s="87"/>
      <c r="G8" s="87"/>
      <c r="H8" s="87">
        <v>2</v>
      </c>
      <c r="I8" s="87">
        <v>76</v>
      </c>
      <c r="J8" s="87" t="s">
        <v>538</v>
      </c>
      <c r="K8" s="87" t="s">
        <v>66</v>
      </c>
      <c r="L8" s="11" t="s">
        <v>65</v>
      </c>
      <c r="M8" s="87">
        <v>1</v>
      </c>
      <c r="N8" s="87" t="s">
        <v>509</v>
      </c>
      <c r="O8" s="87">
        <v>1</v>
      </c>
      <c r="P8" s="87">
        <v>22</v>
      </c>
      <c r="Q8" s="89"/>
      <c r="R8" s="207"/>
      <c r="S8" s="207"/>
      <c r="T8" s="207"/>
      <c r="U8" s="98"/>
      <c r="V8" s="98"/>
    </row>
    <row r="9" spans="1:23" s="45" customFormat="1" hidden="1" outlineLevel="1">
      <c r="A9" s="88"/>
      <c r="B9" s="88"/>
      <c r="C9" s="87"/>
      <c r="D9" s="87"/>
      <c r="E9" s="87"/>
      <c r="F9" s="87"/>
      <c r="G9" s="87"/>
      <c r="H9" s="87">
        <v>3</v>
      </c>
      <c r="I9" s="87">
        <v>373</v>
      </c>
      <c r="J9" s="87" t="s">
        <v>1</v>
      </c>
      <c r="K9" s="87" t="s">
        <v>17</v>
      </c>
      <c r="L9" s="11" t="s">
        <v>71</v>
      </c>
      <c r="M9" s="87">
        <v>1</v>
      </c>
      <c r="N9" s="87" t="s">
        <v>519</v>
      </c>
      <c r="O9" s="87">
        <v>8</v>
      </c>
      <c r="P9" s="87">
        <v>8</v>
      </c>
      <c r="Q9" s="89"/>
      <c r="R9" s="207"/>
      <c r="S9" s="207"/>
      <c r="T9" s="207"/>
      <c r="U9" s="98"/>
      <c r="V9" s="98"/>
    </row>
    <row r="10" spans="1:23" s="8" customFormat="1" hidden="1" outlineLevel="1">
      <c r="A10" s="88"/>
      <c r="B10" s="88"/>
      <c r="C10" s="87"/>
      <c r="D10" s="87"/>
      <c r="E10" s="87"/>
      <c r="F10" s="87"/>
      <c r="G10" s="87"/>
      <c r="H10" s="87">
        <v>4</v>
      </c>
      <c r="I10" s="87">
        <v>324</v>
      </c>
      <c r="J10" s="87" t="s">
        <v>394</v>
      </c>
      <c r="K10" s="87" t="s">
        <v>17</v>
      </c>
      <c r="L10" s="11" t="s">
        <v>71</v>
      </c>
      <c r="M10" s="87">
        <v>1</v>
      </c>
      <c r="N10" s="87" t="s">
        <v>509</v>
      </c>
      <c r="O10" s="87">
        <v>1</v>
      </c>
      <c r="P10" s="87">
        <v>22</v>
      </c>
      <c r="Q10" s="89"/>
      <c r="R10" s="207"/>
      <c r="S10" s="207"/>
      <c r="T10" s="207"/>
      <c r="U10" s="98"/>
      <c r="V10" s="98"/>
    </row>
    <row r="11" spans="1:23" s="8" customFormat="1" hidden="1" outlineLevel="1">
      <c r="A11" s="88"/>
      <c r="B11" s="88"/>
      <c r="C11" s="87"/>
      <c r="D11" s="87"/>
      <c r="E11" s="19"/>
      <c r="F11" s="19"/>
      <c r="G11" s="19"/>
      <c r="H11" s="19">
        <v>5</v>
      </c>
      <c r="I11" s="19">
        <v>328</v>
      </c>
      <c r="J11" s="19" t="s">
        <v>392</v>
      </c>
      <c r="K11" s="19" t="s">
        <v>17</v>
      </c>
      <c r="L11" s="25" t="s">
        <v>96</v>
      </c>
      <c r="M11" s="19">
        <v>1</v>
      </c>
      <c r="N11" s="19" t="s">
        <v>509</v>
      </c>
      <c r="O11" s="19">
        <v>1</v>
      </c>
      <c r="P11" s="19">
        <v>30</v>
      </c>
      <c r="Q11" s="25"/>
      <c r="R11" s="207"/>
      <c r="S11" s="207"/>
      <c r="T11" s="207"/>
      <c r="U11" s="98"/>
      <c r="V11" s="98"/>
    </row>
    <row r="12" spans="1:23" s="8" customFormat="1" hidden="1" outlineLevel="1">
      <c r="A12" s="88"/>
      <c r="B12" s="88"/>
      <c r="C12" s="87"/>
      <c r="D12" s="87"/>
      <c r="E12" s="19"/>
      <c r="F12" s="19"/>
      <c r="G12" s="19"/>
      <c r="H12" s="19">
        <v>6</v>
      </c>
      <c r="I12" s="19">
        <v>327</v>
      </c>
      <c r="J12" s="19" t="s">
        <v>413</v>
      </c>
      <c r="K12" s="19" t="s">
        <v>17</v>
      </c>
      <c r="L12" s="25" t="s">
        <v>96</v>
      </c>
      <c r="M12" s="19">
        <v>1</v>
      </c>
      <c r="N12" s="19" t="s">
        <v>509</v>
      </c>
      <c r="O12" s="19">
        <v>1</v>
      </c>
      <c r="P12" s="19">
        <v>8</v>
      </c>
      <c r="Q12" s="25"/>
      <c r="R12" s="207"/>
      <c r="S12" s="207"/>
      <c r="T12" s="207"/>
      <c r="U12" s="98"/>
      <c r="V12" s="98"/>
    </row>
    <row r="13" spans="1:23" s="8" customFormat="1" ht="196" hidden="1" outlineLevel="1">
      <c r="A13" s="88"/>
      <c r="B13" s="88"/>
      <c r="C13" s="87"/>
      <c r="D13" s="87"/>
      <c r="E13" s="87"/>
      <c r="F13" s="87"/>
      <c r="G13" s="87"/>
      <c r="H13" s="87">
        <v>7</v>
      </c>
      <c r="I13" s="87">
        <v>640</v>
      </c>
      <c r="J13" s="87" t="s">
        <v>436</v>
      </c>
      <c r="K13" s="87" t="s">
        <v>17</v>
      </c>
      <c r="L13" s="18" t="s">
        <v>71</v>
      </c>
      <c r="M13" s="87">
        <v>1</v>
      </c>
      <c r="N13" s="87" t="s">
        <v>514</v>
      </c>
      <c r="O13" s="87">
        <v>2</v>
      </c>
      <c r="P13" s="87">
        <v>2</v>
      </c>
      <c r="Q13" s="89" t="s">
        <v>823</v>
      </c>
      <c r="R13" s="207"/>
      <c r="S13" s="207"/>
      <c r="T13" s="207"/>
      <c r="U13" s="98"/>
      <c r="V13" s="98"/>
    </row>
    <row r="14" spans="1:23" s="8" customFormat="1" ht="28" hidden="1" outlineLevel="1">
      <c r="A14" s="88"/>
      <c r="B14" s="88"/>
      <c r="C14" s="87"/>
      <c r="D14" s="87"/>
      <c r="E14" s="87"/>
      <c r="F14" s="87"/>
      <c r="G14" s="87"/>
      <c r="H14" s="87">
        <v>8</v>
      </c>
      <c r="I14" s="87">
        <v>353</v>
      </c>
      <c r="J14" s="87" t="s">
        <v>398</v>
      </c>
      <c r="K14" s="87" t="s">
        <v>17</v>
      </c>
      <c r="L14" s="18" t="s">
        <v>71</v>
      </c>
      <c r="M14" s="87">
        <v>1</v>
      </c>
      <c r="N14" s="87" t="s">
        <v>514</v>
      </c>
      <c r="O14" s="87">
        <v>2</v>
      </c>
      <c r="P14" s="87">
        <v>2</v>
      </c>
      <c r="Q14" s="89" t="s">
        <v>824</v>
      </c>
      <c r="R14" s="207"/>
      <c r="S14" s="207"/>
      <c r="T14" s="207"/>
      <c r="U14" s="98"/>
      <c r="V14" s="98"/>
    </row>
    <row r="15" spans="1:23" s="8" customFormat="1" ht="28" hidden="1" outlineLevel="1">
      <c r="A15" s="88"/>
      <c r="B15" s="88"/>
      <c r="C15" s="87"/>
      <c r="D15" s="87"/>
      <c r="E15" s="87"/>
      <c r="F15" s="87"/>
      <c r="G15" s="87"/>
      <c r="H15" s="87">
        <v>9</v>
      </c>
      <c r="I15" s="87">
        <v>306</v>
      </c>
      <c r="J15" s="87" t="s">
        <v>539</v>
      </c>
      <c r="K15" s="87" t="s">
        <v>17</v>
      </c>
      <c r="L15" s="18" t="s">
        <v>71</v>
      </c>
      <c r="M15" s="87">
        <v>1</v>
      </c>
      <c r="N15" s="87" t="s">
        <v>514</v>
      </c>
      <c r="O15" s="87">
        <v>1</v>
      </c>
      <c r="P15" s="87">
        <v>2</v>
      </c>
      <c r="Q15" s="89" t="s">
        <v>825</v>
      </c>
      <c r="R15" s="207"/>
      <c r="S15" s="207"/>
      <c r="T15" s="207"/>
      <c r="U15" s="98"/>
      <c r="V15" s="98"/>
    </row>
    <row r="16" spans="1:23" s="8" customFormat="1" hidden="1" collapsed="1">
      <c r="A16" s="84"/>
      <c r="B16" s="84"/>
      <c r="C16" s="85" t="s">
        <v>540</v>
      </c>
      <c r="D16" s="85" t="s">
        <v>541</v>
      </c>
      <c r="E16" s="85"/>
      <c r="F16" s="85"/>
      <c r="G16" s="85"/>
      <c r="H16" s="85"/>
      <c r="I16" s="85"/>
      <c r="J16" s="85"/>
      <c r="K16" s="85" t="s">
        <v>17</v>
      </c>
      <c r="L16" s="78" t="s">
        <v>71</v>
      </c>
      <c r="M16" s="85">
        <v>100</v>
      </c>
      <c r="N16" s="85"/>
      <c r="O16" s="85"/>
      <c r="P16" s="85"/>
      <c r="Q16" s="86"/>
      <c r="R16" s="207"/>
      <c r="S16" s="207"/>
      <c r="T16" s="207"/>
      <c r="U16" s="98"/>
      <c r="V16" s="98"/>
    </row>
    <row r="17" spans="1:23" s="8" customFormat="1" hidden="1">
      <c r="A17" s="88"/>
      <c r="B17" s="88"/>
      <c r="C17" s="87"/>
      <c r="D17" s="87"/>
      <c r="E17" s="87"/>
      <c r="F17" s="87"/>
      <c r="G17" s="87"/>
      <c r="H17" s="87">
        <v>1</v>
      </c>
      <c r="I17" s="87">
        <v>363</v>
      </c>
      <c r="J17" s="87" t="s">
        <v>542</v>
      </c>
      <c r="K17" s="87" t="s">
        <v>17</v>
      </c>
      <c r="L17" s="18" t="s">
        <v>71</v>
      </c>
      <c r="M17" s="87">
        <v>1</v>
      </c>
      <c r="N17" s="87" t="s">
        <v>514</v>
      </c>
      <c r="O17" s="87">
        <v>3</v>
      </c>
      <c r="P17" s="87">
        <v>3</v>
      </c>
      <c r="Q17" s="89" t="s">
        <v>826</v>
      </c>
      <c r="R17" s="207"/>
      <c r="S17" s="207"/>
      <c r="T17" s="207"/>
      <c r="U17" s="98"/>
      <c r="V17" s="98"/>
    </row>
    <row r="18" spans="1:23" s="8" customFormat="1" hidden="1">
      <c r="A18" s="88"/>
      <c r="B18" s="88"/>
      <c r="C18" s="87"/>
      <c r="D18" s="87"/>
      <c r="E18" s="87"/>
      <c r="F18" s="87"/>
      <c r="G18" s="87"/>
      <c r="H18" s="87">
        <v>2</v>
      </c>
      <c r="I18" s="87">
        <v>352</v>
      </c>
      <c r="J18" s="87" t="s">
        <v>3</v>
      </c>
      <c r="K18" s="87" t="s">
        <v>66</v>
      </c>
      <c r="L18" s="18" t="s">
        <v>65</v>
      </c>
      <c r="M18" s="87">
        <v>1</v>
      </c>
      <c r="N18" s="87" t="s">
        <v>509</v>
      </c>
      <c r="O18" s="87">
        <v>1</v>
      </c>
      <c r="P18" s="87">
        <v>80</v>
      </c>
      <c r="Q18" s="89"/>
      <c r="R18" s="207"/>
      <c r="S18" s="207"/>
      <c r="T18" s="207"/>
      <c r="U18" s="98"/>
      <c r="V18" s="98"/>
    </row>
    <row r="19" spans="1:23" s="8" customFormat="1" hidden="1">
      <c r="A19" s="84"/>
      <c r="B19" s="84"/>
      <c r="C19" s="85" t="s">
        <v>540</v>
      </c>
      <c r="D19" s="85" t="s">
        <v>541</v>
      </c>
      <c r="E19" s="85"/>
      <c r="F19" s="85"/>
      <c r="G19" s="85"/>
      <c r="H19" s="85"/>
      <c r="I19" s="85"/>
      <c r="J19" s="85"/>
      <c r="K19" s="85" t="s">
        <v>17</v>
      </c>
      <c r="L19" s="78" t="s">
        <v>71</v>
      </c>
      <c r="M19" s="85">
        <v>100</v>
      </c>
      <c r="N19" s="85"/>
      <c r="O19" s="85"/>
      <c r="P19" s="85"/>
      <c r="Q19" s="86"/>
      <c r="R19" s="207"/>
      <c r="S19" s="207"/>
      <c r="T19" s="207"/>
      <c r="U19" s="98"/>
      <c r="V19" s="98"/>
    </row>
    <row r="20" spans="1:23" s="8" customFormat="1" hidden="1">
      <c r="A20" s="88"/>
      <c r="B20" s="88"/>
      <c r="C20" s="87"/>
      <c r="D20" s="87"/>
      <c r="E20" s="87"/>
      <c r="F20" s="87"/>
      <c r="G20" s="87"/>
      <c r="H20" s="87">
        <v>1</v>
      </c>
      <c r="I20" s="87">
        <v>363</v>
      </c>
      <c r="J20" s="87" t="s">
        <v>542</v>
      </c>
      <c r="K20" s="87" t="s">
        <v>17</v>
      </c>
      <c r="L20" s="18" t="s">
        <v>71</v>
      </c>
      <c r="M20" s="87">
        <v>1</v>
      </c>
      <c r="N20" s="87" t="s">
        <v>514</v>
      </c>
      <c r="O20" s="87">
        <v>3</v>
      </c>
      <c r="P20" s="87">
        <v>3</v>
      </c>
      <c r="Q20" s="89" t="s">
        <v>827</v>
      </c>
      <c r="R20" s="207"/>
      <c r="S20" s="207"/>
      <c r="T20" s="207"/>
      <c r="U20" s="98"/>
      <c r="V20" s="98"/>
    </row>
    <row r="21" spans="1:23" s="8" customFormat="1" hidden="1">
      <c r="A21" s="88"/>
      <c r="B21" s="88"/>
      <c r="C21" s="87"/>
      <c r="D21" s="87"/>
      <c r="E21" s="87"/>
      <c r="F21" s="87"/>
      <c r="G21" s="87"/>
      <c r="H21" s="87">
        <v>2</v>
      </c>
      <c r="I21" s="87">
        <v>352</v>
      </c>
      <c r="J21" s="87" t="s">
        <v>3</v>
      </c>
      <c r="K21" s="87" t="s">
        <v>66</v>
      </c>
      <c r="L21" s="18" t="s">
        <v>65</v>
      </c>
      <c r="M21" s="87">
        <v>1</v>
      </c>
      <c r="N21" s="87" t="s">
        <v>509</v>
      </c>
      <c r="O21" s="87">
        <v>1</v>
      </c>
      <c r="P21" s="87">
        <v>80</v>
      </c>
      <c r="Q21" s="89"/>
      <c r="R21" s="207"/>
      <c r="S21" s="207"/>
      <c r="T21" s="207"/>
      <c r="U21" s="98"/>
      <c r="V21" s="98"/>
    </row>
    <row r="22" spans="1:23" s="8" customFormat="1" ht="52.5">
      <c r="A22" s="84"/>
      <c r="B22" s="84"/>
      <c r="C22" s="85" t="s">
        <v>252</v>
      </c>
      <c r="D22" s="85" t="s">
        <v>476</v>
      </c>
      <c r="E22" s="85"/>
      <c r="F22" s="85"/>
      <c r="G22" s="85"/>
      <c r="H22" s="85"/>
      <c r="I22" s="85"/>
      <c r="J22" s="85"/>
      <c r="K22" s="85" t="s">
        <v>17</v>
      </c>
      <c r="L22" s="78" t="s">
        <v>71</v>
      </c>
      <c r="M22" s="75">
        <v>1</v>
      </c>
      <c r="N22" s="75"/>
      <c r="O22" s="75"/>
      <c r="P22" s="75"/>
      <c r="Q22" s="86"/>
      <c r="R22" s="385" t="s">
        <v>2841</v>
      </c>
      <c r="S22" s="207" t="s">
        <v>1426</v>
      </c>
      <c r="T22" s="207" t="s">
        <v>1449</v>
      </c>
      <c r="U22" s="203" t="s">
        <v>2410</v>
      </c>
      <c r="V22" s="203" t="s">
        <v>1450</v>
      </c>
      <c r="W22" s="203" t="s">
        <v>1450</v>
      </c>
    </row>
    <row r="23" spans="1:23" s="8" customFormat="1" hidden="1" outlineLevel="1">
      <c r="A23" s="88"/>
      <c r="B23" s="88"/>
      <c r="C23" s="87"/>
      <c r="D23" s="87"/>
      <c r="E23" s="87"/>
      <c r="F23" s="87"/>
      <c r="G23" s="87"/>
      <c r="H23" s="87">
        <v>1</v>
      </c>
      <c r="I23" s="87">
        <v>98</v>
      </c>
      <c r="J23" s="87" t="s">
        <v>156</v>
      </c>
      <c r="K23" s="87" t="s">
        <v>66</v>
      </c>
      <c r="L23" s="18" t="s">
        <v>65</v>
      </c>
      <c r="M23" s="11">
        <v>1</v>
      </c>
      <c r="N23" s="11" t="s">
        <v>514</v>
      </c>
      <c r="O23" s="11">
        <v>2</v>
      </c>
      <c r="P23" s="11">
        <v>3</v>
      </c>
      <c r="Q23" s="89" t="s">
        <v>828</v>
      </c>
      <c r="R23" s="207"/>
      <c r="S23" s="207"/>
      <c r="T23" s="207"/>
      <c r="U23" s="98"/>
      <c r="V23" s="98"/>
    </row>
    <row r="24" spans="1:23" s="8" customFormat="1" hidden="1" outlineLevel="1">
      <c r="A24" s="88"/>
      <c r="B24" s="88"/>
      <c r="C24" s="87"/>
      <c r="D24" s="87"/>
      <c r="E24" s="87"/>
      <c r="F24" s="87"/>
      <c r="G24" s="87"/>
      <c r="H24" s="87">
        <v>2</v>
      </c>
      <c r="I24" s="87">
        <v>100</v>
      </c>
      <c r="J24" s="87" t="s">
        <v>249</v>
      </c>
      <c r="K24" s="87" t="s">
        <v>66</v>
      </c>
      <c r="L24" s="18" t="s">
        <v>65</v>
      </c>
      <c r="M24" s="11">
        <v>1</v>
      </c>
      <c r="N24" s="11" t="s">
        <v>514</v>
      </c>
      <c r="O24" s="11">
        <v>3</v>
      </c>
      <c r="P24" s="11">
        <v>3</v>
      </c>
      <c r="Q24" s="89"/>
      <c r="R24" s="207"/>
      <c r="S24" s="207"/>
      <c r="T24" s="207"/>
      <c r="U24" s="98"/>
      <c r="V24" s="98"/>
    </row>
    <row r="25" spans="1:23" s="8" customFormat="1" ht="42" hidden="1" outlineLevel="1">
      <c r="A25" s="46"/>
      <c r="B25" s="46"/>
      <c r="C25" s="24"/>
      <c r="D25" s="24"/>
      <c r="E25" s="24"/>
      <c r="F25" s="24"/>
      <c r="G25" s="24"/>
      <c r="H25" s="25">
        <v>3</v>
      </c>
      <c r="I25" s="25">
        <v>280</v>
      </c>
      <c r="J25" s="25" t="s">
        <v>289</v>
      </c>
      <c r="K25" s="25" t="s">
        <v>17</v>
      </c>
      <c r="L25" s="25" t="s">
        <v>96</v>
      </c>
      <c r="M25" s="25">
        <v>1</v>
      </c>
      <c r="N25" s="25" t="s">
        <v>438</v>
      </c>
      <c r="O25" s="25">
        <v>4</v>
      </c>
      <c r="P25" s="25">
        <v>10</v>
      </c>
      <c r="Q25" s="144"/>
      <c r="R25" s="207"/>
      <c r="S25" s="207"/>
      <c r="T25" s="207"/>
      <c r="U25" s="98"/>
      <c r="V25" s="98"/>
    </row>
    <row r="26" spans="1:23" s="8" customFormat="1" hidden="1" outlineLevel="1">
      <c r="A26" s="88"/>
      <c r="B26" s="88"/>
      <c r="C26" s="87"/>
      <c r="D26" s="87"/>
      <c r="E26" s="87"/>
      <c r="F26" s="87"/>
      <c r="G26" s="87"/>
      <c r="H26" s="87">
        <v>4</v>
      </c>
      <c r="I26" s="87">
        <v>98</v>
      </c>
      <c r="J26" s="87" t="s">
        <v>156</v>
      </c>
      <c r="K26" s="87" t="s">
        <v>17</v>
      </c>
      <c r="L26" s="18" t="s">
        <v>71</v>
      </c>
      <c r="M26" s="11">
        <v>1</v>
      </c>
      <c r="N26" s="11" t="s">
        <v>514</v>
      </c>
      <c r="O26" s="11">
        <v>2</v>
      </c>
      <c r="P26" s="11">
        <v>3</v>
      </c>
      <c r="Q26" s="89" t="s">
        <v>828</v>
      </c>
      <c r="R26" s="207"/>
      <c r="S26" s="207"/>
      <c r="T26" s="207"/>
      <c r="U26" s="98"/>
      <c r="V26" s="98"/>
    </row>
    <row r="27" spans="1:23" s="8" customFormat="1" hidden="1" outlineLevel="1">
      <c r="A27" s="88"/>
      <c r="B27" s="88"/>
      <c r="C27" s="87"/>
      <c r="D27" s="87"/>
      <c r="E27" s="87"/>
      <c r="F27" s="87"/>
      <c r="G27" s="87"/>
      <c r="H27" s="87">
        <v>5</v>
      </c>
      <c r="I27" s="87">
        <v>100</v>
      </c>
      <c r="J27" s="87" t="s">
        <v>249</v>
      </c>
      <c r="K27" s="87" t="s">
        <v>17</v>
      </c>
      <c r="L27" s="18" t="s">
        <v>71</v>
      </c>
      <c r="M27" s="11">
        <v>1</v>
      </c>
      <c r="N27" s="11" t="s">
        <v>514</v>
      </c>
      <c r="O27" s="11">
        <v>3</v>
      </c>
      <c r="P27" s="11">
        <v>3</v>
      </c>
      <c r="Q27" s="89"/>
      <c r="R27" s="207"/>
      <c r="S27" s="207"/>
      <c r="T27" s="207"/>
      <c r="U27" s="98"/>
      <c r="V27" s="98"/>
    </row>
    <row r="28" spans="1:23" s="8" customFormat="1" hidden="1" collapsed="1">
      <c r="A28" s="84"/>
      <c r="B28" s="84"/>
      <c r="C28" s="85" t="s">
        <v>130</v>
      </c>
      <c r="D28" s="85" t="s">
        <v>126</v>
      </c>
      <c r="E28" s="85"/>
      <c r="F28" s="85"/>
      <c r="G28" s="85"/>
      <c r="H28" s="85"/>
      <c r="I28" s="85"/>
      <c r="J28" s="85"/>
      <c r="K28" s="85" t="s">
        <v>17</v>
      </c>
      <c r="L28" s="78" t="s">
        <v>71</v>
      </c>
      <c r="M28" s="85" t="s">
        <v>525</v>
      </c>
      <c r="N28" s="85"/>
      <c r="O28" s="85"/>
      <c r="P28" s="85"/>
      <c r="Q28" s="86"/>
      <c r="R28" s="207"/>
      <c r="S28" s="207"/>
      <c r="T28" s="207"/>
      <c r="U28" s="98"/>
      <c r="V28" s="98"/>
    </row>
    <row r="29" spans="1:23" s="8" customFormat="1" hidden="1">
      <c r="A29" s="88"/>
      <c r="B29" s="88"/>
      <c r="C29" s="87"/>
      <c r="D29" s="87"/>
      <c r="E29" s="87"/>
      <c r="F29" s="87"/>
      <c r="G29" s="87"/>
      <c r="H29" s="87">
        <v>1</v>
      </c>
      <c r="I29" s="87">
        <v>128</v>
      </c>
      <c r="J29" s="87" t="s">
        <v>128</v>
      </c>
      <c r="K29" s="87" t="s">
        <v>66</v>
      </c>
      <c r="L29" s="18" t="s">
        <v>65</v>
      </c>
      <c r="M29" s="87">
        <v>1</v>
      </c>
      <c r="N29" s="87" t="s">
        <v>514</v>
      </c>
      <c r="O29" s="87">
        <v>2</v>
      </c>
      <c r="P29" s="87">
        <v>3</v>
      </c>
      <c r="Q29" s="89" t="s">
        <v>634</v>
      </c>
      <c r="R29" s="207"/>
      <c r="S29" s="207"/>
      <c r="T29" s="207"/>
      <c r="U29" s="98"/>
      <c r="V29" s="98"/>
    </row>
    <row r="30" spans="1:23" s="8" customFormat="1" hidden="1">
      <c r="A30" s="88"/>
      <c r="B30" s="88"/>
      <c r="C30" s="87"/>
      <c r="D30" s="87"/>
      <c r="E30" s="87"/>
      <c r="F30" s="87"/>
      <c r="G30" s="87"/>
      <c r="H30" s="87">
        <v>2</v>
      </c>
      <c r="I30" s="87">
        <v>127</v>
      </c>
      <c r="J30" s="87" t="s">
        <v>126</v>
      </c>
      <c r="K30" s="87" t="s">
        <v>78</v>
      </c>
      <c r="L30" s="18" t="s">
        <v>71</v>
      </c>
      <c r="M30" s="87">
        <v>1</v>
      </c>
      <c r="N30" s="87" t="s">
        <v>509</v>
      </c>
      <c r="O30" s="87">
        <v>1</v>
      </c>
      <c r="P30" s="87">
        <v>30</v>
      </c>
      <c r="Q30" s="89"/>
      <c r="R30" s="207"/>
      <c r="S30" s="207"/>
      <c r="T30" s="207"/>
      <c r="U30" s="98"/>
      <c r="V30" s="98"/>
    </row>
    <row r="31" spans="1:23" s="8" customFormat="1" hidden="1">
      <c r="A31" s="88"/>
      <c r="B31" s="88"/>
      <c r="C31" s="87"/>
      <c r="D31" s="87"/>
      <c r="E31" s="87"/>
      <c r="F31" s="87"/>
      <c r="G31" s="87"/>
      <c r="H31" s="87">
        <v>3</v>
      </c>
      <c r="I31" s="87">
        <v>352</v>
      </c>
      <c r="J31" s="87" t="s">
        <v>3</v>
      </c>
      <c r="K31" s="87" t="s">
        <v>78</v>
      </c>
      <c r="L31" s="18" t="s">
        <v>71</v>
      </c>
      <c r="M31" s="87">
        <v>1</v>
      </c>
      <c r="N31" s="87" t="s">
        <v>509</v>
      </c>
      <c r="O31" s="87">
        <v>1</v>
      </c>
      <c r="P31" s="87">
        <v>80</v>
      </c>
      <c r="Q31" s="89"/>
      <c r="R31" s="207"/>
      <c r="S31" s="207"/>
      <c r="T31" s="207"/>
      <c r="U31" s="98"/>
      <c r="V31" s="98"/>
    </row>
    <row r="32" spans="1:23" s="8" customFormat="1" hidden="1">
      <c r="A32" s="84"/>
      <c r="B32" s="84"/>
      <c r="C32" s="85" t="s">
        <v>130</v>
      </c>
      <c r="D32" s="85" t="s">
        <v>126</v>
      </c>
      <c r="E32" s="85"/>
      <c r="F32" s="85"/>
      <c r="G32" s="85"/>
      <c r="H32" s="85"/>
      <c r="I32" s="85"/>
      <c r="J32" s="85"/>
      <c r="K32" s="85" t="s">
        <v>17</v>
      </c>
      <c r="L32" s="78" t="s">
        <v>71</v>
      </c>
      <c r="M32" s="85">
        <v>12</v>
      </c>
      <c r="N32" s="85"/>
      <c r="O32" s="85"/>
      <c r="P32" s="85"/>
      <c r="Q32" s="86"/>
      <c r="R32" s="207"/>
      <c r="S32" s="207"/>
      <c r="T32" s="207"/>
      <c r="U32" s="98"/>
      <c r="V32" s="98"/>
    </row>
    <row r="33" spans="1:22" s="8" customFormat="1" hidden="1">
      <c r="A33" s="88"/>
      <c r="B33" s="88"/>
      <c r="C33" s="87"/>
      <c r="D33" s="87"/>
      <c r="E33" s="87"/>
      <c r="F33" s="87"/>
      <c r="G33" s="87"/>
      <c r="H33" s="87">
        <v>1</v>
      </c>
      <c r="I33" s="87">
        <v>128</v>
      </c>
      <c r="J33" s="87" t="s">
        <v>128</v>
      </c>
      <c r="K33" s="87" t="s">
        <v>66</v>
      </c>
      <c r="L33" s="18" t="s">
        <v>65</v>
      </c>
      <c r="M33" s="87">
        <v>1</v>
      </c>
      <c r="N33" s="87" t="s">
        <v>514</v>
      </c>
      <c r="O33" s="87">
        <v>2</v>
      </c>
      <c r="P33" s="87">
        <v>3</v>
      </c>
      <c r="Q33" s="89" t="s">
        <v>829</v>
      </c>
      <c r="R33" s="207"/>
      <c r="S33" s="207"/>
      <c r="T33" s="207"/>
      <c r="U33" s="98"/>
      <c r="V33" s="98"/>
    </row>
    <row r="34" spans="1:22" s="8" customFormat="1" hidden="1">
      <c r="A34" s="88"/>
      <c r="B34" s="88"/>
      <c r="C34" s="87"/>
      <c r="D34" s="87"/>
      <c r="E34" s="87"/>
      <c r="F34" s="87"/>
      <c r="G34" s="87"/>
      <c r="H34" s="87">
        <v>2</v>
      </c>
      <c r="I34" s="87">
        <v>127</v>
      </c>
      <c r="J34" s="87" t="s">
        <v>126</v>
      </c>
      <c r="K34" s="87" t="s">
        <v>78</v>
      </c>
      <c r="L34" s="18" t="s">
        <v>71</v>
      </c>
      <c r="M34" s="87">
        <v>1</v>
      </c>
      <c r="N34" s="87" t="s">
        <v>509</v>
      </c>
      <c r="O34" s="87">
        <v>1</v>
      </c>
      <c r="P34" s="87">
        <v>30</v>
      </c>
      <c r="Q34" s="89"/>
      <c r="R34" s="207"/>
      <c r="S34" s="207"/>
      <c r="T34" s="207"/>
      <c r="U34" s="98"/>
      <c r="V34" s="98"/>
    </row>
    <row r="35" spans="1:22" s="8" customFormat="1" hidden="1">
      <c r="A35" s="84"/>
      <c r="B35" s="84"/>
      <c r="C35" s="85" t="s">
        <v>130</v>
      </c>
      <c r="D35" s="85" t="s">
        <v>126</v>
      </c>
      <c r="E35" s="85"/>
      <c r="F35" s="85"/>
      <c r="G35" s="85"/>
      <c r="H35" s="85"/>
      <c r="I35" s="85"/>
      <c r="J35" s="85"/>
      <c r="K35" s="85" t="s">
        <v>17</v>
      </c>
      <c r="L35" s="78" t="s">
        <v>71</v>
      </c>
      <c r="M35" s="85">
        <v>12</v>
      </c>
      <c r="N35" s="85"/>
      <c r="O35" s="85"/>
      <c r="P35" s="85"/>
      <c r="Q35" s="86"/>
      <c r="R35" s="207"/>
      <c r="S35" s="207"/>
      <c r="T35" s="207"/>
      <c r="U35" s="98"/>
      <c r="V35" s="98"/>
    </row>
    <row r="36" spans="1:22" s="8" customFormat="1" hidden="1">
      <c r="A36" s="88"/>
      <c r="B36" s="88"/>
      <c r="C36" s="87"/>
      <c r="D36" s="87"/>
      <c r="E36" s="87"/>
      <c r="F36" s="87"/>
      <c r="G36" s="87"/>
      <c r="H36" s="87">
        <v>1</v>
      </c>
      <c r="I36" s="87">
        <v>128</v>
      </c>
      <c r="J36" s="87" t="s">
        <v>128</v>
      </c>
      <c r="K36" s="87" t="s">
        <v>66</v>
      </c>
      <c r="L36" s="18" t="s">
        <v>65</v>
      </c>
      <c r="M36" s="87">
        <v>1</v>
      </c>
      <c r="N36" s="87" t="s">
        <v>514</v>
      </c>
      <c r="O36" s="87">
        <v>2</v>
      </c>
      <c r="P36" s="87">
        <v>3</v>
      </c>
      <c r="Q36" s="89" t="s">
        <v>807</v>
      </c>
      <c r="R36" s="207"/>
      <c r="S36" s="207"/>
      <c r="T36" s="207"/>
      <c r="U36" s="98"/>
      <c r="V36" s="98"/>
    </row>
    <row r="37" spans="1:22" s="8" customFormat="1" hidden="1">
      <c r="A37" s="88"/>
      <c r="B37" s="88"/>
      <c r="C37" s="87"/>
      <c r="D37" s="87"/>
      <c r="E37" s="87"/>
      <c r="F37" s="87"/>
      <c r="G37" s="87"/>
      <c r="H37" s="87">
        <v>2</v>
      </c>
      <c r="I37" s="87">
        <v>127</v>
      </c>
      <c r="J37" s="87" t="s">
        <v>126</v>
      </c>
      <c r="K37" s="87" t="s">
        <v>78</v>
      </c>
      <c r="L37" s="18" t="s">
        <v>71</v>
      </c>
      <c r="M37" s="87">
        <v>1</v>
      </c>
      <c r="N37" s="87" t="s">
        <v>509</v>
      </c>
      <c r="O37" s="87">
        <v>1</v>
      </c>
      <c r="P37" s="87">
        <v>30</v>
      </c>
      <c r="Q37" s="89"/>
      <c r="R37" s="207"/>
      <c r="S37" s="207"/>
      <c r="T37" s="207"/>
      <c r="U37" s="98"/>
      <c r="V37" s="98"/>
    </row>
    <row r="38" spans="1:22" s="8" customFormat="1">
      <c r="A38" s="84"/>
      <c r="B38" s="84"/>
      <c r="C38" s="85" t="s">
        <v>130</v>
      </c>
      <c r="D38" s="85" t="s">
        <v>126</v>
      </c>
      <c r="E38" s="85"/>
      <c r="F38" s="85"/>
      <c r="G38" s="85"/>
      <c r="H38" s="85"/>
      <c r="I38" s="85"/>
      <c r="J38" s="85"/>
      <c r="K38" s="85" t="s">
        <v>17</v>
      </c>
      <c r="L38" s="78" t="s">
        <v>71</v>
      </c>
      <c r="M38" s="85">
        <v>12</v>
      </c>
      <c r="N38" s="85"/>
      <c r="O38" s="85"/>
      <c r="P38" s="85"/>
      <c r="Q38" s="86"/>
      <c r="R38" s="207" t="s">
        <v>1180</v>
      </c>
      <c r="S38" s="207" t="s">
        <v>1427</v>
      </c>
      <c r="T38" s="207"/>
      <c r="U38" s="98"/>
      <c r="V38" s="98"/>
    </row>
    <row r="39" spans="1:22" s="8" customFormat="1" hidden="1" outlineLevel="1">
      <c r="A39" s="88"/>
      <c r="B39" s="88"/>
      <c r="C39" s="87"/>
      <c r="D39" s="87"/>
      <c r="E39" s="87"/>
      <c r="F39" s="87"/>
      <c r="G39" s="87"/>
      <c r="H39" s="87">
        <v>1</v>
      </c>
      <c r="I39" s="87">
        <v>128</v>
      </c>
      <c r="J39" s="87" t="s">
        <v>128</v>
      </c>
      <c r="K39" s="87" t="s">
        <v>66</v>
      </c>
      <c r="L39" s="18" t="s">
        <v>65</v>
      </c>
      <c r="M39" s="87">
        <v>1</v>
      </c>
      <c r="N39" s="87" t="s">
        <v>514</v>
      </c>
      <c r="O39" s="87">
        <v>2</v>
      </c>
      <c r="P39" s="87">
        <v>3</v>
      </c>
      <c r="Q39" s="89" t="s">
        <v>830</v>
      </c>
      <c r="R39" s="207"/>
      <c r="S39" s="207"/>
      <c r="T39" s="207"/>
      <c r="U39" s="98"/>
      <c r="V39" s="98"/>
    </row>
    <row r="40" spans="1:22" s="8" customFormat="1" hidden="1" outlineLevel="1">
      <c r="A40" s="88"/>
      <c r="B40" s="88"/>
      <c r="C40" s="87"/>
      <c r="D40" s="87"/>
      <c r="E40" s="87"/>
      <c r="F40" s="87"/>
      <c r="G40" s="87"/>
      <c r="H40" s="87">
        <v>2</v>
      </c>
      <c r="I40" s="87">
        <v>127</v>
      </c>
      <c r="J40" s="87" t="s">
        <v>126</v>
      </c>
      <c r="K40" s="87" t="s">
        <v>78</v>
      </c>
      <c r="L40" s="18" t="s">
        <v>71</v>
      </c>
      <c r="M40" s="87">
        <v>1</v>
      </c>
      <c r="N40" s="87" t="s">
        <v>509</v>
      </c>
      <c r="O40" s="87">
        <v>1</v>
      </c>
      <c r="P40" s="87">
        <v>30</v>
      </c>
      <c r="Q40" s="89"/>
      <c r="R40" s="207"/>
      <c r="S40" s="207"/>
      <c r="T40" s="207"/>
      <c r="U40" s="98"/>
      <c r="V40" s="98"/>
    </row>
    <row r="41" spans="1:22" s="8" customFormat="1" hidden="1" collapsed="1">
      <c r="A41" s="84"/>
      <c r="B41" s="84"/>
      <c r="C41" s="85" t="s">
        <v>130</v>
      </c>
      <c r="D41" s="85" t="s">
        <v>126</v>
      </c>
      <c r="E41" s="85"/>
      <c r="F41" s="85"/>
      <c r="G41" s="85"/>
      <c r="H41" s="85"/>
      <c r="I41" s="85"/>
      <c r="J41" s="85"/>
      <c r="K41" s="85" t="s">
        <v>17</v>
      </c>
      <c r="L41" s="78" t="s">
        <v>71</v>
      </c>
      <c r="M41" s="85">
        <v>12</v>
      </c>
      <c r="N41" s="85"/>
      <c r="O41" s="85"/>
      <c r="P41" s="85"/>
      <c r="Q41" s="86"/>
      <c r="R41" s="207"/>
      <c r="S41" s="207"/>
      <c r="T41" s="207"/>
      <c r="U41" s="98"/>
      <c r="V41" s="98"/>
    </row>
    <row r="42" spans="1:22" s="8" customFormat="1" hidden="1">
      <c r="A42" s="88"/>
      <c r="B42" s="88"/>
      <c r="C42" s="87"/>
      <c r="D42" s="87"/>
      <c r="E42" s="87"/>
      <c r="F42" s="87"/>
      <c r="G42" s="87"/>
      <c r="H42" s="87">
        <v>1</v>
      </c>
      <c r="I42" s="87">
        <v>128</v>
      </c>
      <c r="J42" s="87" t="s">
        <v>128</v>
      </c>
      <c r="K42" s="87" t="s">
        <v>66</v>
      </c>
      <c r="L42" s="18" t="s">
        <v>65</v>
      </c>
      <c r="M42" s="87">
        <v>1</v>
      </c>
      <c r="N42" s="87" t="s">
        <v>514</v>
      </c>
      <c r="O42" s="87">
        <v>2</v>
      </c>
      <c r="P42" s="87">
        <v>3</v>
      </c>
      <c r="Q42" s="89" t="s">
        <v>629</v>
      </c>
      <c r="R42" s="207"/>
      <c r="S42" s="207"/>
      <c r="T42" s="207"/>
      <c r="U42" s="98"/>
      <c r="V42" s="98"/>
    </row>
    <row r="43" spans="1:22" s="8" customFormat="1" hidden="1">
      <c r="A43" s="88"/>
      <c r="B43" s="88"/>
      <c r="C43" s="87"/>
      <c r="D43" s="87"/>
      <c r="E43" s="87"/>
      <c r="F43" s="87"/>
      <c r="G43" s="87"/>
      <c r="H43" s="87">
        <v>2</v>
      </c>
      <c r="I43" s="87">
        <v>127</v>
      </c>
      <c r="J43" s="87" t="s">
        <v>126</v>
      </c>
      <c r="K43" s="87" t="s">
        <v>78</v>
      </c>
      <c r="L43" s="18" t="s">
        <v>71</v>
      </c>
      <c r="M43" s="87">
        <v>1</v>
      </c>
      <c r="N43" s="87" t="s">
        <v>509</v>
      </c>
      <c r="O43" s="87">
        <v>1</v>
      </c>
      <c r="P43" s="87">
        <v>30</v>
      </c>
      <c r="Q43" s="89"/>
      <c r="R43" s="207"/>
      <c r="S43" s="207"/>
      <c r="T43" s="207"/>
      <c r="U43" s="98"/>
      <c r="V43" s="98"/>
    </row>
    <row r="44" spans="1:22" s="8" customFormat="1" hidden="1">
      <c r="A44" s="84"/>
      <c r="B44" s="84"/>
      <c r="C44" s="85" t="s">
        <v>130</v>
      </c>
      <c r="D44" s="85" t="s">
        <v>126</v>
      </c>
      <c r="E44" s="85"/>
      <c r="F44" s="85"/>
      <c r="G44" s="85"/>
      <c r="H44" s="85"/>
      <c r="I44" s="85"/>
      <c r="J44" s="85"/>
      <c r="K44" s="85" t="s">
        <v>17</v>
      </c>
      <c r="L44" s="78" t="s">
        <v>71</v>
      </c>
      <c r="M44" s="85">
        <v>12</v>
      </c>
      <c r="N44" s="85"/>
      <c r="O44" s="85"/>
      <c r="P44" s="85"/>
      <c r="Q44" s="86"/>
      <c r="R44" s="207"/>
      <c r="S44" s="207"/>
      <c r="T44" s="207"/>
      <c r="U44" s="98"/>
      <c r="V44" s="98"/>
    </row>
    <row r="45" spans="1:22" s="8" customFormat="1" hidden="1">
      <c r="A45" s="88"/>
      <c r="B45" s="88"/>
      <c r="C45" s="87"/>
      <c r="D45" s="87"/>
      <c r="E45" s="87"/>
      <c r="F45" s="87"/>
      <c r="G45" s="87"/>
      <c r="H45" s="87">
        <v>1</v>
      </c>
      <c r="I45" s="87">
        <v>128</v>
      </c>
      <c r="J45" s="87" t="s">
        <v>128</v>
      </c>
      <c r="K45" s="87" t="s">
        <v>66</v>
      </c>
      <c r="L45" s="18" t="s">
        <v>65</v>
      </c>
      <c r="M45" s="87">
        <v>1</v>
      </c>
      <c r="N45" s="87" t="s">
        <v>514</v>
      </c>
      <c r="O45" s="87">
        <v>2</v>
      </c>
      <c r="P45" s="87">
        <v>3</v>
      </c>
      <c r="Q45" s="89" t="s">
        <v>831</v>
      </c>
      <c r="R45" s="207"/>
      <c r="S45" s="207"/>
      <c r="T45" s="207"/>
      <c r="U45" s="98"/>
      <c r="V45" s="98"/>
    </row>
    <row r="46" spans="1:22" s="8" customFormat="1" hidden="1">
      <c r="A46" s="88"/>
      <c r="B46" s="88"/>
      <c r="C46" s="87"/>
      <c r="D46" s="87"/>
      <c r="E46" s="87"/>
      <c r="F46" s="87"/>
      <c r="G46" s="87"/>
      <c r="H46" s="87">
        <v>2</v>
      </c>
      <c r="I46" s="87">
        <v>127</v>
      </c>
      <c r="J46" s="87" t="s">
        <v>126</v>
      </c>
      <c r="K46" s="87" t="s">
        <v>78</v>
      </c>
      <c r="L46" s="18" t="s">
        <v>71</v>
      </c>
      <c r="M46" s="87">
        <v>1</v>
      </c>
      <c r="N46" s="87" t="s">
        <v>509</v>
      </c>
      <c r="O46" s="87">
        <v>1</v>
      </c>
      <c r="P46" s="87">
        <v>30</v>
      </c>
      <c r="Q46" s="89"/>
      <c r="R46" s="207"/>
      <c r="S46" s="207"/>
      <c r="T46" s="207"/>
      <c r="U46" s="98"/>
      <c r="V46" s="98"/>
    </row>
    <row r="47" spans="1:22" s="8" customFormat="1" hidden="1">
      <c r="A47" s="84"/>
      <c r="B47" s="84"/>
      <c r="C47" s="85" t="s">
        <v>130</v>
      </c>
      <c r="D47" s="85" t="s">
        <v>126</v>
      </c>
      <c r="E47" s="85"/>
      <c r="F47" s="85"/>
      <c r="G47" s="85"/>
      <c r="H47" s="85"/>
      <c r="I47" s="85"/>
      <c r="J47" s="85"/>
      <c r="K47" s="85" t="s">
        <v>17</v>
      </c>
      <c r="L47" s="78" t="s">
        <v>71</v>
      </c>
      <c r="M47" s="85">
        <v>12</v>
      </c>
      <c r="N47" s="85"/>
      <c r="O47" s="85"/>
      <c r="P47" s="85"/>
      <c r="Q47" s="86"/>
      <c r="R47" s="207"/>
      <c r="S47" s="207"/>
      <c r="T47" s="207"/>
      <c r="U47" s="98"/>
      <c r="V47" s="98"/>
    </row>
    <row r="48" spans="1:22" s="8" customFormat="1" hidden="1">
      <c r="A48" s="88"/>
      <c r="B48" s="88"/>
      <c r="C48" s="87"/>
      <c r="D48" s="87"/>
      <c r="E48" s="87"/>
      <c r="F48" s="87"/>
      <c r="G48" s="87"/>
      <c r="H48" s="87">
        <v>1</v>
      </c>
      <c r="I48" s="87">
        <v>128</v>
      </c>
      <c r="J48" s="87" t="s">
        <v>128</v>
      </c>
      <c r="K48" s="87" t="s">
        <v>66</v>
      </c>
      <c r="L48" s="18" t="s">
        <v>65</v>
      </c>
      <c r="M48" s="87">
        <v>1</v>
      </c>
      <c r="N48" s="87" t="s">
        <v>514</v>
      </c>
      <c r="O48" s="87">
        <v>2</v>
      </c>
      <c r="P48" s="87">
        <v>3</v>
      </c>
      <c r="Q48" s="89" t="s">
        <v>750</v>
      </c>
      <c r="R48" s="207"/>
      <c r="S48" s="207"/>
      <c r="T48" s="207"/>
      <c r="U48" s="98"/>
      <c r="V48" s="98"/>
    </row>
    <row r="49" spans="1:22" s="8" customFormat="1" hidden="1">
      <c r="A49" s="88"/>
      <c r="B49" s="88"/>
      <c r="C49" s="87"/>
      <c r="D49" s="87"/>
      <c r="E49" s="87"/>
      <c r="F49" s="87"/>
      <c r="G49" s="87"/>
      <c r="H49" s="87">
        <v>2</v>
      </c>
      <c r="I49" s="87">
        <v>127</v>
      </c>
      <c r="J49" s="87" t="s">
        <v>126</v>
      </c>
      <c r="K49" s="87" t="s">
        <v>78</v>
      </c>
      <c r="L49" s="18" t="s">
        <v>71</v>
      </c>
      <c r="M49" s="87">
        <v>1</v>
      </c>
      <c r="N49" s="87" t="s">
        <v>509</v>
      </c>
      <c r="O49" s="87">
        <v>1</v>
      </c>
      <c r="P49" s="87">
        <v>30</v>
      </c>
      <c r="Q49" s="89"/>
      <c r="R49" s="207"/>
      <c r="S49" s="207"/>
      <c r="T49" s="207"/>
      <c r="U49" s="98"/>
      <c r="V49" s="98"/>
    </row>
    <row r="50" spans="1:22" s="8" customFormat="1" hidden="1">
      <c r="A50" s="84"/>
      <c r="B50" s="84"/>
      <c r="C50" s="85" t="s">
        <v>130</v>
      </c>
      <c r="D50" s="85" t="s">
        <v>126</v>
      </c>
      <c r="E50" s="85"/>
      <c r="F50" s="85"/>
      <c r="G50" s="85"/>
      <c r="H50" s="85"/>
      <c r="I50" s="85"/>
      <c r="J50" s="85"/>
      <c r="K50" s="85" t="s">
        <v>17</v>
      </c>
      <c r="L50" s="78" t="s">
        <v>71</v>
      </c>
      <c r="M50" s="85">
        <v>12</v>
      </c>
      <c r="N50" s="85"/>
      <c r="O50" s="85"/>
      <c r="P50" s="85"/>
      <c r="Q50" s="86"/>
      <c r="R50" s="207"/>
      <c r="S50" s="207"/>
      <c r="T50" s="207"/>
      <c r="U50" s="98"/>
      <c r="V50" s="98"/>
    </row>
    <row r="51" spans="1:22" s="8" customFormat="1" hidden="1">
      <c r="A51" s="88"/>
      <c r="B51" s="88"/>
      <c r="C51" s="87"/>
      <c r="D51" s="87"/>
      <c r="E51" s="87"/>
      <c r="F51" s="87"/>
      <c r="G51" s="87"/>
      <c r="H51" s="87">
        <v>1</v>
      </c>
      <c r="I51" s="87">
        <v>128</v>
      </c>
      <c r="J51" s="87" t="s">
        <v>128</v>
      </c>
      <c r="K51" s="87" t="s">
        <v>66</v>
      </c>
      <c r="L51" s="18" t="s">
        <v>65</v>
      </c>
      <c r="M51" s="87">
        <v>1</v>
      </c>
      <c r="N51" s="87" t="s">
        <v>514</v>
      </c>
      <c r="O51" s="87">
        <v>2</v>
      </c>
      <c r="P51" s="87">
        <v>3</v>
      </c>
      <c r="Q51" s="89" t="s">
        <v>751</v>
      </c>
      <c r="R51" s="207"/>
      <c r="S51" s="207"/>
      <c r="T51" s="207"/>
      <c r="U51" s="98"/>
      <c r="V51" s="98"/>
    </row>
    <row r="52" spans="1:22" s="8" customFormat="1" hidden="1">
      <c r="A52" s="88"/>
      <c r="B52" s="88"/>
      <c r="C52" s="87"/>
      <c r="D52" s="87"/>
      <c r="E52" s="87"/>
      <c r="F52" s="87"/>
      <c r="G52" s="87"/>
      <c r="H52" s="87">
        <v>2</v>
      </c>
      <c r="I52" s="87">
        <v>127</v>
      </c>
      <c r="J52" s="87" t="s">
        <v>126</v>
      </c>
      <c r="K52" s="87" t="s">
        <v>78</v>
      </c>
      <c r="L52" s="18" t="s">
        <v>71</v>
      </c>
      <c r="M52" s="87">
        <v>1</v>
      </c>
      <c r="N52" s="87" t="s">
        <v>509</v>
      </c>
      <c r="O52" s="87">
        <v>1</v>
      </c>
      <c r="P52" s="87">
        <v>30</v>
      </c>
      <c r="Q52" s="89"/>
      <c r="R52" s="207"/>
      <c r="S52" s="207"/>
      <c r="T52" s="207"/>
      <c r="U52" s="98"/>
      <c r="V52" s="98"/>
    </row>
    <row r="53" spans="1:22" s="8" customFormat="1" hidden="1">
      <c r="A53" s="84"/>
      <c r="B53" s="84"/>
      <c r="C53" s="85" t="s">
        <v>130</v>
      </c>
      <c r="D53" s="85" t="s">
        <v>126</v>
      </c>
      <c r="E53" s="85"/>
      <c r="F53" s="85"/>
      <c r="G53" s="85"/>
      <c r="H53" s="85"/>
      <c r="I53" s="85"/>
      <c r="J53" s="85"/>
      <c r="K53" s="85" t="s">
        <v>17</v>
      </c>
      <c r="L53" s="78" t="s">
        <v>71</v>
      </c>
      <c r="M53" s="85">
        <v>12</v>
      </c>
      <c r="N53" s="85"/>
      <c r="O53" s="85"/>
      <c r="P53" s="85"/>
      <c r="Q53" s="86"/>
      <c r="R53" s="207"/>
      <c r="S53" s="207"/>
      <c r="T53" s="207"/>
      <c r="U53" s="98"/>
      <c r="V53" s="98"/>
    </row>
    <row r="54" spans="1:22" s="8" customFormat="1" hidden="1">
      <c r="A54" s="88"/>
      <c r="B54" s="88"/>
      <c r="C54" s="87"/>
      <c r="D54" s="87"/>
      <c r="E54" s="87"/>
      <c r="F54" s="87"/>
      <c r="G54" s="87"/>
      <c r="H54" s="87">
        <v>1</v>
      </c>
      <c r="I54" s="87">
        <v>128</v>
      </c>
      <c r="J54" s="87" t="s">
        <v>128</v>
      </c>
      <c r="K54" s="87" t="s">
        <v>66</v>
      </c>
      <c r="L54" s="18" t="s">
        <v>65</v>
      </c>
      <c r="M54" s="87">
        <v>1</v>
      </c>
      <c r="N54" s="87" t="s">
        <v>514</v>
      </c>
      <c r="O54" s="87">
        <v>2</v>
      </c>
      <c r="P54" s="87">
        <v>3</v>
      </c>
      <c r="Q54" s="89" t="s">
        <v>769</v>
      </c>
      <c r="R54" s="207"/>
      <c r="S54" s="207"/>
      <c r="T54" s="207"/>
      <c r="U54" s="98"/>
      <c r="V54" s="98"/>
    </row>
    <row r="55" spans="1:22" s="8" customFormat="1" hidden="1">
      <c r="A55" s="88"/>
      <c r="B55" s="88"/>
      <c r="C55" s="87"/>
      <c r="D55" s="87"/>
      <c r="E55" s="87"/>
      <c r="F55" s="87"/>
      <c r="G55" s="87"/>
      <c r="H55" s="87">
        <v>2</v>
      </c>
      <c r="I55" s="87">
        <v>127</v>
      </c>
      <c r="J55" s="87" t="s">
        <v>126</v>
      </c>
      <c r="K55" s="87" t="s">
        <v>78</v>
      </c>
      <c r="L55" s="18" t="s">
        <v>71</v>
      </c>
      <c r="M55" s="87">
        <v>1</v>
      </c>
      <c r="N55" s="87" t="s">
        <v>509</v>
      </c>
      <c r="O55" s="87">
        <v>1</v>
      </c>
      <c r="P55" s="87">
        <v>30</v>
      </c>
      <c r="Q55" s="89"/>
      <c r="R55" s="207"/>
      <c r="S55" s="207"/>
      <c r="T55" s="207"/>
      <c r="U55" s="98"/>
      <c r="V55" s="98"/>
    </row>
    <row r="56" spans="1:22" s="8" customFormat="1" hidden="1">
      <c r="A56" s="84"/>
      <c r="B56" s="84"/>
      <c r="C56" s="85" t="s">
        <v>130</v>
      </c>
      <c r="D56" s="85" t="s">
        <v>126</v>
      </c>
      <c r="E56" s="85"/>
      <c r="F56" s="85"/>
      <c r="G56" s="85"/>
      <c r="H56" s="85"/>
      <c r="I56" s="85"/>
      <c r="J56" s="85"/>
      <c r="K56" s="85" t="s">
        <v>17</v>
      </c>
      <c r="L56" s="78" t="s">
        <v>71</v>
      </c>
      <c r="M56" s="85">
        <v>12</v>
      </c>
      <c r="N56" s="85"/>
      <c r="O56" s="85"/>
      <c r="P56" s="85"/>
      <c r="Q56" s="86"/>
      <c r="R56" s="207"/>
      <c r="S56" s="207"/>
      <c r="T56" s="207"/>
      <c r="U56" s="98"/>
      <c r="V56" s="98"/>
    </row>
    <row r="57" spans="1:22" s="8" customFormat="1" hidden="1">
      <c r="A57" s="88"/>
      <c r="B57" s="88"/>
      <c r="C57" s="87"/>
      <c r="D57" s="87"/>
      <c r="E57" s="87"/>
      <c r="F57" s="87"/>
      <c r="G57" s="87"/>
      <c r="H57" s="87">
        <v>1</v>
      </c>
      <c r="I57" s="87">
        <v>128</v>
      </c>
      <c r="J57" s="87" t="s">
        <v>128</v>
      </c>
      <c r="K57" s="87" t="s">
        <v>66</v>
      </c>
      <c r="L57" s="18" t="s">
        <v>65</v>
      </c>
      <c r="M57" s="87">
        <v>1</v>
      </c>
      <c r="N57" s="87" t="s">
        <v>514</v>
      </c>
      <c r="O57" s="87">
        <v>2</v>
      </c>
      <c r="P57" s="87">
        <v>3</v>
      </c>
      <c r="Q57" s="89" t="s">
        <v>832</v>
      </c>
      <c r="R57" s="207"/>
      <c r="S57" s="207"/>
      <c r="T57" s="207"/>
      <c r="U57" s="98"/>
      <c r="V57" s="98"/>
    </row>
    <row r="58" spans="1:22" s="8" customFormat="1" hidden="1">
      <c r="A58" s="88"/>
      <c r="B58" s="88"/>
      <c r="C58" s="87"/>
      <c r="D58" s="87"/>
      <c r="E58" s="87"/>
      <c r="F58" s="87"/>
      <c r="G58" s="87"/>
      <c r="H58" s="87">
        <v>2</v>
      </c>
      <c r="I58" s="87">
        <v>127</v>
      </c>
      <c r="J58" s="87" t="s">
        <v>126</v>
      </c>
      <c r="K58" s="87" t="s">
        <v>78</v>
      </c>
      <c r="L58" s="18" t="s">
        <v>71</v>
      </c>
      <c r="M58" s="87">
        <v>1</v>
      </c>
      <c r="N58" s="87" t="s">
        <v>509</v>
      </c>
      <c r="O58" s="87">
        <v>1</v>
      </c>
      <c r="P58" s="87">
        <v>30</v>
      </c>
      <c r="Q58" s="89"/>
      <c r="R58" s="207"/>
      <c r="S58" s="207"/>
      <c r="T58" s="207"/>
      <c r="U58" s="98"/>
      <c r="V58" s="98"/>
    </row>
    <row r="59" spans="1:22" s="8" customFormat="1" hidden="1">
      <c r="A59" s="84"/>
      <c r="B59" s="84"/>
      <c r="C59" s="85" t="s">
        <v>130</v>
      </c>
      <c r="D59" s="85" t="s">
        <v>126</v>
      </c>
      <c r="E59" s="85"/>
      <c r="F59" s="85"/>
      <c r="G59" s="85"/>
      <c r="H59" s="85"/>
      <c r="I59" s="85"/>
      <c r="J59" s="85"/>
      <c r="K59" s="85" t="s">
        <v>17</v>
      </c>
      <c r="L59" s="78" t="s">
        <v>71</v>
      </c>
      <c r="M59" s="85">
        <v>12</v>
      </c>
      <c r="N59" s="85"/>
      <c r="O59" s="85"/>
      <c r="P59" s="85"/>
      <c r="Q59" s="86"/>
      <c r="R59" s="207"/>
      <c r="S59" s="207"/>
      <c r="T59" s="207"/>
      <c r="U59" s="98"/>
      <c r="V59" s="98"/>
    </row>
    <row r="60" spans="1:22" s="8" customFormat="1" hidden="1">
      <c r="A60" s="88"/>
      <c r="B60" s="88"/>
      <c r="C60" s="87"/>
      <c r="D60" s="87"/>
      <c r="E60" s="87"/>
      <c r="F60" s="87"/>
      <c r="G60" s="87"/>
      <c r="H60" s="87">
        <v>1</v>
      </c>
      <c r="I60" s="87">
        <v>128</v>
      </c>
      <c r="J60" s="87" t="s">
        <v>128</v>
      </c>
      <c r="K60" s="87" t="s">
        <v>66</v>
      </c>
      <c r="L60" s="18" t="s">
        <v>65</v>
      </c>
      <c r="M60" s="87">
        <v>1</v>
      </c>
      <c r="N60" s="87" t="s">
        <v>514</v>
      </c>
      <c r="O60" s="87">
        <v>2</v>
      </c>
      <c r="P60" s="87">
        <v>3</v>
      </c>
      <c r="Q60" s="89" t="s">
        <v>833</v>
      </c>
      <c r="R60" s="207"/>
      <c r="S60" s="207"/>
      <c r="T60" s="207"/>
      <c r="U60" s="98"/>
      <c r="V60" s="98"/>
    </row>
    <row r="61" spans="1:22" s="8" customFormat="1" hidden="1">
      <c r="A61" s="88"/>
      <c r="B61" s="88"/>
      <c r="C61" s="87"/>
      <c r="D61" s="87"/>
      <c r="E61" s="87"/>
      <c r="F61" s="87"/>
      <c r="G61" s="87"/>
      <c r="H61" s="87">
        <v>2</v>
      </c>
      <c r="I61" s="87">
        <v>127</v>
      </c>
      <c r="J61" s="87" t="s">
        <v>126</v>
      </c>
      <c r="K61" s="87" t="s">
        <v>78</v>
      </c>
      <c r="L61" s="18" t="s">
        <v>71</v>
      </c>
      <c r="M61" s="87">
        <v>1</v>
      </c>
      <c r="N61" s="87" t="s">
        <v>509</v>
      </c>
      <c r="O61" s="87">
        <v>1</v>
      </c>
      <c r="P61" s="87">
        <v>30</v>
      </c>
      <c r="Q61" s="89"/>
      <c r="R61" s="207"/>
      <c r="S61" s="207"/>
      <c r="T61" s="207"/>
      <c r="U61" s="98"/>
      <c r="V61" s="98"/>
    </row>
    <row r="62" spans="1:22" s="8" customFormat="1" hidden="1">
      <c r="A62" s="84"/>
      <c r="B62" s="84"/>
      <c r="C62" s="85" t="s">
        <v>130</v>
      </c>
      <c r="D62" s="85" t="s">
        <v>126</v>
      </c>
      <c r="E62" s="85"/>
      <c r="F62" s="85"/>
      <c r="G62" s="85"/>
      <c r="H62" s="85"/>
      <c r="I62" s="85"/>
      <c r="J62" s="85"/>
      <c r="K62" s="85" t="s">
        <v>17</v>
      </c>
      <c r="L62" s="78" t="s">
        <v>71</v>
      </c>
      <c r="M62" s="85">
        <v>12</v>
      </c>
      <c r="N62" s="85"/>
      <c r="O62" s="85"/>
      <c r="P62" s="85"/>
      <c r="Q62" s="86"/>
      <c r="R62" s="207"/>
      <c r="S62" s="207"/>
      <c r="T62" s="207"/>
      <c r="U62" s="98"/>
      <c r="V62" s="98"/>
    </row>
    <row r="63" spans="1:22" s="8" customFormat="1" hidden="1">
      <c r="A63" s="88"/>
      <c r="B63" s="88"/>
      <c r="C63" s="87"/>
      <c r="D63" s="87"/>
      <c r="E63" s="87"/>
      <c r="F63" s="87"/>
      <c r="G63" s="87"/>
      <c r="H63" s="87">
        <v>1</v>
      </c>
      <c r="I63" s="87">
        <v>128</v>
      </c>
      <c r="J63" s="87" t="s">
        <v>128</v>
      </c>
      <c r="K63" s="87" t="s">
        <v>66</v>
      </c>
      <c r="L63" s="18" t="s">
        <v>65</v>
      </c>
      <c r="M63" s="87">
        <v>1</v>
      </c>
      <c r="N63" s="87" t="s">
        <v>514</v>
      </c>
      <c r="O63" s="87">
        <v>2</v>
      </c>
      <c r="P63" s="87">
        <v>3</v>
      </c>
      <c r="Q63" s="89" t="s">
        <v>637</v>
      </c>
      <c r="R63" s="207"/>
      <c r="S63" s="207"/>
      <c r="T63" s="207"/>
      <c r="U63" s="98"/>
      <c r="V63" s="98"/>
    </row>
    <row r="64" spans="1:22" s="8" customFormat="1" hidden="1">
      <c r="A64" s="88"/>
      <c r="B64" s="88"/>
      <c r="C64" s="87"/>
      <c r="D64" s="87"/>
      <c r="E64" s="87"/>
      <c r="F64" s="87"/>
      <c r="G64" s="87"/>
      <c r="H64" s="87">
        <v>2</v>
      </c>
      <c r="I64" s="87">
        <v>127</v>
      </c>
      <c r="J64" s="87" t="s">
        <v>126</v>
      </c>
      <c r="K64" s="87" t="s">
        <v>78</v>
      </c>
      <c r="L64" s="18" t="s">
        <v>71</v>
      </c>
      <c r="M64" s="87">
        <v>1</v>
      </c>
      <c r="N64" s="87" t="s">
        <v>509</v>
      </c>
      <c r="O64" s="87">
        <v>1</v>
      </c>
      <c r="P64" s="87">
        <v>30</v>
      </c>
      <c r="Q64" s="89"/>
      <c r="R64" s="207"/>
      <c r="S64" s="207"/>
      <c r="T64" s="207"/>
      <c r="U64" s="98"/>
      <c r="V64" s="98"/>
    </row>
    <row r="65" spans="1:23" s="8" customFormat="1" hidden="1">
      <c r="A65" s="84"/>
      <c r="B65" s="84"/>
      <c r="C65" s="85" t="s">
        <v>130</v>
      </c>
      <c r="D65" s="85" t="s">
        <v>126</v>
      </c>
      <c r="E65" s="85"/>
      <c r="F65" s="85"/>
      <c r="G65" s="85"/>
      <c r="H65" s="85"/>
      <c r="I65" s="85"/>
      <c r="J65" s="85"/>
      <c r="K65" s="85" t="s">
        <v>17</v>
      </c>
      <c r="L65" s="78" t="s">
        <v>71</v>
      </c>
      <c r="M65" s="85">
        <v>12</v>
      </c>
      <c r="N65" s="85"/>
      <c r="O65" s="85"/>
      <c r="P65" s="85"/>
      <c r="Q65" s="86"/>
      <c r="R65" s="207"/>
      <c r="S65" s="207"/>
      <c r="T65" s="207"/>
      <c r="U65" s="98"/>
      <c r="V65" s="98"/>
    </row>
    <row r="66" spans="1:23" s="8" customFormat="1" hidden="1">
      <c r="A66" s="88"/>
      <c r="B66" s="88"/>
      <c r="C66" s="87"/>
      <c r="D66" s="87"/>
      <c r="E66" s="87"/>
      <c r="F66" s="87"/>
      <c r="G66" s="87"/>
      <c r="H66" s="87">
        <v>1</v>
      </c>
      <c r="I66" s="87">
        <v>128</v>
      </c>
      <c r="J66" s="87" t="s">
        <v>128</v>
      </c>
      <c r="K66" s="87" t="s">
        <v>66</v>
      </c>
      <c r="L66" s="18" t="s">
        <v>65</v>
      </c>
      <c r="M66" s="87">
        <v>1</v>
      </c>
      <c r="N66" s="87" t="s">
        <v>514</v>
      </c>
      <c r="O66" s="87">
        <v>2</v>
      </c>
      <c r="P66" s="87">
        <v>3</v>
      </c>
      <c r="Q66" s="89" t="s">
        <v>834</v>
      </c>
      <c r="R66" s="207"/>
      <c r="S66" s="207"/>
      <c r="T66" s="207"/>
      <c r="U66" s="98"/>
      <c r="V66" s="98"/>
    </row>
    <row r="67" spans="1:23" s="8" customFormat="1" hidden="1">
      <c r="A67" s="88"/>
      <c r="B67" s="88"/>
      <c r="C67" s="87"/>
      <c r="D67" s="87"/>
      <c r="E67" s="87"/>
      <c r="F67" s="87"/>
      <c r="G67" s="87"/>
      <c r="H67" s="87">
        <v>2</v>
      </c>
      <c r="I67" s="87">
        <v>127</v>
      </c>
      <c r="J67" s="87" t="s">
        <v>126</v>
      </c>
      <c r="K67" s="87" t="s">
        <v>78</v>
      </c>
      <c r="L67" s="18" t="s">
        <v>71</v>
      </c>
      <c r="M67" s="87">
        <v>1</v>
      </c>
      <c r="N67" s="87" t="s">
        <v>509</v>
      </c>
      <c r="O67" s="87">
        <v>1</v>
      </c>
      <c r="P67" s="87">
        <v>30</v>
      </c>
      <c r="Q67" s="89"/>
      <c r="R67" s="207"/>
      <c r="S67" s="207"/>
      <c r="T67" s="207"/>
      <c r="U67" s="98"/>
      <c r="V67" s="98"/>
    </row>
    <row r="68" spans="1:23" s="8" customFormat="1" hidden="1">
      <c r="A68" s="84"/>
      <c r="B68" s="84"/>
      <c r="C68" s="85" t="s">
        <v>130</v>
      </c>
      <c r="D68" s="85" t="s">
        <v>126</v>
      </c>
      <c r="E68" s="85"/>
      <c r="F68" s="85"/>
      <c r="G68" s="85"/>
      <c r="H68" s="85"/>
      <c r="I68" s="85"/>
      <c r="J68" s="85"/>
      <c r="K68" s="85" t="s">
        <v>17</v>
      </c>
      <c r="L68" s="78" t="s">
        <v>71</v>
      </c>
      <c r="M68" s="85">
        <v>12</v>
      </c>
      <c r="N68" s="85"/>
      <c r="O68" s="85"/>
      <c r="P68" s="85"/>
      <c r="Q68" s="86"/>
      <c r="R68" s="207"/>
      <c r="S68" s="207"/>
      <c r="T68" s="207"/>
      <c r="U68" s="98"/>
      <c r="V68" s="98"/>
    </row>
    <row r="69" spans="1:23" s="8" customFormat="1" hidden="1">
      <c r="A69" s="88"/>
      <c r="B69" s="88"/>
      <c r="C69" s="87"/>
      <c r="D69" s="87"/>
      <c r="E69" s="87"/>
      <c r="F69" s="87"/>
      <c r="G69" s="87"/>
      <c r="H69" s="87">
        <v>1</v>
      </c>
      <c r="I69" s="87">
        <v>128</v>
      </c>
      <c r="J69" s="87" t="s">
        <v>128</v>
      </c>
      <c r="K69" s="87" t="s">
        <v>66</v>
      </c>
      <c r="L69" s="18" t="s">
        <v>65</v>
      </c>
      <c r="M69" s="87">
        <v>1</v>
      </c>
      <c r="N69" s="87" t="s">
        <v>514</v>
      </c>
      <c r="O69" s="87">
        <v>2</v>
      </c>
      <c r="P69" s="87">
        <v>3</v>
      </c>
      <c r="Q69" s="89" t="s">
        <v>835</v>
      </c>
      <c r="R69" s="207"/>
      <c r="S69" s="207"/>
      <c r="T69" s="207"/>
      <c r="U69" s="98"/>
      <c r="V69" s="98"/>
    </row>
    <row r="70" spans="1:23" s="8" customFormat="1" hidden="1">
      <c r="A70" s="88"/>
      <c r="B70" s="88"/>
      <c r="C70" s="87"/>
      <c r="D70" s="87"/>
      <c r="E70" s="87"/>
      <c r="F70" s="87"/>
      <c r="G70" s="87"/>
      <c r="H70" s="87">
        <v>2</v>
      </c>
      <c r="I70" s="87">
        <v>127</v>
      </c>
      <c r="J70" s="87" t="s">
        <v>126</v>
      </c>
      <c r="K70" s="87" t="s">
        <v>78</v>
      </c>
      <c r="L70" s="18" t="s">
        <v>71</v>
      </c>
      <c r="M70" s="87">
        <v>1</v>
      </c>
      <c r="N70" s="87" t="s">
        <v>509</v>
      </c>
      <c r="O70" s="87">
        <v>1</v>
      </c>
      <c r="P70" s="87">
        <v>30</v>
      </c>
      <c r="Q70" s="89"/>
      <c r="R70" s="207"/>
      <c r="S70" s="207"/>
      <c r="T70" s="207"/>
      <c r="U70" s="98"/>
      <c r="V70" s="98"/>
    </row>
    <row r="71" spans="1:23" s="8" customFormat="1">
      <c r="A71" s="84"/>
      <c r="B71" s="84"/>
      <c r="C71" s="85" t="s">
        <v>130</v>
      </c>
      <c r="D71" s="85" t="s">
        <v>126</v>
      </c>
      <c r="E71" s="85"/>
      <c r="F71" s="85"/>
      <c r="G71" s="85"/>
      <c r="H71" s="85"/>
      <c r="I71" s="85"/>
      <c r="J71" s="85"/>
      <c r="K71" s="85" t="s">
        <v>17</v>
      </c>
      <c r="L71" s="78" t="s">
        <v>71</v>
      </c>
      <c r="M71" s="85">
        <v>12</v>
      </c>
      <c r="N71" s="75"/>
      <c r="O71" s="75"/>
      <c r="P71" s="75"/>
      <c r="Q71" s="86"/>
      <c r="R71" s="207" t="s">
        <v>1045</v>
      </c>
      <c r="S71" s="207"/>
      <c r="T71" s="207"/>
      <c r="U71" s="98"/>
      <c r="V71" s="98"/>
    </row>
    <row r="72" spans="1:23" s="8" customFormat="1" hidden="1">
      <c r="A72" s="88"/>
      <c r="B72" s="88"/>
      <c r="C72" s="87"/>
      <c r="D72" s="87"/>
      <c r="E72" s="87"/>
      <c r="F72" s="87"/>
      <c r="G72" s="87"/>
      <c r="H72" s="87">
        <v>1</v>
      </c>
      <c r="I72" s="87">
        <v>128</v>
      </c>
      <c r="J72" s="87" t="s">
        <v>128</v>
      </c>
      <c r="K72" s="87" t="s">
        <v>66</v>
      </c>
      <c r="L72" s="18" t="s">
        <v>65</v>
      </c>
      <c r="M72" s="11">
        <v>1</v>
      </c>
      <c r="N72" s="11" t="s">
        <v>514</v>
      </c>
      <c r="O72" s="11">
        <v>2</v>
      </c>
      <c r="P72" s="11">
        <v>3</v>
      </c>
      <c r="Q72" s="89" t="s">
        <v>643</v>
      </c>
      <c r="R72" s="207"/>
      <c r="S72" s="207"/>
      <c r="T72" s="207"/>
      <c r="U72" s="98"/>
      <c r="V72" s="98"/>
    </row>
    <row r="73" spans="1:23" s="8" customFormat="1" hidden="1">
      <c r="A73" s="88"/>
      <c r="B73" s="88"/>
      <c r="C73" s="87"/>
      <c r="D73" s="87"/>
      <c r="E73" s="87"/>
      <c r="F73" s="87"/>
      <c r="G73" s="87"/>
      <c r="H73" s="87">
        <v>2</v>
      </c>
      <c r="I73" s="87">
        <v>127</v>
      </c>
      <c r="J73" s="87" t="s">
        <v>126</v>
      </c>
      <c r="K73" s="87" t="s">
        <v>78</v>
      </c>
      <c r="L73" s="18" t="s">
        <v>71</v>
      </c>
      <c r="M73" s="11">
        <v>1</v>
      </c>
      <c r="N73" s="11" t="s">
        <v>509</v>
      </c>
      <c r="O73" s="11">
        <v>1</v>
      </c>
      <c r="P73" s="11">
        <v>30</v>
      </c>
      <c r="Q73" s="89"/>
      <c r="R73" s="207"/>
      <c r="S73" s="207"/>
      <c r="T73" s="207"/>
      <c r="U73" s="98"/>
      <c r="V73" s="98"/>
    </row>
    <row r="74" spans="1:23" s="8" customFormat="1" ht="28" hidden="1">
      <c r="A74" s="88"/>
      <c r="B74" s="88"/>
      <c r="C74" s="87"/>
      <c r="D74" s="87"/>
      <c r="E74" s="87"/>
      <c r="F74" s="87"/>
      <c r="G74" s="87"/>
      <c r="H74" s="87">
        <v>3</v>
      </c>
      <c r="I74" s="87">
        <v>352</v>
      </c>
      <c r="J74" s="87" t="s">
        <v>3</v>
      </c>
      <c r="K74" s="87" t="s">
        <v>78</v>
      </c>
      <c r="L74" s="18" t="s">
        <v>71</v>
      </c>
      <c r="M74" s="11">
        <v>1</v>
      </c>
      <c r="N74" s="11" t="s">
        <v>509</v>
      </c>
      <c r="O74" s="11">
        <v>1</v>
      </c>
      <c r="P74" s="11">
        <v>80</v>
      </c>
      <c r="Q74" s="89" t="s">
        <v>1373</v>
      </c>
      <c r="R74" s="207"/>
      <c r="S74" s="207" t="s">
        <v>1428</v>
      </c>
      <c r="T74" s="207" t="s">
        <v>1451</v>
      </c>
      <c r="U74" s="98"/>
      <c r="V74" s="98"/>
    </row>
    <row r="75" spans="1:23" s="8" customFormat="1">
      <c r="A75" s="88"/>
      <c r="B75" s="88"/>
      <c r="C75" s="87"/>
      <c r="D75" s="87"/>
      <c r="E75" s="87"/>
      <c r="F75" s="87"/>
      <c r="G75" s="87"/>
      <c r="H75" s="87">
        <v>3</v>
      </c>
      <c r="I75" s="87">
        <v>352</v>
      </c>
      <c r="J75" s="87" t="s">
        <v>3</v>
      </c>
      <c r="K75" s="87" t="s">
        <v>78</v>
      </c>
      <c r="L75" s="18" t="s">
        <v>71</v>
      </c>
      <c r="M75" s="11">
        <v>1</v>
      </c>
      <c r="N75" s="11" t="s">
        <v>509</v>
      </c>
      <c r="O75" s="11">
        <v>1</v>
      </c>
      <c r="P75" s="11">
        <v>80</v>
      </c>
      <c r="Q75" s="89" t="s">
        <v>1284</v>
      </c>
      <c r="R75" s="207" t="s">
        <v>1267</v>
      </c>
      <c r="S75" s="207" t="s">
        <v>1270</v>
      </c>
      <c r="T75" s="207" t="s">
        <v>1452</v>
      </c>
      <c r="U75" s="98"/>
      <c r="V75" s="98"/>
    </row>
    <row r="76" spans="1:23" s="8" customFormat="1" ht="87.5">
      <c r="A76" s="88"/>
      <c r="B76" s="88"/>
      <c r="C76" s="87"/>
      <c r="D76" s="87"/>
      <c r="E76" s="87"/>
      <c r="F76" s="87"/>
      <c r="G76" s="87"/>
      <c r="H76" s="87">
        <v>3</v>
      </c>
      <c r="I76" s="87">
        <v>352</v>
      </c>
      <c r="J76" s="87" t="s">
        <v>3</v>
      </c>
      <c r="K76" s="87" t="s">
        <v>78</v>
      </c>
      <c r="L76" s="18" t="s">
        <v>71</v>
      </c>
      <c r="M76" s="11">
        <v>1</v>
      </c>
      <c r="N76" s="11" t="s">
        <v>509</v>
      </c>
      <c r="O76" s="11">
        <v>1</v>
      </c>
      <c r="P76" s="11">
        <v>80</v>
      </c>
      <c r="Q76" s="89" t="s">
        <v>1262</v>
      </c>
      <c r="R76" s="207" t="s">
        <v>1053</v>
      </c>
      <c r="S76" s="207" t="s">
        <v>1300</v>
      </c>
      <c r="T76" s="207" t="s">
        <v>1453</v>
      </c>
      <c r="U76" s="203" t="s">
        <v>2409</v>
      </c>
      <c r="V76" s="203" t="s">
        <v>2408</v>
      </c>
      <c r="W76" s="203" t="s">
        <v>2407</v>
      </c>
    </row>
    <row r="77" spans="1:23" s="8" customFormat="1" ht="178">
      <c r="A77" s="88"/>
      <c r="B77" s="88"/>
      <c r="C77" s="87"/>
      <c r="D77" s="87"/>
      <c r="E77" s="87"/>
      <c r="F77" s="87"/>
      <c r="G77" s="87"/>
      <c r="H77" s="87">
        <v>3</v>
      </c>
      <c r="I77" s="87">
        <v>352</v>
      </c>
      <c r="J77" s="87" t="s">
        <v>3</v>
      </c>
      <c r="K77" s="87" t="s">
        <v>78</v>
      </c>
      <c r="L77" s="18" t="s">
        <v>71</v>
      </c>
      <c r="M77" s="11">
        <v>1</v>
      </c>
      <c r="N77" s="11" t="s">
        <v>509</v>
      </c>
      <c r="O77" s="11">
        <v>1</v>
      </c>
      <c r="P77" s="11">
        <v>80</v>
      </c>
      <c r="Q77" s="89" t="s">
        <v>1374</v>
      </c>
      <c r="R77" s="207" t="s">
        <v>1054</v>
      </c>
      <c r="S77" s="207" t="s">
        <v>289</v>
      </c>
      <c r="T77" s="207" t="s">
        <v>804</v>
      </c>
      <c r="U77" s="387" t="s">
        <v>2825</v>
      </c>
      <c r="V77" s="203" t="s">
        <v>2406</v>
      </c>
      <c r="W77" s="203" t="s">
        <v>2405</v>
      </c>
    </row>
    <row r="78" spans="1:23" s="8" customFormat="1" ht="28">
      <c r="A78" s="88"/>
      <c r="B78" s="88"/>
      <c r="C78" s="87"/>
      <c r="D78" s="87"/>
      <c r="E78" s="87"/>
      <c r="F78" s="87"/>
      <c r="G78" s="87"/>
      <c r="H78" s="87">
        <v>3</v>
      </c>
      <c r="I78" s="87">
        <v>352</v>
      </c>
      <c r="J78" s="87" t="s">
        <v>3</v>
      </c>
      <c r="K78" s="87" t="s">
        <v>78</v>
      </c>
      <c r="L78" s="18" t="s">
        <v>71</v>
      </c>
      <c r="M78" s="11">
        <v>1</v>
      </c>
      <c r="N78" s="11" t="s">
        <v>509</v>
      </c>
      <c r="O78" s="11">
        <v>1</v>
      </c>
      <c r="P78" s="11">
        <v>80</v>
      </c>
      <c r="Q78" s="89" t="s">
        <v>2829</v>
      </c>
      <c r="R78" s="385" t="s">
        <v>2830</v>
      </c>
      <c r="S78" s="392" t="s">
        <v>2831</v>
      </c>
      <c r="T78" s="385"/>
      <c r="U78" s="387"/>
      <c r="V78" s="392" t="s">
        <v>2831</v>
      </c>
      <c r="W78" s="387"/>
    </row>
    <row r="79" spans="1:23" s="8" customFormat="1" ht="52.5">
      <c r="A79" s="84" t="s">
        <v>158</v>
      </c>
      <c r="B79" s="84" t="s">
        <v>120</v>
      </c>
      <c r="C79" s="85"/>
      <c r="D79" s="85"/>
      <c r="E79" s="85"/>
      <c r="F79" s="85"/>
      <c r="G79" s="85"/>
      <c r="H79" s="85"/>
      <c r="I79" s="85"/>
      <c r="J79" s="85"/>
      <c r="K79" s="85" t="s">
        <v>17</v>
      </c>
      <c r="L79" s="90"/>
      <c r="M79" s="85">
        <v>200</v>
      </c>
      <c r="N79" s="85"/>
      <c r="O79" s="85"/>
      <c r="P79" s="85"/>
      <c r="Q79" s="85"/>
      <c r="R79" s="207" t="s">
        <v>1046</v>
      </c>
      <c r="S79" s="203" t="s">
        <v>1429</v>
      </c>
      <c r="T79" s="207" t="s">
        <v>1454</v>
      </c>
      <c r="U79" s="203" t="s">
        <v>2404</v>
      </c>
      <c r="V79" s="203"/>
      <c r="W79" s="203"/>
    </row>
    <row r="80" spans="1:23" s="8" customFormat="1" hidden="1">
      <c r="A80" s="84"/>
      <c r="B80" s="84"/>
      <c r="C80" s="85" t="s">
        <v>158</v>
      </c>
      <c r="D80" s="85" t="s">
        <v>120</v>
      </c>
      <c r="E80" s="85"/>
      <c r="F80" s="85"/>
      <c r="G80" s="85"/>
      <c r="H80" s="85"/>
      <c r="I80" s="85"/>
      <c r="J80" s="85"/>
      <c r="K80" s="85" t="s">
        <v>17</v>
      </c>
      <c r="L80" s="78" t="s">
        <v>71</v>
      </c>
      <c r="M80" s="85">
        <v>1</v>
      </c>
      <c r="N80" s="85"/>
      <c r="O80" s="85"/>
      <c r="P80" s="85"/>
      <c r="Q80" s="86"/>
      <c r="R80" s="207"/>
      <c r="S80" s="207"/>
      <c r="T80" s="207"/>
      <c r="U80" s="98"/>
      <c r="V80" s="99"/>
      <c r="W80" s="99"/>
    </row>
    <row r="81" spans="1:23" s="8" customFormat="1" ht="70" hidden="1" outlineLevel="1">
      <c r="A81" s="88"/>
      <c r="B81" s="88"/>
      <c r="C81" s="87"/>
      <c r="D81" s="87"/>
      <c r="E81" s="87"/>
      <c r="F81" s="87"/>
      <c r="G81" s="87"/>
      <c r="H81" s="87">
        <v>1</v>
      </c>
      <c r="I81" s="87">
        <v>98</v>
      </c>
      <c r="J81" s="87" t="s">
        <v>156</v>
      </c>
      <c r="K81" s="87" t="s">
        <v>66</v>
      </c>
      <c r="L81" s="18" t="s">
        <v>65</v>
      </c>
      <c r="M81" s="87">
        <v>1</v>
      </c>
      <c r="N81" s="87" t="s">
        <v>514</v>
      </c>
      <c r="O81" s="87">
        <v>2</v>
      </c>
      <c r="P81" s="87">
        <v>3</v>
      </c>
      <c r="Q81" s="270" t="s">
        <v>624</v>
      </c>
      <c r="R81" s="207"/>
      <c r="S81" s="207"/>
      <c r="T81" s="207"/>
      <c r="U81" s="98"/>
      <c r="V81" s="99"/>
      <c r="W81" s="99"/>
    </row>
    <row r="82" spans="1:23" s="8" customFormat="1" hidden="1" outlineLevel="1">
      <c r="A82" s="88"/>
      <c r="B82" s="88"/>
      <c r="C82" s="87"/>
      <c r="D82" s="87"/>
      <c r="E82" s="87"/>
      <c r="F82" s="87"/>
      <c r="G82" s="87"/>
      <c r="H82" s="87">
        <v>2</v>
      </c>
      <c r="I82" s="87">
        <v>93</v>
      </c>
      <c r="J82" s="87" t="s">
        <v>120</v>
      </c>
      <c r="K82" s="87" t="s">
        <v>78</v>
      </c>
      <c r="L82" s="18" t="s">
        <v>71</v>
      </c>
      <c r="M82" s="87">
        <v>1</v>
      </c>
      <c r="N82" s="87" t="s">
        <v>509</v>
      </c>
      <c r="O82" s="87">
        <v>1</v>
      </c>
      <c r="P82" s="87">
        <v>60</v>
      </c>
      <c r="Q82" s="89"/>
      <c r="R82" s="207"/>
      <c r="S82" s="207"/>
      <c r="T82" s="207"/>
      <c r="U82" s="98"/>
      <c r="V82" s="99"/>
      <c r="W82" s="99"/>
    </row>
    <row r="83" spans="1:23" s="8" customFormat="1" ht="70" hidden="1" outlineLevel="1">
      <c r="A83" s="88"/>
      <c r="B83" s="88"/>
      <c r="C83" s="87"/>
      <c r="D83" s="87"/>
      <c r="E83" s="87"/>
      <c r="F83" s="87"/>
      <c r="G83" s="87"/>
      <c r="H83" s="87">
        <v>3</v>
      </c>
      <c r="I83" s="87">
        <v>66</v>
      </c>
      <c r="J83" s="87" t="s">
        <v>153</v>
      </c>
      <c r="K83" s="87" t="s">
        <v>78</v>
      </c>
      <c r="L83" s="18" t="s">
        <v>71</v>
      </c>
      <c r="M83" s="87">
        <v>1</v>
      </c>
      <c r="N83" s="87" t="s">
        <v>514</v>
      </c>
      <c r="O83" s="87">
        <v>1</v>
      </c>
      <c r="P83" s="87">
        <v>2</v>
      </c>
      <c r="Q83" s="270" t="s">
        <v>624</v>
      </c>
      <c r="R83" s="207"/>
      <c r="S83" s="207"/>
      <c r="T83" s="207"/>
      <c r="U83" s="98"/>
      <c r="V83" s="99"/>
      <c r="W83" s="99"/>
    </row>
    <row r="84" spans="1:23" s="8" customFormat="1" hidden="1" outlineLevel="1">
      <c r="A84" s="88"/>
      <c r="B84" s="88"/>
      <c r="C84" s="87"/>
      <c r="D84" s="87"/>
      <c r="E84" s="87"/>
      <c r="F84" s="87"/>
      <c r="G84" s="87"/>
      <c r="H84" s="87">
        <v>4</v>
      </c>
      <c r="I84" s="87">
        <v>67</v>
      </c>
      <c r="J84" s="87" t="s">
        <v>151</v>
      </c>
      <c r="K84" s="87" t="s">
        <v>78</v>
      </c>
      <c r="L84" s="18" t="s">
        <v>71</v>
      </c>
      <c r="M84" s="87">
        <v>1</v>
      </c>
      <c r="N84" s="87" t="s">
        <v>509</v>
      </c>
      <c r="O84" s="87">
        <v>2</v>
      </c>
      <c r="P84" s="87">
        <v>80</v>
      </c>
      <c r="Q84" s="89"/>
      <c r="R84" s="207"/>
      <c r="S84" s="207"/>
      <c r="T84" s="207"/>
      <c r="U84" s="98"/>
      <c r="V84" s="99"/>
      <c r="W84" s="99"/>
    </row>
    <row r="85" spans="1:23" s="8" customFormat="1" hidden="1" collapsed="1">
      <c r="A85" s="84"/>
      <c r="B85" s="84"/>
      <c r="C85" s="85" t="s">
        <v>150</v>
      </c>
      <c r="D85" s="85" t="s">
        <v>473</v>
      </c>
      <c r="E85" s="85"/>
      <c r="F85" s="85"/>
      <c r="G85" s="85"/>
      <c r="H85" s="85"/>
      <c r="I85" s="85"/>
      <c r="J85" s="85"/>
      <c r="K85" s="85" t="s">
        <v>17</v>
      </c>
      <c r="L85" s="78" t="s">
        <v>71</v>
      </c>
      <c r="M85" s="85">
        <v>2</v>
      </c>
      <c r="N85" s="85"/>
      <c r="O85" s="85"/>
      <c r="P85" s="85"/>
      <c r="Q85" s="86"/>
      <c r="R85" s="207"/>
      <c r="S85" s="207"/>
      <c r="T85" s="207"/>
      <c r="U85" s="98"/>
      <c r="V85" s="99"/>
      <c r="W85" s="99"/>
    </row>
    <row r="86" spans="1:23" s="8" customFormat="1" hidden="1">
      <c r="A86" s="88"/>
      <c r="B86" s="88"/>
      <c r="C86" s="87"/>
      <c r="D86" s="87"/>
      <c r="E86" s="87"/>
      <c r="F86" s="87"/>
      <c r="G86" s="87"/>
      <c r="H86" s="87">
        <v>1</v>
      </c>
      <c r="I86" s="87">
        <v>93</v>
      </c>
      <c r="J86" s="87" t="s">
        <v>120</v>
      </c>
      <c r="K86" s="87" t="s">
        <v>66</v>
      </c>
      <c r="L86" s="18" t="s">
        <v>65</v>
      </c>
      <c r="M86" s="87">
        <v>1</v>
      </c>
      <c r="N86" s="87" t="s">
        <v>509</v>
      </c>
      <c r="O86" s="87">
        <v>1</v>
      </c>
      <c r="P86" s="87">
        <v>60</v>
      </c>
      <c r="Q86" s="89"/>
      <c r="R86" s="207"/>
      <c r="S86" s="207"/>
      <c r="T86" s="207"/>
      <c r="U86" s="98"/>
      <c r="V86" s="99"/>
      <c r="W86" s="99"/>
    </row>
    <row r="87" spans="1:23" s="8" customFormat="1" hidden="1">
      <c r="A87" s="88"/>
      <c r="B87" s="88"/>
      <c r="C87" s="87"/>
      <c r="D87" s="87"/>
      <c r="E87" s="87"/>
      <c r="F87" s="87"/>
      <c r="G87" s="87"/>
      <c r="H87" s="87">
        <v>2</v>
      </c>
      <c r="I87" s="87">
        <v>93</v>
      </c>
      <c r="J87" s="87" t="s">
        <v>120</v>
      </c>
      <c r="K87" s="87" t="s">
        <v>17</v>
      </c>
      <c r="L87" s="18" t="s">
        <v>71</v>
      </c>
      <c r="M87" s="87">
        <v>1</v>
      </c>
      <c r="N87" s="87" t="s">
        <v>509</v>
      </c>
      <c r="O87" s="87">
        <v>1</v>
      </c>
      <c r="P87" s="87">
        <v>60</v>
      </c>
      <c r="Q87" s="89"/>
      <c r="R87" s="207"/>
      <c r="S87" s="207"/>
      <c r="T87" s="207"/>
      <c r="U87" s="98"/>
      <c r="V87" s="99"/>
      <c r="W87" s="99"/>
    </row>
    <row r="88" spans="1:23" s="8" customFormat="1" hidden="1">
      <c r="A88" s="84"/>
      <c r="B88" s="84"/>
      <c r="C88" s="85" t="s">
        <v>150</v>
      </c>
      <c r="D88" s="85" t="s">
        <v>473</v>
      </c>
      <c r="E88" s="85"/>
      <c r="F88" s="85"/>
      <c r="G88" s="85"/>
      <c r="H88" s="85"/>
      <c r="I88" s="85"/>
      <c r="J88" s="85"/>
      <c r="K88" s="85" t="s">
        <v>17</v>
      </c>
      <c r="L88" s="78" t="s">
        <v>71</v>
      </c>
      <c r="M88" s="85">
        <v>2</v>
      </c>
      <c r="N88" s="85"/>
      <c r="O88" s="85"/>
      <c r="P88" s="85"/>
      <c r="Q88" s="86"/>
      <c r="R88" s="207"/>
      <c r="S88" s="207"/>
      <c r="T88" s="207"/>
      <c r="U88" s="98"/>
      <c r="V88" s="99"/>
      <c r="W88" s="99"/>
    </row>
    <row r="89" spans="1:23" s="8" customFormat="1" hidden="1">
      <c r="A89" s="88"/>
      <c r="B89" s="88"/>
      <c r="C89" s="87"/>
      <c r="D89" s="87"/>
      <c r="E89" s="87"/>
      <c r="F89" s="87"/>
      <c r="G89" s="87"/>
      <c r="H89" s="87">
        <v>1</v>
      </c>
      <c r="I89" s="87">
        <v>93</v>
      </c>
      <c r="J89" s="87" t="s">
        <v>120</v>
      </c>
      <c r="K89" s="87" t="s">
        <v>66</v>
      </c>
      <c r="L89" s="18" t="s">
        <v>65</v>
      </c>
      <c r="M89" s="87">
        <v>1</v>
      </c>
      <c r="N89" s="87" t="s">
        <v>509</v>
      </c>
      <c r="O89" s="87">
        <v>1</v>
      </c>
      <c r="P89" s="87">
        <v>60</v>
      </c>
      <c r="Q89" s="89"/>
      <c r="R89" s="207"/>
      <c r="S89" s="207"/>
      <c r="T89" s="207"/>
      <c r="U89" s="98"/>
      <c r="V89" s="99"/>
      <c r="W89" s="99"/>
    </row>
    <row r="90" spans="1:23" s="8" customFormat="1" hidden="1">
      <c r="A90" s="88"/>
      <c r="B90" s="88"/>
      <c r="C90" s="87"/>
      <c r="D90" s="87"/>
      <c r="E90" s="87"/>
      <c r="F90" s="87"/>
      <c r="G90" s="87"/>
      <c r="H90" s="87">
        <v>2</v>
      </c>
      <c r="I90" s="87">
        <v>93</v>
      </c>
      <c r="J90" s="87" t="s">
        <v>120</v>
      </c>
      <c r="K90" s="87" t="s">
        <v>17</v>
      </c>
      <c r="L90" s="18" t="s">
        <v>71</v>
      </c>
      <c r="M90" s="87">
        <v>1</v>
      </c>
      <c r="N90" s="87" t="s">
        <v>509</v>
      </c>
      <c r="O90" s="87">
        <v>1</v>
      </c>
      <c r="P90" s="87">
        <v>60</v>
      </c>
      <c r="Q90" s="89"/>
      <c r="R90" s="207"/>
      <c r="S90" s="207"/>
      <c r="T90" s="207"/>
      <c r="U90" s="98"/>
      <c r="V90" s="99"/>
      <c r="W90" s="99"/>
    </row>
    <row r="91" spans="1:23" s="8" customFormat="1">
      <c r="A91" s="85"/>
      <c r="B91" s="85"/>
      <c r="C91" s="85" t="s">
        <v>158</v>
      </c>
      <c r="D91" s="85" t="s">
        <v>120</v>
      </c>
      <c r="E91" s="85"/>
      <c r="F91" s="85"/>
      <c r="G91" s="85"/>
      <c r="H91" s="85"/>
      <c r="I91" s="85"/>
      <c r="J91" s="85"/>
      <c r="K91" s="85" t="s">
        <v>66</v>
      </c>
      <c r="L91" s="85" t="s">
        <v>71</v>
      </c>
      <c r="M91" s="85">
        <v>1</v>
      </c>
      <c r="N91" s="85"/>
      <c r="O91" s="85"/>
      <c r="P91" s="85"/>
      <c r="Q91" s="85"/>
      <c r="R91" s="207" t="s">
        <v>2759</v>
      </c>
      <c r="S91" s="207"/>
      <c r="T91" s="207"/>
      <c r="U91" s="98"/>
      <c r="V91" s="99"/>
      <c r="W91" s="99"/>
    </row>
    <row r="92" spans="1:23" s="8" customFormat="1">
      <c r="A92" s="85"/>
      <c r="B92" s="85"/>
      <c r="C92" s="85" t="s">
        <v>150</v>
      </c>
      <c r="D92" s="85" t="s">
        <v>473</v>
      </c>
      <c r="E92" s="85"/>
      <c r="F92" s="85"/>
      <c r="G92" s="85"/>
      <c r="H92" s="85"/>
      <c r="I92" s="85"/>
      <c r="J92" s="85"/>
      <c r="K92" s="85" t="s">
        <v>17</v>
      </c>
      <c r="L92" s="85" t="s">
        <v>71</v>
      </c>
      <c r="M92" s="85">
        <v>2</v>
      </c>
      <c r="N92" s="85"/>
      <c r="O92" s="85"/>
      <c r="P92" s="85"/>
      <c r="Q92" s="85"/>
      <c r="R92" s="207"/>
      <c r="S92" s="207"/>
      <c r="T92" s="207"/>
      <c r="U92" s="98"/>
      <c r="V92" s="99"/>
      <c r="W92" s="99"/>
    </row>
    <row r="93" spans="1:23" s="8" customFormat="1" ht="35">
      <c r="A93" s="84"/>
      <c r="B93" s="84"/>
      <c r="C93" s="85" t="s">
        <v>147</v>
      </c>
      <c r="D93" s="85" t="s">
        <v>144</v>
      </c>
      <c r="E93" s="85"/>
      <c r="F93" s="85"/>
      <c r="G93" s="85"/>
      <c r="H93" s="85"/>
      <c r="I93" s="85"/>
      <c r="J93" s="85"/>
      <c r="K93" s="85" t="s">
        <v>17</v>
      </c>
      <c r="L93" s="85" t="s">
        <v>71</v>
      </c>
      <c r="M93" s="85">
        <v>2</v>
      </c>
      <c r="N93" s="85"/>
      <c r="O93" s="85"/>
      <c r="P93" s="85"/>
      <c r="Q93" s="85"/>
      <c r="R93" s="207" t="s">
        <v>1047</v>
      </c>
      <c r="S93" s="207"/>
      <c r="T93" s="207" t="s">
        <v>1455</v>
      </c>
      <c r="U93" s="203" t="s">
        <v>2402</v>
      </c>
      <c r="V93" s="203"/>
      <c r="W93" s="203"/>
    </row>
    <row r="94" spans="1:23" s="8" customFormat="1" ht="18" hidden="1" customHeight="1">
      <c r="A94" s="88"/>
      <c r="B94" s="88"/>
      <c r="C94" s="87"/>
      <c r="D94" s="87"/>
      <c r="E94" s="87"/>
      <c r="F94" s="87"/>
      <c r="G94" s="87"/>
      <c r="H94" s="87">
        <v>1</v>
      </c>
      <c r="I94" s="87">
        <v>166</v>
      </c>
      <c r="J94" s="87" t="s">
        <v>144</v>
      </c>
      <c r="K94" s="87" t="s">
        <v>66</v>
      </c>
      <c r="L94" s="18" t="s">
        <v>65</v>
      </c>
      <c r="M94" s="87">
        <v>1</v>
      </c>
      <c r="N94" s="87" t="s">
        <v>509</v>
      </c>
      <c r="O94" s="87">
        <v>1</v>
      </c>
      <c r="P94" s="87">
        <v>55</v>
      </c>
      <c r="Q94" s="89"/>
      <c r="R94" s="207"/>
      <c r="S94" s="207"/>
      <c r="T94" s="207"/>
      <c r="U94" s="98" t="s">
        <v>2403</v>
      </c>
      <c r="V94" s="99"/>
      <c r="W94" s="99"/>
    </row>
    <row r="95" spans="1:23" s="8" customFormat="1" hidden="1">
      <c r="A95" s="88"/>
      <c r="B95" s="88"/>
      <c r="C95" s="87"/>
      <c r="D95" s="87"/>
      <c r="E95" s="87"/>
      <c r="F95" s="87"/>
      <c r="G95" s="87"/>
      <c r="H95" s="87">
        <v>2</v>
      </c>
      <c r="I95" s="87">
        <v>166</v>
      </c>
      <c r="J95" s="87" t="s">
        <v>144</v>
      </c>
      <c r="K95" s="87" t="s">
        <v>17</v>
      </c>
      <c r="L95" s="18" t="s">
        <v>71</v>
      </c>
      <c r="M95" s="87">
        <v>1</v>
      </c>
      <c r="N95" s="87" t="s">
        <v>509</v>
      </c>
      <c r="O95" s="87">
        <v>1</v>
      </c>
      <c r="P95" s="87">
        <v>55</v>
      </c>
      <c r="Q95" s="89"/>
      <c r="R95" s="207"/>
      <c r="S95" s="207"/>
      <c r="T95" s="207"/>
      <c r="U95" s="98"/>
      <c r="V95" s="99"/>
      <c r="W95" s="99"/>
    </row>
    <row r="96" spans="1:23" s="8" customFormat="1" hidden="1">
      <c r="A96" s="84"/>
      <c r="B96" s="84"/>
      <c r="C96" s="85" t="s">
        <v>147</v>
      </c>
      <c r="D96" s="85" t="s">
        <v>144</v>
      </c>
      <c r="E96" s="85"/>
      <c r="F96" s="85"/>
      <c r="G96" s="85"/>
      <c r="H96" s="85"/>
      <c r="I96" s="85"/>
      <c r="J96" s="85"/>
      <c r="K96" s="85" t="s">
        <v>17</v>
      </c>
      <c r="L96" s="78" t="s">
        <v>71</v>
      </c>
      <c r="M96" s="85">
        <v>2</v>
      </c>
      <c r="N96" s="85"/>
      <c r="O96" s="85"/>
      <c r="P96" s="85"/>
      <c r="Q96" s="86"/>
      <c r="R96" s="207"/>
      <c r="S96" s="207"/>
      <c r="T96" s="207"/>
      <c r="U96" s="98"/>
      <c r="V96" s="99"/>
      <c r="W96" s="99"/>
    </row>
    <row r="97" spans="1:23" s="8" customFormat="1" hidden="1">
      <c r="A97" s="88"/>
      <c r="B97" s="88"/>
      <c r="C97" s="87"/>
      <c r="D97" s="87"/>
      <c r="E97" s="87"/>
      <c r="F97" s="87"/>
      <c r="G97" s="87"/>
      <c r="H97" s="87">
        <v>1</v>
      </c>
      <c r="I97" s="87">
        <v>166</v>
      </c>
      <c r="J97" s="87" t="s">
        <v>144</v>
      </c>
      <c r="K97" s="87" t="s">
        <v>66</v>
      </c>
      <c r="L97" s="18" t="s">
        <v>65</v>
      </c>
      <c r="M97" s="87">
        <v>1</v>
      </c>
      <c r="N97" s="87" t="s">
        <v>509</v>
      </c>
      <c r="O97" s="87">
        <v>1</v>
      </c>
      <c r="P97" s="87">
        <v>55</v>
      </c>
      <c r="Q97" s="89"/>
      <c r="R97" s="207"/>
      <c r="S97" s="207"/>
      <c r="T97" s="207"/>
      <c r="U97" s="98"/>
      <c r="V97" s="99"/>
      <c r="W97" s="99"/>
    </row>
    <row r="98" spans="1:23" s="8" customFormat="1" hidden="1">
      <c r="A98" s="88"/>
      <c r="B98" s="88"/>
      <c r="C98" s="87"/>
      <c r="D98" s="87"/>
      <c r="E98" s="87"/>
      <c r="F98" s="87"/>
      <c r="G98" s="87"/>
      <c r="H98" s="87">
        <v>2</v>
      </c>
      <c r="I98" s="87">
        <v>166</v>
      </c>
      <c r="J98" s="87" t="s">
        <v>144</v>
      </c>
      <c r="K98" s="87" t="s">
        <v>17</v>
      </c>
      <c r="L98" s="18" t="s">
        <v>71</v>
      </c>
      <c r="M98" s="87">
        <v>1</v>
      </c>
      <c r="N98" s="87" t="s">
        <v>509</v>
      </c>
      <c r="O98" s="87">
        <v>1</v>
      </c>
      <c r="P98" s="87">
        <v>55</v>
      </c>
      <c r="Q98" s="89"/>
      <c r="R98" s="207"/>
      <c r="S98" s="207"/>
      <c r="T98" s="207"/>
      <c r="U98" s="98"/>
      <c r="V98" s="99"/>
      <c r="W98" s="99"/>
    </row>
    <row r="99" spans="1:23" s="8" customFormat="1" ht="35">
      <c r="A99" s="84"/>
      <c r="B99" s="84"/>
      <c r="C99" s="85" t="s">
        <v>143</v>
      </c>
      <c r="D99" s="85" t="s">
        <v>474</v>
      </c>
      <c r="E99" s="85"/>
      <c r="F99" s="85"/>
      <c r="G99" s="85"/>
      <c r="H99" s="85"/>
      <c r="I99" s="85"/>
      <c r="J99" s="85"/>
      <c r="K99" s="85" t="s">
        <v>17</v>
      </c>
      <c r="L99" s="78" t="s">
        <v>71</v>
      </c>
      <c r="M99" s="85" t="s">
        <v>525</v>
      </c>
      <c r="N99" s="85"/>
      <c r="O99" s="85"/>
      <c r="P99" s="85"/>
      <c r="Q99" s="86"/>
      <c r="R99" s="207" t="s">
        <v>1048</v>
      </c>
      <c r="S99" s="207"/>
      <c r="T99" s="207"/>
      <c r="U99" s="203" t="s">
        <v>2402</v>
      </c>
      <c r="V99" s="203"/>
      <c r="W99" s="203"/>
    </row>
    <row r="100" spans="1:23" s="8" customFormat="1" hidden="1" outlineLevel="1">
      <c r="A100" s="88"/>
      <c r="B100" s="88"/>
      <c r="C100" s="87"/>
      <c r="D100" s="87"/>
      <c r="E100" s="87"/>
      <c r="F100" s="87"/>
      <c r="G100" s="87"/>
      <c r="H100" s="87">
        <v>1</v>
      </c>
      <c r="I100" s="87">
        <v>19</v>
      </c>
      <c r="J100" s="87" t="s">
        <v>141</v>
      </c>
      <c r="K100" s="87" t="s">
        <v>17</v>
      </c>
      <c r="L100" s="18" t="s">
        <v>71</v>
      </c>
      <c r="M100" s="87">
        <v>1</v>
      </c>
      <c r="N100" s="87" t="s">
        <v>509</v>
      </c>
      <c r="O100" s="87">
        <v>2</v>
      </c>
      <c r="P100" s="87">
        <v>30</v>
      </c>
      <c r="Q100" s="89"/>
      <c r="R100" s="207"/>
      <c r="S100" s="207"/>
      <c r="T100" s="207"/>
      <c r="U100" s="98"/>
      <c r="V100" s="99"/>
      <c r="W100" s="99"/>
    </row>
    <row r="101" spans="1:23" s="8" customFormat="1" ht="70" hidden="1" outlineLevel="1">
      <c r="A101" s="88"/>
      <c r="B101" s="88"/>
      <c r="C101" s="87"/>
      <c r="D101" s="87"/>
      <c r="E101" s="87"/>
      <c r="F101" s="87"/>
      <c r="G101" s="87"/>
      <c r="H101" s="87">
        <v>2</v>
      </c>
      <c r="I101" s="87">
        <v>156</v>
      </c>
      <c r="J101" s="87" t="s">
        <v>139</v>
      </c>
      <c r="K101" s="87" t="s">
        <v>17</v>
      </c>
      <c r="L101" s="18" t="s">
        <v>71</v>
      </c>
      <c r="M101" s="87">
        <v>1</v>
      </c>
      <c r="N101" s="87" t="s">
        <v>514</v>
      </c>
      <c r="O101" s="87">
        <v>2</v>
      </c>
      <c r="P101" s="87">
        <v>2</v>
      </c>
      <c r="Q101" s="270" t="s">
        <v>624</v>
      </c>
      <c r="R101" s="207"/>
      <c r="S101" s="207"/>
      <c r="T101" s="207"/>
      <c r="U101" s="98"/>
      <c r="V101" s="99"/>
      <c r="W101" s="99"/>
    </row>
    <row r="102" spans="1:23" s="8" customFormat="1" hidden="1" outlineLevel="1">
      <c r="A102" s="88"/>
      <c r="B102" s="88"/>
      <c r="C102" s="87"/>
      <c r="D102" s="87"/>
      <c r="E102" s="87"/>
      <c r="F102" s="87"/>
      <c r="G102" s="87"/>
      <c r="H102" s="87">
        <v>3</v>
      </c>
      <c r="I102" s="87">
        <v>116</v>
      </c>
      <c r="J102" s="87" t="s">
        <v>137</v>
      </c>
      <c r="K102" s="87" t="s">
        <v>17</v>
      </c>
      <c r="L102" s="18" t="s">
        <v>71</v>
      </c>
      <c r="M102" s="87">
        <v>1</v>
      </c>
      <c r="N102" s="87" t="s">
        <v>514</v>
      </c>
      <c r="O102" s="87">
        <v>3</v>
      </c>
      <c r="P102" s="87">
        <v>15</v>
      </c>
      <c r="Q102" s="18"/>
      <c r="R102" s="207"/>
      <c r="S102" s="207"/>
      <c r="T102" s="207"/>
      <c r="U102" s="98"/>
      <c r="V102" s="99"/>
      <c r="W102" s="99"/>
    </row>
    <row r="103" spans="1:23" s="8" customFormat="1" ht="70" hidden="1" outlineLevel="1">
      <c r="A103" s="88"/>
      <c r="B103" s="88"/>
      <c r="C103" s="87"/>
      <c r="D103" s="87"/>
      <c r="E103" s="87"/>
      <c r="F103" s="87"/>
      <c r="G103" s="87"/>
      <c r="H103" s="87">
        <v>4</v>
      </c>
      <c r="I103" s="87">
        <v>26</v>
      </c>
      <c r="J103" s="87" t="s">
        <v>135</v>
      </c>
      <c r="K103" s="87" t="s">
        <v>17</v>
      </c>
      <c r="L103" s="18" t="s">
        <v>71</v>
      </c>
      <c r="M103" s="87">
        <v>1</v>
      </c>
      <c r="N103" s="87" t="s">
        <v>514</v>
      </c>
      <c r="O103" s="87">
        <v>2</v>
      </c>
      <c r="P103" s="87">
        <v>3</v>
      </c>
      <c r="Q103" s="270" t="s">
        <v>624</v>
      </c>
      <c r="R103" s="207"/>
      <c r="S103" s="207"/>
      <c r="T103" s="207"/>
      <c r="U103" s="98"/>
      <c r="V103" s="99"/>
      <c r="W103" s="99"/>
    </row>
    <row r="104" spans="1:23" s="8" customFormat="1" hidden="1" outlineLevel="1">
      <c r="A104" s="88"/>
      <c r="B104" s="88"/>
      <c r="C104" s="87"/>
      <c r="D104" s="87"/>
      <c r="E104" s="87"/>
      <c r="F104" s="87"/>
      <c r="G104" s="87"/>
      <c r="H104" s="87">
        <v>5</v>
      </c>
      <c r="I104" s="87">
        <v>309</v>
      </c>
      <c r="J104" s="87" t="s">
        <v>133</v>
      </c>
      <c r="K104" s="87" t="s">
        <v>78</v>
      </c>
      <c r="L104" s="18" t="s">
        <v>71</v>
      </c>
      <c r="M104" s="11">
        <v>1</v>
      </c>
      <c r="N104" s="11" t="s">
        <v>514</v>
      </c>
      <c r="O104" s="11">
        <v>1</v>
      </c>
      <c r="P104" s="11">
        <v>2</v>
      </c>
      <c r="Q104" s="18" t="s">
        <v>690</v>
      </c>
      <c r="R104" s="207"/>
      <c r="S104" s="207"/>
      <c r="T104" s="207"/>
      <c r="U104" s="98"/>
      <c r="V104" s="99"/>
      <c r="W104" s="99"/>
    </row>
    <row r="105" spans="1:23" s="8" customFormat="1" hidden="1" outlineLevel="1">
      <c r="A105" s="88"/>
      <c r="B105" s="88"/>
      <c r="C105" s="87"/>
      <c r="D105" s="87"/>
      <c r="E105" s="87"/>
      <c r="F105" s="87"/>
      <c r="G105" s="87"/>
      <c r="H105" s="87">
        <v>6</v>
      </c>
      <c r="I105" s="87">
        <v>310</v>
      </c>
      <c r="J105" s="87" t="s">
        <v>131</v>
      </c>
      <c r="K105" s="87" t="s">
        <v>17</v>
      </c>
      <c r="L105" s="18" t="s">
        <v>71</v>
      </c>
      <c r="M105" s="11">
        <v>1</v>
      </c>
      <c r="N105" s="11" t="s">
        <v>509</v>
      </c>
      <c r="O105" s="11">
        <v>1</v>
      </c>
      <c r="P105" s="11">
        <v>30</v>
      </c>
      <c r="Q105" s="18"/>
      <c r="R105" s="207"/>
      <c r="S105" s="207"/>
      <c r="T105" s="207"/>
      <c r="U105" s="98"/>
      <c r="V105" s="99"/>
      <c r="W105" s="99"/>
    </row>
    <row r="106" spans="1:23" s="8" customFormat="1" hidden="1" collapsed="1">
      <c r="A106" s="84"/>
      <c r="B106" s="84"/>
      <c r="C106" s="85" t="s">
        <v>130</v>
      </c>
      <c r="D106" s="85" t="s">
        <v>126</v>
      </c>
      <c r="E106" s="85"/>
      <c r="F106" s="85"/>
      <c r="G106" s="85"/>
      <c r="H106" s="85"/>
      <c r="I106" s="85"/>
      <c r="J106" s="85"/>
      <c r="K106" s="85" t="s">
        <v>17</v>
      </c>
      <c r="L106" s="78" t="s">
        <v>71</v>
      </c>
      <c r="M106" s="75">
        <v>12</v>
      </c>
      <c r="N106" s="75"/>
      <c r="O106" s="75"/>
      <c r="P106" s="75"/>
      <c r="Q106" s="86"/>
      <c r="R106" s="207"/>
      <c r="S106" s="207"/>
      <c r="T106" s="207"/>
      <c r="U106" s="98"/>
      <c r="V106" s="99"/>
      <c r="W106" s="99"/>
    </row>
    <row r="107" spans="1:23" s="8" customFormat="1" hidden="1">
      <c r="A107" s="88"/>
      <c r="B107" s="88"/>
      <c r="C107" s="87"/>
      <c r="D107" s="87"/>
      <c r="E107" s="87"/>
      <c r="F107" s="87"/>
      <c r="G107" s="87"/>
      <c r="H107" s="87">
        <v>1</v>
      </c>
      <c r="I107" s="87">
        <v>128</v>
      </c>
      <c r="J107" s="87" t="s">
        <v>128</v>
      </c>
      <c r="K107" s="87" t="s">
        <v>66</v>
      </c>
      <c r="L107" s="18" t="s">
        <v>65</v>
      </c>
      <c r="M107" s="11">
        <v>1</v>
      </c>
      <c r="N107" s="11" t="s">
        <v>514</v>
      </c>
      <c r="O107" s="11">
        <v>2</v>
      </c>
      <c r="P107" s="11">
        <v>3</v>
      </c>
      <c r="Q107" s="89" t="s">
        <v>692</v>
      </c>
      <c r="R107" s="207"/>
      <c r="S107" s="207"/>
      <c r="T107" s="207"/>
      <c r="U107" s="98"/>
      <c r="V107" s="99"/>
      <c r="W107" s="99"/>
    </row>
    <row r="108" spans="1:23" s="8" customFormat="1" hidden="1">
      <c r="A108" s="88"/>
      <c r="B108" s="88"/>
      <c r="C108" s="87"/>
      <c r="D108" s="87"/>
      <c r="E108" s="19"/>
      <c r="F108" s="19"/>
      <c r="G108" s="19"/>
      <c r="H108" s="19">
        <v>2</v>
      </c>
      <c r="I108" s="19">
        <v>127</v>
      </c>
      <c r="J108" s="19" t="s">
        <v>126</v>
      </c>
      <c r="K108" s="19" t="s">
        <v>78</v>
      </c>
      <c r="L108" s="25" t="s">
        <v>96</v>
      </c>
      <c r="M108" s="91">
        <v>1</v>
      </c>
      <c r="N108" s="91" t="s">
        <v>509</v>
      </c>
      <c r="O108" s="91">
        <v>1</v>
      </c>
      <c r="P108" s="91">
        <v>30</v>
      </c>
      <c r="Q108" s="25"/>
      <c r="R108" s="207"/>
      <c r="S108" s="207"/>
      <c r="T108" s="207"/>
      <c r="U108" s="98"/>
      <c r="V108" s="99"/>
      <c r="W108" s="99"/>
    </row>
    <row r="109" spans="1:23" s="8" customFormat="1" hidden="1">
      <c r="A109" s="88"/>
      <c r="B109" s="88"/>
      <c r="C109" s="87"/>
      <c r="D109" s="87"/>
      <c r="E109" s="87"/>
      <c r="F109" s="87"/>
      <c r="G109" s="87"/>
      <c r="H109" s="87">
        <v>3</v>
      </c>
      <c r="I109" s="87">
        <v>352</v>
      </c>
      <c r="J109" s="87" t="s">
        <v>3</v>
      </c>
      <c r="K109" s="87" t="s">
        <v>78</v>
      </c>
      <c r="L109" s="18" t="s">
        <v>71</v>
      </c>
      <c r="M109" s="11">
        <v>1</v>
      </c>
      <c r="N109" s="11" t="s">
        <v>509</v>
      </c>
      <c r="O109" s="11">
        <v>1</v>
      </c>
      <c r="P109" s="11">
        <v>80</v>
      </c>
      <c r="Q109" s="89"/>
      <c r="R109" s="207"/>
      <c r="S109" s="207"/>
      <c r="T109" s="207"/>
      <c r="U109" s="98"/>
      <c r="V109" s="99"/>
      <c r="W109" s="99"/>
    </row>
    <row r="110" spans="1:23" s="8" customFormat="1" hidden="1">
      <c r="A110" s="84"/>
      <c r="B110" s="84"/>
      <c r="C110" s="85" t="s">
        <v>130</v>
      </c>
      <c r="D110" s="85" t="s">
        <v>126</v>
      </c>
      <c r="E110" s="85"/>
      <c r="F110" s="85"/>
      <c r="G110" s="85"/>
      <c r="H110" s="85"/>
      <c r="I110" s="85"/>
      <c r="J110" s="85"/>
      <c r="K110" s="85" t="s">
        <v>17</v>
      </c>
      <c r="L110" s="78" t="s">
        <v>71</v>
      </c>
      <c r="M110" s="75">
        <v>12</v>
      </c>
      <c r="N110" s="75"/>
      <c r="O110" s="75"/>
      <c r="P110" s="75"/>
      <c r="Q110" s="86"/>
      <c r="R110" s="207"/>
      <c r="S110" s="207"/>
      <c r="T110" s="207"/>
      <c r="U110" s="98"/>
      <c r="V110" s="99"/>
      <c r="W110" s="99"/>
    </row>
    <row r="111" spans="1:23" s="8" customFormat="1" ht="70" hidden="1">
      <c r="A111" s="88"/>
      <c r="B111" s="88"/>
      <c r="C111" s="87"/>
      <c r="D111" s="87"/>
      <c r="E111" s="87"/>
      <c r="F111" s="87"/>
      <c r="G111" s="87"/>
      <c r="H111" s="87">
        <v>1</v>
      </c>
      <c r="I111" s="87">
        <v>128</v>
      </c>
      <c r="J111" s="87" t="s">
        <v>128</v>
      </c>
      <c r="K111" s="87" t="s">
        <v>66</v>
      </c>
      <c r="L111" s="18" t="s">
        <v>65</v>
      </c>
      <c r="M111" s="11">
        <v>1</v>
      </c>
      <c r="N111" s="11" t="s">
        <v>514</v>
      </c>
      <c r="O111" s="11">
        <v>2</v>
      </c>
      <c r="P111" s="11">
        <v>3</v>
      </c>
      <c r="Q111" s="270" t="s">
        <v>624</v>
      </c>
      <c r="R111" s="207"/>
      <c r="S111" s="207"/>
      <c r="T111" s="207"/>
      <c r="U111" s="98"/>
      <c r="V111" s="99"/>
      <c r="W111" s="99"/>
    </row>
    <row r="112" spans="1:23" s="8" customFormat="1" hidden="1">
      <c r="A112" s="88"/>
      <c r="B112" s="88"/>
      <c r="C112" s="87"/>
      <c r="D112" s="87"/>
      <c r="E112" s="87"/>
      <c r="F112" s="87"/>
      <c r="G112" s="87"/>
      <c r="H112" s="87">
        <v>2</v>
      </c>
      <c r="I112" s="87">
        <v>127</v>
      </c>
      <c r="J112" s="87" t="s">
        <v>126</v>
      </c>
      <c r="K112" s="87" t="s">
        <v>78</v>
      </c>
      <c r="L112" s="18" t="s">
        <v>71</v>
      </c>
      <c r="M112" s="11">
        <v>1</v>
      </c>
      <c r="N112" s="11" t="s">
        <v>509</v>
      </c>
      <c r="O112" s="11">
        <v>1</v>
      </c>
      <c r="P112" s="11">
        <v>30</v>
      </c>
      <c r="Q112" s="160"/>
      <c r="R112" s="207"/>
      <c r="S112" s="207"/>
      <c r="T112" s="207"/>
      <c r="U112" s="98"/>
      <c r="V112" s="99"/>
      <c r="W112" s="99"/>
    </row>
    <row r="113" spans="1:23" s="8" customFormat="1" hidden="1">
      <c r="A113" s="88"/>
      <c r="B113" s="88"/>
      <c r="C113" s="87"/>
      <c r="D113" s="87"/>
      <c r="E113" s="87"/>
      <c r="F113" s="87"/>
      <c r="G113" s="87"/>
      <c r="H113" s="87">
        <v>3</v>
      </c>
      <c r="I113" s="87">
        <v>352</v>
      </c>
      <c r="J113" s="87" t="s">
        <v>3</v>
      </c>
      <c r="K113" s="87" t="s">
        <v>78</v>
      </c>
      <c r="L113" s="18" t="s">
        <v>71</v>
      </c>
      <c r="M113" s="11">
        <v>1</v>
      </c>
      <c r="N113" s="11" t="s">
        <v>509</v>
      </c>
      <c r="O113" s="11">
        <v>1</v>
      </c>
      <c r="P113" s="11">
        <v>80</v>
      </c>
      <c r="Q113" s="89"/>
      <c r="R113" s="207"/>
      <c r="S113" s="207"/>
      <c r="T113" s="207"/>
      <c r="U113" s="98"/>
      <c r="V113" s="99"/>
      <c r="W113" s="99"/>
    </row>
    <row r="114" spans="1:23" s="8" customFormat="1" hidden="1">
      <c r="A114" s="84"/>
      <c r="B114" s="84"/>
      <c r="C114" s="85" t="s">
        <v>130</v>
      </c>
      <c r="D114" s="85" t="s">
        <v>126</v>
      </c>
      <c r="E114" s="85"/>
      <c r="F114" s="85"/>
      <c r="G114" s="85"/>
      <c r="H114" s="85"/>
      <c r="I114" s="85"/>
      <c r="J114" s="85"/>
      <c r="K114" s="85" t="s">
        <v>17</v>
      </c>
      <c r="L114" s="78" t="s">
        <v>71</v>
      </c>
      <c r="M114" s="75">
        <v>12</v>
      </c>
      <c r="N114" s="75"/>
      <c r="O114" s="75"/>
      <c r="P114" s="75"/>
      <c r="Q114" s="86"/>
      <c r="R114" s="207"/>
      <c r="S114" s="207"/>
      <c r="T114" s="207"/>
      <c r="U114" s="98"/>
      <c r="V114" s="99"/>
      <c r="W114" s="99"/>
    </row>
    <row r="115" spans="1:23" s="8" customFormat="1" hidden="1">
      <c r="A115" s="88"/>
      <c r="B115" s="88"/>
      <c r="C115" s="87"/>
      <c r="D115" s="87"/>
      <c r="E115" s="87"/>
      <c r="F115" s="87"/>
      <c r="G115" s="87"/>
      <c r="H115" s="87">
        <v>1</v>
      </c>
      <c r="I115" s="87">
        <v>128</v>
      </c>
      <c r="J115" s="87" t="s">
        <v>128</v>
      </c>
      <c r="K115" s="87" t="s">
        <v>66</v>
      </c>
      <c r="L115" s="18" t="s">
        <v>65</v>
      </c>
      <c r="M115" s="11">
        <v>1</v>
      </c>
      <c r="N115" s="11" t="s">
        <v>514</v>
      </c>
      <c r="O115" s="11">
        <v>2</v>
      </c>
      <c r="P115" s="11">
        <v>3</v>
      </c>
      <c r="Q115" s="89" t="s">
        <v>836</v>
      </c>
      <c r="R115" s="207"/>
      <c r="S115" s="207"/>
      <c r="T115" s="207"/>
      <c r="U115" s="98"/>
      <c r="V115" s="99"/>
      <c r="W115" s="99"/>
    </row>
    <row r="116" spans="1:23" s="8" customFormat="1" hidden="1">
      <c r="A116" s="88"/>
      <c r="B116" s="88"/>
      <c r="C116" s="87"/>
      <c r="D116" s="87"/>
      <c r="E116" s="87"/>
      <c r="F116" s="87"/>
      <c r="G116" s="87"/>
      <c r="H116" s="87">
        <v>2</v>
      </c>
      <c r="I116" s="87">
        <v>127</v>
      </c>
      <c r="J116" s="87" t="s">
        <v>126</v>
      </c>
      <c r="K116" s="87" t="s">
        <v>78</v>
      </c>
      <c r="L116" s="18" t="s">
        <v>71</v>
      </c>
      <c r="M116" s="11">
        <v>1</v>
      </c>
      <c r="N116" s="11" t="s">
        <v>509</v>
      </c>
      <c r="O116" s="11">
        <v>1</v>
      </c>
      <c r="P116" s="11">
        <v>30</v>
      </c>
      <c r="Q116" s="89"/>
      <c r="R116" s="207"/>
      <c r="S116" s="207"/>
      <c r="T116" s="207"/>
      <c r="U116" s="98"/>
      <c r="V116" s="99"/>
      <c r="W116" s="99"/>
    </row>
    <row r="117" spans="1:23" s="8" customFormat="1" hidden="1">
      <c r="A117" s="88"/>
      <c r="B117" s="88"/>
      <c r="C117" s="87"/>
      <c r="D117" s="87"/>
      <c r="E117" s="87"/>
      <c r="F117" s="87"/>
      <c r="G117" s="87"/>
      <c r="H117" s="87">
        <v>3</v>
      </c>
      <c r="I117" s="87">
        <v>352</v>
      </c>
      <c r="J117" s="87" t="s">
        <v>3</v>
      </c>
      <c r="K117" s="87" t="s">
        <v>78</v>
      </c>
      <c r="L117" s="18" t="s">
        <v>71</v>
      </c>
      <c r="M117" s="11">
        <v>1</v>
      </c>
      <c r="N117" s="11" t="s">
        <v>509</v>
      </c>
      <c r="O117" s="11">
        <v>1</v>
      </c>
      <c r="P117" s="11">
        <v>80</v>
      </c>
      <c r="Q117" s="11" t="s">
        <v>837</v>
      </c>
      <c r="R117" s="207"/>
      <c r="S117" s="207"/>
      <c r="T117" s="207"/>
      <c r="U117" s="98"/>
      <c r="V117" s="99"/>
      <c r="W117" s="99"/>
    </row>
    <row r="118" spans="1:23" s="8" customFormat="1" hidden="1">
      <c r="A118" s="84"/>
      <c r="B118" s="84"/>
      <c r="C118" s="85" t="s">
        <v>130</v>
      </c>
      <c r="D118" s="85" t="s">
        <v>126</v>
      </c>
      <c r="E118" s="85"/>
      <c r="F118" s="85"/>
      <c r="G118" s="85"/>
      <c r="H118" s="85"/>
      <c r="I118" s="85"/>
      <c r="J118" s="85"/>
      <c r="K118" s="85" t="s">
        <v>17</v>
      </c>
      <c r="L118" s="78" t="s">
        <v>71</v>
      </c>
      <c r="M118" s="75">
        <v>12</v>
      </c>
      <c r="N118" s="75"/>
      <c r="O118" s="75"/>
      <c r="P118" s="75"/>
      <c r="Q118" s="86"/>
      <c r="R118" s="207"/>
      <c r="S118" s="207"/>
      <c r="T118" s="207"/>
      <c r="U118" s="98"/>
      <c r="V118" s="99"/>
      <c r="W118" s="99"/>
    </row>
    <row r="119" spans="1:23" s="8" customFormat="1" hidden="1">
      <c r="A119" s="88"/>
      <c r="B119" s="88"/>
      <c r="C119" s="87"/>
      <c r="D119" s="87"/>
      <c r="E119" s="87"/>
      <c r="F119" s="87"/>
      <c r="G119" s="87"/>
      <c r="H119" s="87">
        <v>1</v>
      </c>
      <c r="I119" s="87">
        <v>128</v>
      </c>
      <c r="J119" s="87" t="s">
        <v>128</v>
      </c>
      <c r="K119" s="87" t="s">
        <v>66</v>
      </c>
      <c r="L119" s="18" t="s">
        <v>65</v>
      </c>
      <c r="M119" s="11">
        <v>1</v>
      </c>
      <c r="N119" s="11" t="s">
        <v>514</v>
      </c>
      <c r="O119" s="11">
        <v>2</v>
      </c>
      <c r="P119" s="11">
        <v>3</v>
      </c>
      <c r="Q119" s="89" t="s">
        <v>704</v>
      </c>
      <c r="R119" s="207"/>
      <c r="S119" s="207"/>
      <c r="T119" s="207"/>
      <c r="U119" s="98"/>
      <c r="V119" s="99"/>
      <c r="W119" s="99"/>
    </row>
    <row r="120" spans="1:23" s="8" customFormat="1" ht="70" hidden="1">
      <c r="A120" s="88"/>
      <c r="B120" s="88"/>
      <c r="C120" s="87"/>
      <c r="D120" s="87"/>
      <c r="E120" s="87"/>
      <c r="F120" s="87"/>
      <c r="G120" s="87"/>
      <c r="H120" s="87">
        <v>2</v>
      </c>
      <c r="I120" s="87">
        <v>127</v>
      </c>
      <c r="J120" s="87" t="s">
        <v>126</v>
      </c>
      <c r="K120" s="87" t="s">
        <v>78</v>
      </c>
      <c r="L120" s="18" t="s">
        <v>71</v>
      </c>
      <c r="M120" s="11">
        <v>1</v>
      </c>
      <c r="N120" s="11" t="s">
        <v>509</v>
      </c>
      <c r="O120" s="11">
        <v>1</v>
      </c>
      <c r="P120" s="11">
        <v>30</v>
      </c>
      <c r="Q120" s="270" t="s">
        <v>624</v>
      </c>
      <c r="R120" s="207"/>
      <c r="S120" s="207"/>
      <c r="T120" s="207"/>
      <c r="U120" s="98"/>
      <c r="V120" s="99"/>
      <c r="W120" s="99"/>
    </row>
    <row r="121" spans="1:23" s="8" customFormat="1" hidden="1">
      <c r="A121" s="88"/>
      <c r="B121" s="88"/>
      <c r="C121" s="87"/>
      <c r="D121" s="87"/>
      <c r="E121" s="87"/>
      <c r="F121" s="87"/>
      <c r="G121" s="87"/>
      <c r="H121" s="87">
        <v>3</v>
      </c>
      <c r="I121" s="87">
        <v>352</v>
      </c>
      <c r="J121" s="87" t="s">
        <v>3</v>
      </c>
      <c r="K121" s="87" t="s">
        <v>78</v>
      </c>
      <c r="L121" s="18" t="s">
        <v>71</v>
      </c>
      <c r="M121" s="11">
        <v>1</v>
      </c>
      <c r="N121" s="11" t="s">
        <v>509</v>
      </c>
      <c r="O121" s="11">
        <v>1</v>
      </c>
      <c r="P121" s="11">
        <v>80</v>
      </c>
      <c r="Q121" s="89"/>
      <c r="R121" s="207"/>
      <c r="S121" s="207"/>
      <c r="T121" s="207"/>
      <c r="U121" s="98"/>
      <c r="V121" s="99"/>
      <c r="W121" s="99"/>
    </row>
    <row r="122" spans="1:23" s="8" customFormat="1" hidden="1">
      <c r="A122" s="84"/>
      <c r="B122" s="84"/>
      <c r="C122" s="85" t="s">
        <v>124</v>
      </c>
      <c r="D122" s="85" t="s">
        <v>475</v>
      </c>
      <c r="E122" s="85"/>
      <c r="F122" s="85"/>
      <c r="G122" s="85"/>
      <c r="H122" s="85"/>
      <c r="I122" s="85"/>
      <c r="J122" s="85"/>
      <c r="K122" s="85" t="s">
        <v>17</v>
      </c>
      <c r="L122" s="78" t="s">
        <v>71</v>
      </c>
      <c r="M122" s="75">
        <v>3</v>
      </c>
      <c r="N122" s="75"/>
      <c r="O122" s="75"/>
      <c r="P122" s="75"/>
      <c r="Q122" s="86"/>
      <c r="R122" s="207"/>
      <c r="S122" s="207"/>
      <c r="T122" s="207"/>
      <c r="U122" s="98"/>
      <c r="V122" s="99"/>
      <c r="W122" s="99"/>
    </row>
    <row r="123" spans="1:23" s="8" customFormat="1" hidden="1">
      <c r="A123" s="88"/>
      <c r="B123" s="88"/>
      <c r="C123" s="87"/>
      <c r="D123" s="87"/>
      <c r="E123" s="87"/>
      <c r="F123" s="87"/>
      <c r="G123" s="87"/>
      <c r="H123" s="87">
        <v>1</v>
      </c>
      <c r="I123" s="87">
        <v>366</v>
      </c>
      <c r="J123" s="87" t="s">
        <v>122</v>
      </c>
      <c r="K123" s="87" t="s">
        <v>66</v>
      </c>
      <c r="L123" s="18" t="s">
        <v>65</v>
      </c>
      <c r="M123" s="11">
        <v>1</v>
      </c>
      <c r="N123" s="11" t="s">
        <v>514</v>
      </c>
      <c r="O123" s="11">
        <v>2</v>
      </c>
      <c r="P123" s="11">
        <v>2</v>
      </c>
      <c r="Q123" s="89" t="s">
        <v>704</v>
      </c>
      <c r="R123" s="207"/>
      <c r="S123" s="207"/>
      <c r="T123" s="207"/>
      <c r="U123" s="98"/>
      <c r="V123" s="99"/>
      <c r="W123" s="99"/>
    </row>
    <row r="124" spans="1:23" s="8" customFormat="1" hidden="1">
      <c r="A124" s="88"/>
      <c r="B124" s="88"/>
      <c r="C124" s="87"/>
      <c r="D124" s="87"/>
      <c r="E124" s="87"/>
      <c r="F124" s="87"/>
      <c r="G124" s="87"/>
      <c r="H124" s="87">
        <v>2</v>
      </c>
      <c r="I124" s="87">
        <v>93</v>
      </c>
      <c r="J124" s="87" t="s">
        <v>120</v>
      </c>
      <c r="K124" s="87" t="s">
        <v>17</v>
      </c>
      <c r="L124" s="18" t="s">
        <v>71</v>
      </c>
      <c r="M124" s="11">
        <v>1</v>
      </c>
      <c r="N124" s="11" t="s">
        <v>509</v>
      </c>
      <c r="O124" s="11">
        <v>1</v>
      </c>
      <c r="P124" s="11">
        <v>60</v>
      </c>
      <c r="Q124" s="89"/>
      <c r="R124" s="207"/>
      <c r="S124" s="207"/>
      <c r="T124" s="207"/>
      <c r="U124" s="98"/>
      <c r="V124" s="99"/>
      <c r="W124" s="99"/>
    </row>
    <row r="125" spans="1:23" s="8" customFormat="1" ht="70" hidden="1">
      <c r="A125" s="88"/>
      <c r="B125" s="88"/>
      <c r="C125" s="87"/>
      <c r="D125" s="87"/>
      <c r="E125" s="87"/>
      <c r="F125" s="87"/>
      <c r="G125" s="87"/>
      <c r="H125" s="87">
        <v>3</v>
      </c>
      <c r="I125" s="87">
        <v>365</v>
      </c>
      <c r="J125" s="87" t="s">
        <v>114</v>
      </c>
      <c r="K125" s="87" t="s">
        <v>78</v>
      </c>
      <c r="L125" s="18" t="s">
        <v>71</v>
      </c>
      <c r="M125" s="11">
        <v>1</v>
      </c>
      <c r="N125" s="11" t="s">
        <v>514</v>
      </c>
      <c r="O125" s="11">
        <v>2</v>
      </c>
      <c r="P125" s="11">
        <v>2</v>
      </c>
      <c r="Q125" s="270" t="s">
        <v>624</v>
      </c>
      <c r="R125" s="207"/>
      <c r="S125" s="207"/>
      <c r="T125" s="207"/>
      <c r="U125" s="98"/>
      <c r="V125" s="99"/>
      <c r="W125" s="99"/>
    </row>
    <row r="126" spans="1:23" s="8" customFormat="1" hidden="1">
      <c r="A126" s="88"/>
      <c r="B126" s="88"/>
      <c r="C126" s="87"/>
      <c r="D126" s="87"/>
      <c r="E126" s="87"/>
      <c r="F126" s="87"/>
      <c r="G126" s="87"/>
      <c r="H126" s="87">
        <v>4</v>
      </c>
      <c r="I126" s="87">
        <v>364</v>
      </c>
      <c r="J126" s="87" t="s">
        <v>112</v>
      </c>
      <c r="K126" s="87" t="s">
        <v>78</v>
      </c>
      <c r="L126" s="18" t="s">
        <v>71</v>
      </c>
      <c r="M126" s="11">
        <v>1</v>
      </c>
      <c r="N126" s="11" t="s">
        <v>509</v>
      </c>
      <c r="O126" s="11">
        <v>1</v>
      </c>
      <c r="P126" s="11">
        <v>80</v>
      </c>
      <c r="Q126" s="89"/>
      <c r="R126" s="207"/>
      <c r="S126" s="207"/>
      <c r="T126" s="207"/>
      <c r="U126" s="98"/>
      <c r="V126" s="99"/>
      <c r="W126" s="99"/>
    </row>
    <row r="127" spans="1:23" s="8" customFormat="1" ht="70" hidden="1">
      <c r="A127" s="88"/>
      <c r="B127" s="88"/>
      <c r="C127" s="87"/>
      <c r="D127" s="87"/>
      <c r="E127" s="87"/>
      <c r="F127" s="87"/>
      <c r="G127" s="87"/>
      <c r="H127" s="87">
        <v>5</v>
      </c>
      <c r="I127" s="87">
        <v>365</v>
      </c>
      <c r="J127" s="87" t="s">
        <v>114</v>
      </c>
      <c r="K127" s="87" t="s">
        <v>78</v>
      </c>
      <c r="L127" s="18" t="s">
        <v>71</v>
      </c>
      <c r="M127" s="11">
        <v>1</v>
      </c>
      <c r="N127" s="11" t="s">
        <v>514</v>
      </c>
      <c r="O127" s="11">
        <v>2</v>
      </c>
      <c r="P127" s="11">
        <v>2</v>
      </c>
      <c r="Q127" s="270" t="s">
        <v>624</v>
      </c>
      <c r="R127" s="207"/>
      <c r="S127" s="207"/>
      <c r="T127" s="207"/>
      <c r="U127" s="98"/>
      <c r="V127" s="99"/>
      <c r="W127" s="99"/>
    </row>
    <row r="128" spans="1:23" s="8" customFormat="1" hidden="1">
      <c r="A128" s="88"/>
      <c r="B128" s="88"/>
      <c r="C128" s="87"/>
      <c r="D128" s="87"/>
      <c r="E128" s="87"/>
      <c r="F128" s="87"/>
      <c r="G128" s="87"/>
      <c r="H128" s="87">
        <v>6</v>
      </c>
      <c r="I128" s="87">
        <v>364</v>
      </c>
      <c r="J128" s="87" t="s">
        <v>112</v>
      </c>
      <c r="K128" s="87" t="s">
        <v>78</v>
      </c>
      <c r="L128" s="18" t="s">
        <v>71</v>
      </c>
      <c r="M128" s="11">
        <v>1</v>
      </c>
      <c r="N128" s="11" t="s">
        <v>509</v>
      </c>
      <c r="O128" s="11">
        <v>1</v>
      </c>
      <c r="P128" s="11">
        <v>80</v>
      </c>
      <c r="Q128" s="89"/>
      <c r="R128" s="207"/>
      <c r="S128" s="207"/>
      <c r="T128" s="207"/>
      <c r="U128" s="98"/>
      <c r="V128" s="99"/>
      <c r="W128" s="99"/>
    </row>
    <row r="129" spans="1:23" s="8" customFormat="1" ht="70" hidden="1">
      <c r="A129" s="88"/>
      <c r="B129" s="88"/>
      <c r="C129" s="87"/>
      <c r="D129" s="87"/>
      <c r="E129" s="87"/>
      <c r="F129" s="87"/>
      <c r="G129" s="87"/>
      <c r="H129" s="87">
        <v>7</v>
      </c>
      <c r="I129" s="87">
        <v>365</v>
      </c>
      <c r="J129" s="87" t="s">
        <v>114</v>
      </c>
      <c r="K129" s="87" t="s">
        <v>78</v>
      </c>
      <c r="L129" s="18" t="s">
        <v>71</v>
      </c>
      <c r="M129" s="11">
        <v>1</v>
      </c>
      <c r="N129" s="11" t="s">
        <v>514</v>
      </c>
      <c r="O129" s="11">
        <v>2</v>
      </c>
      <c r="P129" s="11">
        <v>2</v>
      </c>
      <c r="Q129" s="270" t="s">
        <v>624</v>
      </c>
      <c r="R129" s="207"/>
      <c r="S129" s="207"/>
      <c r="T129" s="207"/>
      <c r="U129" s="98"/>
      <c r="V129" s="99"/>
      <c r="W129" s="99"/>
    </row>
    <row r="130" spans="1:23" s="8" customFormat="1" hidden="1">
      <c r="A130" s="88"/>
      <c r="B130" s="88"/>
      <c r="C130" s="87"/>
      <c r="D130" s="87"/>
      <c r="E130" s="87"/>
      <c r="F130" s="87"/>
      <c r="G130" s="87"/>
      <c r="H130" s="87">
        <v>8</v>
      </c>
      <c r="I130" s="87">
        <v>364</v>
      </c>
      <c r="J130" s="87" t="s">
        <v>112</v>
      </c>
      <c r="K130" s="87" t="s">
        <v>78</v>
      </c>
      <c r="L130" s="18" t="s">
        <v>71</v>
      </c>
      <c r="M130" s="11">
        <v>1</v>
      </c>
      <c r="N130" s="11" t="s">
        <v>509</v>
      </c>
      <c r="O130" s="11">
        <v>1</v>
      </c>
      <c r="P130" s="11">
        <v>80</v>
      </c>
      <c r="Q130" s="89"/>
      <c r="R130" s="207"/>
      <c r="S130" s="207"/>
      <c r="T130" s="207"/>
      <c r="U130" s="98"/>
      <c r="V130" s="99"/>
      <c r="W130" s="99"/>
    </row>
    <row r="131" spans="1:23" s="8" customFormat="1" hidden="1">
      <c r="A131" s="84"/>
      <c r="B131" s="84"/>
      <c r="C131" s="85" t="s">
        <v>124</v>
      </c>
      <c r="D131" s="85" t="s">
        <v>475</v>
      </c>
      <c r="E131" s="85"/>
      <c r="F131" s="85"/>
      <c r="G131" s="85"/>
      <c r="H131" s="85"/>
      <c r="I131" s="85"/>
      <c r="J131" s="85"/>
      <c r="K131" s="85" t="s">
        <v>17</v>
      </c>
      <c r="L131" s="78" t="s">
        <v>71</v>
      </c>
      <c r="M131" s="75">
        <v>3</v>
      </c>
      <c r="N131" s="75"/>
      <c r="O131" s="75"/>
      <c r="P131" s="75"/>
      <c r="Q131" s="86"/>
      <c r="R131" s="207"/>
      <c r="S131" s="207"/>
      <c r="T131" s="207"/>
      <c r="U131" s="98"/>
      <c r="V131" s="99"/>
      <c r="W131" s="99"/>
    </row>
    <row r="132" spans="1:23" s="8" customFormat="1" hidden="1">
      <c r="A132" s="88"/>
      <c r="B132" s="88"/>
      <c r="C132" s="87"/>
      <c r="D132" s="87"/>
      <c r="E132" s="87"/>
      <c r="F132" s="87"/>
      <c r="G132" s="87"/>
      <c r="H132" s="87">
        <v>1</v>
      </c>
      <c r="I132" s="87">
        <v>366</v>
      </c>
      <c r="J132" s="87" t="s">
        <v>122</v>
      </c>
      <c r="K132" s="87" t="s">
        <v>66</v>
      </c>
      <c r="L132" s="18" t="s">
        <v>65</v>
      </c>
      <c r="M132" s="11">
        <v>1</v>
      </c>
      <c r="N132" s="11" t="s">
        <v>514</v>
      </c>
      <c r="O132" s="11">
        <v>2</v>
      </c>
      <c r="P132" s="11">
        <v>2</v>
      </c>
      <c r="Q132" s="89" t="s">
        <v>838</v>
      </c>
      <c r="R132" s="207"/>
      <c r="S132" s="207"/>
      <c r="T132" s="207"/>
      <c r="U132" s="98"/>
      <c r="V132" s="99"/>
      <c r="W132" s="99"/>
    </row>
    <row r="133" spans="1:23" s="8" customFormat="1" hidden="1">
      <c r="A133" s="88"/>
      <c r="B133" s="88"/>
      <c r="C133" s="87"/>
      <c r="D133" s="87"/>
      <c r="E133" s="87"/>
      <c r="F133" s="87"/>
      <c r="G133" s="87"/>
      <c r="H133" s="87">
        <v>2</v>
      </c>
      <c r="I133" s="87">
        <v>93</v>
      </c>
      <c r="J133" s="87" t="s">
        <v>120</v>
      </c>
      <c r="K133" s="87" t="s">
        <v>17</v>
      </c>
      <c r="L133" s="18" t="s">
        <v>71</v>
      </c>
      <c r="M133" s="11">
        <v>1</v>
      </c>
      <c r="N133" s="11" t="s">
        <v>509</v>
      </c>
      <c r="O133" s="11">
        <v>1</v>
      </c>
      <c r="P133" s="11">
        <v>60</v>
      </c>
      <c r="Q133" s="89"/>
      <c r="R133" s="207"/>
      <c r="S133" s="207"/>
      <c r="T133" s="207"/>
      <c r="U133" s="98"/>
      <c r="V133" s="99"/>
      <c r="W133" s="99"/>
    </row>
    <row r="134" spans="1:23" s="8" customFormat="1">
      <c r="A134" s="84" t="s">
        <v>158</v>
      </c>
      <c r="B134" s="84" t="s">
        <v>120</v>
      </c>
      <c r="C134" s="85"/>
      <c r="D134" s="85"/>
      <c r="E134" s="85"/>
      <c r="F134" s="85"/>
      <c r="G134" s="85"/>
      <c r="H134" s="85"/>
      <c r="I134" s="85"/>
      <c r="J134" s="85"/>
      <c r="K134" s="85" t="s">
        <v>17</v>
      </c>
      <c r="L134" s="90"/>
      <c r="M134" s="85">
        <v>200</v>
      </c>
      <c r="N134" s="85"/>
      <c r="O134" s="85"/>
      <c r="P134" s="85"/>
      <c r="Q134" s="85"/>
      <c r="R134" s="207" t="s">
        <v>1375</v>
      </c>
      <c r="S134" s="207" t="s">
        <v>1430</v>
      </c>
      <c r="T134" s="207"/>
      <c r="U134" s="207" t="s">
        <v>2397</v>
      </c>
      <c r="V134" s="203"/>
      <c r="W134" s="203"/>
    </row>
    <row r="135" spans="1:23" s="8" customFormat="1" hidden="1">
      <c r="A135" s="84"/>
      <c r="B135" s="84"/>
      <c r="C135" s="85" t="s">
        <v>158</v>
      </c>
      <c r="D135" s="85" t="s">
        <v>120</v>
      </c>
      <c r="E135" s="85"/>
      <c r="F135" s="85"/>
      <c r="G135" s="85"/>
      <c r="H135" s="85"/>
      <c r="I135" s="85"/>
      <c r="J135" s="85"/>
      <c r="K135" s="290" t="s">
        <v>66</v>
      </c>
      <c r="L135" s="78" t="s">
        <v>71</v>
      </c>
      <c r="M135" s="85">
        <v>1</v>
      </c>
      <c r="N135" s="85"/>
      <c r="O135" s="85"/>
      <c r="P135" s="85"/>
      <c r="Q135" s="86"/>
      <c r="R135" s="207"/>
      <c r="S135" s="207"/>
      <c r="T135" s="207"/>
      <c r="U135" s="98"/>
      <c r="V135" s="99"/>
      <c r="W135" s="99"/>
    </row>
    <row r="136" spans="1:23" s="8" customFormat="1" ht="70" hidden="1" outlineLevel="1">
      <c r="A136" s="88"/>
      <c r="B136" s="88"/>
      <c r="C136" s="87"/>
      <c r="D136" s="87"/>
      <c r="E136" s="87"/>
      <c r="F136" s="87"/>
      <c r="G136" s="87"/>
      <c r="H136" s="87">
        <v>1</v>
      </c>
      <c r="I136" s="87">
        <v>98</v>
      </c>
      <c r="J136" s="87" t="s">
        <v>156</v>
      </c>
      <c r="K136" s="290" t="s">
        <v>66</v>
      </c>
      <c r="L136" s="18" t="s">
        <v>65</v>
      </c>
      <c r="M136" s="87">
        <v>1</v>
      </c>
      <c r="N136" s="87" t="s">
        <v>514</v>
      </c>
      <c r="O136" s="87">
        <v>2</v>
      </c>
      <c r="P136" s="87">
        <v>3</v>
      </c>
      <c r="Q136" s="270" t="s">
        <v>624</v>
      </c>
      <c r="R136" s="207"/>
      <c r="S136" s="207"/>
      <c r="T136" s="207"/>
      <c r="U136" s="98"/>
      <c r="V136" s="99"/>
      <c r="W136" s="99"/>
    </row>
    <row r="137" spans="1:23" s="8" customFormat="1" hidden="1" outlineLevel="1">
      <c r="A137" s="88"/>
      <c r="B137" s="88"/>
      <c r="C137" s="87"/>
      <c r="D137" s="87"/>
      <c r="E137" s="87"/>
      <c r="F137" s="87"/>
      <c r="G137" s="87"/>
      <c r="H137" s="87">
        <v>2</v>
      </c>
      <c r="I137" s="87">
        <v>93</v>
      </c>
      <c r="J137" s="87" t="s">
        <v>120</v>
      </c>
      <c r="K137" s="290" t="s">
        <v>66</v>
      </c>
      <c r="L137" s="18" t="s">
        <v>71</v>
      </c>
      <c r="M137" s="87">
        <v>1</v>
      </c>
      <c r="N137" s="87" t="s">
        <v>509</v>
      </c>
      <c r="O137" s="87">
        <v>1</v>
      </c>
      <c r="P137" s="87">
        <v>60</v>
      </c>
      <c r="Q137" s="89"/>
      <c r="R137" s="207"/>
      <c r="S137" s="207"/>
      <c r="T137" s="207"/>
      <c r="U137" s="98"/>
      <c r="V137" s="99"/>
      <c r="W137" s="99"/>
    </row>
    <row r="138" spans="1:23" s="8" customFormat="1" ht="70" hidden="1" outlineLevel="1">
      <c r="A138" s="88"/>
      <c r="B138" s="88"/>
      <c r="C138" s="87"/>
      <c r="D138" s="87"/>
      <c r="E138" s="87"/>
      <c r="F138" s="87"/>
      <c r="G138" s="87"/>
      <c r="H138" s="87">
        <v>3</v>
      </c>
      <c r="I138" s="87">
        <v>66</v>
      </c>
      <c r="J138" s="87" t="s">
        <v>153</v>
      </c>
      <c r="K138" s="290" t="s">
        <v>66</v>
      </c>
      <c r="L138" s="18" t="s">
        <v>71</v>
      </c>
      <c r="M138" s="87">
        <v>1</v>
      </c>
      <c r="N138" s="87" t="s">
        <v>514</v>
      </c>
      <c r="O138" s="87">
        <v>1</v>
      </c>
      <c r="P138" s="87">
        <v>2</v>
      </c>
      <c r="Q138" s="270" t="s">
        <v>624</v>
      </c>
      <c r="R138" s="207"/>
      <c r="S138" s="207"/>
      <c r="T138" s="207"/>
      <c r="U138" s="98"/>
      <c r="V138" s="99"/>
      <c r="W138" s="99"/>
    </row>
    <row r="139" spans="1:23" s="8" customFormat="1" hidden="1" outlineLevel="1">
      <c r="A139" s="88"/>
      <c r="B139" s="88"/>
      <c r="C139" s="87"/>
      <c r="D139" s="87"/>
      <c r="E139" s="87"/>
      <c r="F139" s="87"/>
      <c r="G139" s="87"/>
      <c r="H139" s="87">
        <v>4</v>
      </c>
      <c r="I139" s="87">
        <v>67</v>
      </c>
      <c r="J139" s="87" t="s">
        <v>151</v>
      </c>
      <c r="K139" s="290" t="s">
        <v>66</v>
      </c>
      <c r="L139" s="18" t="s">
        <v>71</v>
      </c>
      <c r="M139" s="87">
        <v>1</v>
      </c>
      <c r="N139" s="87" t="s">
        <v>509</v>
      </c>
      <c r="O139" s="87">
        <v>2</v>
      </c>
      <c r="P139" s="87">
        <v>80</v>
      </c>
      <c r="Q139" s="89"/>
      <c r="R139" s="207"/>
      <c r="S139" s="207"/>
      <c r="T139" s="207"/>
      <c r="U139" s="98"/>
      <c r="V139" s="99"/>
      <c r="W139" s="99"/>
    </row>
    <row r="140" spans="1:23" s="8" customFormat="1" hidden="1" collapsed="1">
      <c r="A140" s="84"/>
      <c r="B140" s="84"/>
      <c r="C140" s="85" t="s">
        <v>150</v>
      </c>
      <c r="D140" s="85" t="s">
        <v>473</v>
      </c>
      <c r="E140" s="85"/>
      <c r="F140" s="85"/>
      <c r="G140" s="85"/>
      <c r="H140" s="85"/>
      <c r="I140" s="85"/>
      <c r="J140" s="85"/>
      <c r="K140" s="290" t="s">
        <v>66</v>
      </c>
      <c r="L140" s="78" t="s">
        <v>71</v>
      </c>
      <c r="M140" s="85">
        <v>2</v>
      </c>
      <c r="N140" s="85"/>
      <c r="O140" s="85"/>
      <c r="P140" s="85"/>
      <c r="Q140" s="86"/>
      <c r="R140" s="207"/>
      <c r="S140" s="207"/>
      <c r="T140" s="207"/>
      <c r="U140" s="98"/>
      <c r="V140" s="99"/>
      <c r="W140" s="99"/>
    </row>
    <row r="141" spans="1:23" s="8" customFormat="1" hidden="1">
      <c r="A141" s="88"/>
      <c r="B141" s="88"/>
      <c r="C141" s="87"/>
      <c r="D141" s="87"/>
      <c r="E141" s="87"/>
      <c r="F141" s="87"/>
      <c r="G141" s="87"/>
      <c r="H141" s="87">
        <v>1</v>
      </c>
      <c r="I141" s="87">
        <v>93</v>
      </c>
      <c r="J141" s="87" t="s">
        <v>120</v>
      </c>
      <c r="K141" s="290" t="s">
        <v>66</v>
      </c>
      <c r="L141" s="18" t="s">
        <v>65</v>
      </c>
      <c r="M141" s="87">
        <v>1</v>
      </c>
      <c r="N141" s="87" t="s">
        <v>509</v>
      </c>
      <c r="O141" s="87">
        <v>1</v>
      </c>
      <c r="P141" s="87">
        <v>60</v>
      </c>
      <c r="Q141" s="89"/>
      <c r="R141" s="207"/>
      <c r="S141" s="207"/>
      <c r="T141" s="207"/>
      <c r="U141" s="98"/>
      <c r="V141" s="99"/>
      <c r="W141" s="99"/>
    </row>
    <row r="142" spans="1:23" s="8" customFormat="1" hidden="1">
      <c r="A142" s="88"/>
      <c r="B142" s="88"/>
      <c r="C142" s="87"/>
      <c r="D142" s="87"/>
      <c r="E142" s="87"/>
      <c r="F142" s="87"/>
      <c r="G142" s="87"/>
      <c r="H142" s="87">
        <v>2</v>
      </c>
      <c r="I142" s="87">
        <v>93</v>
      </c>
      <c r="J142" s="87" t="s">
        <v>120</v>
      </c>
      <c r="K142" s="290" t="s">
        <v>66</v>
      </c>
      <c r="L142" s="18" t="s">
        <v>71</v>
      </c>
      <c r="M142" s="87">
        <v>1</v>
      </c>
      <c r="N142" s="87" t="s">
        <v>509</v>
      </c>
      <c r="O142" s="87">
        <v>1</v>
      </c>
      <c r="P142" s="87">
        <v>60</v>
      </c>
      <c r="Q142" s="89"/>
      <c r="R142" s="207"/>
      <c r="S142" s="207"/>
      <c r="T142" s="207"/>
      <c r="U142" s="98"/>
      <c r="V142" s="99"/>
      <c r="W142" s="99"/>
    </row>
    <row r="143" spans="1:23" s="8" customFormat="1" hidden="1">
      <c r="A143" s="84"/>
      <c r="B143" s="84"/>
      <c r="C143" s="85" t="s">
        <v>150</v>
      </c>
      <c r="D143" s="85" t="s">
        <v>473</v>
      </c>
      <c r="E143" s="85"/>
      <c r="F143" s="85"/>
      <c r="G143" s="85"/>
      <c r="H143" s="85"/>
      <c r="I143" s="85"/>
      <c r="J143" s="85"/>
      <c r="K143" s="290" t="s">
        <v>66</v>
      </c>
      <c r="L143" s="78" t="s">
        <v>71</v>
      </c>
      <c r="M143" s="85">
        <v>2</v>
      </c>
      <c r="N143" s="85"/>
      <c r="O143" s="85"/>
      <c r="P143" s="85"/>
      <c r="Q143" s="86"/>
      <c r="R143" s="207"/>
      <c r="S143" s="207"/>
      <c r="T143" s="207"/>
      <c r="U143" s="98"/>
      <c r="V143" s="99"/>
      <c r="W143" s="99"/>
    </row>
    <row r="144" spans="1:23" s="8" customFormat="1" hidden="1">
      <c r="A144" s="88"/>
      <c r="B144" s="88"/>
      <c r="C144" s="87"/>
      <c r="D144" s="87"/>
      <c r="E144" s="87"/>
      <c r="F144" s="87"/>
      <c r="G144" s="87"/>
      <c r="H144" s="87">
        <v>1</v>
      </c>
      <c r="I144" s="87">
        <v>93</v>
      </c>
      <c r="J144" s="87" t="s">
        <v>120</v>
      </c>
      <c r="K144" s="290" t="s">
        <v>66</v>
      </c>
      <c r="L144" s="18" t="s">
        <v>65</v>
      </c>
      <c r="M144" s="87">
        <v>1</v>
      </c>
      <c r="N144" s="87" t="s">
        <v>509</v>
      </c>
      <c r="O144" s="87">
        <v>1</v>
      </c>
      <c r="P144" s="87">
        <v>60</v>
      </c>
      <c r="Q144" s="89"/>
      <c r="R144" s="207"/>
      <c r="S144" s="207"/>
      <c r="T144" s="207"/>
      <c r="U144" s="98"/>
      <c r="V144" s="99"/>
      <c r="W144" s="99"/>
    </row>
    <row r="145" spans="1:23" s="8" customFormat="1" hidden="1">
      <c r="A145" s="88"/>
      <c r="B145" s="88"/>
      <c r="C145" s="87"/>
      <c r="D145" s="87"/>
      <c r="E145" s="87"/>
      <c r="F145" s="87"/>
      <c r="G145" s="87"/>
      <c r="H145" s="87">
        <v>2</v>
      </c>
      <c r="I145" s="87">
        <v>93</v>
      </c>
      <c r="J145" s="87" t="s">
        <v>120</v>
      </c>
      <c r="K145" s="290" t="s">
        <v>66</v>
      </c>
      <c r="L145" s="18" t="s">
        <v>71</v>
      </c>
      <c r="M145" s="87">
        <v>1</v>
      </c>
      <c r="N145" s="87" t="s">
        <v>509</v>
      </c>
      <c r="O145" s="87">
        <v>1</v>
      </c>
      <c r="P145" s="87">
        <v>60</v>
      </c>
      <c r="Q145" s="89"/>
      <c r="R145" s="207"/>
      <c r="S145" s="207"/>
      <c r="T145" s="207"/>
      <c r="U145" s="98"/>
      <c r="V145" s="99"/>
      <c r="W145" s="99"/>
    </row>
    <row r="146" spans="1:23" s="8" customFormat="1">
      <c r="A146" s="85"/>
      <c r="B146" s="85"/>
      <c r="C146" s="85" t="s">
        <v>158</v>
      </c>
      <c r="D146" s="85" t="s">
        <v>120</v>
      </c>
      <c r="E146" s="85"/>
      <c r="F146" s="85"/>
      <c r="G146" s="85"/>
      <c r="H146" s="85"/>
      <c r="I146" s="85"/>
      <c r="J146" s="85"/>
      <c r="K146" s="85" t="s">
        <v>66</v>
      </c>
      <c r="L146" s="85" t="s">
        <v>71</v>
      </c>
      <c r="M146" s="85">
        <v>1</v>
      </c>
      <c r="N146" s="85"/>
      <c r="O146" s="85"/>
      <c r="P146" s="85"/>
      <c r="Q146" s="85"/>
      <c r="R146" s="207" t="s">
        <v>2759</v>
      </c>
      <c r="S146" s="207"/>
      <c r="T146" s="207"/>
      <c r="U146" s="98"/>
      <c r="V146" s="99"/>
      <c r="W146" s="99"/>
    </row>
    <row r="147" spans="1:23" s="8" customFormat="1">
      <c r="A147" s="85"/>
      <c r="B147" s="85"/>
      <c r="C147" s="85" t="s">
        <v>150</v>
      </c>
      <c r="D147" s="85" t="s">
        <v>473</v>
      </c>
      <c r="E147" s="85"/>
      <c r="F147" s="85"/>
      <c r="G147" s="85"/>
      <c r="H147" s="85"/>
      <c r="I147" s="85"/>
      <c r="J147" s="85"/>
      <c r="K147" s="85" t="s">
        <v>17</v>
      </c>
      <c r="L147" s="85" t="s">
        <v>71</v>
      </c>
      <c r="M147" s="85">
        <v>2</v>
      </c>
      <c r="N147" s="85"/>
      <c r="O147" s="85"/>
      <c r="P147" s="85"/>
      <c r="Q147" s="85"/>
      <c r="R147" s="207"/>
      <c r="S147" s="207"/>
      <c r="T147" s="207"/>
      <c r="U147" s="98"/>
      <c r="V147" s="99"/>
      <c r="W147" s="99"/>
    </row>
    <row r="148" spans="1:23" s="8" customFormat="1">
      <c r="A148" s="85"/>
      <c r="B148" s="85"/>
      <c r="C148" s="85" t="s">
        <v>147</v>
      </c>
      <c r="D148" s="85" t="s">
        <v>144</v>
      </c>
      <c r="E148" s="85"/>
      <c r="F148" s="85"/>
      <c r="G148" s="85"/>
      <c r="H148" s="85"/>
      <c r="I148" s="85"/>
      <c r="J148" s="85"/>
      <c r="K148" s="85" t="s">
        <v>17</v>
      </c>
      <c r="L148" s="85" t="s">
        <v>71</v>
      </c>
      <c r="M148" s="85">
        <v>2</v>
      </c>
      <c r="N148" s="85"/>
      <c r="O148" s="85"/>
      <c r="P148" s="85"/>
      <c r="Q148" s="85"/>
      <c r="R148" s="207" t="s">
        <v>1047</v>
      </c>
      <c r="S148" s="207"/>
      <c r="T148" s="207"/>
      <c r="U148" s="207" t="s">
        <v>2397</v>
      </c>
      <c r="V148" s="203"/>
      <c r="W148" s="203"/>
    </row>
    <row r="149" spans="1:23" s="8" customFormat="1" hidden="1" outlineLevel="1">
      <c r="A149" s="85"/>
      <c r="B149" s="85"/>
      <c r="C149" s="85"/>
      <c r="D149" s="85"/>
      <c r="E149" s="85"/>
      <c r="F149" s="85"/>
      <c r="G149" s="85"/>
      <c r="H149" s="85">
        <v>1</v>
      </c>
      <c r="I149" s="85">
        <v>166</v>
      </c>
      <c r="J149" s="85" t="s">
        <v>144</v>
      </c>
      <c r="K149" s="85" t="s">
        <v>66</v>
      </c>
      <c r="L149" s="85" t="s">
        <v>65</v>
      </c>
      <c r="M149" s="85">
        <v>1</v>
      </c>
      <c r="N149" s="85" t="s">
        <v>509</v>
      </c>
      <c r="O149" s="85">
        <v>1</v>
      </c>
      <c r="P149" s="85">
        <v>55</v>
      </c>
      <c r="Q149" s="85"/>
      <c r="R149" s="207"/>
      <c r="S149" s="207"/>
      <c r="T149" s="207"/>
      <c r="U149" s="98"/>
      <c r="V149" s="99"/>
      <c r="W149" s="99"/>
    </row>
    <row r="150" spans="1:23" s="8" customFormat="1" hidden="1" outlineLevel="1">
      <c r="A150" s="85"/>
      <c r="B150" s="85"/>
      <c r="C150" s="85"/>
      <c r="D150" s="85"/>
      <c r="E150" s="85"/>
      <c r="F150" s="85"/>
      <c r="G150" s="85"/>
      <c r="H150" s="85">
        <v>2</v>
      </c>
      <c r="I150" s="85">
        <v>166</v>
      </c>
      <c r="J150" s="85" t="s">
        <v>144</v>
      </c>
      <c r="K150" s="85" t="s">
        <v>66</v>
      </c>
      <c r="L150" s="85" t="s">
        <v>71</v>
      </c>
      <c r="M150" s="85">
        <v>1</v>
      </c>
      <c r="N150" s="85" t="s">
        <v>509</v>
      </c>
      <c r="O150" s="85">
        <v>1</v>
      </c>
      <c r="P150" s="85">
        <v>55</v>
      </c>
      <c r="Q150" s="85"/>
      <c r="R150" s="207"/>
      <c r="S150" s="207"/>
      <c r="T150" s="207"/>
      <c r="U150" s="98"/>
      <c r="V150" s="99"/>
      <c r="W150" s="99"/>
    </row>
    <row r="151" spans="1:23" s="8" customFormat="1" hidden="1" collapsed="1">
      <c r="A151" s="85"/>
      <c r="B151" s="85"/>
      <c r="C151" s="85" t="s">
        <v>147</v>
      </c>
      <c r="D151" s="85" t="s">
        <v>144</v>
      </c>
      <c r="E151" s="85"/>
      <c r="F151" s="85"/>
      <c r="G151" s="85"/>
      <c r="H151" s="85"/>
      <c r="I151" s="85"/>
      <c r="J151" s="85"/>
      <c r="K151" s="85" t="s">
        <v>66</v>
      </c>
      <c r="L151" s="85" t="s">
        <v>71</v>
      </c>
      <c r="M151" s="85">
        <v>2</v>
      </c>
      <c r="N151" s="85"/>
      <c r="O151" s="85"/>
      <c r="P151" s="85"/>
      <c r="Q151" s="85"/>
      <c r="R151" s="207"/>
      <c r="S151" s="207"/>
      <c r="T151" s="207"/>
      <c r="U151" s="98"/>
      <c r="V151" s="99"/>
      <c r="W151" s="99"/>
    </row>
    <row r="152" spans="1:23" s="8" customFormat="1" hidden="1">
      <c r="A152" s="85"/>
      <c r="B152" s="85"/>
      <c r="C152" s="85"/>
      <c r="D152" s="85"/>
      <c r="E152" s="85"/>
      <c r="F152" s="85"/>
      <c r="G152" s="85"/>
      <c r="H152" s="85">
        <v>1</v>
      </c>
      <c r="I152" s="85">
        <v>166</v>
      </c>
      <c r="J152" s="85" t="s">
        <v>144</v>
      </c>
      <c r="K152" s="85" t="s">
        <v>66</v>
      </c>
      <c r="L152" s="85" t="s">
        <v>65</v>
      </c>
      <c r="M152" s="85">
        <v>1</v>
      </c>
      <c r="N152" s="85" t="s">
        <v>509</v>
      </c>
      <c r="O152" s="85">
        <v>1</v>
      </c>
      <c r="P152" s="85">
        <v>55</v>
      </c>
      <c r="Q152" s="85"/>
      <c r="R152" s="207"/>
      <c r="S152" s="207"/>
      <c r="T152" s="207"/>
      <c r="U152" s="98"/>
      <c r="V152" s="99"/>
      <c r="W152" s="99"/>
    </row>
    <row r="153" spans="1:23" s="8" customFormat="1" hidden="1">
      <c r="A153" s="85"/>
      <c r="B153" s="85"/>
      <c r="C153" s="85"/>
      <c r="D153" s="85"/>
      <c r="E153" s="85"/>
      <c r="F153" s="85"/>
      <c r="G153" s="85"/>
      <c r="H153" s="85">
        <v>2</v>
      </c>
      <c r="I153" s="85">
        <v>166</v>
      </c>
      <c r="J153" s="85" t="s">
        <v>144</v>
      </c>
      <c r="K153" s="85" t="s">
        <v>66</v>
      </c>
      <c r="L153" s="85" t="s">
        <v>71</v>
      </c>
      <c r="M153" s="85">
        <v>1</v>
      </c>
      <c r="N153" s="85" t="s">
        <v>509</v>
      </c>
      <c r="O153" s="85">
        <v>1</v>
      </c>
      <c r="P153" s="85">
        <v>55</v>
      </c>
      <c r="Q153" s="85"/>
      <c r="R153" s="207"/>
      <c r="S153" s="207"/>
      <c r="T153" s="207"/>
      <c r="U153" s="98"/>
      <c r="V153" s="99"/>
      <c r="W153" s="99"/>
    </row>
    <row r="154" spans="1:23" s="8" customFormat="1">
      <c r="A154" s="85"/>
      <c r="B154" s="85"/>
      <c r="C154" s="85" t="s">
        <v>143</v>
      </c>
      <c r="D154" s="85" t="s">
        <v>474</v>
      </c>
      <c r="E154" s="85"/>
      <c r="F154" s="85"/>
      <c r="G154" s="85"/>
      <c r="H154" s="85"/>
      <c r="I154" s="85"/>
      <c r="J154" s="85"/>
      <c r="K154" s="85" t="s">
        <v>17</v>
      </c>
      <c r="L154" s="85" t="s">
        <v>71</v>
      </c>
      <c r="M154" s="85" t="s">
        <v>525</v>
      </c>
      <c r="N154" s="85"/>
      <c r="O154" s="85"/>
      <c r="P154" s="85"/>
      <c r="Q154" s="85"/>
      <c r="R154" s="207" t="s">
        <v>1048</v>
      </c>
      <c r="S154" s="207"/>
      <c r="T154" s="207"/>
      <c r="U154" s="207" t="s">
        <v>2397</v>
      </c>
      <c r="V154" s="203"/>
      <c r="W154" s="203"/>
    </row>
    <row r="155" spans="1:23" s="8" customFormat="1" hidden="1" outlineLevel="1">
      <c r="A155" s="85"/>
      <c r="B155" s="85"/>
      <c r="C155" s="85"/>
      <c r="D155" s="85"/>
      <c r="E155" s="85"/>
      <c r="F155" s="85"/>
      <c r="G155" s="85"/>
      <c r="H155" s="85">
        <v>1</v>
      </c>
      <c r="I155" s="85">
        <v>19</v>
      </c>
      <c r="J155" s="85" t="s">
        <v>141</v>
      </c>
      <c r="K155" s="85" t="s">
        <v>66</v>
      </c>
      <c r="L155" s="85" t="s">
        <v>71</v>
      </c>
      <c r="M155" s="85">
        <v>1</v>
      </c>
      <c r="N155" s="85" t="s">
        <v>509</v>
      </c>
      <c r="O155" s="85">
        <v>2</v>
      </c>
      <c r="P155" s="85">
        <v>30</v>
      </c>
      <c r="Q155" s="85"/>
      <c r="R155" s="207"/>
      <c r="S155" s="207"/>
      <c r="T155" s="207"/>
      <c r="U155" s="98"/>
      <c r="V155" s="99"/>
      <c r="W155" s="99"/>
    </row>
    <row r="156" spans="1:23" s="8" customFormat="1" hidden="1" outlineLevel="1">
      <c r="A156" s="85"/>
      <c r="B156" s="85"/>
      <c r="C156" s="85"/>
      <c r="D156" s="85"/>
      <c r="E156" s="85"/>
      <c r="F156" s="85"/>
      <c r="G156" s="85"/>
      <c r="H156" s="85">
        <v>2</v>
      </c>
      <c r="I156" s="85">
        <v>156</v>
      </c>
      <c r="J156" s="85" t="s">
        <v>139</v>
      </c>
      <c r="K156" s="85" t="s">
        <v>66</v>
      </c>
      <c r="L156" s="85" t="s">
        <v>71</v>
      </c>
      <c r="M156" s="85">
        <v>1</v>
      </c>
      <c r="N156" s="85" t="s">
        <v>514</v>
      </c>
      <c r="O156" s="85">
        <v>2</v>
      </c>
      <c r="P156" s="85">
        <v>2</v>
      </c>
      <c r="Q156" s="85" t="s">
        <v>624</v>
      </c>
      <c r="R156" s="207"/>
      <c r="S156" s="207"/>
      <c r="T156" s="207"/>
      <c r="U156" s="98"/>
      <c r="V156" s="99"/>
      <c r="W156" s="99"/>
    </row>
    <row r="157" spans="1:23" s="8" customFormat="1" hidden="1" outlineLevel="1">
      <c r="A157" s="85"/>
      <c r="B157" s="85"/>
      <c r="C157" s="85"/>
      <c r="D157" s="85"/>
      <c r="E157" s="85"/>
      <c r="F157" s="85"/>
      <c r="G157" s="85"/>
      <c r="H157" s="85">
        <v>3</v>
      </c>
      <c r="I157" s="85">
        <v>116</v>
      </c>
      <c r="J157" s="85" t="s">
        <v>137</v>
      </c>
      <c r="K157" s="85" t="s">
        <v>66</v>
      </c>
      <c r="L157" s="85" t="s">
        <v>71</v>
      </c>
      <c r="M157" s="85">
        <v>1</v>
      </c>
      <c r="N157" s="85" t="s">
        <v>514</v>
      </c>
      <c r="O157" s="85">
        <v>3</v>
      </c>
      <c r="P157" s="85">
        <v>15</v>
      </c>
      <c r="Q157" s="85"/>
      <c r="R157" s="207"/>
      <c r="S157" s="207"/>
      <c r="T157" s="207"/>
      <c r="U157" s="98"/>
      <c r="V157" s="99"/>
      <c r="W157" s="99"/>
    </row>
    <row r="158" spans="1:23" s="8" customFormat="1" hidden="1" outlineLevel="1">
      <c r="A158" s="85"/>
      <c r="B158" s="85"/>
      <c r="C158" s="85"/>
      <c r="D158" s="85"/>
      <c r="E158" s="85"/>
      <c r="F158" s="85"/>
      <c r="G158" s="85"/>
      <c r="H158" s="85">
        <v>4</v>
      </c>
      <c r="I158" s="85">
        <v>26</v>
      </c>
      <c r="J158" s="85" t="s">
        <v>135</v>
      </c>
      <c r="K158" s="85" t="s">
        <v>66</v>
      </c>
      <c r="L158" s="85" t="s">
        <v>71</v>
      </c>
      <c r="M158" s="85">
        <v>1</v>
      </c>
      <c r="N158" s="85" t="s">
        <v>514</v>
      </c>
      <c r="O158" s="85">
        <v>2</v>
      </c>
      <c r="P158" s="85">
        <v>3</v>
      </c>
      <c r="Q158" s="85" t="s">
        <v>624</v>
      </c>
      <c r="R158" s="207"/>
      <c r="S158" s="207"/>
      <c r="T158" s="207"/>
      <c r="U158" s="98"/>
      <c r="V158" s="99"/>
      <c r="W158" s="99"/>
    </row>
    <row r="159" spans="1:23" s="8" customFormat="1" hidden="1" outlineLevel="1">
      <c r="A159" s="85"/>
      <c r="B159" s="85"/>
      <c r="C159" s="85"/>
      <c r="D159" s="85"/>
      <c r="E159" s="85"/>
      <c r="F159" s="85"/>
      <c r="G159" s="85"/>
      <c r="H159" s="85">
        <v>5</v>
      </c>
      <c r="I159" s="85">
        <v>309</v>
      </c>
      <c r="J159" s="85" t="s">
        <v>133</v>
      </c>
      <c r="K159" s="85" t="s">
        <v>66</v>
      </c>
      <c r="L159" s="85" t="s">
        <v>71</v>
      </c>
      <c r="M159" s="85">
        <v>1</v>
      </c>
      <c r="N159" s="85" t="s">
        <v>514</v>
      </c>
      <c r="O159" s="85">
        <v>1</v>
      </c>
      <c r="P159" s="85">
        <v>2</v>
      </c>
      <c r="Q159" s="85" t="s">
        <v>690</v>
      </c>
      <c r="R159" s="207"/>
      <c r="S159" s="207"/>
      <c r="T159" s="207"/>
      <c r="U159" s="98"/>
      <c r="V159" s="99"/>
      <c r="W159" s="99"/>
    </row>
    <row r="160" spans="1:23" s="8" customFormat="1" hidden="1" outlineLevel="1">
      <c r="A160" s="85"/>
      <c r="B160" s="85"/>
      <c r="C160" s="85"/>
      <c r="D160" s="85"/>
      <c r="E160" s="85"/>
      <c r="F160" s="85"/>
      <c r="G160" s="85"/>
      <c r="H160" s="85">
        <v>6</v>
      </c>
      <c r="I160" s="85">
        <v>310</v>
      </c>
      <c r="J160" s="85" t="s">
        <v>131</v>
      </c>
      <c r="K160" s="85" t="s">
        <v>66</v>
      </c>
      <c r="L160" s="85" t="s">
        <v>71</v>
      </c>
      <c r="M160" s="85">
        <v>1</v>
      </c>
      <c r="N160" s="85" t="s">
        <v>509</v>
      </c>
      <c r="O160" s="85">
        <v>1</v>
      </c>
      <c r="P160" s="85">
        <v>30</v>
      </c>
      <c r="Q160" s="85"/>
      <c r="R160" s="207"/>
      <c r="S160" s="207"/>
      <c r="T160" s="207"/>
      <c r="U160" s="98"/>
      <c r="V160" s="99"/>
      <c r="W160" s="99"/>
    </row>
    <row r="161" spans="1:23" s="8" customFormat="1" collapsed="1">
      <c r="A161" s="85" t="s">
        <v>158</v>
      </c>
      <c r="B161" s="85" t="s">
        <v>120</v>
      </c>
      <c r="C161" s="85"/>
      <c r="D161" s="85"/>
      <c r="E161" s="85"/>
      <c r="F161" s="85"/>
      <c r="G161" s="85"/>
      <c r="H161" s="85"/>
      <c r="I161" s="85"/>
      <c r="J161" s="85"/>
      <c r="K161" s="85"/>
      <c r="L161" s="85"/>
      <c r="M161" s="85">
        <v>200</v>
      </c>
      <c r="N161" s="85"/>
      <c r="O161" s="85"/>
      <c r="P161" s="85"/>
      <c r="Q161" s="85"/>
      <c r="R161" s="207" t="s">
        <v>1376</v>
      </c>
      <c r="S161" s="207" t="s">
        <v>1431</v>
      </c>
      <c r="T161" s="207" t="s">
        <v>1456</v>
      </c>
      <c r="U161" s="207" t="s">
        <v>2397</v>
      </c>
      <c r="V161" s="203"/>
      <c r="W161" s="203"/>
    </row>
    <row r="162" spans="1:23" s="8" customFormat="1" hidden="1">
      <c r="A162" s="85"/>
      <c r="B162" s="85"/>
      <c r="C162" s="85" t="s">
        <v>158</v>
      </c>
      <c r="D162" s="85" t="s">
        <v>120</v>
      </c>
      <c r="E162" s="85"/>
      <c r="F162" s="85"/>
      <c r="G162" s="85"/>
      <c r="H162" s="85"/>
      <c r="I162" s="85"/>
      <c r="J162" s="85"/>
      <c r="K162" s="85" t="s">
        <v>66</v>
      </c>
      <c r="L162" s="85" t="s">
        <v>71</v>
      </c>
      <c r="M162" s="85">
        <v>1</v>
      </c>
      <c r="N162" s="85"/>
      <c r="O162" s="85"/>
      <c r="P162" s="85"/>
      <c r="Q162" s="85"/>
      <c r="R162" s="207"/>
      <c r="S162" s="207"/>
      <c r="V162" s="99"/>
      <c r="W162" s="99"/>
    </row>
    <row r="163" spans="1:23" s="8" customFormat="1" hidden="1" outlineLevel="1">
      <c r="A163" s="85"/>
      <c r="B163" s="85"/>
      <c r="C163" s="85"/>
      <c r="D163" s="85"/>
      <c r="E163" s="85"/>
      <c r="F163" s="85"/>
      <c r="G163" s="85"/>
      <c r="H163" s="85">
        <v>1</v>
      </c>
      <c r="I163" s="85">
        <v>98</v>
      </c>
      <c r="J163" s="85" t="s">
        <v>156</v>
      </c>
      <c r="K163" s="85" t="s">
        <v>66</v>
      </c>
      <c r="L163" s="85" t="s">
        <v>65</v>
      </c>
      <c r="M163" s="85">
        <v>1</v>
      </c>
      <c r="N163" s="85" t="s">
        <v>514</v>
      </c>
      <c r="O163" s="85">
        <v>2</v>
      </c>
      <c r="P163" s="85">
        <v>3</v>
      </c>
      <c r="Q163" s="85" t="s">
        <v>624</v>
      </c>
      <c r="R163" s="207"/>
      <c r="S163" s="207"/>
      <c r="V163" s="99"/>
      <c r="W163" s="99"/>
    </row>
    <row r="164" spans="1:23" s="8" customFormat="1" hidden="1" outlineLevel="1">
      <c r="A164" s="85"/>
      <c r="B164" s="85"/>
      <c r="C164" s="85"/>
      <c r="D164" s="85"/>
      <c r="E164" s="85"/>
      <c r="F164" s="85"/>
      <c r="G164" s="85"/>
      <c r="H164" s="85">
        <v>2</v>
      </c>
      <c r="I164" s="85">
        <v>93</v>
      </c>
      <c r="J164" s="85" t="s">
        <v>120</v>
      </c>
      <c r="K164" s="85" t="s">
        <v>66</v>
      </c>
      <c r="L164" s="85" t="s">
        <v>71</v>
      </c>
      <c r="M164" s="85">
        <v>1</v>
      </c>
      <c r="N164" s="85" t="s">
        <v>509</v>
      </c>
      <c r="O164" s="85">
        <v>1</v>
      </c>
      <c r="P164" s="85">
        <v>60</v>
      </c>
      <c r="Q164" s="85"/>
      <c r="R164" s="207"/>
      <c r="S164" s="207"/>
      <c r="V164" s="99"/>
      <c r="W164" s="99"/>
    </row>
    <row r="165" spans="1:23" s="8" customFormat="1" hidden="1" outlineLevel="1">
      <c r="A165" s="85"/>
      <c r="B165" s="85"/>
      <c r="C165" s="85"/>
      <c r="D165" s="85"/>
      <c r="E165" s="85"/>
      <c r="F165" s="85"/>
      <c r="G165" s="85"/>
      <c r="H165" s="85">
        <v>3</v>
      </c>
      <c r="I165" s="85">
        <v>66</v>
      </c>
      <c r="J165" s="85" t="s">
        <v>153</v>
      </c>
      <c r="K165" s="85" t="s">
        <v>66</v>
      </c>
      <c r="L165" s="85" t="s">
        <v>71</v>
      </c>
      <c r="M165" s="85">
        <v>1</v>
      </c>
      <c r="N165" s="85" t="s">
        <v>514</v>
      </c>
      <c r="O165" s="85">
        <v>1</v>
      </c>
      <c r="P165" s="85">
        <v>2</v>
      </c>
      <c r="Q165" s="85" t="s">
        <v>624</v>
      </c>
      <c r="R165" s="207"/>
      <c r="S165" s="207"/>
      <c r="V165" s="99"/>
      <c r="W165" s="99"/>
    </row>
    <row r="166" spans="1:23" s="8" customFormat="1" hidden="1" outlineLevel="1">
      <c r="A166" s="85"/>
      <c r="B166" s="85"/>
      <c r="C166" s="85"/>
      <c r="D166" s="85"/>
      <c r="E166" s="85"/>
      <c r="F166" s="85"/>
      <c r="G166" s="85"/>
      <c r="H166" s="85">
        <v>4</v>
      </c>
      <c r="I166" s="85">
        <v>67</v>
      </c>
      <c r="J166" s="85" t="s">
        <v>151</v>
      </c>
      <c r="K166" s="85" t="s">
        <v>66</v>
      </c>
      <c r="L166" s="85" t="s">
        <v>71</v>
      </c>
      <c r="M166" s="85">
        <v>1</v>
      </c>
      <c r="N166" s="85" t="s">
        <v>509</v>
      </c>
      <c r="O166" s="85">
        <v>2</v>
      </c>
      <c r="P166" s="85">
        <v>80</v>
      </c>
      <c r="Q166" s="85"/>
      <c r="R166" s="207"/>
      <c r="S166" s="207"/>
      <c r="V166" s="99"/>
      <c r="W166" s="99"/>
    </row>
    <row r="167" spans="1:23" s="8" customFormat="1" hidden="1" collapsed="1">
      <c r="A167" s="85"/>
      <c r="B167" s="85"/>
      <c r="C167" s="85" t="s">
        <v>150</v>
      </c>
      <c r="D167" s="85" t="s">
        <v>473</v>
      </c>
      <c r="E167" s="85"/>
      <c r="F167" s="85"/>
      <c r="G167" s="85"/>
      <c r="H167" s="85"/>
      <c r="I167" s="85"/>
      <c r="J167" s="85"/>
      <c r="K167" s="85" t="s">
        <v>66</v>
      </c>
      <c r="L167" s="85" t="s">
        <v>71</v>
      </c>
      <c r="M167" s="85">
        <v>2</v>
      </c>
      <c r="N167" s="85"/>
      <c r="O167" s="85"/>
      <c r="P167" s="85"/>
      <c r="Q167" s="85"/>
      <c r="R167" s="207"/>
      <c r="S167" s="207"/>
      <c r="V167" s="99"/>
      <c r="W167" s="99"/>
    </row>
    <row r="168" spans="1:23" s="8" customFormat="1" hidden="1">
      <c r="A168" s="85"/>
      <c r="B168" s="85"/>
      <c r="C168" s="85"/>
      <c r="D168" s="85"/>
      <c r="E168" s="85"/>
      <c r="F168" s="85"/>
      <c r="G168" s="85"/>
      <c r="H168" s="85">
        <v>1</v>
      </c>
      <c r="I168" s="85">
        <v>93</v>
      </c>
      <c r="J168" s="85" t="s">
        <v>120</v>
      </c>
      <c r="K168" s="85" t="s">
        <v>66</v>
      </c>
      <c r="L168" s="85" t="s">
        <v>65</v>
      </c>
      <c r="M168" s="85">
        <v>1</v>
      </c>
      <c r="N168" s="85" t="s">
        <v>509</v>
      </c>
      <c r="O168" s="85">
        <v>1</v>
      </c>
      <c r="P168" s="85">
        <v>60</v>
      </c>
      <c r="Q168" s="85"/>
      <c r="R168" s="207"/>
      <c r="S168" s="207"/>
      <c r="V168" s="99"/>
      <c r="W168" s="99"/>
    </row>
    <row r="169" spans="1:23" s="8" customFormat="1" hidden="1">
      <c r="A169" s="85"/>
      <c r="B169" s="85"/>
      <c r="C169" s="85"/>
      <c r="D169" s="85"/>
      <c r="E169" s="85"/>
      <c r="F169" s="85"/>
      <c r="G169" s="85"/>
      <c r="H169" s="85">
        <v>2</v>
      </c>
      <c r="I169" s="85">
        <v>93</v>
      </c>
      <c r="J169" s="85" t="s">
        <v>120</v>
      </c>
      <c r="K169" s="85" t="s">
        <v>66</v>
      </c>
      <c r="L169" s="85" t="s">
        <v>71</v>
      </c>
      <c r="M169" s="85">
        <v>1</v>
      </c>
      <c r="N169" s="85" t="s">
        <v>509</v>
      </c>
      <c r="O169" s="85">
        <v>1</v>
      </c>
      <c r="P169" s="85">
        <v>60</v>
      </c>
      <c r="Q169" s="85"/>
      <c r="R169" s="207"/>
      <c r="S169" s="207"/>
      <c r="V169" s="99"/>
      <c r="W169" s="99"/>
    </row>
    <row r="170" spans="1:23" s="8" customFormat="1" hidden="1">
      <c r="A170" s="85"/>
      <c r="B170" s="85"/>
      <c r="C170" s="85" t="s">
        <v>150</v>
      </c>
      <c r="D170" s="85" t="s">
        <v>473</v>
      </c>
      <c r="E170" s="85"/>
      <c r="F170" s="85"/>
      <c r="G170" s="85"/>
      <c r="H170" s="85"/>
      <c r="I170" s="85"/>
      <c r="J170" s="85"/>
      <c r="K170" s="85" t="s">
        <v>66</v>
      </c>
      <c r="L170" s="85" t="s">
        <v>71</v>
      </c>
      <c r="M170" s="85">
        <v>2</v>
      </c>
      <c r="N170" s="85"/>
      <c r="O170" s="85"/>
      <c r="P170" s="85"/>
      <c r="Q170" s="85"/>
      <c r="R170" s="207"/>
      <c r="S170" s="207"/>
      <c r="V170" s="99"/>
      <c r="W170" s="99"/>
    </row>
    <row r="171" spans="1:23" s="8" customFormat="1" hidden="1">
      <c r="A171" s="85"/>
      <c r="B171" s="85"/>
      <c r="C171" s="85"/>
      <c r="D171" s="85"/>
      <c r="E171" s="85"/>
      <c r="F171" s="85"/>
      <c r="G171" s="85"/>
      <c r="H171" s="85">
        <v>1</v>
      </c>
      <c r="I171" s="85">
        <v>93</v>
      </c>
      <c r="J171" s="85" t="s">
        <v>120</v>
      </c>
      <c r="K171" s="85" t="s">
        <v>66</v>
      </c>
      <c r="L171" s="85" t="s">
        <v>65</v>
      </c>
      <c r="M171" s="85">
        <v>1</v>
      </c>
      <c r="N171" s="85" t="s">
        <v>509</v>
      </c>
      <c r="O171" s="85">
        <v>1</v>
      </c>
      <c r="P171" s="85">
        <v>60</v>
      </c>
      <c r="Q171" s="85"/>
      <c r="R171" s="207"/>
      <c r="S171" s="207"/>
      <c r="V171" s="99"/>
      <c r="W171" s="99"/>
    </row>
    <row r="172" spans="1:23" s="8" customFormat="1" hidden="1">
      <c r="A172" s="85"/>
      <c r="B172" s="85"/>
      <c r="C172" s="85"/>
      <c r="D172" s="85"/>
      <c r="E172" s="85"/>
      <c r="F172" s="85"/>
      <c r="G172" s="85"/>
      <c r="H172" s="85">
        <v>2</v>
      </c>
      <c r="I172" s="85">
        <v>93</v>
      </c>
      <c r="J172" s="85" t="s">
        <v>120</v>
      </c>
      <c r="K172" s="85" t="s">
        <v>66</v>
      </c>
      <c r="L172" s="85" t="s">
        <v>71</v>
      </c>
      <c r="M172" s="85">
        <v>1</v>
      </c>
      <c r="N172" s="85" t="s">
        <v>509</v>
      </c>
      <c r="O172" s="85">
        <v>1</v>
      </c>
      <c r="P172" s="85">
        <v>60</v>
      </c>
      <c r="Q172" s="85"/>
      <c r="R172" s="207"/>
      <c r="S172" s="207"/>
      <c r="V172" s="99"/>
      <c r="W172" s="99"/>
    </row>
    <row r="173" spans="1:23" s="8" customFormat="1">
      <c r="A173" s="85"/>
      <c r="B173" s="85"/>
      <c r="C173" s="85" t="s">
        <v>158</v>
      </c>
      <c r="D173" s="85" t="s">
        <v>120</v>
      </c>
      <c r="E173" s="85"/>
      <c r="F173" s="85"/>
      <c r="G173" s="85"/>
      <c r="H173" s="85"/>
      <c r="I173" s="85"/>
      <c r="J173" s="85"/>
      <c r="K173" s="85" t="s">
        <v>66</v>
      </c>
      <c r="L173" s="85" t="s">
        <v>71</v>
      </c>
      <c r="M173" s="85">
        <v>1</v>
      </c>
      <c r="N173" s="85"/>
      <c r="O173" s="85"/>
      <c r="P173" s="85"/>
      <c r="Q173" s="85"/>
      <c r="R173" s="207" t="s">
        <v>2759</v>
      </c>
      <c r="S173" s="207"/>
      <c r="V173" s="99"/>
      <c r="W173" s="99"/>
    </row>
    <row r="174" spans="1:23" s="8" customFormat="1">
      <c r="A174" s="85"/>
      <c r="B174" s="85"/>
      <c r="C174" s="85" t="s">
        <v>150</v>
      </c>
      <c r="D174" s="85" t="s">
        <v>473</v>
      </c>
      <c r="E174" s="85"/>
      <c r="F174" s="85"/>
      <c r="G174" s="85"/>
      <c r="H174" s="85"/>
      <c r="I174" s="85"/>
      <c r="J174" s="85"/>
      <c r="K174" s="85" t="s">
        <v>17</v>
      </c>
      <c r="L174" s="85" t="s">
        <v>71</v>
      </c>
      <c r="M174" s="85">
        <v>2</v>
      </c>
      <c r="N174" s="85"/>
      <c r="O174" s="85"/>
      <c r="P174" s="85"/>
      <c r="Q174" s="85"/>
      <c r="R174" s="207"/>
      <c r="S174" s="207"/>
      <c r="V174" s="99"/>
      <c r="W174" s="99"/>
    </row>
    <row r="175" spans="1:23" s="8" customFormat="1">
      <c r="A175" s="85"/>
      <c r="B175" s="85"/>
      <c r="C175" s="85" t="s">
        <v>147</v>
      </c>
      <c r="D175" s="85" t="s">
        <v>144</v>
      </c>
      <c r="E175" s="85"/>
      <c r="F175" s="85"/>
      <c r="G175" s="85"/>
      <c r="H175" s="85"/>
      <c r="I175" s="85"/>
      <c r="J175" s="85"/>
      <c r="K175" s="85" t="s">
        <v>17</v>
      </c>
      <c r="L175" s="85" t="s">
        <v>71</v>
      </c>
      <c r="M175" s="85">
        <v>2</v>
      </c>
      <c r="N175" s="85"/>
      <c r="O175" s="85"/>
      <c r="P175" s="85"/>
      <c r="Q175" s="85"/>
      <c r="R175" s="207" t="s">
        <v>1047</v>
      </c>
      <c r="S175" s="207"/>
      <c r="U175" s="207" t="s">
        <v>2397</v>
      </c>
      <c r="V175" s="203"/>
      <c r="W175" s="203"/>
    </row>
    <row r="176" spans="1:23" s="8" customFormat="1" outlineLevel="1">
      <c r="A176" s="85"/>
      <c r="B176" s="85"/>
      <c r="C176" s="85"/>
      <c r="D176" s="85"/>
      <c r="E176" s="85"/>
      <c r="F176" s="85"/>
      <c r="G176" s="85"/>
      <c r="H176" s="85">
        <v>1</v>
      </c>
      <c r="I176" s="85">
        <v>166</v>
      </c>
      <c r="J176" s="85" t="s">
        <v>144</v>
      </c>
      <c r="K176" s="85" t="s">
        <v>66</v>
      </c>
      <c r="L176" s="85" t="s">
        <v>65</v>
      </c>
      <c r="M176" s="85">
        <v>1</v>
      </c>
      <c r="N176" s="85" t="s">
        <v>509</v>
      </c>
      <c r="O176" s="85">
        <v>1</v>
      </c>
      <c r="P176" s="85">
        <v>55</v>
      </c>
      <c r="Q176" s="85"/>
      <c r="R176" s="207"/>
      <c r="S176" s="207"/>
      <c r="V176" s="99"/>
      <c r="W176" s="99"/>
    </row>
    <row r="177" spans="1:23" s="8" customFormat="1" outlineLevel="1">
      <c r="A177" s="85"/>
      <c r="B177" s="85"/>
      <c r="C177" s="85"/>
      <c r="D177" s="85"/>
      <c r="E177" s="85"/>
      <c r="F177" s="85"/>
      <c r="G177" s="85"/>
      <c r="H177" s="85">
        <v>2</v>
      </c>
      <c r="I177" s="85">
        <v>166</v>
      </c>
      <c r="J177" s="85" t="s">
        <v>144</v>
      </c>
      <c r="K177" s="85" t="s">
        <v>66</v>
      </c>
      <c r="L177" s="85" t="s">
        <v>71</v>
      </c>
      <c r="M177" s="85">
        <v>1</v>
      </c>
      <c r="N177" s="85" t="s">
        <v>509</v>
      </c>
      <c r="O177" s="85">
        <v>1</v>
      </c>
      <c r="P177" s="85">
        <v>55</v>
      </c>
      <c r="Q177" s="85"/>
      <c r="R177" s="207"/>
      <c r="S177" s="207"/>
      <c r="V177" s="99"/>
      <c r="W177" s="99"/>
    </row>
    <row r="178" spans="1:23" s="8" customFormat="1" outlineLevel="1">
      <c r="A178" s="85"/>
      <c r="B178" s="85"/>
      <c r="C178" s="85" t="s">
        <v>147</v>
      </c>
      <c r="D178" s="85" t="s">
        <v>144</v>
      </c>
      <c r="E178" s="85"/>
      <c r="F178" s="85"/>
      <c r="G178" s="85"/>
      <c r="H178" s="85"/>
      <c r="I178" s="85"/>
      <c r="J178" s="85"/>
      <c r="K178" s="85" t="s">
        <v>66</v>
      </c>
      <c r="L178" s="85" t="s">
        <v>71</v>
      </c>
      <c r="M178" s="85">
        <v>2</v>
      </c>
      <c r="N178" s="85"/>
      <c r="O178" s="85"/>
      <c r="P178" s="85"/>
      <c r="Q178" s="85"/>
      <c r="R178" s="207"/>
      <c r="S178" s="207"/>
      <c r="V178" s="99"/>
      <c r="W178" s="99"/>
    </row>
    <row r="179" spans="1:23" s="8" customFormat="1" outlineLevel="1">
      <c r="A179" s="85"/>
      <c r="B179" s="85"/>
      <c r="C179" s="85"/>
      <c r="D179" s="85"/>
      <c r="E179" s="85"/>
      <c r="F179" s="85"/>
      <c r="G179" s="85"/>
      <c r="H179" s="85">
        <v>1</v>
      </c>
      <c r="I179" s="85">
        <v>166</v>
      </c>
      <c r="J179" s="85" t="s">
        <v>144</v>
      </c>
      <c r="K179" s="85" t="s">
        <v>66</v>
      </c>
      <c r="L179" s="85" t="s">
        <v>65</v>
      </c>
      <c r="M179" s="85">
        <v>1</v>
      </c>
      <c r="N179" s="85" t="s">
        <v>509</v>
      </c>
      <c r="O179" s="85">
        <v>1</v>
      </c>
      <c r="P179" s="85">
        <v>55</v>
      </c>
      <c r="Q179" s="85"/>
      <c r="R179" s="207"/>
      <c r="S179" s="207"/>
      <c r="V179" s="99"/>
      <c r="W179" s="99"/>
    </row>
    <row r="180" spans="1:23" s="8" customFormat="1" outlineLevel="1">
      <c r="A180" s="85"/>
      <c r="B180" s="85"/>
      <c r="C180" s="85"/>
      <c r="D180" s="85"/>
      <c r="E180" s="85"/>
      <c r="F180" s="85"/>
      <c r="G180" s="85"/>
      <c r="H180" s="85">
        <v>2</v>
      </c>
      <c r="I180" s="85">
        <v>166</v>
      </c>
      <c r="J180" s="85" t="s">
        <v>144</v>
      </c>
      <c r="K180" s="85" t="s">
        <v>66</v>
      </c>
      <c r="L180" s="85" t="s">
        <v>71</v>
      </c>
      <c r="M180" s="85">
        <v>1</v>
      </c>
      <c r="N180" s="85" t="s">
        <v>509</v>
      </c>
      <c r="O180" s="85">
        <v>1</v>
      </c>
      <c r="P180" s="85">
        <v>55</v>
      </c>
      <c r="Q180" s="85"/>
      <c r="R180" s="207"/>
      <c r="S180" s="207"/>
      <c r="V180" s="99"/>
      <c r="W180" s="99"/>
    </row>
    <row r="181" spans="1:23" s="8" customFormat="1">
      <c r="A181" s="85"/>
      <c r="B181" s="85"/>
      <c r="C181" s="85" t="s">
        <v>143</v>
      </c>
      <c r="D181" s="85" t="s">
        <v>474</v>
      </c>
      <c r="E181" s="85"/>
      <c r="F181" s="85"/>
      <c r="G181" s="85"/>
      <c r="H181" s="85"/>
      <c r="I181" s="85"/>
      <c r="J181" s="85"/>
      <c r="K181" s="85" t="s">
        <v>17</v>
      </c>
      <c r="L181" s="85" t="s">
        <v>71</v>
      </c>
      <c r="M181" s="85" t="s">
        <v>525</v>
      </c>
      <c r="N181" s="85"/>
      <c r="O181" s="85"/>
      <c r="P181" s="85"/>
      <c r="Q181" s="85"/>
      <c r="R181" s="207" t="s">
        <v>1048</v>
      </c>
      <c r="S181" s="207"/>
      <c r="U181" s="207" t="s">
        <v>2397</v>
      </c>
      <c r="V181" s="203"/>
      <c r="W181" s="203"/>
    </row>
    <row r="182" spans="1:23" s="8" customFormat="1" outlineLevel="1">
      <c r="A182" s="85"/>
      <c r="B182" s="85"/>
      <c r="C182" s="85"/>
      <c r="D182" s="85"/>
      <c r="E182" s="85"/>
      <c r="F182" s="85"/>
      <c r="G182" s="85"/>
      <c r="H182" s="85">
        <v>1</v>
      </c>
      <c r="I182" s="85">
        <v>19</v>
      </c>
      <c r="J182" s="85" t="s">
        <v>141</v>
      </c>
      <c r="K182" s="85" t="s">
        <v>17</v>
      </c>
      <c r="L182" s="85" t="s">
        <v>71</v>
      </c>
      <c r="M182" s="85">
        <v>1</v>
      </c>
      <c r="N182" s="85" t="s">
        <v>509</v>
      </c>
      <c r="O182" s="85">
        <v>2</v>
      </c>
      <c r="P182" s="85">
        <v>30</v>
      </c>
      <c r="Q182" s="85"/>
      <c r="R182" s="207"/>
      <c r="S182" s="207"/>
      <c r="V182" s="99"/>
      <c r="W182" s="99"/>
    </row>
    <row r="183" spans="1:23" s="8" customFormat="1" outlineLevel="1">
      <c r="A183" s="85"/>
      <c r="B183" s="85"/>
      <c r="C183" s="85"/>
      <c r="D183" s="85"/>
      <c r="E183" s="85"/>
      <c r="F183" s="85"/>
      <c r="G183" s="85"/>
      <c r="H183" s="85">
        <v>2</v>
      </c>
      <c r="I183" s="85">
        <v>156</v>
      </c>
      <c r="J183" s="85" t="s">
        <v>139</v>
      </c>
      <c r="K183" s="85" t="s">
        <v>17</v>
      </c>
      <c r="L183" s="85" t="s">
        <v>71</v>
      </c>
      <c r="M183" s="85">
        <v>1</v>
      </c>
      <c r="N183" s="85" t="s">
        <v>514</v>
      </c>
      <c r="O183" s="85">
        <v>2</v>
      </c>
      <c r="P183" s="85">
        <v>2</v>
      </c>
      <c r="Q183" s="85" t="s">
        <v>624</v>
      </c>
      <c r="R183" s="207"/>
      <c r="S183" s="207"/>
      <c r="V183" s="99"/>
      <c r="W183" s="99"/>
    </row>
    <row r="184" spans="1:23" s="8" customFormat="1" outlineLevel="1">
      <c r="A184" s="85"/>
      <c r="B184" s="85"/>
      <c r="C184" s="85"/>
      <c r="D184" s="85"/>
      <c r="E184" s="85"/>
      <c r="F184" s="85"/>
      <c r="G184" s="85"/>
      <c r="H184" s="85">
        <v>3</v>
      </c>
      <c r="I184" s="85">
        <v>116</v>
      </c>
      <c r="J184" s="85" t="s">
        <v>137</v>
      </c>
      <c r="K184" s="85" t="s">
        <v>17</v>
      </c>
      <c r="L184" s="85" t="s">
        <v>71</v>
      </c>
      <c r="M184" s="85">
        <v>1</v>
      </c>
      <c r="N184" s="85" t="s">
        <v>514</v>
      </c>
      <c r="O184" s="85">
        <v>3</v>
      </c>
      <c r="P184" s="85">
        <v>15</v>
      </c>
      <c r="Q184" s="85"/>
      <c r="R184" s="207"/>
      <c r="S184" s="207"/>
      <c r="V184" s="99"/>
      <c r="W184" s="99"/>
    </row>
    <row r="185" spans="1:23" s="8" customFormat="1" outlineLevel="1">
      <c r="A185" s="85"/>
      <c r="B185" s="85"/>
      <c r="C185" s="85"/>
      <c r="D185" s="85"/>
      <c r="E185" s="85"/>
      <c r="F185" s="85"/>
      <c r="G185" s="85"/>
      <c r="H185" s="85">
        <v>4</v>
      </c>
      <c r="I185" s="85">
        <v>26</v>
      </c>
      <c r="J185" s="85" t="s">
        <v>135</v>
      </c>
      <c r="K185" s="85" t="s">
        <v>17</v>
      </c>
      <c r="L185" s="85" t="s">
        <v>71</v>
      </c>
      <c r="M185" s="85">
        <v>1</v>
      </c>
      <c r="N185" s="85" t="s">
        <v>514</v>
      </c>
      <c r="O185" s="85">
        <v>2</v>
      </c>
      <c r="P185" s="85">
        <v>3</v>
      </c>
      <c r="Q185" s="85" t="s">
        <v>624</v>
      </c>
      <c r="R185" s="207"/>
      <c r="S185" s="207"/>
      <c r="V185" s="99"/>
      <c r="W185" s="99"/>
    </row>
    <row r="186" spans="1:23" s="8" customFormat="1" outlineLevel="1">
      <c r="A186" s="85"/>
      <c r="B186" s="85"/>
      <c r="C186" s="85"/>
      <c r="D186" s="85"/>
      <c r="E186" s="85"/>
      <c r="F186" s="85"/>
      <c r="G186" s="85"/>
      <c r="H186" s="85">
        <v>5</v>
      </c>
      <c r="I186" s="85">
        <v>309</v>
      </c>
      <c r="J186" s="85" t="s">
        <v>133</v>
      </c>
      <c r="K186" s="85" t="s">
        <v>78</v>
      </c>
      <c r="L186" s="85" t="s">
        <v>71</v>
      </c>
      <c r="M186" s="85">
        <v>1</v>
      </c>
      <c r="N186" s="85" t="s">
        <v>514</v>
      </c>
      <c r="O186" s="85">
        <v>1</v>
      </c>
      <c r="P186" s="85">
        <v>2</v>
      </c>
      <c r="Q186" s="85" t="s">
        <v>690</v>
      </c>
      <c r="R186" s="207"/>
      <c r="S186" s="207"/>
      <c r="V186" s="99"/>
      <c r="W186" s="99"/>
    </row>
    <row r="187" spans="1:23" s="8" customFormat="1" outlineLevel="1">
      <c r="A187" s="85"/>
      <c r="B187" s="85"/>
      <c r="C187" s="85"/>
      <c r="D187" s="85"/>
      <c r="E187" s="85"/>
      <c r="F187" s="85"/>
      <c r="G187" s="85"/>
      <c r="H187" s="85">
        <v>6</v>
      </c>
      <c r="I187" s="85">
        <v>310</v>
      </c>
      <c r="J187" s="85" t="s">
        <v>131</v>
      </c>
      <c r="K187" s="85" t="s">
        <v>17</v>
      </c>
      <c r="L187" s="85" t="s">
        <v>71</v>
      </c>
      <c r="M187" s="85">
        <v>1</v>
      </c>
      <c r="N187" s="85" t="s">
        <v>509</v>
      </c>
      <c r="O187" s="85">
        <v>1</v>
      </c>
      <c r="P187" s="85">
        <v>30</v>
      </c>
      <c r="Q187" s="85"/>
      <c r="R187" s="207"/>
      <c r="S187" s="207"/>
      <c r="V187" s="99"/>
      <c r="W187" s="99"/>
    </row>
    <row r="188" spans="1:23" s="8" customFormat="1" ht="35" outlineLevel="1">
      <c r="A188" s="84"/>
      <c r="B188" s="84"/>
      <c r="C188" s="85" t="s">
        <v>130</v>
      </c>
      <c r="D188" s="85" t="s">
        <v>126</v>
      </c>
      <c r="E188" s="85"/>
      <c r="F188" s="85"/>
      <c r="G188" s="85"/>
      <c r="H188" s="85"/>
      <c r="I188" s="85"/>
      <c r="J188" s="85"/>
      <c r="K188" s="85" t="s">
        <v>17</v>
      </c>
      <c r="L188" s="78" t="s">
        <v>71</v>
      </c>
      <c r="M188" s="85">
        <v>1</v>
      </c>
      <c r="N188" s="85"/>
      <c r="O188" s="85"/>
      <c r="P188" s="85"/>
      <c r="Q188" s="85"/>
      <c r="R188" s="380" t="s">
        <v>2835</v>
      </c>
      <c r="S188" s="380" t="s">
        <v>2836</v>
      </c>
      <c r="T188" s="384" t="s">
        <v>2896</v>
      </c>
      <c r="U188" s="99"/>
      <c r="V188" s="383" t="s">
        <v>2842</v>
      </c>
      <c r="W188" s="99"/>
    </row>
    <row r="189" spans="1:23" s="8" customFormat="1">
      <c r="A189" s="85" t="s">
        <v>158</v>
      </c>
      <c r="B189" s="85" t="s">
        <v>120</v>
      </c>
      <c r="C189" s="85"/>
      <c r="D189" s="85"/>
      <c r="E189" s="85"/>
      <c r="F189" s="85"/>
      <c r="G189" s="85"/>
      <c r="H189" s="85"/>
      <c r="I189" s="85"/>
      <c r="J189" s="85"/>
      <c r="K189" s="85"/>
      <c r="L189" s="85"/>
      <c r="M189" s="85">
        <v>200</v>
      </c>
      <c r="N189" s="85"/>
      <c r="O189" s="85"/>
      <c r="P189" s="85"/>
      <c r="Q189" s="85"/>
      <c r="R189" s="207" t="s">
        <v>1377</v>
      </c>
      <c r="S189" s="207" t="s">
        <v>1432</v>
      </c>
      <c r="T189" s="207" t="s">
        <v>17</v>
      </c>
      <c r="V189" s="99"/>
      <c r="W189" s="99"/>
    </row>
    <row r="190" spans="1:23" s="8" customFormat="1" hidden="1">
      <c r="A190" s="85"/>
      <c r="B190" s="85"/>
      <c r="C190" s="85" t="s">
        <v>158</v>
      </c>
      <c r="D190" s="85" t="s">
        <v>120</v>
      </c>
      <c r="E190" s="85"/>
      <c r="F190" s="85"/>
      <c r="G190" s="85"/>
      <c r="H190" s="85"/>
      <c r="I190" s="85"/>
      <c r="J190" s="85"/>
      <c r="K190" s="85" t="s">
        <v>66</v>
      </c>
      <c r="L190" s="85" t="s">
        <v>71</v>
      </c>
      <c r="M190" s="85">
        <v>1</v>
      </c>
      <c r="N190" s="85"/>
      <c r="O190" s="85"/>
      <c r="P190" s="85"/>
      <c r="Q190" s="85"/>
      <c r="R190" s="207"/>
      <c r="S190" s="207"/>
      <c r="V190" s="99"/>
      <c r="W190" s="99"/>
    </row>
    <row r="191" spans="1:23" s="8" customFormat="1" hidden="1" outlineLevel="1">
      <c r="A191" s="85"/>
      <c r="B191" s="85"/>
      <c r="C191" s="85"/>
      <c r="D191" s="85"/>
      <c r="E191" s="85"/>
      <c r="F191" s="85"/>
      <c r="G191" s="85"/>
      <c r="H191" s="85">
        <v>1</v>
      </c>
      <c r="I191" s="85">
        <v>98</v>
      </c>
      <c r="J191" s="85" t="s">
        <v>156</v>
      </c>
      <c r="K191" s="85" t="s">
        <v>66</v>
      </c>
      <c r="L191" s="85" t="s">
        <v>65</v>
      </c>
      <c r="M191" s="85">
        <v>1</v>
      </c>
      <c r="N191" s="85" t="s">
        <v>514</v>
      </c>
      <c r="O191" s="85">
        <v>2</v>
      </c>
      <c r="P191" s="85">
        <v>3</v>
      </c>
      <c r="Q191" s="85" t="s">
        <v>624</v>
      </c>
      <c r="R191" s="207"/>
      <c r="S191" s="207"/>
      <c r="V191" s="99"/>
      <c r="W191" s="99"/>
    </row>
    <row r="192" spans="1:23" s="8" customFormat="1" hidden="1" outlineLevel="1">
      <c r="A192" s="85"/>
      <c r="B192" s="85"/>
      <c r="C192" s="85"/>
      <c r="D192" s="85"/>
      <c r="E192" s="85"/>
      <c r="F192" s="85"/>
      <c r="G192" s="85"/>
      <c r="H192" s="85">
        <v>2</v>
      </c>
      <c r="I192" s="85">
        <v>93</v>
      </c>
      <c r="J192" s="85" t="s">
        <v>120</v>
      </c>
      <c r="K192" s="85" t="s">
        <v>66</v>
      </c>
      <c r="L192" s="85" t="s">
        <v>71</v>
      </c>
      <c r="M192" s="85">
        <v>1</v>
      </c>
      <c r="N192" s="85" t="s">
        <v>509</v>
      </c>
      <c r="O192" s="85">
        <v>1</v>
      </c>
      <c r="P192" s="85">
        <v>60</v>
      </c>
      <c r="Q192" s="85"/>
      <c r="R192" s="207"/>
      <c r="S192" s="207"/>
      <c r="V192" s="99"/>
      <c r="W192" s="99"/>
    </row>
    <row r="193" spans="1:23" s="8" customFormat="1" hidden="1" outlineLevel="1">
      <c r="A193" s="85"/>
      <c r="B193" s="85"/>
      <c r="C193" s="85"/>
      <c r="D193" s="85"/>
      <c r="E193" s="85"/>
      <c r="F193" s="85"/>
      <c r="G193" s="85"/>
      <c r="H193" s="85">
        <v>3</v>
      </c>
      <c r="I193" s="85">
        <v>66</v>
      </c>
      <c r="J193" s="85" t="s">
        <v>153</v>
      </c>
      <c r="K193" s="85" t="s">
        <v>66</v>
      </c>
      <c r="L193" s="85" t="s">
        <v>71</v>
      </c>
      <c r="M193" s="85">
        <v>1</v>
      </c>
      <c r="N193" s="85" t="s">
        <v>514</v>
      </c>
      <c r="O193" s="85">
        <v>1</v>
      </c>
      <c r="P193" s="85">
        <v>2</v>
      </c>
      <c r="Q193" s="85" t="s">
        <v>624</v>
      </c>
      <c r="R193" s="207"/>
      <c r="S193" s="207"/>
      <c r="V193" s="99"/>
      <c r="W193" s="99"/>
    </row>
    <row r="194" spans="1:23" s="8" customFormat="1" hidden="1" outlineLevel="1">
      <c r="A194" s="85"/>
      <c r="B194" s="85"/>
      <c r="C194" s="85"/>
      <c r="D194" s="85"/>
      <c r="E194" s="85"/>
      <c r="F194" s="85"/>
      <c r="G194" s="85"/>
      <c r="H194" s="85">
        <v>4</v>
      </c>
      <c r="I194" s="85">
        <v>67</v>
      </c>
      <c r="J194" s="85" t="s">
        <v>151</v>
      </c>
      <c r="K194" s="85" t="s">
        <v>66</v>
      </c>
      <c r="L194" s="85" t="s">
        <v>71</v>
      </c>
      <c r="M194" s="85">
        <v>1</v>
      </c>
      <c r="N194" s="85" t="s">
        <v>509</v>
      </c>
      <c r="O194" s="85">
        <v>2</v>
      </c>
      <c r="P194" s="85">
        <v>80</v>
      </c>
      <c r="Q194" s="85"/>
      <c r="R194" s="207"/>
      <c r="S194" s="207"/>
      <c r="V194" s="99"/>
      <c r="W194" s="99"/>
    </row>
    <row r="195" spans="1:23" s="8" customFormat="1" hidden="1" collapsed="1">
      <c r="A195" s="85"/>
      <c r="B195" s="85"/>
      <c r="C195" s="85" t="s">
        <v>150</v>
      </c>
      <c r="D195" s="85" t="s">
        <v>473</v>
      </c>
      <c r="E195" s="85"/>
      <c r="F195" s="85"/>
      <c r="G195" s="85"/>
      <c r="H195" s="85"/>
      <c r="I195" s="85"/>
      <c r="J195" s="85"/>
      <c r="K195" s="85" t="s">
        <v>66</v>
      </c>
      <c r="L195" s="85" t="s">
        <v>71</v>
      </c>
      <c r="M195" s="85">
        <v>2</v>
      </c>
      <c r="N195" s="85"/>
      <c r="O195" s="85"/>
      <c r="P195" s="85"/>
      <c r="Q195" s="85"/>
      <c r="R195" s="207"/>
      <c r="S195" s="207"/>
      <c r="V195" s="99"/>
      <c r="W195" s="99"/>
    </row>
    <row r="196" spans="1:23" s="8" customFormat="1" hidden="1">
      <c r="A196" s="85"/>
      <c r="B196" s="85"/>
      <c r="C196" s="85"/>
      <c r="D196" s="85"/>
      <c r="E196" s="85"/>
      <c r="F196" s="85"/>
      <c r="G196" s="85"/>
      <c r="H196" s="85">
        <v>1</v>
      </c>
      <c r="I196" s="85">
        <v>93</v>
      </c>
      <c r="J196" s="85" t="s">
        <v>120</v>
      </c>
      <c r="K196" s="85" t="s">
        <v>66</v>
      </c>
      <c r="L196" s="85" t="s">
        <v>65</v>
      </c>
      <c r="M196" s="85">
        <v>1</v>
      </c>
      <c r="N196" s="85" t="s">
        <v>509</v>
      </c>
      <c r="O196" s="85">
        <v>1</v>
      </c>
      <c r="P196" s="85">
        <v>60</v>
      </c>
      <c r="Q196" s="85"/>
      <c r="R196" s="207"/>
      <c r="S196" s="207"/>
      <c r="V196" s="99"/>
      <c r="W196" s="99"/>
    </row>
    <row r="197" spans="1:23" s="8" customFormat="1" hidden="1">
      <c r="A197" s="85"/>
      <c r="B197" s="85"/>
      <c r="C197" s="85"/>
      <c r="D197" s="85"/>
      <c r="E197" s="85"/>
      <c r="F197" s="85"/>
      <c r="G197" s="85"/>
      <c r="H197" s="85">
        <v>2</v>
      </c>
      <c r="I197" s="85">
        <v>93</v>
      </c>
      <c r="J197" s="85" t="s">
        <v>120</v>
      </c>
      <c r="K197" s="85" t="s">
        <v>66</v>
      </c>
      <c r="L197" s="85" t="s">
        <v>71</v>
      </c>
      <c r="M197" s="85">
        <v>1</v>
      </c>
      <c r="N197" s="85" t="s">
        <v>509</v>
      </c>
      <c r="O197" s="85">
        <v>1</v>
      </c>
      <c r="P197" s="85">
        <v>60</v>
      </c>
      <c r="Q197" s="85"/>
      <c r="R197" s="207"/>
      <c r="S197" s="207"/>
      <c r="V197" s="99"/>
      <c r="W197" s="99"/>
    </row>
    <row r="198" spans="1:23" s="8" customFormat="1" hidden="1">
      <c r="A198" s="85"/>
      <c r="B198" s="85"/>
      <c r="C198" s="85" t="s">
        <v>150</v>
      </c>
      <c r="D198" s="85" t="s">
        <v>473</v>
      </c>
      <c r="E198" s="85"/>
      <c r="F198" s="85"/>
      <c r="G198" s="85"/>
      <c r="H198" s="85"/>
      <c r="I198" s="85"/>
      <c r="J198" s="85"/>
      <c r="K198" s="85" t="s">
        <v>66</v>
      </c>
      <c r="L198" s="85" t="s">
        <v>71</v>
      </c>
      <c r="M198" s="85">
        <v>2</v>
      </c>
      <c r="N198" s="85"/>
      <c r="O198" s="85"/>
      <c r="P198" s="85"/>
      <c r="Q198" s="85"/>
      <c r="R198" s="207"/>
      <c r="S198" s="207"/>
      <c r="V198" s="99"/>
      <c r="W198" s="99"/>
    </row>
    <row r="199" spans="1:23" s="8" customFormat="1" hidden="1">
      <c r="A199" s="85"/>
      <c r="B199" s="85"/>
      <c r="C199" s="85"/>
      <c r="D199" s="85"/>
      <c r="E199" s="85"/>
      <c r="F199" s="85"/>
      <c r="G199" s="85"/>
      <c r="H199" s="85">
        <v>1</v>
      </c>
      <c r="I199" s="85">
        <v>93</v>
      </c>
      <c r="J199" s="85" t="s">
        <v>120</v>
      </c>
      <c r="K199" s="85" t="s">
        <v>66</v>
      </c>
      <c r="L199" s="85" t="s">
        <v>65</v>
      </c>
      <c r="M199" s="85">
        <v>1</v>
      </c>
      <c r="N199" s="85" t="s">
        <v>509</v>
      </c>
      <c r="O199" s="85">
        <v>1</v>
      </c>
      <c r="P199" s="85">
        <v>60</v>
      </c>
      <c r="Q199" s="85"/>
      <c r="R199" s="207"/>
      <c r="S199" s="207"/>
      <c r="V199" s="99"/>
      <c r="W199" s="99"/>
    </row>
    <row r="200" spans="1:23" s="8" customFormat="1" hidden="1">
      <c r="A200" s="85"/>
      <c r="B200" s="85"/>
      <c r="C200" s="85"/>
      <c r="D200" s="85"/>
      <c r="E200" s="85"/>
      <c r="F200" s="85"/>
      <c r="G200" s="85"/>
      <c r="H200" s="85">
        <v>2</v>
      </c>
      <c r="I200" s="85">
        <v>93</v>
      </c>
      <c r="J200" s="85" t="s">
        <v>120</v>
      </c>
      <c r="K200" s="85" t="s">
        <v>66</v>
      </c>
      <c r="L200" s="85" t="s">
        <v>71</v>
      </c>
      <c r="M200" s="85">
        <v>1</v>
      </c>
      <c r="N200" s="85" t="s">
        <v>509</v>
      </c>
      <c r="O200" s="85">
        <v>1</v>
      </c>
      <c r="P200" s="85">
        <v>60</v>
      </c>
      <c r="Q200" s="85"/>
      <c r="R200" s="207"/>
      <c r="S200" s="207"/>
      <c r="V200" s="99"/>
      <c r="W200" s="99"/>
    </row>
    <row r="201" spans="1:23" s="8" customFormat="1">
      <c r="A201" s="85"/>
      <c r="B201" s="85"/>
      <c r="C201" s="85" t="s">
        <v>158</v>
      </c>
      <c r="D201" s="85" t="s">
        <v>120</v>
      </c>
      <c r="E201" s="85"/>
      <c r="F201" s="85"/>
      <c r="G201" s="85"/>
      <c r="H201" s="85"/>
      <c r="I201" s="85"/>
      <c r="J201" s="85"/>
      <c r="K201" s="85" t="s">
        <v>66</v>
      </c>
      <c r="L201" s="85" t="s">
        <v>71</v>
      </c>
      <c r="M201" s="85">
        <v>1</v>
      </c>
      <c r="N201" s="85"/>
      <c r="O201" s="85"/>
      <c r="P201" s="85"/>
      <c r="Q201" s="85"/>
      <c r="R201" s="207" t="s">
        <v>2759</v>
      </c>
      <c r="S201" s="207"/>
      <c r="V201" s="99"/>
      <c r="W201" s="99"/>
    </row>
    <row r="202" spans="1:23" s="8" customFormat="1">
      <c r="A202" s="85"/>
      <c r="B202" s="85"/>
      <c r="C202" s="85" t="s">
        <v>150</v>
      </c>
      <c r="D202" s="85" t="s">
        <v>473</v>
      </c>
      <c r="E202" s="85"/>
      <c r="F202" s="85"/>
      <c r="G202" s="85"/>
      <c r="H202" s="85"/>
      <c r="I202" s="85"/>
      <c r="J202" s="85"/>
      <c r="K202" s="85" t="s">
        <v>17</v>
      </c>
      <c r="L202" s="85" t="s">
        <v>71</v>
      </c>
      <c r="M202" s="85">
        <v>2</v>
      </c>
      <c r="N202" s="85"/>
      <c r="O202" s="85"/>
      <c r="P202" s="85"/>
      <c r="Q202" s="85"/>
      <c r="R202" s="325"/>
      <c r="S202" s="207"/>
      <c r="V202" s="99"/>
      <c r="W202" s="99"/>
    </row>
    <row r="203" spans="1:23" s="8" customFormat="1">
      <c r="A203" s="85"/>
      <c r="B203" s="85"/>
      <c r="C203" s="85" t="s">
        <v>147</v>
      </c>
      <c r="D203" s="85" t="s">
        <v>144</v>
      </c>
      <c r="E203" s="85"/>
      <c r="F203" s="85"/>
      <c r="G203" s="85"/>
      <c r="H203" s="85"/>
      <c r="I203" s="85"/>
      <c r="J203" s="85"/>
      <c r="K203" s="85" t="s">
        <v>17</v>
      </c>
      <c r="L203" s="85" t="s">
        <v>71</v>
      </c>
      <c r="M203" s="85">
        <v>2</v>
      </c>
      <c r="N203" s="85"/>
      <c r="O203" s="85"/>
      <c r="P203" s="85"/>
      <c r="Q203" s="85"/>
      <c r="R203" s="207" t="s">
        <v>1047</v>
      </c>
      <c r="S203" s="207"/>
      <c r="V203" s="99"/>
      <c r="W203" s="99"/>
    </row>
    <row r="204" spans="1:23" s="8" customFormat="1" hidden="1" outlineLevel="1">
      <c r="A204" s="85"/>
      <c r="B204" s="85"/>
      <c r="C204" s="85"/>
      <c r="D204" s="85"/>
      <c r="E204" s="85"/>
      <c r="F204" s="85"/>
      <c r="G204" s="85"/>
      <c r="H204" s="85">
        <v>1</v>
      </c>
      <c r="I204" s="85">
        <v>166</v>
      </c>
      <c r="J204" s="85" t="s">
        <v>144</v>
      </c>
      <c r="K204" s="85" t="s">
        <v>66</v>
      </c>
      <c r="L204" s="85" t="s">
        <v>65</v>
      </c>
      <c r="M204" s="85">
        <v>1</v>
      </c>
      <c r="N204" s="85" t="s">
        <v>509</v>
      </c>
      <c r="O204" s="85">
        <v>1</v>
      </c>
      <c r="P204" s="85">
        <v>55</v>
      </c>
      <c r="Q204" s="85"/>
      <c r="R204" s="207"/>
      <c r="S204" s="207"/>
      <c r="V204" s="99"/>
      <c r="W204" s="99"/>
    </row>
    <row r="205" spans="1:23" s="8" customFormat="1" hidden="1" outlineLevel="1">
      <c r="A205" s="85"/>
      <c r="B205" s="85"/>
      <c r="C205" s="85"/>
      <c r="D205" s="85"/>
      <c r="E205" s="85"/>
      <c r="F205" s="85"/>
      <c r="G205" s="85"/>
      <c r="H205" s="85">
        <v>2</v>
      </c>
      <c r="I205" s="85">
        <v>166</v>
      </c>
      <c r="J205" s="85" t="s">
        <v>144</v>
      </c>
      <c r="K205" s="85" t="s">
        <v>66</v>
      </c>
      <c r="L205" s="85" t="s">
        <v>71</v>
      </c>
      <c r="M205" s="85">
        <v>1</v>
      </c>
      <c r="N205" s="85" t="s">
        <v>509</v>
      </c>
      <c r="O205" s="85">
        <v>1</v>
      </c>
      <c r="P205" s="85">
        <v>55</v>
      </c>
      <c r="Q205" s="85"/>
      <c r="R205" s="207"/>
      <c r="S205" s="207"/>
      <c r="V205" s="99"/>
      <c r="W205" s="99"/>
    </row>
    <row r="206" spans="1:23" s="8" customFormat="1" hidden="1" collapsed="1">
      <c r="A206" s="85"/>
      <c r="B206" s="85"/>
      <c r="C206" s="85" t="s">
        <v>147</v>
      </c>
      <c r="D206" s="85" t="s">
        <v>144</v>
      </c>
      <c r="E206" s="85"/>
      <c r="F206" s="85"/>
      <c r="G206" s="85"/>
      <c r="H206" s="85"/>
      <c r="I206" s="85"/>
      <c r="J206" s="85"/>
      <c r="K206" s="85" t="s">
        <v>66</v>
      </c>
      <c r="L206" s="85" t="s">
        <v>71</v>
      </c>
      <c r="M206" s="85">
        <v>2</v>
      </c>
      <c r="N206" s="85"/>
      <c r="O206" s="85"/>
      <c r="P206" s="85"/>
      <c r="Q206" s="85"/>
      <c r="R206" s="207"/>
      <c r="S206" s="207"/>
      <c r="V206" s="99"/>
      <c r="W206" s="99"/>
    </row>
    <row r="207" spans="1:23" s="8" customFormat="1" hidden="1" outlineLevel="1">
      <c r="A207" s="85"/>
      <c r="B207" s="85"/>
      <c r="C207" s="85"/>
      <c r="D207" s="85"/>
      <c r="E207" s="85"/>
      <c r="F207" s="85"/>
      <c r="G207" s="85"/>
      <c r="H207" s="85">
        <v>1</v>
      </c>
      <c r="I207" s="85">
        <v>166</v>
      </c>
      <c r="J207" s="85" t="s">
        <v>144</v>
      </c>
      <c r="K207" s="85" t="s">
        <v>66</v>
      </c>
      <c r="L207" s="85" t="s">
        <v>65</v>
      </c>
      <c r="M207" s="85">
        <v>1</v>
      </c>
      <c r="N207" s="85" t="s">
        <v>509</v>
      </c>
      <c r="O207" s="85">
        <v>1</v>
      </c>
      <c r="P207" s="85">
        <v>55</v>
      </c>
      <c r="Q207" s="85"/>
      <c r="R207" s="207"/>
      <c r="S207" s="207"/>
      <c r="V207" s="99"/>
      <c r="W207" s="99"/>
    </row>
    <row r="208" spans="1:23" s="8" customFormat="1" hidden="1" outlineLevel="1">
      <c r="A208" s="85"/>
      <c r="B208" s="85"/>
      <c r="C208" s="85"/>
      <c r="D208" s="85"/>
      <c r="E208" s="85"/>
      <c r="F208" s="85"/>
      <c r="G208" s="85"/>
      <c r="H208" s="85">
        <v>2</v>
      </c>
      <c r="I208" s="85">
        <v>166</v>
      </c>
      <c r="J208" s="85" t="s">
        <v>144</v>
      </c>
      <c r="K208" s="85" t="s">
        <v>66</v>
      </c>
      <c r="L208" s="85" t="s">
        <v>71</v>
      </c>
      <c r="M208" s="85">
        <v>1</v>
      </c>
      <c r="N208" s="85" t="s">
        <v>509</v>
      </c>
      <c r="O208" s="85">
        <v>1</v>
      </c>
      <c r="P208" s="85">
        <v>55</v>
      </c>
      <c r="Q208" s="85"/>
      <c r="R208" s="207"/>
      <c r="S208" s="207"/>
      <c r="V208" s="99"/>
      <c r="W208" s="99"/>
    </row>
    <row r="209" spans="1:23" s="8" customFormat="1" collapsed="1">
      <c r="A209" s="85"/>
      <c r="B209" s="85"/>
      <c r="C209" s="85" t="s">
        <v>143</v>
      </c>
      <c r="D209" s="85" t="s">
        <v>474</v>
      </c>
      <c r="E209" s="85"/>
      <c r="F209" s="85"/>
      <c r="G209" s="85"/>
      <c r="H209" s="85"/>
      <c r="I209" s="85"/>
      <c r="J209" s="85"/>
      <c r="K209" s="85" t="s">
        <v>17</v>
      </c>
      <c r="L209" s="85" t="s">
        <v>71</v>
      </c>
      <c r="M209" s="85" t="s">
        <v>525</v>
      </c>
      <c r="N209" s="85"/>
      <c r="O209" s="85"/>
      <c r="P209" s="85"/>
      <c r="Q209" s="85"/>
      <c r="R209" s="207" t="s">
        <v>1048</v>
      </c>
      <c r="S209" s="207"/>
      <c r="V209" s="99"/>
      <c r="W209" s="99"/>
    </row>
    <row r="210" spans="1:23" s="8" customFormat="1" outlineLevel="1">
      <c r="A210" s="85"/>
      <c r="B210" s="85"/>
      <c r="C210" s="85"/>
      <c r="D210" s="85"/>
      <c r="E210" s="85"/>
      <c r="F210" s="85"/>
      <c r="G210" s="85"/>
      <c r="H210" s="85">
        <v>1</v>
      </c>
      <c r="I210" s="85">
        <v>19</v>
      </c>
      <c r="J210" s="85" t="s">
        <v>141</v>
      </c>
      <c r="K210" s="85" t="s">
        <v>17</v>
      </c>
      <c r="L210" s="85" t="s">
        <v>71</v>
      </c>
      <c r="M210" s="85">
        <v>1</v>
      </c>
      <c r="N210" s="85" t="s">
        <v>509</v>
      </c>
      <c r="O210" s="85">
        <v>2</v>
      </c>
      <c r="P210" s="85">
        <v>30</v>
      </c>
      <c r="Q210" s="85"/>
      <c r="R210" s="207"/>
      <c r="S210" s="207"/>
      <c r="V210" s="99"/>
      <c r="W210" s="99"/>
    </row>
    <row r="211" spans="1:23" s="8" customFormat="1" outlineLevel="1">
      <c r="A211" s="85"/>
      <c r="B211" s="85"/>
      <c r="C211" s="85"/>
      <c r="D211" s="85"/>
      <c r="E211" s="85"/>
      <c r="F211" s="85"/>
      <c r="G211" s="85"/>
      <c r="H211" s="85">
        <v>2</v>
      </c>
      <c r="I211" s="85">
        <v>156</v>
      </c>
      <c r="J211" s="85" t="s">
        <v>139</v>
      </c>
      <c r="K211" s="85" t="s">
        <v>17</v>
      </c>
      <c r="L211" s="85" t="s">
        <v>71</v>
      </c>
      <c r="M211" s="85">
        <v>1</v>
      </c>
      <c r="N211" s="85" t="s">
        <v>514</v>
      </c>
      <c r="O211" s="85">
        <v>2</v>
      </c>
      <c r="P211" s="85">
        <v>2</v>
      </c>
      <c r="Q211" s="85" t="s">
        <v>624</v>
      </c>
      <c r="R211" s="207"/>
      <c r="S211" s="207"/>
      <c r="V211" s="99"/>
      <c r="W211" s="99"/>
    </row>
    <row r="212" spans="1:23" s="8" customFormat="1" outlineLevel="1">
      <c r="A212" s="85"/>
      <c r="B212" s="85"/>
      <c r="C212" s="85"/>
      <c r="D212" s="85"/>
      <c r="E212" s="85"/>
      <c r="F212" s="85"/>
      <c r="G212" s="85"/>
      <c r="H212" s="85">
        <v>3</v>
      </c>
      <c r="I212" s="85">
        <v>116</v>
      </c>
      <c r="J212" s="85" t="s">
        <v>137</v>
      </c>
      <c r="K212" s="85" t="s">
        <v>17</v>
      </c>
      <c r="L212" s="85" t="s">
        <v>71</v>
      </c>
      <c r="M212" s="85">
        <v>1</v>
      </c>
      <c r="N212" s="85" t="s">
        <v>514</v>
      </c>
      <c r="O212" s="85">
        <v>3</v>
      </c>
      <c r="P212" s="85">
        <v>15</v>
      </c>
      <c r="Q212" s="85"/>
      <c r="R212" s="207"/>
      <c r="S212" s="207"/>
      <c r="V212" s="99"/>
      <c r="W212" s="99"/>
    </row>
    <row r="213" spans="1:23" s="8" customFormat="1" outlineLevel="1">
      <c r="A213" s="85"/>
      <c r="B213" s="85"/>
      <c r="C213" s="85"/>
      <c r="D213" s="85"/>
      <c r="E213" s="85"/>
      <c r="F213" s="85"/>
      <c r="G213" s="85"/>
      <c r="H213" s="85">
        <v>4</v>
      </c>
      <c r="I213" s="85">
        <v>26</v>
      </c>
      <c r="J213" s="85" t="s">
        <v>135</v>
      </c>
      <c r="K213" s="85" t="s">
        <v>17</v>
      </c>
      <c r="L213" s="85" t="s">
        <v>71</v>
      </c>
      <c r="M213" s="85">
        <v>1</v>
      </c>
      <c r="N213" s="85" t="s">
        <v>514</v>
      </c>
      <c r="O213" s="85">
        <v>2</v>
      </c>
      <c r="P213" s="85">
        <v>3</v>
      </c>
      <c r="Q213" s="85" t="s">
        <v>624</v>
      </c>
      <c r="R213" s="207"/>
      <c r="S213" s="207"/>
      <c r="V213" s="99"/>
      <c r="W213" s="99"/>
    </row>
    <row r="214" spans="1:23" s="8" customFormat="1" outlineLevel="1">
      <c r="A214" s="85"/>
      <c r="B214" s="85"/>
      <c r="C214" s="85"/>
      <c r="D214" s="85"/>
      <c r="E214" s="85"/>
      <c r="F214" s="85"/>
      <c r="G214" s="85"/>
      <c r="H214" s="85">
        <v>5</v>
      </c>
      <c r="I214" s="85">
        <v>309</v>
      </c>
      <c r="J214" s="85" t="s">
        <v>133</v>
      </c>
      <c r="K214" s="85" t="s">
        <v>78</v>
      </c>
      <c r="L214" s="85" t="s">
        <v>71</v>
      </c>
      <c r="M214" s="85">
        <v>1</v>
      </c>
      <c r="N214" s="85" t="s">
        <v>514</v>
      </c>
      <c r="O214" s="85">
        <v>1</v>
      </c>
      <c r="P214" s="85">
        <v>2</v>
      </c>
      <c r="Q214" s="85" t="s">
        <v>690</v>
      </c>
      <c r="R214" s="207"/>
      <c r="S214" s="207"/>
      <c r="V214" s="99"/>
      <c r="W214" s="99"/>
    </row>
    <row r="215" spans="1:23" s="8" customFormat="1" outlineLevel="1">
      <c r="A215" s="85"/>
      <c r="B215" s="85"/>
      <c r="C215" s="85"/>
      <c r="D215" s="85"/>
      <c r="E215" s="85"/>
      <c r="F215" s="85"/>
      <c r="G215" s="85"/>
      <c r="H215" s="85">
        <v>6</v>
      </c>
      <c r="I215" s="85">
        <v>310</v>
      </c>
      <c r="J215" s="85" t="s">
        <v>131</v>
      </c>
      <c r="K215" s="85" t="s">
        <v>17</v>
      </c>
      <c r="L215" s="85" t="s">
        <v>71</v>
      </c>
      <c r="M215" s="85">
        <v>1</v>
      </c>
      <c r="N215" s="85" t="s">
        <v>509</v>
      </c>
      <c r="O215" s="85">
        <v>1</v>
      </c>
      <c r="P215" s="85">
        <v>30</v>
      </c>
      <c r="Q215" s="85"/>
      <c r="R215" s="207"/>
      <c r="S215" s="385"/>
      <c r="V215" s="99"/>
      <c r="W215" s="99"/>
    </row>
    <row r="216" spans="1:23" s="8" customFormat="1">
      <c r="A216" s="85" t="s">
        <v>158</v>
      </c>
      <c r="B216" s="85" t="s">
        <v>120</v>
      </c>
      <c r="C216" s="85"/>
      <c r="D216" s="85"/>
      <c r="E216" s="85"/>
      <c r="F216" s="85"/>
      <c r="G216" s="85"/>
      <c r="H216" s="85"/>
      <c r="I216" s="85"/>
      <c r="J216" s="85"/>
      <c r="K216" s="85"/>
      <c r="L216" s="85"/>
      <c r="M216" s="85">
        <v>200</v>
      </c>
      <c r="N216" s="85"/>
      <c r="O216" s="85"/>
      <c r="P216" s="85"/>
      <c r="Q216" s="85"/>
      <c r="R216" s="207" t="s">
        <v>1378</v>
      </c>
      <c r="S216" s="385" t="s">
        <v>1433</v>
      </c>
      <c r="T216" s="207" t="s">
        <v>1457</v>
      </c>
      <c r="V216" s="99"/>
      <c r="W216" s="99"/>
    </row>
    <row r="217" spans="1:23" s="8" customFormat="1" hidden="1">
      <c r="A217" s="85"/>
      <c r="B217" s="85"/>
      <c r="C217" s="85" t="s">
        <v>158</v>
      </c>
      <c r="D217" s="85" t="s">
        <v>120</v>
      </c>
      <c r="E217" s="85"/>
      <c r="F217" s="85"/>
      <c r="G217" s="85"/>
      <c r="H217" s="85"/>
      <c r="I217" s="85"/>
      <c r="J217" s="85"/>
      <c r="K217" s="85" t="s">
        <v>17</v>
      </c>
      <c r="L217" s="85" t="s">
        <v>71</v>
      </c>
      <c r="M217" s="85">
        <v>1</v>
      </c>
      <c r="N217" s="85"/>
      <c r="O217" s="85"/>
      <c r="P217" s="85"/>
      <c r="Q217" s="85"/>
      <c r="R217" s="207"/>
      <c r="S217" s="385"/>
      <c r="V217" s="99"/>
      <c r="W217" s="99"/>
    </row>
    <row r="218" spans="1:23" s="8" customFormat="1" hidden="1" outlineLevel="1">
      <c r="A218" s="85"/>
      <c r="B218" s="85"/>
      <c r="C218" s="85"/>
      <c r="D218" s="85"/>
      <c r="E218" s="85"/>
      <c r="F218" s="85"/>
      <c r="G218" s="85"/>
      <c r="H218" s="85">
        <v>1</v>
      </c>
      <c r="I218" s="85">
        <v>98</v>
      </c>
      <c r="J218" s="85" t="s">
        <v>156</v>
      </c>
      <c r="K218" s="85" t="s">
        <v>66</v>
      </c>
      <c r="L218" s="85" t="s">
        <v>65</v>
      </c>
      <c r="M218" s="85">
        <v>1</v>
      </c>
      <c r="N218" s="85" t="s">
        <v>514</v>
      </c>
      <c r="O218" s="85">
        <v>2</v>
      </c>
      <c r="P218" s="85">
        <v>3</v>
      </c>
      <c r="Q218" s="85" t="s">
        <v>624</v>
      </c>
      <c r="R218" s="207"/>
      <c r="S218" s="385"/>
      <c r="V218" s="99"/>
      <c r="W218" s="99"/>
    </row>
    <row r="219" spans="1:23" s="8" customFormat="1" hidden="1" outlineLevel="1">
      <c r="A219" s="85"/>
      <c r="B219" s="85"/>
      <c r="C219" s="85"/>
      <c r="D219" s="85"/>
      <c r="E219" s="85"/>
      <c r="F219" s="85"/>
      <c r="G219" s="85"/>
      <c r="H219" s="85">
        <v>2</v>
      </c>
      <c r="I219" s="85">
        <v>93</v>
      </c>
      <c r="J219" s="85" t="s">
        <v>120</v>
      </c>
      <c r="K219" s="85" t="s">
        <v>78</v>
      </c>
      <c r="L219" s="85" t="s">
        <v>71</v>
      </c>
      <c r="M219" s="85">
        <v>1</v>
      </c>
      <c r="N219" s="85" t="s">
        <v>509</v>
      </c>
      <c r="O219" s="85">
        <v>1</v>
      </c>
      <c r="P219" s="85">
        <v>60</v>
      </c>
      <c r="Q219" s="85"/>
      <c r="R219" s="207"/>
      <c r="S219" s="385"/>
      <c r="V219" s="99"/>
      <c r="W219" s="99"/>
    </row>
    <row r="220" spans="1:23" s="8" customFormat="1" hidden="1" outlineLevel="1">
      <c r="A220" s="85"/>
      <c r="B220" s="85"/>
      <c r="C220" s="85"/>
      <c r="D220" s="85"/>
      <c r="E220" s="85"/>
      <c r="F220" s="85"/>
      <c r="G220" s="85"/>
      <c r="H220" s="85">
        <v>3</v>
      </c>
      <c r="I220" s="85">
        <v>66</v>
      </c>
      <c r="J220" s="85" t="s">
        <v>153</v>
      </c>
      <c r="K220" s="85" t="s">
        <v>78</v>
      </c>
      <c r="L220" s="85" t="s">
        <v>71</v>
      </c>
      <c r="M220" s="85">
        <v>1</v>
      </c>
      <c r="N220" s="85" t="s">
        <v>514</v>
      </c>
      <c r="O220" s="85">
        <v>1</v>
      </c>
      <c r="P220" s="85">
        <v>2</v>
      </c>
      <c r="Q220" s="85" t="s">
        <v>624</v>
      </c>
      <c r="R220" s="207"/>
      <c r="S220" s="385"/>
      <c r="V220" s="99"/>
      <c r="W220" s="99"/>
    </row>
    <row r="221" spans="1:23" s="8" customFormat="1" hidden="1" outlineLevel="1">
      <c r="A221" s="85"/>
      <c r="B221" s="85"/>
      <c r="C221" s="85"/>
      <c r="D221" s="85"/>
      <c r="E221" s="85"/>
      <c r="F221" s="85"/>
      <c r="G221" s="85"/>
      <c r="H221" s="85">
        <v>4</v>
      </c>
      <c r="I221" s="85">
        <v>67</v>
      </c>
      <c r="J221" s="85" t="s">
        <v>151</v>
      </c>
      <c r="K221" s="85" t="s">
        <v>78</v>
      </c>
      <c r="L221" s="85" t="s">
        <v>71</v>
      </c>
      <c r="M221" s="85">
        <v>1</v>
      </c>
      <c r="N221" s="85" t="s">
        <v>509</v>
      </c>
      <c r="O221" s="85">
        <v>2</v>
      </c>
      <c r="P221" s="85">
        <v>80</v>
      </c>
      <c r="Q221" s="85"/>
      <c r="R221" s="207"/>
      <c r="S221" s="385"/>
      <c r="V221" s="99"/>
      <c r="W221" s="99"/>
    </row>
    <row r="222" spans="1:23" s="8" customFormat="1" hidden="1" collapsed="1">
      <c r="A222" s="85"/>
      <c r="B222" s="85"/>
      <c r="C222" s="85" t="s">
        <v>150</v>
      </c>
      <c r="D222" s="85" t="s">
        <v>473</v>
      </c>
      <c r="E222" s="85"/>
      <c r="F222" s="85"/>
      <c r="G222" s="85"/>
      <c r="H222" s="85"/>
      <c r="I222" s="85"/>
      <c r="J222" s="85"/>
      <c r="K222" s="85" t="s">
        <v>17</v>
      </c>
      <c r="L222" s="85" t="s">
        <v>71</v>
      </c>
      <c r="M222" s="85">
        <v>2</v>
      </c>
      <c r="N222" s="85"/>
      <c r="O222" s="85"/>
      <c r="P222" s="85"/>
      <c r="Q222" s="85"/>
      <c r="R222" s="207"/>
      <c r="S222" s="385"/>
      <c r="V222" s="99"/>
      <c r="W222" s="99"/>
    </row>
    <row r="223" spans="1:23" s="8" customFormat="1" hidden="1">
      <c r="A223" s="85"/>
      <c r="B223" s="85"/>
      <c r="C223" s="85"/>
      <c r="D223" s="85"/>
      <c r="E223" s="85"/>
      <c r="F223" s="85"/>
      <c r="G223" s="85"/>
      <c r="H223" s="85">
        <v>1</v>
      </c>
      <c r="I223" s="85">
        <v>93</v>
      </c>
      <c r="J223" s="85" t="s">
        <v>120</v>
      </c>
      <c r="K223" s="85" t="s">
        <v>66</v>
      </c>
      <c r="L223" s="85" t="s">
        <v>65</v>
      </c>
      <c r="M223" s="85">
        <v>1</v>
      </c>
      <c r="N223" s="85" t="s">
        <v>509</v>
      </c>
      <c r="O223" s="85">
        <v>1</v>
      </c>
      <c r="P223" s="85">
        <v>60</v>
      </c>
      <c r="Q223" s="85"/>
      <c r="R223" s="207"/>
      <c r="S223" s="385"/>
      <c r="V223" s="99"/>
      <c r="W223" s="99"/>
    </row>
    <row r="224" spans="1:23" s="8" customFormat="1" hidden="1">
      <c r="A224" s="85"/>
      <c r="B224" s="85"/>
      <c r="C224" s="85"/>
      <c r="D224" s="85"/>
      <c r="E224" s="85"/>
      <c r="F224" s="85"/>
      <c r="G224" s="85"/>
      <c r="H224" s="85">
        <v>2</v>
      </c>
      <c r="I224" s="85">
        <v>93</v>
      </c>
      <c r="J224" s="85" t="s">
        <v>120</v>
      </c>
      <c r="K224" s="85" t="s">
        <v>17</v>
      </c>
      <c r="L224" s="85" t="s">
        <v>71</v>
      </c>
      <c r="M224" s="85">
        <v>1</v>
      </c>
      <c r="N224" s="85" t="s">
        <v>509</v>
      </c>
      <c r="O224" s="85">
        <v>1</v>
      </c>
      <c r="P224" s="85">
        <v>60</v>
      </c>
      <c r="Q224" s="85"/>
      <c r="R224" s="207"/>
      <c r="S224" s="385"/>
      <c r="V224" s="99"/>
      <c r="W224" s="99"/>
    </row>
    <row r="225" spans="1:23" s="8" customFormat="1" hidden="1">
      <c r="A225" s="85"/>
      <c r="B225" s="85"/>
      <c r="C225" s="85" t="s">
        <v>150</v>
      </c>
      <c r="D225" s="85" t="s">
        <v>473</v>
      </c>
      <c r="E225" s="85"/>
      <c r="F225" s="85"/>
      <c r="G225" s="85"/>
      <c r="H225" s="85"/>
      <c r="I225" s="85"/>
      <c r="J225" s="85"/>
      <c r="K225" s="85" t="s">
        <v>17</v>
      </c>
      <c r="L225" s="85" t="s">
        <v>71</v>
      </c>
      <c r="M225" s="85">
        <v>2</v>
      </c>
      <c r="N225" s="85"/>
      <c r="O225" s="85"/>
      <c r="P225" s="85"/>
      <c r="Q225" s="85"/>
      <c r="R225" s="207"/>
      <c r="S225" s="385"/>
      <c r="V225" s="99"/>
      <c r="W225" s="99"/>
    </row>
    <row r="226" spans="1:23" s="8" customFormat="1" hidden="1">
      <c r="A226" s="85"/>
      <c r="B226" s="85"/>
      <c r="C226" s="85"/>
      <c r="D226" s="85"/>
      <c r="E226" s="85"/>
      <c r="F226" s="85"/>
      <c r="G226" s="85"/>
      <c r="H226" s="85">
        <v>1</v>
      </c>
      <c r="I226" s="85">
        <v>93</v>
      </c>
      <c r="J226" s="85" t="s">
        <v>120</v>
      </c>
      <c r="K226" s="85" t="s">
        <v>66</v>
      </c>
      <c r="L226" s="85" t="s">
        <v>65</v>
      </c>
      <c r="M226" s="85">
        <v>1</v>
      </c>
      <c r="N226" s="85" t="s">
        <v>509</v>
      </c>
      <c r="O226" s="85">
        <v>1</v>
      </c>
      <c r="P226" s="85">
        <v>60</v>
      </c>
      <c r="Q226" s="85"/>
      <c r="R226" s="207"/>
      <c r="S226" s="385"/>
      <c r="V226" s="99"/>
      <c r="W226" s="99"/>
    </row>
    <row r="227" spans="1:23" s="8" customFormat="1" hidden="1">
      <c r="A227" s="85"/>
      <c r="B227" s="85"/>
      <c r="C227" s="85"/>
      <c r="D227" s="85"/>
      <c r="E227" s="85"/>
      <c r="F227" s="85"/>
      <c r="G227" s="85"/>
      <c r="H227" s="85">
        <v>2</v>
      </c>
      <c r="I227" s="85">
        <v>93</v>
      </c>
      <c r="J227" s="85" t="s">
        <v>120</v>
      </c>
      <c r="K227" s="85" t="s">
        <v>17</v>
      </c>
      <c r="L227" s="85" t="s">
        <v>71</v>
      </c>
      <c r="M227" s="85">
        <v>1</v>
      </c>
      <c r="N227" s="85" t="s">
        <v>509</v>
      </c>
      <c r="O227" s="85">
        <v>1</v>
      </c>
      <c r="P227" s="85">
        <v>60</v>
      </c>
      <c r="Q227" s="85"/>
      <c r="R227" s="207"/>
      <c r="S227" s="385"/>
      <c r="V227" s="99"/>
      <c r="W227" s="99"/>
    </row>
    <row r="228" spans="1:23" s="8" customFormat="1">
      <c r="A228" s="85"/>
      <c r="B228" s="85"/>
      <c r="C228" s="85" t="s">
        <v>158</v>
      </c>
      <c r="D228" s="85" t="s">
        <v>120</v>
      </c>
      <c r="E228" s="85"/>
      <c r="F228" s="85"/>
      <c r="G228" s="85"/>
      <c r="H228" s="85"/>
      <c r="I228" s="85"/>
      <c r="J228" s="85"/>
      <c r="K228" s="85" t="s">
        <v>66</v>
      </c>
      <c r="L228" s="85" t="s">
        <v>71</v>
      </c>
      <c r="M228" s="85">
        <v>1</v>
      </c>
      <c r="N228" s="85"/>
      <c r="O228" s="85"/>
      <c r="P228" s="85"/>
      <c r="Q228" s="85"/>
      <c r="R228" s="207" t="s">
        <v>2760</v>
      </c>
      <c r="S228" s="385" t="s">
        <v>2900</v>
      </c>
      <c r="V228" s="99"/>
      <c r="W228" s="99"/>
    </row>
    <row r="229" spans="1:23" s="8" customFormat="1">
      <c r="A229" s="85"/>
      <c r="B229" s="85"/>
      <c r="C229" s="85" t="s">
        <v>150</v>
      </c>
      <c r="D229" s="85" t="s">
        <v>473</v>
      </c>
      <c r="E229" s="85"/>
      <c r="F229" s="85"/>
      <c r="G229" s="85"/>
      <c r="H229" s="85"/>
      <c r="I229" s="85"/>
      <c r="J229" s="85"/>
      <c r="K229" s="85" t="s">
        <v>17</v>
      </c>
      <c r="L229" s="85" t="s">
        <v>71</v>
      </c>
      <c r="M229" s="85">
        <v>2</v>
      </c>
      <c r="N229" s="85"/>
      <c r="O229" s="85"/>
      <c r="P229" s="85"/>
      <c r="Q229" s="85"/>
      <c r="R229" s="89"/>
      <c r="S229" s="385"/>
      <c r="V229" s="99"/>
      <c r="W229" s="99"/>
    </row>
    <row r="230" spans="1:23" s="8" customFormat="1" ht="36" customHeight="1">
      <c r="A230" s="85"/>
      <c r="B230" s="85"/>
      <c r="C230" s="85" t="s">
        <v>147</v>
      </c>
      <c r="D230" s="85" t="s">
        <v>144</v>
      </c>
      <c r="E230" s="85"/>
      <c r="F230" s="85"/>
      <c r="G230" s="85"/>
      <c r="H230" s="85"/>
      <c r="I230" s="85"/>
      <c r="J230" s="85"/>
      <c r="K230" s="85" t="s">
        <v>17</v>
      </c>
      <c r="L230" s="85" t="s">
        <v>71</v>
      </c>
      <c r="M230" s="85">
        <v>2</v>
      </c>
      <c r="N230" s="85"/>
      <c r="O230" s="85"/>
      <c r="P230" s="85"/>
      <c r="Q230" s="85"/>
      <c r="R230" s="207" t="s">
        <v>1047</v>
      </c>
      <c r="S230" s="385"/>
      <c r="T230" s="203" t="s">
        <v>1458</v>
      </c>
      <c r="V230" s="99"/>
      <c r="W230" s="99"/>
    </row>
    <row r="231" spans="1:23" s="8" customFormat="1" hidden="1">
      <c r="A231" s="85"/>
      <c r="B231" s="85"/>
      <c r="C231" s="85"/>
      <c r="D231" s="85"/>
      <c r="E231" s="85"/>
      <c r="F231" s="85"/>
      <c r="G231" s="85"/>
      <c r="H231" s="85">
        <v>1</v>
      </c>
      <c r="I231" s="85">
        <v>166</v>
      </c>
      <c r="J231" s="85" t="s">
        <v>144</v>
      </c>
      <c r="K231" s="85" t="s">
        <v>66</v>
      </c>
      <c r="L231" s="85" t="s">
        <v>65</v>
      </c>
      <c r="M231" s="85">
        <v>1</v>
      </c>
      <c r="N231" s="85" t="s">
        <v>509</v>
      </c>
      <c r="O231" s="85">
        <v>1</v>
      </c>
      <c r="P231" s="85">
        <v>55</v>
      </c>
      <c r="Q231" s="85"/>
      <c r="R231" s="207"/>
      <c r="S231" s="207"/>
      <c r="T231" s="72"/>
      <c r="V231" s="99"/>
      <c r="W231" s="99"/>
    </row>
    <row r="232" spans="1:23" s="8" customFormat="1" hidden="1">
      <c r="A232" s="85"/>
      <c r="B232" s="85"/>
      <c r="C232" s="85"/>
      <c r="D232" s="85"/>
      <c r="E232" s="85"/>
      <c r="F232" s="85"/>
      <c r="G232" s="85"/>
      <c r="H232" s="85">
        <v>2</v>
      </c>
      <c r="I232" s="85">
        <v>166</v>
      </c>
      <c r="J232" s="85" t="s">
        <v>144</v>
      </c>
      <c r="K232" s="85" t="s">
        <v>17</v>
      </c>
      <c r="L232" s="85" t="s">
        <v>71</v>
      </c>
      <c r="M232" s="85">
        <v>1</v>
      </c>
      <c r="N232" s="85" t="s">
        <v>509</v>
      </c>
      <c r="O232" s="85">
        <v>1</v>
      </c>
      <c r="P232" s="85">
        <v>55</v>
      </c>
      <c r="Q232" s="85"/>
      <c r="R232" s="207"/>
      <c r="S232" s="207"/>
      <c r="V232" s="99"/>
      <c r="W232" s="99"/>
    </row>
    <row r="233" spans="1:23" s="8" customFormat="1" hidden="1">
      <c r="A233" s="85"/>
      <c r="B233" s="85"/>
      <c r="C233" s="85" t="s">
        <v>147</v>
      </c>
      <c r="D233" s="85" t="s">
        <v>144</v>
      </c>
      <c r="E233" s="85"/>
      <c r="F233" s="85"/>
      <c r="G233" s="85"/>
      <c r="H233" s="85"/>
      <c r="I233" s="85"/>
      <c r="J233" s="85"/>
      <c r="K233" s="85" t="s">
        <v>17</v>
      </c>
      <c r="L233" s="85" t="s">
        <v>71</v>
      </c>
      <c r="M233" s="85">
        <v>2</v>
      </c>
      <c r="N233" s="85"/>
      <c r="O233" s="85"/>
      <c r="P233" s="85"/>
      <c r="Q233" s="85"/>
      <c r="R233" s="207"/>
      <c r="S233" s="207"/>
      <c r="V233" s="99"/>
      <c r="W233" s="99"/>
    </row>
    <row r="234" spans="1:23" s="8" customFormat="1" hidden="1">
      <c r="A234" s="85"/>
      <c r="B234" s="85"/>
      <c r="C234" s="85"/>
      <c r="D234" s="85"/>
      <c r="E234" s="85"/>
      <c r="F234" s="85"/>
      <c r="G234" s="85"/>
      <c r="H234" s="85">
        <v>1</v>
      </c>
      <c r="I234" s="85">
        <v>166</v>
      </c>
      <c r="J234" s="85" t="s">
        <v>144</v>
      </c>
      <c r="K234" s="85" t="s">
        <v>66</v>
      </c>
      <c r="L234" s="85" t="s">
        <v>65</v>
      </c>
      <c r="M234" s="85">
        <v>1</v>
      </c>
      <c r="N234" s="85" t="s">
        <v>509</v>
      </c>
      <c r="O234" s="85">
        <v>1</v>
      </c>
      <c r="P234" s="85">
        <v>55</v>
      </c>
      <c r="Q234" s="85"/>
      <c r="R234" s="207"/>
      <c r="S234" s="207"/>
      <c r="V234" s="99"/>
      <c r="W234" s="99"/>
    </row>
    <row r="235" spans="1:23" s="8" customFormat="1" hidden="1">
      <c r="A235" s="85"/>
      <c r="B235" s="85"/>
      <c r="C235" s="85"/>
      <c r="D235" s="85"/>
      <c r="E235" s="85"/>
      <c r="F235" s="85"/>
      <c r="G235" s="85"/>
      <c r="H235" s="85">
        <v>2</v>
      </c>
      <c r="I235" s="85">
        <v>166</v>
      </c>
      <c r="J235" s="85" t="s">
        <v>144</v>
      </c>
      <c r="K235" s="85" t="s">
        <v>17</v>
      </c>
      <c r="L235" s="85" t="s">
        <v>71</v>
      </c>
      <c r="M235" s="85">
        <v>1</v>
      </c>
      <c r="N235" s="85" t="s">
        <v>509</v>
      </c>
      <c r="O235" s="85">
        <v>1</v>
      </c>
      <c r="P235" s="85">
        <v>55</v>
      </c>
      <c r="Q235" s="85"/>
      <c r="R235" s="207"/>
      <c r="S235" s="207"/>
      <c r="V235" s="99"/>
      <c r="W235" s="99"/>
    </row>
    <row r="236" spans="1:23" s="8" customFormat="1">
      <c r="A236" s="85"/>
      <c r="B236" s="85"/>
      <c r="C236" s="85" t="s">
        <v>143</v>
      </c>
      <c r="D236" s="85" t="s">
        <v>474</v>
      </c>
      <c r="E236" s="85"/>
      <c r="F236" s="85"/>
      <c r="G236" s="85"/>
      <c r="H236" s="85"/>
      <c r="I236" s="85"/>
      <c r="J236" s="85"/>
      <c r="K236" s="85" t="s">
        <v>17</v>
      </c>
      <c r="L236" s="85" t="s">
        <v>71</v>
      </c>
      <c r="M236" s="85" t="s">
        <v>525</v>
      </c>
      <c r="N236" s="85"/>
      <c r="O236" s="85"/>
      <c r="P236" s="85"/>
      <c r="Q236" s="85"/>
      <c r="R236" s="385" t="s">
        <v>1048</v>
      </c>
      <c r="S236" s="385"/>
      <c r="T236" s="386"/>
      <c r="V236" s="99"/>
      <c r="W236" s="99"/>
    </row>
    <row r="237" spans="1:23" s="8" customFormat="1" hidden="1" outlineLevel="1">
      <c r="A237" s="85"/>
      <c r="B237" s="85"/>
      <c r="C237" s="85"/>
      <c r="D237" s="85"/>
      <c r="E237" s="85"/>
      <c r="F237" s="85"/>
      <c r="G237" s="85"/>
      <c r="H237" s="85">
        <v>1</v>
      </c>
      <c r="I237" s="85">
        <v>19</v>
      </c>
      <c r="J237" s="85" t="s">
        <v>141</v>
      </c>
      <c r="K237" s="85" t="s">
        <v>17</v>
      </c>
      <c r="L237" s="85" t="s">
        <v>71</v>
      </c>
      <c r="M237" s="85">
        <v>1</v>
      </c>
      <c r="N237" s="85" t="s">
        <v>509</v>
      </c>
      <c r="O237" s="85">
        <v>2</v>
      </c>
      <c r="P237" s="85">
        <v>30</v>
      </c>
      <c r="Q237" s="85"/>
      <c r="R237" s="385"/>
      <c r="S237" s="385"/>
      <c r="T237" s="386"/>
      <c r="V237" s="99"/>
      <c r="W237" s="99"/>
    </row>
    <row r="238" spans="1:23" s="8" customFormat="1" hidden="1" outlineLevel="1">
      <c r="A238" s="85"/>
      <c r="B238" s="85"/>
      <c r="C238" s="85"/>
      <c r="D238" s="85"/>
      <c r="E238" s="85"/>
      <c r="F238" s="85"/>
      <c r="G238" s="85"/>
      <c r="H238" s="85">
        <v>2</v>
      </c>
      <c r="I238" s="85">
        <v>156</v>
      </c>
      <c r="J238" s="85" t="s">
        <v>139</v>
      </c>
      <c r="K238" s="85" t="s">
        <v>17</v>
      </c>
      <c r="L238" s="85" t="s">
        <v>71</v>
      </c>
      <c r="M238" s="85">
        <v>1</v>
      </c>
      <c r="N238" s="85" t="s">
        <v>514</v>
      </c>
      <c r="O238" s="85">
        <v>2</v>
      </c>
      <c r="P238" s="85">
        <v>2</v>
      </c>
      <c r="Q238" s="85" t="s">
        <v>624</v>
      </c>
      <c r="R238" s="385"/>
      <c r="S238" s="385"/>
      <c r="T238" s="386"/>
      <c r="V238" s="99"/>
      <c r="W238" s="99"/>
    </row>
    <row r="239" spans="1:23" s="8" customFormat="1" hidden="1" outlineLevel="1">
      <c r="A239" s="85"/>
      <c r="B239" s="85"/>
      <c r="C239" s="85"/>
      <c r="D239" s="85"/>
      <c r="E239" s="85"/>
      <c r="F239" s="85"/>
      <c r="G239" s="85"/>
      <c r="H239" s="85">
        <v>3</v>
      </c>
      <c r="I239" s="85">
        <v>116</v>
      </c>
      <c r="J239" s="85" t="s">
        <v>137</v>
      </c>
      <c r="K239" s="85" t="s">
        <v>17</v>
      </c>
      <c r="L239" s="85" t="s">
        <v>71</v>
      </c>
      <c r="M239" s="85">
        <v>1</v>
      </c>
      <c r="N239" s="85" t="s">
        <v>514</v>
      </c>
      <c r="O239" s="85">
        <v>3</v>
      </c>
      <c r="P239" s="85">
        <v>15</v>
      </c>
      <c r="Q239" s="85"/>
      <c r="R239" s="385"/>
      <c r="S239" s="385"/>
      <c r="T239" s="386"/>
      <c r="V239" s="99"/>
      <c r="W239" s="99"/>
    </row>
    <row r="240" spans="1:23" s="8" customFormat="1" hidden="1" outlineLevel="1">
      <c r="A240" s="85"/>
      <c r="B240" s="85"/>
      <c r="C240" s="85"/>
      <c r="D240" s="85"/>
      <c r="E240" s="85"/>
      <c r="F240" s="85"/>
      <c r="G240" s="85"/>
      <c r="H240" s="85">
        <v>4</v>
      </c>
      <c r="I240" s="85">
        <v>26</v>
      </c>
      <c r="J240" s="85" t="s">
        <v>135</v>
      </c>
      <c r="K240" s="85" t="s">
        <v>17</v>
      </c>
      <c r="L240" s="85" t="s">
        <v>71</v>
      </c>
      <c r="M240" s="85">
        <v>1</v>
      </c>
      <c r="N240" s="85" t="s">
        <v>514</v>
      </c>
      <c r="O240" s="85">
        <v>2</v>
      </c>
      <c r="P240" s="85">
        <v>3</v>
      </c>
      <c r="Q240" s="85" t="s">
        <v>624</v>
      </c>
      <c r="R240" s="385"/>
      <c r="S240" s="385"/>
      <c r="T240" s="386"/>
      <c r="V240" s="99"/>
      <c r="W240" s="99"/>
    </row>
    <row r="241" spans="1:23" s="8" customFormat="1" hidden="1" outlineLevel="1">
      <c r="A241" s="85"/>
      <c r="B241" s="85"/>
      <c r="C241" s="85"/>
      <c r="D241" s="85"/>
      <c r="E241" s="85"/>
      <c r="F241" s="85"/>
      <c r="G241" s="85"/>
      <c r="H241" s="85">
        <v>5</v>
      </c>
      <c r="I241" s="85">
        <v>309</v>
      </c>
      <c r="J241" s="85" t="s">
        <v>133</v>
      </c>
      <c r="K241" s="85" t="s">
        <v>78</v>
      </c>
      <c r="L241" s="85" t="s">
        <v>71</v>
      </c>
      <c r="M241" s="85">
        <v>1</v>
      </c>
      <c r="N241" s="85" t="s">
        <v>514</v>
      </c>
      <c r="O241" s="85">
        <v>1</v>
      </c>
      <c r="P241" s="85">
        <v>2</v>
      </c>
      <c r="Q241" s="85" t="s">
        <v>690</v>
      </c>
      <c r="R241" s="385"/>
      <c r="S241" s="385"/>
      <c r="T241" s="386"/>
      <c r="V241" s="99"/>
      <c r="W241" s="99"/>
    </row>
    <row r="242" spans="1:23" s="8" customFormat="1" ht="17.25" customHeight="1" outlineLevel="1">
      <c r="A242" s="85"/>
      <c r="B242" s="85"/>
      <c r="C242" s="85"/>
      <c r="D242" s="85"/>
      <c r="E242" s="85"/>
      <c r="F242" s="85"/>
      <c r="G242" s="85"/>
      <c r="H242" s="85">
        <v>6</v>
      </c>
      <c r="I242" s="85">
        <v>310</v>
      </c>
      <c r="J242" s="85" t="s">
        <v>131</v>
      </c>
      <c r="K242" s="85" t="s">
        <v>17</v>
      </c>
      <c r="L242" s="85" t="s">
        <v>71</v>
      </c>
      <c r="M242" s="85">
        <v>1</v>
      </c>
      <c r="N242" s="85" t="s">
        <v>509</v>
      </c>
      <c r="O242" s="85">
        <v>1</v>
      </c>
      <c r="P242" s="85">
        <v>30</v>
      </c>
      <c r="Q242" s="85"/>
      <c r="R242" s="385"/>
      <c r="S242" s="385"/>
      <c r="T242" s="386"/>
      <c r="V242" s="99"/>
      <c r="W242" s="99"/>
    </row>
    <row r="243" spans="1:23" s="8" customFormat="1" ht="35" customHeight="1">
      <c r="A243" s="88"/>
      <c r="B243" s="88"/>
      <c r="C243" s="87"/>
      <c r="D243" s="87"/>
      <c r="E243" s="87"/>
      <c r="F243" s="87"/>
      <c r="G243" s="87"/>
      <c r="H243" s="87"/>
      <c r="I243" s="87"/>
      <c r="J243" s="87"/>
      <c r="K243" s="18"/>
      <c r="L243" s="18"/>
      <c r="M243" s="11"/>
      <c r="N243" s="11"/>
      <c r="O243" s="11"/>
      <c r="P243" s="11"/>
      <c r="Q243" s="18"/>
      <c r="R243" s="385" t="s">
        <v>1793</v>
      </c>
      <c r="S243" s="387" t="s">
        <v>2819</v>
      </c>
      <c r="T243" s="385" t="s">
        <v>2821</v>
      </c>
      <c r="V243" s="99"/>
      <c r="W243" s="99"/>
    </row>
    <row r="244" spans="1:23" s="8" customFormat="1" ht="17.25" customHeight="1">
      <c r="A244" s="88"/>
      <c r="B244" s="88"/>
      <c r="C244" s="87"/>
      <c r="D244" s="87"/>
      <c r="E244" s="87"/>
      <c r="F244" s="87"/>
      <c r="G244" s="87"/>
      <c r="H244" s="87"/>
      <c r="I244" s="87"/>
      <c r="J244" s="87"/>
      <c r="K244" s="18"/>
      <c r="L244" s="18"/>
      <c r="M244" s="11"/>
      <c r="N244" s="11"/>
      <c r="O244" s="11"/>
      <c r="P244" s="11"/>
      <c r="Q244" s="18"/>
      <c r="R244" s="385" t="s">
        <v>1060</v>
      </c>
      <c r="S244" s="386"/>
      <c r="T244" s="385" t="s">
        <v>804</v>
      </c>
      <c r="V244" s="99"/>
      <c r="W244" s="99"/>
    </row>
    <row r="245" spans="1:23" s="8" customFormat="1" ht="17.25" customHeight="1">
      <c r="A245" s="88"/>
      <c r="B245" s="88"/>
      <c r="C245" s="87"/>
      <c r="D245" s="87"/>
      <c r="E245" s="87"/>
      <c r="F245" s="87"/>
      <c r="G245" s="87"/>
      <c r="H245" s="87"/>
      <c r="I245" s="87"/>
      <c r="J245" s="87"/>
      <c r="K245" s="18"/>
      <c r="L245" s="18"/>
      <c r="M245" s="11"/>
      <c r="N245" s="11"/>
      <c r="O245" s="11"/>
      <c r="P245" s="11"/>
      <c r="Q245" s="18"/>
      <c r="R245" s="385" t="s">
        <v>1794</v>
      </c>
      <c r="S245" s="385"/>
      <c r="T245" s="385" t="s">
        <v>2820</v>
      </c>
      <c r="V245" s="99"/>
      <c r="W245" s="99"/>
    </row>
    <row r="246" spans="1:23" s="8" customFormat="1" ht="17.25" customHeight="1" collapsed="1">
      <c r="A246" s="88"/>
      <c r="B246" s="88"/>
      <c r="C246" s="87"/>
      <c r="D246" s="87"/>
      <c r="E246" s="87"/>
      <c r="F246" s="87"/>
      <c r="G246" s="87"/>
      <c r="H246" s="87"/>
      <c r="I246" s="87"/>
      <c r="J246" s="87"/>
      <c r="K246" s="18"/>
      <c r="L246" s="18"/>
      <c r="M246" s="11"/>
      <c r="N246" s="11"/>
      <c r="O246" s="11"/>
      <c r="P246" s="11"/>
      <c r="Q246" s="18"/>
      <c r="R246" s="385" t="s">
        <v>1062</v>
      </c>
      <c r="S246" s="385"/>
      <c r="T246" s="386"/>
      <c r="V246" s="99"/>
      <c r="W246" s="99"/>
    </row>
    <row r="247" spans="1:23" s="8" customFormat="1" ht="17.25" customHeight="1">
      <c r="A247" s="88"/>
      <c r="B247" s="88"/>
      <c r="C247" s="87"/>
      <c r="D247" s="87"/>
      <c r="E247" s="87"/>
      <c r="F247" s="87"/>
      <c r="G247" s="87"/>
      <c r="H247" s="87"/>
      <c r="I247" s="87"/>
      <c r="J247" s="87"/>
      <c r="K247" s="18"/>
      <c r="L247" s="18"/>
      <c r="M247" s="11"/>
      <c r="N247" s="11"/>
      <c r="O247" s="11"/>
      <c r="P247" s="11"/>
      <c r="Q247" s="18"/>
      <c r="R247" s="385" t="s">
        <v>1063</v>
      </c>
      <c r="S247" s="385"/>
      <c r="T247" s="385" t="s">
        <v>2822</v>
      </c>
      <c r="V247" s="99"/>
      <c r="W247" s="99"/>
    </row>
    <row r="248" spans="1:23" s="8" customFormat="1" ht="17.25" customHeight="1">
      <c r="A248" s="88"/>
      <c r="B248" s="88"/>
      <c r="C248" s="87"/>
      <c r="D248" s="87"/>
      <c r="E248" s="87"/>
      <c r="F248" s="87"/>
      <c r="G248" s="87"/>
      <c r="H248" s="87"/>
      <c r="I248" s="87"/>
      <c r="J248" s="87"/>
      <c r="K248" s="18"/>
      <c r="L248" s="18"/>
      <c r="M248" s="11"/>
      <c r="N248" s="11"/>
      <c r="O248" s="11"/>
      <c r="P248" s="11"/>
      <c r="Q248" s="18"/>
      <c r="R248" s="385" t="s">
        <v>1247</v>
      </c>
      <c r="S248" s="385"/>
      <c r="T248" s="385" t="s">
        <v>2823</v>
      </c>
      <c r="V248" s="99"/>
      <c r="W248" s="99"/>
    </row>
    <row r="249" spans="1:23" s="8" customFormat="1" ht="17.25" customHeight="1">
      <c r="A249" s="88"/>
      <c r="B249" s="88"/>
      <c r="C249" s="87"/>
      <c r="D249" s="87"/>
      <c r="E249" s="87"/>
      <c r="F249" s="87"/>
      <c r="G249" s="87"/>
      <c r="H249" s="87"/>
      <c r="I249" s="87"/>
      <c r="J249" s="87"/>
      <c r="K249" s="18"/>
      <c r="L249" s="18"/>
      <c r="M249" s="11"/>
      <c r="N249" s="11"/>
      <c r="O249" s="11"/>
      <c r="P249" s="11"/>
      <c r="Q249" s="18"/>
      <c r="R249" s="385" t="s">
        <v>1064</v>
      </c>
      <c r="S249" s="385"/>
      <c r="T249" s="386"/>
      <c r="V249" s="99"/>
      <c r="W249" s="99"/>
    </row>
    <row r="250" spans="1:23" s="8" customFormat="1" ht="17.25" customHeight="1">
      <c r="A250" s="88"/>
      <c r="B250" s="88"/>
      <c r="C250" s="87"/>
      <c r="D250" s="87"/>
      <c r="E250" s="87"/>
      <c r="F250" s="87"/>
      <c r="G250" s="87"/>
      <c r="H250" s="87"/>
      <c r="I250" s="87"/>
      <c r="J250" s="87"/>
      <c r="L250" s="18"/>
      <c r="M250" s="11"/>
      <c r="N250" s="11"/>
      <c r="O250" s="11"/>
      <c r="P250" s="11"/>
      <c r="Q250" s="18"/>
      <c r="R250" s="385" t="s">
        <v>1248</v>
      </c>
      <c r="S250" s="385"/>
      <c r="T250" s="386"/>
      <c r="U250" s="207" t="s">
        <v>2397</v>
      </c>
      <c r="V250" s="203"/>
      <c r="W250" s="203"/>
    </row>
    <row r="251" spans="1:23" s="8" customFormat="1" ht="17.25" customHeight="1">
      <c r="A251" s="88"/>
      <c r="B251" s="88"/>
      <c r="C251" s="87"/>
      <c r="D251" s="87"/>
      <c r="E251" s="87"/>
      <c r="F251" s="87"/>
      <c r="G251" s="87"/>
      <c r="H251" s="87"/>
      <c r="I251" s="87"/>
      <c r="J251" s="87"/>
      <c r="L251" s="18"/>
      <c r="M251" s="11"/>
      <c r="N251" s="11"/>
      <c r="O251" s="11"/>
      <c r="P251" s="11"/>
      <c r="Q251" s="18"/>
      <c r="R251" s="388" t="s">
        <v>2759</v>
      </c>
      <c r="S251" s="385"/>
      <c r="T251" s="386"/>
      <c r="U251" s="207"/>
      <c r="V251" s="203"/>
      <c r="W251" s="203"/>
    </row>
    <row r="252" spans="1:23" s="8" customFormat="1" ht="17.25" customHeight="1">
      <c r="A252" s="88"/>
      <c r="B252" s="88"/>
      <c r="C252" s="87"/>
      <c r="D252" s="87"/>
      <c r="E252" s="87"/>
      <c r="F252" s="87"/>
      <c r="G252" s="87"/>
      <c r="H252" s="87"/>
      <c r="I252" s="87"/>
      <c r="J252" s="87"/>
      <c r="L252" s="18"/>
      <c r="M252" s="11"/>
      <c r="N252" s="11"/>
      <c r="O252" s="11"/>
      <c r="P252" s="11"/>
      <c r="Q252" s="18"/>
      <c r="R252" s="385" t="s">
        <v>1028</v>
      </c>
      <c r="S252" s="385"/>
      <c r="T252" s="386"/>
      <c r="U252" s="207" t="s">
        <v>2397</v>
      </c>
      <c r="V252" s="203"/>
      <c r="W252" s="203"/>
    </row>
    <row r="253" spans="1:23" s="8" customFormat="1" ht="17.25" customHeight="1">
      <c r="A253" s="88"/>
      <c r="B253" s="88"/>
      <c r="C253" s="87"/>
      <c r="D253" s="87"/>
      <c r="E253" s="87"/>
      <c r="F253" s="87"/>
      <c r="G253" s="87"/>
      <c r="H253" s="87"/>
      <c r="I253" s="87"/>
      <c r="J253" s="87"/>
      <c r="L253" s="18"/>
      <c r="M253" s="11"/>
      <c r="N253" s="11"/>
      <c r="O253" s="11"/>
      <c r="P253" s="11"/>
      <c r="Q253" s="18"/>
      <c r="R253" s="385" t="s">
        <v>1251</v>
      </c>
      <c r="S253" s="385"/>
      <c r="T253" s="386"/>
      <c r="U253" s="207" t="s">
        <v>2397</v>
      </c>
      <c r="V253" s="203"/>
      <c r="W253" s="203"/>
    </row>
    <row r="254" spans="1:23" s="8" customFormat="1" ht="58" customHeight="1">
      <c r="A254" s="88"/>
      <c r="B254" s="88"/>
      <c r="C254" s="87"/>
      <c r="D254" s="87"/>
      <c r="E254" s="87"/>
      <c r="F254" s="87"/>
      <c r="G254" s="87"/>
      <c r="H254" s="87"/>
      <c r="I254" s="87"/>
      <c r="J254" s="87"/>
      <c r="L254" s="18"/>
      <c r="M254" s="11"/>
      <c r="N254" s="11"/>
      <c r="O254" s="11"/>
      <c r="P254" s="11"/>
      <c r="Q254" s="18"/>
      <c r="R254" s="385" t="s">
        <v>2902</v>
      </c>
      <c r="S254" s="385" t="s">
        <v>2899</v>
      </c>
      <c r="T254" s="386" t="s">
        <v>804</v>
      </c>
      <c r="U254" s="207" t="s">
        <v>2397</v>
      </c>
      <c r="V254" s="357" t="s">
        <v>2901</v>
      </c>
      <c r="W254" s="203"/>
    </row>
    <row r="255" spans="1:23" s="8" customFormat="1" ht="22.5" customHeight="1">
      <c r="A255" s="88"/>
      <c r="B255" s="88"/>
      <c r="C255" s="87"/>
      <c r="D255" s="87"/>
      <c r="E255" s="87"/>
      <c r="F255" s="87"/>
      <c r="G255" s="87"/>
      <c r="H255" s="87"/>
      <c r="I255" s="87"/>
      <c r="J255" s="87"/>
      <c r="L255" s="18"/>
      <c r="M255" s="11"/>
      <c r="N255" s="11"/>
      <c r="O255" s="11"/>
      <c r="P255" s="11"/>
      <c r="Q255" s="18"/>
      <c r="R255" s="385"/>
      <c r="S255" s="385"/>
      <c r="T255" s="385"/>
      <c r="U255" s="207"/>
      <c r="V255" s="203"/>
      <c r="W255" s="203"/>
    </row>
    <row r="256" spans="1:23" s="8" customFormat="1" ht="17.25" customHeight="1">
      <c r="A256" s="88"/>
      <c r="B256" s="88"/>
      <c r="C256" s="87"/>
      <c r="D256" s="87"/>
      <c r="E256" s="87"/>
      <c r="F256" s="87"/>
      <c r="G256" s="87"/>
      <c r="H256" s="87"/>
      <c r="I256" s="87"/>
      <c r="J256" s="87"/>
      <c r="L256" s="18"/>
      <c r="M256" s="11"/>
      <c r="N256" s="11"/>
      <c r="O256" s="11"/>
      <c r="P256" s="11"/>
      <c r="Q256" s="18"/>
      <c r="R256" s="385" t="s">
        <v>2856</v>
      </c>
      <c r="S256" s="385"/>
      <c r="T256" s="386"/>
      <c r="U256" s="207" t="s">
        <v>2397</v>
      </c>
      <c r="V256" s="203"/>
      <c r="W256" s="203"/>
    </row>
    <row r="257" spans="1:23" s="8" customFormat="1" ht="17" customHeight="1" collapsed="1">
      <c r="A257" s="88"/>
      <c r="B257" s="88"/>
      <c r="C257" s="87"/>
      <c r="D257" s="87"/>
      <c r="E257" s="87"/>
      <c r="F257" s="87"/>
      <c r="G257" s="87"/>
      <c r="H257" s="87"/>
      <c r="I257" s="87"/>
      <c r="J257" s="87"/>
      <c r="L257" s="18"/>
      <c r="M257" s="11"/>
      <c r="N257" s="11"/>
      <c r="O257" s="11"/>
      <c r="P257" s="11"/>
      <c r="Q257" s="18"/>
      <c r="R257" s="385" t="s">
        <v>2903</v>
      </c>
      <c r="S257" s="385"/>
      <c r="T257" s="386"/>
      <c r="U257" s="207" t="s">
        <v>2397</v>
      </c>
      <c r="V257" s="203"/>
      <c r="W257" s="203"/>
    </row>
    <row r="258" spans="1:23" s="8" customFormat="1">
      <c r="A258" s="84"/>
      <c r="B258" s="84"/>
      <c r="C258" s="85" t="s">
        <v>387</v>
      </c>
      <c r="D258" s="85" t="s">
        <v>543</v>
      </c>
      <c r="E258" s="85"/>
      <c r="F258" s="85"/>
      <c r="G258" s="85"/>
      <c r="H258" s="85"/>
      <c r="I258" s="85"/>
      <c r="J258" s="85"/>
      <c r="K258" s="85" t="s">
        <v>17</v>
      </c>
      <c r="L258" s="78" t="s">
        <v>71</v>
      </c>
      <c r="M258" s="85" t="s">
        <v>525</v>
      </c>
      <c r="N258" s="85"/>
      <c r="O258" s="85"/>
      <c r="P258" s="85"/>
      <c r="Q258" s="86"/>
      <c r="R258" s="385" t="s">
        <v>1049</v>
      </c>
      <c r="S258" s="385" t="s">
        <v>1434</v>
      </c>
      <c r="T258" s="386"/>
      <c r="V258" s="99"/>
      <c r="W258" s="99"/>
    </row>
    <row r="259" spans="1:23" s="8" customFormat="1" ht="70" hidden="1" outlineLevel="1">
      <c r="A259" s="88"/>
      <c r="B259" s="88"/>
      <c r="C259" s="87"/>
      <c r="D259" s="87"/>
      <c r="E259" s="87"/>
      <c r="F259" s="87"/>
      <c r="G259" s="87"/>
      <c r="H259" s="87">
        <v>1</v>
      </c>
      <c r="I259" s="87">
        <v>336</v>
      </c>
      <c r="J259" s="87" t="s">
        <v>385</v>
      </c>
      <c r="K259" s="87" t="s">
        <v>17</v>
      </c>
      <c r="L259" s="18" t="s">
        <v>71</v>
      </c>
      <c r="M259" s="87">
        <v>1</v>
      </c>
      <c r="N259" s="87" t="s">
        <v>514</v>
      </c>
      <c r="O259" s="87">
        <v>2</v>
      </c>
      <c r="P259" s="87">
        <v>2</v>
      </c>
      <c r="Q259" s="270" t="s">
        <v>624</v>
      </c>
      <c r="R259" s="385"/>
      <c r="S259" s="385"/>
      <c r="T259" s="386"/>
      <c r="V259" s="99"/>
      <c r="W259" s="99"/>
    </row>
    <row r="260" spans="1:23" s="8" customFormat="1" hidden="1" outlineLevel="1">
      <c r="A260" s="88"/>
      <c r="B260" s="88"/>
      <c r="C260" s="87"/>
      <c r="D260" s="87"/>
      <c r="E260" s="87"/>
      <c r="F260" s="87"/>
      <c r="G260" s="87"/>
      <c r="H260" s="87">
        <v>2</v>
      </c>
      <c r="I260" s="87">
        <v>333</v>
      </c>
      <c r="J260" s="87" t="s">
        <v>383</v>
      </c>
      <c r="K260" s="87" t="s">
        <v>17</v>
      </c>
      <c r="L260" s="18" t="s">
        <v>71</v>
      </c>
      <c r="M260" s="87">
        <v>1</v>
      </c>
      <c r="N260" s="87" t="s">
        <v>514</v>
      </c>
      <c r="O260" s="87">
        <v>1</v>
      </c>
      <c r="P260" s="87">
        <v>2</v>
      </c>
      <c r="Q260" s="89" t="s">
        <v>658</v>
      </c>
      <c r="R260" s="385"/>
      <c r="S260" s="385"/>
      <c r="T260" s="386"/>
      <c r="V260" s="99"/>
      <c r="W260" s="99"/>
    </row>
    <row r="261" spans="1:23" s="8" customFormat="1" hidden="1" outlineLevel="1">
      <c r="A261" s="88"/>
      <c r="B261" s="88"/>
      <c r="C261" s="87"/>
      <c r="D261" s="87"/>
      <c r="E261" s="87"/>
      <c r="F261" s="87"/>
      <c r="G261" s="87"/>
      <c r="H261" s="87">
        <v>3</v>
      </c>
      <c r="I261" s="87">
        <v>338</v>
      </c>
      <c r="J261" s="87" t="s">
        <v>381</v>
      </c>
      <c r="K261" s="87" t="s">
        <v>17</v>
      </c>
      <c r="L261" s="18" t="s">
        <v>71</v>
      </c>
      <c r="M261" s="87">
        <v>1</v>
      </c>
      <c r="N261" s="87" t="s">
        <v>438</v>
      </c>
      <c r="O261" s="87">
        <v>1</v>
      </c>
      <c r="P261" s="87">
        <v>6</v>
      </c>
      <c r="Q261" s="18"/>
      <c r="R261" s="385"/>
      <c r="S261" s="385"/>
      <c r="T261" s="386"/>
      <c r="V261" s="99"/>
      <c r="W261" s="99"/>
    </row>
    <row r="262" spans="1:23" s="8" customFormat="1" hidden="1" outlineLevel="1">
      <c r="A262" s="88"/>
      <c r="B262" s="88"/>
      <c r="C262" s="87"/>
      <c r="D262" s="11"/>
      <c r="E262" s="11"/>
      <c r="F262" s="11"/>
      <c r="G262" s="11"/>
      <c r="H262" s="11">
        <v>4</v>
      </c>
      <c r="I262" s="11">
        <v>370</v>
      </c>
      <c r="J262" s="11" t="s">
        <v>379</v>
      </c>
      <c r="K262" s="11" t="s">
        <v>78</v>
      </c>
      <c r="L262" s="18" t="s">
        <v>71</v>
      </c>
      <c r="M262" s="11">
        <v>1</v>
      </c>
      <c r="N262" s="11" t="s">
        <v>519</v>
      </c>
      <c r="O262" s="11">
        <v>8</v>
      </c>
      <c r="P262" s="11">
        <v>8</v>
      </c>
      <c r="Q262" s="18"/>
      <c r="R262" s="385"/>
      <c r="S262" s="385"/>
      <c r="T262" s="386"/>
      <c r="V262" s="99"/>
      <c r="W262" s="99"/>
    </row>
    <row r="263" spans="1:23" s="8" customFormat="1" hidden="1" outlineLevel="1">
      <c r="A263" s="88"/>
      <c r="B263" s="88"/>
      <c r="C263" s="87"/>
      <c r="D263" s="87"/>
      <c r="E263" s="87"/>
      <c r="F263" s="87"/>
      <c r="G263" s="87"/>
      <c r="H263" s="87">
        <v>5</v>
      </c>
      <c r="I263" s="87">
        <v>351</v>
      </c>
      <c r="J263" s="87" t="s">
        <v>377</v>
      </c>
      <c r="K263" s="87" t="s">
        <v>78</v>
      </c>
      <c r="L263" s="18" t="s">
        <v>71</v>
      </c>
      <c r="M263" s="11">
        <v>1</v>
      </c>
      <c r="N263" s="11" t="s">
        <v>510</v>
      </c>
      <c r="O263" s="11">
        <v>1</v>
      </c>
      <c r="P263" s="11">
        <v>3</v>
      </c>
      <c r="Q263" s="18"/>
      <c r="R263" s="385"/>
      <c r="S263" s="385"/>
      <c r="T263" s="386"/>
      <c r="V263" s="99"/>
      <c r="W263" s="99"/>
    </row>
    <row r="264" spans="1:23" s="8" customFormat="1" hidden="1" outlineLevel="1">
      <c r="A264" s="88"/>
      <c r="B264" s="88"/>
      <c r="C264" s="87"/>
      <c r="D264" s="87"/>
      <c r="E264" s="19"/>
      <c r="F264" s="19"/>
      <c r="G264" s="19"/>
      <c r="H264" s="19">
        <v>6</v>
      </c>
      <c r="I264" s="19">
        <v>446</v>
      </c>
      <c r="J264" s="19" t="s">
        <v>375</v>
      </c>
      <c r="K264" s="19" t="s">
        <v>17</v>
      </c>
      <c r="L264" s="25" t="s">
        <v>96</v>
      </c>
      <c r="M264" s="19">
        <v>1</v>
      </c>
      <c r="N264" s="19" t="s">
        <v>519</v>
      </c>
      <c r="O264" s="19">
        <v>8</v>
      </c>
      <c r="P264" s="19">
        <v>8</v>
      </c>
      <c r="Q264" s="25"/>
      <c r="R264" s="385"/>
      <c r="S264" s="385"/>
      <c r="T264" s="386"/>
      <c r="V264" s="99"/>
      <c r="W264" s="99"/>
    </row>
    <row r="265" spans="1:23" s="8" customFormat="1" hidden="1" outlineLevel="1">
      <c r="A265" s="88"/>
      <c r="B265" s="88"/>
      <c r="C265" s="87"/>
      <c r="D265" s="87"/>
      <c r="E265" s="87"/>
      <c r="F265" s="87"/>
      <c r="G265" s="87"/>
      <c r="H265" s="87">
        <v>7</v>
      </c>
      <c r="I265" s="87">
        <v>386</v>
      </c>
      <c r="J265" s="87" t="s">
        <v>373</v>
      </c>
      <c r="K265" s="87" t="s">
        <v>17</v>
      </c>
      <c r="L265" s="18" t="s">
        <v>71</v>
      </c>
      <c r="M265" s="87">
        <v>1</v>
      </c>
      <c r="N265" s="87" t="s">
        <v>510</v>
      </c>
      <c r="O265" s="87">
        <v>1</v>
      </c>
      <c r="P265" s="87">
        <v>3</v>
      </c>
      <c r="Q265" s="18"/>
      <c r="R265" s="385"/>
      <c r="S265" s="385"/>
      <c r="T265" s="386"/>
      <c r="V265" s="99"/>
      <c r="W265" s="99"/>
    </row>
    <row r="266" spans="1:23" s="8" customFormat="1" hidden="1" outlineLevel="1">
      <c r="A266" s="88"/>
      <c r="B266" s="88"/>
      <c r="C266" s="87"/>
      <c r="D266" s="87"/>
      <c r="E266" s="87"/>
      <c r="F266" s="87"/>
      <c r="G266" s="87"/>
      <c r="H266" s="87">
        <v>8</v>
      </c>
      <c r="I266" s="87">
        <v>362</v>
      </c>
      <c r="J266" s="87" t="s">
        <v>371</v>
      </c>
      <c r="K266" s="87" t="s">
        <v>17</v>
      </c>
      <c r="L266" s="18" t="s">
        <v>71</v>
      </c>
      <c r="M266" s="87">
        <v>1</v>
      </c>
      <c r="N266" s="87" t="s">
        <v>150</v>
      </c>
      <c r="O266" s="87">
        <v>1</v>
      </c>
      <c r="P266" s="87">
        <v>10</v>
      </c>
      <c r="Q266" s="18"/>
      <c r="R266" s="385"/>
      <c r="S266" s="385"/>
      <c r="T266" s="386"/>
      <c r="V266" s="99"/>
      <c r="W266" s="99"/>
    </row>
    <row r="267" spans="1:23" s="8" customFormat="1" hidden="1" outlineLevel="1">
      <c r="A267" s="88"/>
      <c r="B267" s="88"/>
      <c r="C267" s="87"/>
      <c r="D267" s="87"/>
      <c r="E267" s="19"/>
      <c r="F267" s="19"/>
      <c r="G267" s="19"/>
      <c r="H267" s="19">
        <v>9</v>
      </c>
      <c r="I267" s="19">
        <v>388</v>
      </c>
      <c r="J267" s="19" t="s">
        <v>369</v>
      </c>
      <c r="K267" s="19" t="s">
        <v>17</v>
      </c>
      <c r="L267" s="25" t="s">
        <v>96</v>
      </c>
      <c r="M267" s="19">
        <v>1</v>
      </c>
      <c r="N267" s="19" t="s">
        <v>519</v>
      </c>
      <c r="O267" s="19">
        <v>8</v>
      </c>
      <c r="P267" s="19">
        <v>8</v>
      </c>
      <c r="Q267" s="25"/>
      <c r="R267" s="385"/>
      <c r="S267" s="385"/>
      <c r="T267" s="386"/>
      <c r="V267" s="99"/>
      <c r="W267" s="99"/>
    </row>
    <row r="268" spans="1:23" s="8" customFormat="1" hidden="1" outlineLevel="1">
      <c r="A268" s="88"/>
      <c r="B268" s="88"/>
      <c r="C268" s="87"/>
      <c r="D268" s="87"/>
      <c r="E268" s="87"/>
      <c r="F268" s="87"/>
      <c r="G268" s="87"/>
      <c r="H268" s="87">
        <v>10</v>
      </c>
      <c r="I268" s="87">
        <v>389</v>
      </c>
      <c r="J268" s="87" t="s">
        <v>367</v>
      </c>
      <c r="K268" s="87" t="s">
        <v>78</v>
      </c>
      <c r="L268" s="18" t="s">
        <v>71</v>
      </c>
      <c r="M268" s="11">
        <v>1</v>
      </c>
      <c r="N268" s="11" t="s">
        <v>150</v>
      </c>
      <c r="O268" s="11">
        <v>1</v>
      </c>
      <c r="P268" s="11">
        <v>10</v>
      </c>
      <c r="Q268" s="18"/>
      <c r="R268" s="385"/>
      <c r="S268" s="385"/>
      <c r="T268" s="386"/>
      <c r="V268" s="99"/>
      <c r="W268" s="99"/>
    </row>
    <row r="269" spans="1:23" s="8" customFormat="1" hidden="1" outlineLevel="1">
      <c r="A269" s="88"/>
      <c r="B269" s="88"/>
      <c r="C269" s="87"/>
      <c r="D269" s="87"/>
      <c r="E269" s="19"/>
      <c r="F269" s="19"/>
      <c r="G269" s="19"/>
      <c r="H269" s="19">
        <v>11</v>
      </c>
      <c r="I269" s="19">
        <v>342</v>
      </c>
      <c r="J269" s="19" t="s">
        <v>365</v>
      </c>
      <c r="K269" s="19" t="s">
        <v>78</v>
      </c>
      <c r="L269" s="25" t="s">
        <v>96</v>
      </c>
      <c r="M269" s="19">
        <v>1</v>
      </c>
      <c r="N269" s="19" t="s">
        <v>438</v>
      </c>
      <c r="O269" s="19">
        <v>1</v>
      </c>
      <c r="P269" s="19">
        <v>5</v>
      </c>
      <c r="Q269" s="25"/>
      <c r="R269" s="385"/>
      <c r="S269" s="385"/>
      <c r="T269" s="386"/>
      <c r="V269" s="99"/>
      <c r="W269" s="99"/>
    </row>
    <row r="270" spans="1:23" s="8" customFormat="1" hidden="1" outlineLevel="1">
      <c r="A270" s="88"/>
      <c r="B270" s="88"/>
      <c r="C270" s="87"/>
      <c r="D270" s="87"/>
      <c r="E270" s="19"/>
      <c r="F270" s="19"/>
      <c r="G270" s="19"/>
      <c r="H270" s="19">
        <v>12</v>
      </c>
      <c r="I270" s="19">
        <v>352</v>
      </c>
      <c r="J270" s="19" t="s">
        <v>3</v>
      </c>
      <c r="K270" s="19" t="s">
        <v>17</v>
      </c>
      <c r="L270" s="25" t="s">
        <v>96</v>
      </c>
      <c r="M270" s="25">
        <v>1</v>
      </c>
      <c r="N270" s="25" t="s">
        <v>509</v>
      </c>
      <c r="O270" s="25">
        <v>1</v>
      </c>
      <c r="P270" s="25">
        <v>80</v>
      </c>
      <c r="Q270" s="25"/>
      <c r="R270" s="385"/>
      <c r="S270" s="385"/>
      <c r="T270" s="386"/>
      <c r="V270" s="99"/>
      <c r="W270" s="99"/>
    </row>
    <row r="271" spans="1:23" s="8" customFormat="1" hidden="1" outlineLevel="1">
      <c r="A271" s="88"/>
      <c r="B271" s="88"/>
      <c r="C271" s="87"/>
      <c r="D271" s="87"/>
      <c r="E271" s="19"/>
      <c r="F271" s="19"/>
      <c r="G271" s="19"/>
      <c r="H271" s="19">
        <v>13</v>
      </c>
      <c r="I271" s="19">
        <v>765</v>
      </c>
      <c r="J271" s="19" t="s">
        <v>362</v>
      </c>
      <c r="K271" s="19" t="s">
        <v>78</v>
      </c>
      <c r="L271" s="25" t="s">
        <v>96</v>
      </c>
      <c r="M271" s="19">
        <v>1</v>
      </c>
      <c r="N271" s="19" t="s">
        <v>510</v>
      </c>
      <c r="O271" s="19">
        <v>1</v>
      </c>
      <c r="P271" s="19">
        <v>2</v>
      </c>
      <c r="Q271" s="25"/>
      <c r="R271" s="385"/>
      <c r="S271" s="385"/>
      <c r="T271" s="386"/>
      <c r="V271" s="99"/>
      <c r="W271" s="99"/>
    </row>
    <row r="272" spans="1:23" s="8" customFormat="1" ht="70" hidden="1" outlineLevel="1">
      <c r="A272" s="88"/>
      <c r="B272" s="88"/>
      <c r="C272" s="87"/>
      <c r="D272" s="87"/>
      <c r="E272" s="87"/>
      <c r="F272" s="87"/>
      <c r="G272" s="87"/>
      <c r="H272" s="87">
        <v>14</v>
      </c>
      <c r="I272" s="87">
        <v>107</v>
      </c>
      <c r="J272" s="87" t="s">
        <v>360</v>
      </c>
      <c r="K272" s="87" t="s">
        <v>17</v>
      </c>
      <c r="L272" s="11" t="s">
        <v>71</v>
      </c>
      <c r="M272" s="11">
        <v>1</v>
      </c>
      <c r="N272" s="11" t="s">
        <v>514</v>
      </c>
      <c r="O272" s="11">
        <v>1</v>
      </c>
      <c r="P272" s="11">
        <v>2</v>
      </c>
      <c r="Q272" s="270" t="s">
        <v>624</v>
      </c>
      <c r="R272" s="385"/>
      <c r="S272" s="385"/>
      <c r="T272" s="386"/>
      <c r="V272" s="99"/>
      <c r="W272" s="99"/>
    </row>
    <row r="273" spans="1:23" s="8" customFormat="1" hidden="1" outlineLevel="1">
      <c r="A273" s="88"/>
      <c r="B273" s="88"/>
      <c r="C273" s="87"/>
      <c r="D273" s="87"/>
      <c r="E273" s="87"/>
      <c r="F273" s="87"/>
      <c r="G273" s="87"/>
      <c r="H273" s="87">
        <v>15</v>
      </c>
      <c r="I273" s="87">
        <v>954</v>
      </c>
      <c r="J273" s="87" t="s">
        <v>232</v>
      </c>
      <c r="K273" s="87" t="s">
        <v>17</v>
      </c>
      <c r="L273" s="11" t="s">
        <v>71</v>
      </c>
      <c r="M273" s="87">
        <v>1</v>
      </c>
      <c r="N273" s="87" t="s">
        <v>438</v>
      </c>
      <c r="O273" s="87">
        <v>1</v>
      </c>
      <c r="P273" s="87">
        <v>10</v>
      </c>
      <c r="Q273" s="18"/>
      <c r="R273" s="385"/>
      <c r="S273" s="385"/>
      <c r="T273" s="386"/>
      <c r="V273" s="99"/>
      <c r="W273" s="99"/>
    </row>
    <row r="274" spans="1:23" s="8" customFormat="1" collapsed="1">
      <c r="A274" s="84"/>
      <c r="B274" s="84"/>
      <c r="C274" s="85" t="s">
        <v>84</v>
      </c>
      <c r="D274" s="85" t="s">
        <v>428</v>
      </c>
      <c r="E274" s="85"/>
      <c r="F274" s="85"/>
      <c r="G274" s="85"/>
      <c r="H274" s="85"/>
      <c r="I274" s="85"/>
      <c r="J274" s="85"/>
      <c r="K274" s="85" t="s">
        <v>17</v>
      </c>
      <c r="L274" s="75" t="s">
        <v>71</v>
      </c>
      <c r="M274" s="85">
        <v>10</v>
      </c>
      <c r="N274" s="85"/>
      <c r="O274" s="85"/>
      <c r="P274" s="85"/>
      <c r="Q274" s="86"/>
      <c r="R274" s="385" t="s">
        <v>1183</v>
      </c>
      <c r="S274" s="385" t="s">
        <v>1435</v>
      </c>
      <c r="T274" s="386"/>
      <c r="U274" s="207" t="s">
        <v>2397</v>
      </c>
      <c r="V274" s="203"/>
      <c r="W274" s="203"/>
    </row>
    <row r="275" spans="1:23" s="8" customFormat="1" hidden="1" outlineLevel="1">
      <c r="A275" s="88"/>
      <c r="B275" s="88"/>
      <c r="C275" s="87"/>
      <c r="D275" s="87"/>
      <c r="E275" s="87"/>
      <c r="F275" s="87"/>
      <c r="G275" s="87"/>
      <c r="H275" s="87">
        <v>1</v>
      </c>
      <c r="I275" s="87">
        <v>374</v>
      </c>
      <c r="J275" s="87" t="s">
        <v>82</v>
      </c>
      <c r="K275" s="87" t="s">
        <v>66</v>
      </c>
      <c r="L275" s="11" t="s">
        <v>65</v>
      </c>
      <c r="M275" s="87">
        <v>1</v>
      </c>
      <c r="N275" s="87" t="s">
        <v>514</v>
      </c>
      <c r="O275" s="87">
        <v>3</v>
      </c>
      <c r="P275" s="87">
        <v>3</v>
      </c>
      <c r="Q275" s="89" t="s">
        <v>839</v>
      </c>
      <c r="R275" s="385"/>
      <c r="S275" s="385"/>
      <c r="T275" s="386"/>
      <c r="V275" s="99"/>
      <c r="W275" s="99"/>
    </row>
    <row r="276" spans="1:23" s="8" customFormat="1" hidden="1" outlineLevel="1">
      <c r="A276" s="88"/>
      <c r="B276" s="88"/>
      <c r="C276" s="87"/>
      <c r="D276" s="87"/>
      <c r="E276" s="87"/>
      <c r="F276" s="87"/>
      <c r="G276" s="87"/>
      <c r="H276" s="87">
        <v>2</v>
      </c>
      <c r="I276" s="87">
        <v>373</v>
      </c>
      <c r="J276" s="87" t="s">
        <v>1</v>
      </c>
      <c r="K276" s="87" t="s">
        <v>78</v>
      </c>
      <c r="L276" s="11" t="s">
        <v>71</v>
      </c>
      <c r="M276" s="87">
        <v>1</v>
      </c>
      <c r="N276" s="87" t="s">
        <v>519</v>
      </c>
      <c r="O276" s="87">
        <v>8</v>
      </c>
      <c r="P276" s="87">
        <v>8</v>
      </c>
      <c r="Q276" s="89"/>
      <c r="R276" s="385"/>
      <c r="S276" s="385"/>
      <c r="T276" s="386"/>
      <c r="V276" s="99"/>
      <c r="W276" s="99"/>
    </row>
    <row r="277" spans="1:23" s="8" customFormat="1" hidden="1" outlineLevel="1">
      <c r="A277" s="88"/>
      <c r="B277" s="88"/>
      <c r="C277" s="87"/>
      <c r="D277" s="87"/>
      <c r="E277" s="87"/>
      <c r="F277" s="87"/>
      <c r="G277" s="87"/>
      <c r="H277" s="87">
        <v>3</v>
      </c>
      <c r="I277" s="87">
        <v>337</v>
      </c>
      <c r="J277" s="87" t="s">
        <v>79</v>
      </c>
      <c r="K277" s="87" t="s">
        <v>78</v>
      </c>
      <c r="L277" s="11" t="s">
        <v>71</v>
      </c>
      <c r="M277" s="87">
        <v>1</v>
      </c>
      <c r="N277" s="87" t="s">
        <v>518</v>
      </c>
      <c r="O277" s="87">
        <v>4</v>
      </c>
      <c r="P277" s="87">
        <v>8</v>
      </c>
      <c r="Q277" s="89"/>
      <c r="R277" s="385"/>
      <c r="S277" s="385"/>
      <c r="T277" s="386"/>
      <c r="V277" s="99"/>
      <c r="W277" s="99"/>
    </row>
    <row r="278" spans="1:23" s="8" customFormat="1" ht="70" hidden="1" outlineLevel="1">
      <c r="A278" s="88"/>
      <c r="B278" s="88"/>
      <c r="C278" s="87"/>
      <c r="D278" s="87"/>
      <c r="E278" s="87"/>
      <c r="F278" s="87"/>
      <c r="G278" s="87"/>
      <c r="H278" s="87">
        <v>4</v>
      </c>
      <c r="I278" s="87">
        <v>623</v>
      </c>
      <c r="J278" s="87" t="s">
        <v>76</v>
      </c>
      <c r="K278" s="87" t="s">
        <v>17</v>
      </c>
      <c r="L278" s="11" t="s">
        <v>71</v>
      </c>
      <c r="M278" s="87">
        <v>1</v>
      </c>
      <c r="N278" s="87" t="s">
        <v>514</v>
      </c>
      <c r="O278" s="87">
        <v>2</v>
      </c>
      <c r="P278" s="87">
        <v>2</v>
      </c>
      <c r="Q278" s="270" t="s">
        <v>624</v>
      </c>
      <c r="R278" s="385"/>
      <c r="S278" s="385"/>
      <c r="T278" s="386"/>
      <c r="V278" s="99"/>
      <c r="W278" s="99"/>
    </row>
    <row r="279" spans="1:23" s="8" customFormat="1" hidden="1" collapsed="1">
      <c r="A279" s="84"/>
      <c r="B279" s="84"/>
      <c r="C279" s="85" t="s">
        <v>84</v>
      </c>
      <c r="D279" s="85" t="s">
        <v>428</v>
      </c>
      <c r="E279" s="85"/>
      <c r="F279" s="85"/>
      <c r="G279" s="85"/>
      <c r="H279" s="85"/>
      <c r="I279" s="85"/>
      <c r="J279" s="85"/>
      <c r="K279" s="85" t="s">
        <v>17</v>
      </c>
      <c r="L279" s="75" t="s">
        <v>71</v>
      </c>
      <c r="M279" s="85">
        <v>10</v>
      </c>
      <c r="N279" s="85"/>
      <c r="O279" s="85"/>
      <c r="P279" s="85"/>
      <c r="Q279" s="86"/>
      <c r="R279" s="385"/>
      <c r="S279" s="385"/>
      <c r="T279" s="386"/>
      <c r="V279" s="99"/>
      <c r="W279" s="99"/>
    </row>
    <row r="280" spans="1:23" s="8" customFormat="1" hidden="1">
      <c r="A280" s="88"/>
      <c r="B280" s="88"/>
      <c r="C280" s="87"/>
      <c r="D280" s="87"/>
      <c r="E280" s="87"/>
      <c r="F280" s="87"/>
      <c r="G280" s="87"/>
      <c r="H280" s="87">
        <v>1</v>
      </c>
      <c r="I280" s="87">
        <v>374</v>
      </c>
      <c r="J280" s="87" t="s">
        <v>82</v>
      </c>
      <c r="K280" s="87" t="s">
        <v>66</v>
      </c>
      <c r="L280" s="11" t="s">
        <v>65</v>
      </c>
      <c r="M280" s="87">
        <v>1</v>
      </c>
      <c r="N280" s="87" t="s">
        <v>514</v>
      </c>
      <c r="O280" s="87">
        <v>3</v>
      </c>
      <c r="P280" s="87">
        <v>3</v>
      </c>
      <c r="Q280" s="89" t="s">
        <v>840</v>
      </c>
      <c r="R280" s="385"/>
      <c r="S280" s="385"/>
      <c r="T280" s="386"/>
      <c r="V280" s="99"/>
      <c r="W280" s="99"/>
    </row>
    <row r="281" spans="1:23" s="8" customFormat="1" hidden="1">
      <c r="A281" s="88"/>
      <c r="B281" s="88"/>
      <c r="C281" s="87"/>
      <c r="D281" s="87"/>
      <c r="E281" s="87"/>
      <c r="F281" s="87"/>
      <c r="G281" s="87"/>
      <c r="H281" s="87">
        <v>2</v>
      </c>
      <c r="I281" s="87">
        <v>373</v>
      </c>
      <c r="J281" s="87" t="s">
        <v>1</v>
      </c>
      <c r="K281" s="87" t="s">
        <v>78</v>
      </c>
      <c r="L281" s="11" t="s">
        <v>71</v>
      </c>
      <c r="M281" s="87">
        <v>1</v>
      </c>
      <c r="N281" s="87" t="s">
        <v>519</v>
      </c>
      <c r="O281" s="87">
        <v>8</v>
      </c>
      <c r="P281" s="87">
        <v>8</v>
      </c>
      <c r="Q281" s="89"/>
      <c r="R281" s="385"/>
      <c r="S281" s="385"/>
      <c r="T281" s="386"/>
      <c r="V281" s="99"/>
      <c r="W281" s="99"/>
    </row>
    <row r="282" spans="1:23" s="8" customFormat="1" hidden="1">
      <c r="A282" s="88"/>
      <c r="B282" s="88"/>
      <c r="C282" s="87"/>
      <c r="D282" s="87"/>
      <c r="E282" s="87"/>
      <c r="F282" s="87"/>
      <c r="G282" s="87"/>
      <c r="H282" s="87">
        <v>3</v>
      </c>
      <c r="I282" s="87">
        <v>337</v>
      </c>
      <c r="J282" s="87" t="s">
        <v>79</v>
      </c>
      <c r="K282" s="87" t="s">
        <v>78</v>
      </c>
      <c r="L282" s="11" t="s">
        <v>71</v>
      </c>
      <c r="M282" s="87">
        <v>1</v>
      </c>
      <c r="N282" s="87" t="s">
        <v>518</v>
      </c>
      <c r="O282" s="87">
        <v>4</v>
      </c>
      <c r="P282" s="87">
        <v>8</v>
      </c>
      <c r="Q282" s="89"/>
      <c r="R282" s="385"/>
      <c r="S282" s="385"/>
      <c r="T282" s="386"/>
      <c r="V282" s="99"/>
      <c r="W282" s="99"/>
    </row>
    <row r="283" spans="1:23" s="8" customFormat="1" ht="70" hidden="1">
      <c r="A283" s="88"/>
      <c r="B283" s="88"/>
      <c r="C283" s="87"/>
      <c r="D283" s="87"/>
      <c r="E283" s="87"/>
      <c r="F283" s="87"/>
      <c r="G283" s="87"/>
      <c r="H283" s="87">
        <v>4</v>
      </c>
      <c r="I283" s="87">
        <v>623</v>
      </c>
      <c r="J283" s="87" t="s">
        <v>76</v>
      </c>
      <c r="K283" s="87" t="s">
        <v>17</v>
      </c>
      <c r="L283" s="11" t="s">
        <v>71</v>
      </c>
      <c r="M283" s="87">
        <v>1</v>
      </c>
      <c r="N283" s="87" t="s">
        <v>514</v>
      </c>
      <c r="O283" s="87">
        <v>2</v>
      </c>
      <c r="P283" s="87">
        <v>2</v>
      </c>
      <c r="Q283" s="270" t="s">
        <v>624</v>
      </c>
      <c r="R283" s="385"/>
      <c r="S283" s="385"/>
      <c r="T283" s="386"/>
      <c r="V283" s="99"/>
      <c r="W283" s="99"/>
    </row>
    <row r="284" spans="1:23" s="8" customFormat="1" hidden="1">
      <c r="A284" s="84"/>
      <c r="B284" s="84"/>
      <c r="C284" s="85" t="s">
        <v>84</v>
      </c>
      <c r="D284" s="85" t="s">
        <v>428</v>
      </c>
      <c r="E284" s="85"/>
      <c r="F284" s="85"/>
      <c r="G284" s="85"/>
      <c r="H284" s="85"/>
      <c r="I284" s="85"/>
      <c r="J284" s="85"/>
      <c r="K284" s="85" t="s">
        <v>17</v>
      </c>
      <c r="L284" s="75" t="s">
        <v>71</v>
      </c>
      <c r="M284" s="85">
        <v>10</v>
      </c>
      <c r="N284" s="85"/>
      <c r="O284" s="85"/>
      <c r="P284" s="85"/>
      <c r="Q284" s="86"/>
      <c r="R284" s="385"/>
      <c r="S284" s="385"/>
      <c r="T284" s="386"/>
      <c r="V284" s="99"/>
      <c r="W284" s="99"/>
    </row>
    <row r="285" spans="1:23" s="8" customFormat="1" hidden="1">
      <c r="A285" s="88"/>
      <c r="B285" s="88"/>
      <c r="C285" s="87"/>
      <c r="D285" s="87"/>
      <c r="E285" s="87"/>
      <c r="F285" s="87"/>
      <c r="G285" s="87"/>
      <c r="H285" s="87">
        <v>1</v>
      </c>
      <c r="I285" s="87">
        <v>374</v>
      </c>
      <c r="J285" s="87" t="s">
        <v>82</v>
      </c>
      <c r="K285" s="87" t="s">
        <v>66</v>
      </c>
      <c r="L285" s="11" t="s">
        <v>65</v>
      </c>
      <c r="M285" s="87">
        <v>1</v>
      </c>
      <c r="N285" s="87" t="s">
        <v>514</v>
      </c>
      <c r="O285" s="87">
        <v>3</v>
      </c>
      <c r="P285" s="87">
        <v>3</v>
      </c>
      <c r="Q285" s="89" t="s">
        <v>659</v>
      </c>
      <c r="R285" s="385"/>
      <c r="S285" s="385"/>
      <c r="T285" s="386"/>
      <c r="V285" s="99"/>
      <c r="W285" s="99"/>
    </row>
    <row r="286" spans="1:23" s="8" customFormat="1" hidden="1">
      <c r="A286" s="88"/>
      <c r="B286" s="88"/>
      <c r="C286" s="87"/>
      <c r="D286" s="87"/>
      <c r="E286" s="87"/>
      <c r="F286" s="87"/>
      <c r="G286" s="87"/>
      <c r="H286" s="87">
        <v>2</v>
      </c>
      <c r="I286" s="87">
        <v>373</v>
      </c>
      <c r="J286" s="87" t="s">
        <v>1</v>
      </c>
      <c r="K286" s="87" t="s">
        <v>78</v>
      </c>
      <c r="L286" s="11" t="s">
        <v>71</v>
      </c>
      <c r="M286" s="87">
        <v>1</v>
      </c>
      <c r="N286" s="87" t="s">
        <v>519</v>
      </c>
      <c r="O286" s="87">
        <v>8</v>
      </c>
      <c r="P286" s="87">
        <v>8</v>
      </c>
      <c r="Q286" s="89"/>
      <c r="R286" s="385"/>
      <c r="S286" s="385"/>
      <c r="T286" s="386"/>
      <c r="V286" s="99"/>
      <c r="W286" s="99"/>
    </row>
    <row r="287" spans="1:23" s="8" customFormat="1" hidden="1">
      <c r="A287" s="88"/>
      <c r="B287" s="88"/>
      <c r="C287" s="87"/>
      <c r="D287" s="87"/>
      <c r="E287" s="87"/>
      <c r="F287" s="87"/>
      <c r="G287" s="87"/>
      <c r="H287" s="87">
        <v>3</v>
      </c>
      <c r="I287" s="87">
        <v>337</v>
      </c>
      <c r="J287" s="87" t="s">
        <v>79</v>
      </c>
      <c r="K287" s="87" t="s">
        <v>78</v>
      </c>
      <c r="L287" s="11" t="s">
        <v>71</v>
      </c>
      <c r="M287" s="87">
        <v>1</v>
      </c>
      <c r="N287" s="87" t="s">
        <v>518</v>
      </c>
      <c r="O287" s="87">
        <v>4</v>
      </c>
      <c r="P287" s="87">
        <v>8</v>
      </c>
      <c r="Q287" s="89"/>
      <c r="R287" s="385"/>
      <c r="S287" s="385"/>
      <c r="T287" s="386"/>
      <c r="V287" s="99"/>
      <c r="W287" s="99"/>
    </row>
    <row r="288" spans="1:23" s="8" customFormat="1" ht="70" hidden="1">
      <c r="A288" s="88"/>
      <c r="B288" s="88"/>
      <c r="C288" s="87"/>
      <c r="D288" s="87"/>
      <c r="E288" s="87"/>
      <c r="F288" s="87"/>
      <c r="G288" s="87"/>
      <c r="H288" s="87">
        <v>4</v>
      </c>
      <c r="I288" s="87">
        <v>623</v>
      </c>
      <c r="J288" s="87" t="s">
        <v>76</v>
      </c>
      <c r="K288" s="87" t="s">
        <v>17</v>
      </c>
      <c r="L288" s="11" t="s">
        <v>71</v>
      </c>
      <c r="M288" s="87">
        <v>1</v>
      </c>
      <c r="N288" s="87" t="s">
        <v>514</v>
      </c>
      <c r="O288" s="87">
        <v>2</v>
      </c>
      <c r="P288" s="87">
        <v>2</v>
      </c>
      <c r="Q288" s="270" t="s">
        <v>624</v>
      </c>
      <c r="R288" s="385"/>
      <c r="S288" s="385"/>
      <c r="T288" s="386"/>
      <c r="V288" s="99"/>
      <c r="W288" s="99"/>
    </row>
    <row r="289" spans="1:23" s="8" customFormat="1" hidden="1">
      <c r="A289" s="84"/>
      <c r="B289" s="84"/>
      <c r="C289" s="85" t="s">
        <v>84</v>
      </c>
      <c r="D289" s="85" t="s">
        <v>428</v>
      </c>
      <c r="E289" s="85"/>
      <c r="F289" s="85"/>
      <c r="G289" s="85"/>
      <c r="H289" s="85"/>
      <c r="I289" s="85"/>
      <c r="J289" s="85"/>
      <c r="K289" s="85" t="s">
        <v>17</v>
      </c>
      <c r="L289" s="75" t="s">
        <v>71</v>
      </c>
      <c r="M289" s="85">
        <v>10</v>
      </c>
      <c r="N289" s="85"/>
      <c r="O289" s="85"/>
      <c r="P289" s="85"/>
      <c r="Q289" s="86"/>
      <c r="R289" s="385"/>
      <c r="S289" s="385"/>
      <c r="T289" s="386"/>
      <c r="V289" s="99"/>
      <c r="W289" s="99"/>
    </row>
    <row r="290" spans="1:23" s="8" customFormat="1" hidden="1">
      <c r="A290" s="88"/>
      <c r="B290" s="88"/>
      <c r="C290" s="87"/>
      <c r="D290" s="87"/>
      <c r="E290" s="87"/>
      <c r="F290" s="87"/>
      <c r="G290" s="87"/>
      <c r="H290" s="87">
        <v>1</v>
      </c>
      <c r="I290" s="87">
        <v>374</v>
      </c>
      <c r="J290" s="87" t="s">
        <v>82</v>
      </c>
      <c r="K290" s="87" t="s">
        <v>66</v>
      </c>
      <c r="L290" s="11" t="s">
        <v>65</v>
      </c>
      <c r="M290" s="87">
        <v>1</v>
      </c>
      <c r="N290" s="87" t="s">
        <v>514</v>
      </c>
      <c r="O290" s="87">
        <v>3</v>
      </c>
      <c r="P290" s="87">
        <v>3</v>
      </c>
      <c r="Q290" s="89" t="s">
        <v>841</v>
      </c>
      <c r="R290" s="385"/>
      <c r="S290" s="385"/>
      <c r="T290" s="386"/>
      <c r="V290" s="99"/>
      <c r="W290" s="99"/>
    </row>
    <row r="291" spans="1:23" s="8" customFormat="1" hidden="1">
      <c r="A291" s="88"/>
      <c r="B291" s="88"/>
      <c r="C291" s="87"/>
      <c r="D291" s="87"/>
      <c r="E291" s="87"/>
      <c r="F291" s="87"/>
      <c r="G291" s="87"/>
      <c r="H291" s="87">
        <v>2</v>
      </c>
      <c r="I291" s="87">
        <v>373</v>
      </c>
      <c r="J291" s="87" t="s">
        <v>1</v>
      </c>
      <c r="K291" s="87" t="s">
        <v>78</v>
      </c>
      <c r="L291" s="11" t="s">
        <v>71</v>
      </c>
      <c r="M291" s="87">
        <v>1</v>
      </c>
      <c r="N291" s="87" t="s">
        <v>519</v>
      </c>
      <c r="O291" s="87">
        <v>8</v>
      </c>
      <c r="P291" s="87">
        <v>8</v>
      </c>
      <c r="Q291" s="89"/>
      <c r="R291" s="385"/>
      <c r="S291" s="385"/>
      <c r="T291" s="386"/>
      <c r="V291" s="99"/>
      <c r="W291" s="99"/>
    </row>
    <row r="292" spans="1:23" s="8" customFormat="1" hidden="1">
      <c r="A292" s="88"/>
      <c r="B292" s="88"/>
      <c r="C292" s="87"/>
      <c r="D292" s="87"/>
      <c r="E292" s="87"/>
      <c r="F292" s="87"/>
      <c r="G292" s="87"/>
      <c r="H292" s="87">
        <v>3</v>
      </c>
      <c r="I292" s="87">
        <v>337</v>
      </c>
      <c r="J292" s="87" t="s">
        <v>79</v>
      </c>
      <c r="K292" s="87" t="s">
        <v>78</v>
      </c>
      <c r="L292" s="11" t="s">
        <v>71</v>
      </c>
      <c r="M292" s="87">
        <v>1</v>
      </c>
      <c r="N292" s="87" t="s">
        <v>518</v>
      </c>
      <c r="O292" s="87">
        <v>4</v>
      </c>
      <c r="P292" s="87">
        <v>8</v>
      </c>
      <c r="Q292" s="89"/>
      <c r="R292" s="385"/>
      <c r="S292" s="385"/>
      <c r="T292" s="386"/>
      <c r="V292" s="99"/>
      <c r="W292" s="99"/>
    </row>
    <row r="293" spans="1:23" s="8" customFormat="1" ht="70" hidden="1">
      <c r="A293" s="88"/>
      <c r="B293" s="88"/>
      <c r="C293" s="87"/>
      <c r="D293" s="87"/>
      <c r="E293" s="87"/>
      <c r="F293" s="87"/>
      <c r="G293" s="87"/>
      <c r="H293" s="87">
        <v>4</v>
      </c>
      <c r="I293" s="87">
        <v>623</v>
      </c>
      <c r="J293" s="87" t="s">
        <v>76</v>
      </c>
      <c r="K293" s="87" t="s">
        <v>17</v>
      </c>
      <c r="L293" s="11" t="s">
        <v>71</v>
      </c>
      <c r="M293" s="87">
        <v>1</v>
      </c>
      <c r="N293" s="87" t="s">
        <v>514</v>
      </c>
      <c r="O293" s="87">
        <v>2</v>
      </c>
      <c r="P293" s="87">
        <v>2</v>
      </c>
      <c r="Q293" s="270" t="s">
        <v>624</v>
      </c>
      <c r="R293" s="385"/>
      <c r="S293" s="385"/>
      <c r="T293" s="386"/>
      <c r="V293" s="99"/>
      <c r="W293" s="99"/>
    </row>
    <row r="294" spans="1:23" s="8" customFormat="1" hidden="1">
      <c r="A294" s="84"/>
      <c r="B294" s="84"/>
      <c r="C294" s="85" t="s">
        <v>84</v>
      </c>
      <c r="D294" s="85" t="s">
        <v>428</v>
      </c>
      <c r="E294" s="85"/>
      <c r="F294" s="85"/>
      <c r="G294" s="85"/>
      <c r="H294" s="85"/>
      <c r="I294" s="85"/>
      <c r="J294" s="85"/>
      <c r="K294" s="85" t="s">
        <v>17</v>
      </c>
      <c r="L294" s="75" t="s">
        <v>71</v>
      </c>
      <c r="M294" s="85">
        <v>10</v>
      </c>
      <c r="N294" s="85"/>
      <c r="O294" s="85"/>
      <c r="P294" s="85"/>
      <c r="Q294" s="86"/>
      <c r="R294" s="385"/>
      <c r="S294" s="385"/>
      <c r="T294" s="386"/>
      <c r="V294" s="99"/>
      <c r="W294" s="99"/>
    </row>
    <row r="295" spans="1:23" s="8" customFormat="1" hidden="1">
      <c r="A295" s="88"/>
      <c r="B295" s="88"/>
      <c r="C295" s="87"/>
      <c r="D295" s="87"/>
      <c r="E295" s="87"/>
      <c r="F295" s="87"/>
      <c r="G295" s="87"/>
      <c r="H295" s="87">
        <v>1</v>
      </c>
      <c r="I295" s="87">
        <v>374</v>
      </c>
      <c r="J295" s="87" t="s">
        <v>82</v>
      </c>
      <c r="K295" s="87" t="s">
        <v>66</v>
      </c>
      <c r="L295" s="11" t="s">
        <v>65</v>
      </c>
      <c r="M295" s="87">
        <v>1</v>
      </c>
      <c r="N295" s="87" t="s">
        <v>514</v>
      </c>
      <c r="O295" s="87">
        <v>3</v>
      </c>
      <c r="P295" s="87">
        <v>3</v>
      </c>
      <c r="Q295" s="89" t="s">
        <v>760</v>
      </c>
      <c r="R295" s="385"/>
      <c r="S295" s="385"/>
      <c r="T295" s="386"/>
      <c r="V295" s="99"/>
      <c r="W295" s="99"/>
    </row>
    <row r="296" spans="1:23" s="8" customFormat="1" hidden="1">
      <c r="A296" s="88"/>
      <c r="B296" s="88"/>
      <c r="C296" s="87"/>
      <c r="D296" s="87"/>
      <c r="E296" s="87"/>
      <c r="F296" s="87"/>
      <c r="G296" s="87"/>
      <c r="H296" s="87">
        <v>2</v>
      </c>
      <c r="I296" s="87">
        <v>373</v>
      </c>
      <c r="J296" s="87" t="s">
        <v>1</v>
      </c>
      <c r="K296" s="87" t="s">
        <v>78</v>
      </c>
      <c r="L296" s="11" t="s">
        <v>71</v>
      </c>
      <c r="M296" s="87">
        <v>1</v>
      </c>
      <c r="N296" s="87" t="s">
        <v>519</v>
      </c>
      <c r="O296" s="87">
        <v>8</v>
      </c>
      <c r="P296" s="87">
        <v>8</v>
      </c>
      <c r="Q296" s="89"/>
      <c r="R296" s="385"/>
      <c r="S296" s="385"/>
      <c r="T296" s="386"/>
      <c r="V296" s="99"/>
      <c r="W296" s="99"/>
    </row>
    <row r="297" spans="1:23" s="8" customFormat="1" hidden="1">
      <c r="A297" s="88"/>
      <c r="B297" s="88"/>
      <c r="C297" s="87"/>
      <c r="D297" s="87"/>
      <c r="E297" s="87"/>
      <c r="F297" s="87"/>
      <c r="G297" s="87"/>
      <c r="H297" s="87">
        <v>3</v>
      </c>
      <c r="I297" s="87">
        <v>337</v>
      </c>
      <c r="J297" s="87" t="s">
        <v>79</v>
      </c>
      <c r="K297" s="87" t="s">
        <v>78</v>
      </c>
      <c r="L297" s="11" t="s">
        <v>71</v>
      </c>
      <c r="M297" s="87">
        <v>1</v>
      </c>
      <c r="N297" s="87" t="s">
        <v>518</v>
      </c>
      <c r="O297" s="87">
        <v>4</v>
      </c>
      <c r="P297" s="87">
        <v>8</v>
      </c>
      <c r="Q297" s="89"/>
      <c r="R297" s="385"/>
      <c r="S297" s="385"/>
      <c r="T297" s="386"/>
      <c r="V297" s="99"/>
      <c r="W297" s="99"/>
    </row>
    <row r="298" spans="1:23" s="8" customFormat="1" ht="70" hidden="1">
      <c r="A298" s="88"/>
      <c r="B298" s="88"/>
      <c r="C298" s="87"/>
      <c r="D298" s="87"/>
      <c r="E298" s="87"/>
      <c r="F298" s="87"/>
      <c r="G298" s="87"/>
      <c r="H298" s="87">
        <v>4</v>
      </c>
      <c r="I298" s="87">
        <v>623</v>
      </c>
      <c r="J298" s="87" t="s">
        <v>76</v>
      </c>
      <c r="K298" s="87" t="s">
        <v>17</v>
      </c>
      <c r="L298" s="11" t="s">
        <v>71</v>
      </c>
      <c r="M298" s="87">
        <v>1</v>
      </c>
      <c r="N298" s="87" t="s">
        <v>514</v>
      </c>
      <c r="O298" s="87">
        <v>2</v>
      </c>
      <c r="P298" s="87">
        <v>2</v>
      </c>
      <c r="Q298" s="270" t="s">
        <v>624</v>
      </c>
      <c r="R298" s="385"/>
      <c r="S298" s="385"/>
      <c r="T298" s="386"/>
      <c r="V298" s="99"/>
      <c r="W298" s="99"/>
    </row>
    <row r="299" spans="1:23" s="8" customFormat="1" hidden="1">
      <c r="A299" s="84"/>
      <c r="B299" s="84"/>
      <c r="C299" s="85" t="s">
        <v>84</v>
      </c>
      <c r="D299" s="85" t="s">
        <v>428</v>
      </c>
      <c r="E299" s="85"/>
      <c r="F299" s="85"/>
      <c r="G299" s="85"/>
      <c r="H299" s="85"/>
      <c r="I299" s="85"/>
      <c r="J299" s="85"/>
      <c r="K299" s="85" t="s">
        <v>17</v>
      </c>
      <c r="L299" s="75" t="s">
        <v>71</v>
      </c>
      <c r="M299" s="85">
        <v>10</v>
      </c>
      <c r="N299" s="85"/>
      <c r="O299" s="85"/>
      <c r="P299" s="85"/>
      <c r="Q299" s="86"/>
      <c r="R299" s="385"/>
      <c r="S299" s="385"/>
      <c r="T299" s="386"/>
      <c r="V299" s="99"/>
      <c r="W299" s="99"/>
    </row>
    <row r="300" spans="1:23" s="8" customFormat="1" hidden="1">
      <c r="A300" s="88"/>
      <c r="B300" s="88"/>
      <c r="C300" s="87"/>
      <c r="D300" s="87"/>
      <c r="E300" s="87"/>
      <c r="F300" s="87"/>
      <c r="G300" s="87"/>
      <c r="H300" s="87">
        <v>1</v>
      </c>
      <c r="I300" s="87">
        <v>374</v>
      </c>
      <c r="J300" s="87" t="s">
        <v>82</v>
      </c>
      <c r="K300" s="87" t="s">
        <v>66</v>
      </c>
      <c r="L300" s="11" t="s">
        <v>65</v>
      </c>
      <c r="M300" s="87">
        <v>1</v>
      </c>
      <c r="N300" s="87" t="s">
        <v>514</v>
      </c>
      <c r="O300" s="87">
        <v>3</v>
      </c>
      <c r="P300" s="87">
        <v>3</v>
      </c>
      <c r="Q300" s="89" t="s">
        <v>842</v>
      </c>
      <c r="R300" s="385"/>
      <c r="S300" s="385"/>
      <c r="T300" s="386"/>
      <c r="V300" s="99"/>
      <c r="W300" s="99"/>
    </row>
    <row r="301" spans="1:23" s="8" customFormat="1" hidden="1">
      <c r="A301" s="88"/>
      <c r="B301" s="88"/>
      <c r="C301" s="87"/>
      <c r="D301" s="87"/>
      <c r="E301" s="87"/>
      <c r="F301" s="87"/>
      <c r="G301" s="87"/>
      <c r="H301" s="87">
        <v>2</v>
      </c>
      <c r="I301" s="87">
        <v>373</v>
      </c>
      <c r="J301" s="87" t="s">
        <v>1</v>
      </c>
      <c r="K301" s="87" t="s">
        <v>78</v>
      </c>
      <c r="L301" s="11" t="s">
        <v>71</v>
      </c>
      <c r="M301" s="87">
        <v>1</v>
      </c>
      <c r="N301" s="87" t="s">
        <v>519</v>
      </c>
      <c r="O301" s="87">
        <v>8</v>
      </c>
      <c r="P301" s="87">
        <v>8</v>
      </c>
      <c r="Q301" s="89"/>
      <c r="R301" s="385"/>
      <c r="S301" s="385"/>
      <c r="T301" s="386"/>
      <c r="V301" s="99"/>
      <c r="W301" s="99"/>
    </row>
    <row r="302" spans="1:23" s="8" customFormat="1" hidden="1">
      <c r="A302" s="88"/>
      <c r="B302" s="88"/>
      <c r="C302" s="87"/>
      <c r="D302" s="87"/>
      <c r="E302" s="87"/>
      <c r="F302" s="87"/>
      <c r="G302" s="87"/>
      <c r="H302" s="87">
        <v>3</v>
      </c>
      <c r="I302" s="87">
        <v>337</v>
      </c>
      <c r="J302" s="87" t="s">
        <v>79</v>
      </c>
      <c r="K302" s="87" t="s">
        <v>78</v>
      </c>
      <c r="L302" s="11" t="s">
        <v>71</v>
      </c>
      <c r="M302" s="87">
        <v>1</v>
      </c>
      <c r="N302" s="87" t="s">
        <v>518</v>
      </c>
      <c r="O302" s="87">
        <v>4</v>
      </c>
      <c r="P302" s="87">
        <v>8</v>
      </c>
      <c r="Q302" s="89"/>
      <c r="R302" s="385"/>
      <c r="S302" s="385"/>
      <c r="T302" s="386"/>
      <c r="V302" s="99"/>
      <c r="W302" s="99"/>
    </row>
    <row r="303" spans="1:23" s="8" customFormat="1" ht="70" hidden="1">
      <c r="A303" s="88"/>
      <c r="B303" s="88"/>
      <c r="C303" s="87"/>
      <c r="D303" s="87"/>
      <c r="E303" s="87"/>
      <c r="F303" s="87"/>
      <c r="G303" s="87"/>
      <c r="H303" s="87">
        <v>4</v>
      </c>
      <c r="I303" s="87">
        <v>623</v>
      </c>
      <c r="J303" s="87" t="s">
        <v>76</v>
      </c>
      <c r="K303" s="87" t="s">
        <v>17</v>
      </c>
      <c r="L303" s="11" t="s">
        <v>71</v>
      </c>
      <c r="M303" s="87">
        <v>1</v>
      </c>
      <c r="N303" s="87" t="s">
        <v>514</v>
      </c>
      <c r="O303" s="87">
        <v>2</v>
      </c>
      <c r="P303" s="87">
        <v>2</v>
      </c>
      <c r="Q303" s="270" t="s">
        <v>624</v>
      </c>
      <c r="R303" s="385"/>
      <c r="S303" s="385"/>
      <c r="T303" s="386"/>
      <c r="V303" s="99"/>
      <c r="W303" s="99"/>
    </row>
    <row r="304" spans="1:23" s="8" customFormat="1" hidden="1">
      <c r="A304" s="84"/>
      <c r="B304" s="84"/>
      <c r="C304" s="85" t="s">
        <v>84</v>
      </c>
      <c r="D304" s="85" t="s">
        <v>428</v>
      </c>
      <c r="E304" s="85"/>
      <c r="F304" s="85"/>
      <c r="G304" s="85"/>
      <c r="H304" s="85"/>
      <c r="I304" s="85"/>
      <c r="J304" s="85"/>
      <c r="K304" s="85" t="s">
        <v>17</v>
      </c>
      <c r="L304" s="75" t="s">
        <v>71</v>
      </c>
      <c r="M304" s="85">
        <v>10</v>
      </c>
      <c r="N304" s="85"/>
      <c r="O304" s="85"/>
      <c r="P304" s="85"/>
      <c r="Q304" s="86"/>
      <c r="R304" s="385"/>
      <c r="S304" s="385"/>
      <c r="T304" s="386"/>
      <c r="V304" s="99"/>
      <c r="W304" s="99"/>
    </row>
    <row r="305" spans="1:23" s="8" customFormat="1" hidden="1">
      <c r="A305" s="88"/>
      <c r="B305" s="88"/>
      <c r="C305" s="87"/>
      <c r="D305" s="87"/>
      <c r="E305" s="87"/>
      <c r="F305" s="87"/>
      <c r="G305" s="87"/>
      <c r="H305" s="87">
        <v>1</v>
      </c>
      <c r="I305" s="87">
        <v>374</v>
      </c>
      <c r="J305" s="87" t="s">
        <v>82</v>
      </c>
      <c r="K305" s="87" t="s">
        <v>66</v>
      </c>
      <c r="L305" s="11" t="s">
        <v>65</v>
      </c>
      <c r="M305" s="87">
        <v>1</v>
      </c>
      <c r="N305" s="87" t="s">
        <v>514</v>
      </c>
      <c r="O305" s="87">
        <v>3</v>
      </c>
      <c r="P305" s="87">
        <v>3</v>
      </c>
      <c r="Q305" s="89" t="s">
        <v>759</v>
      </c>
      <c r="R305" s="385"/>
      <c r="S305" s="385"/>
      <c r="T305" s="386"/>
      <c r="V305" s="99"/>
      <c r="W305" s="99"/>
    </row>
    <row r="306" spans="1:23" s="8" customFormat="1" hidden="1">
      <c r="A306" s="88"/>
      <c r="B306" s="88"/>
      <c r="C306" s="87"/>
      <c r="D306" s="87"/>
      <c r="E306" s="87"/>
      <c r="F306" s="87"/>
      <c r="G306" s="87"/>
      <c r="H306" s="87">
        <v>2</v>
      </c>
      <c r="I306" s="87">
        <v>373</v>
      </c>
      <c r="J306" s="87" t="s">
        <v>1</v>
      </c>
      <c r="K306" s="87" t="s">
        <v>78</v>
      </c>
      <c r="L306" s="11" t="s">
        <v>71</v>
      </c>
      <c r="M306" s="87">
        <v>1</v>
      </c>
      <c r="N306" s="87" t="s">
        <v>519</v>
      </c>
      <c r="O306" s="87">
        <v>8</v>
      </c>
      <c r="P306" s="87">
        <v>8</v>
      </c>
      <c r="Q306" s="89"/>
      <c r="R306" s="385"/>
      <c r="S306" s="385"/>
      <c r="T306" s="386"/>
      <c r="V306" s="99"/>
      <c r="W306" s="99"/>
    </row>
    <row r="307" spans="1:23" s="8" customFormat="1" hidden="1">
      <c r="A307" s="88"/>
      <c r="B307" s="88"/>
      <c r="C307" s="87"/>
      <c r="D307" s="87"/>
      <c r="E307" s="87"/>
      <c r="F307" s="87"/>
      <c r="G307" s="87"/>
      <c r="H307" s="87">
        <v>3</v>
      </c>
      <c r="I307" s="87">
        <v>337</v>
      </c>
      <c r="J307" s="87" t="s">
        <v>79</v>
      </c>
      <c r="K307" s="87" t="s">
        <v>78</v>
      </c>
      <c r="L307" s="11" t="s">
        <v>71</v>
      </c>
      <c r="M307" s="87">
        <v>1</v>
      </c>
      <c r="N307" s="87" t="s">
        <v>518</v>
      </c>
      <c r="O307" s="87">
        <v>4</v>
      </c>
      <c r="P307" s="87">
        <v>8</v>
      </c>
      <c r="Q307" s="89"/>
      <c r="R307" s="385"/>
      <c r="S307" s="385"/>
      <c r="T307" s="386"/>
      <c r="V307" s="99"/>
      <c r="W307" s="99"/>
    </row>
    <row r="308" spans="1:23" s="8" customFormat="1" ht="70" hidden="1">
      <c r="A308" s="88"/>
      <c r="B308" s="88"/>
      <c r="C308" s="87"/>
      <c r="D308" s="87"/>
      <c r="E308" s="87"/>
      <c r="F308" s="87"/>
      <c r="G308" s="87"/>
      <c r="H308" s="87">
        <v>4</v>
      </c>
      <c r="I308" s="87">
        <v>623</v>
      </c>
      <c r="J308" s="87" t="s">
        <v>76</v>
      </c>
      <c r="K308" s="87" t="s">
        <v>17</v>
      </c>
      <c r="L308" s="11" t="s">
        <v>71</v>
      </c>
      <c r="M308" s="87">
        <v>1</v>
      </c>
      <c r="N308" s="87" t="s">
        <v>514</v>
      </c>
      <c r="O308" s="87">
        <v>2</v>
      </c>
      <c r="P308" s="87">
        <v>2</v>
      </c>
      <c r="Q308" s="270" t="s">
        <v>624</v>
      </c>
      <c r="R308" s="385"/>
      <c r="S308" s="385"/>
      <c r="T308" s="386"/>
      <c r="V308" s="99"/>
      <c r="W308" s="99"/>
    </row>
    <row r="309" spans="1:23" s="8" customFormat="1" hidden="1">
      <c r="A309" s="84"/>
      <c r="B309" s="84"/>
      <c r="C309" s="85" t="s">
        <v>84</v>
      </c>
      <c r="D309" s="85" t="s">
        <v>428</v>
      </c>
      <c r="E309" s="85"/>
      <c r="F309" s="85"/>
      <c r="G309" s="85"/>
      <c r="H309" s="85"/>
      <c r="I309" s="85"/>
      <c r="J309" s="85"/>
      <c r="K309" s="85" t="s">
        <v>17</v>
      </c>
      <c r="L309" s="75" t="s">
        <v>71</v>
      </c>
      <c r="M309" s="85">
        <v>10</v>
      </c>
      <c r="N309" s="85"/>
      <c r="O309" s="85"/>
      <c r="P309" s="85"/>
      <c r="Q309" s="86"/>
      <c r="R309" s="385"/>
      <c r="S309" s="385"/>
      <c r="T309" s="386"/>
      <c r="V309" s="99"/>
      <c r="W309" s="99"/>
    </row>
    <row r="310" spans="1:23" s="8" customFormat="1" hidden="1">
      <c r="A310" s="88"/>
      <c r="B310" s="88"/>
      <c r="C310" s="87"/>
      <c r="D310" s="87"/>
      <c r="E310" s="87"/>
      <c r="F310" s="87"/>
      <c r="G310" s="87"/>
      <c r="H310" s="87">
        <v>1</v>
      </c>
      <c r="I310" s="87">
        <v>374</v>
      </c>
      <c r="J310" s="87" t="s">
        <v>82</v>
      </c>
      <c r="K310" s="87" t="s">
        <v>66</v>
      </c>
      <c r="L310" s="11" t="s">
        <v>65</v>
      </c>
      <c r="M310" s="87">
        <v>1</v>
      </c>
      <c r="N310" s="87" t="s">
        <v>514</v>
      </c>
      <c r="O310" s="87">
        <v>3</v>
      </c>
      <c r="P310" s="87">
        <v>3</v>
      </c>
      <c r="Q310" s="89" t="s">
        <v>843</v>
      </c>
      <c r="R310" s="385"/>
      <c r="S310" s="385"/>
      <c r="T310" s="386"/>
      <c r="V310" s="99"/>
      <c r="W310" s="99"/>
    </row>
    <row r="311" spans="1:23" s="8" customFormat="1" hidden="1">
      <c r="A311" s="88"/>
      <c r="B311" s="88"/>
      <c r="C311" s="87"/>
      <c r="D311" s="87"/>
      <c r="E311" s="87"/>
      <c r="F311" s="87"/>
      <c r="G311" s="87"/>
      <c r="H311" s="87">
        <v>2</v>
      </c>
      <c r="I311" s="87">
        <v>373</v>
      </c>
      <c r="J311" s="87" t="s">
        <v>1</v>
      </c>
      <c r="K311" s="87" t="s">
        <v>78</v>
      </c>
      <c r="L311" s="11" t="s">
        <v>71</v>
      </c>
      <c r="M311" s="87">
        <v>1</v>
      </c>
      <c r="N311" s="87" t="s">
        <v>519</v>
      </c>
      <c r="O311" s="87">
        <v>8</v>
      </c>
      <c r="P311" s="87">
        <v>8</v>
      </c>
      <c r="Q311" s="89"/>
      <c r="R311" s="385"/>
      <c r="S311" s="385"/>
      <c r="T311" s="386"/>
      <c r="V311" s="99"/>
      <c r="W311" s="99"/>
    </row>
    <row r="312" spans="1:23" s="8" customFormat="1" hidden="1">
      <c r="A312" s="88"/>
      <c r="B312" s="88"/>
      <c r="C312" s="87"/>
      <c r="D312" s="87"/>
      <c r="E312" s="87"/>
      <c r="F312" s="87"/>
      <c r="G312" s="87"/>
      <c r="H312" s="87">
        <v>3</v>
      </c>
      <c r="I312" s="87">
        <v>337</v>
      </c>
      <c r="J312" s="87" t="s">
        <v>79</v>
      </c>
      <c r="K312" s="87" t="s">
        <v>78</v>
      </c>
      <c r="L312" s="11" t="s">
        <v>71</v>
      </c>
      <c r="M312" s="87">
        <v>1</v>
      </c>
      <c r="N312" s="87" t="s">
        <v>518</v>
      </c>
      <c r="O312" s="87">
        <v>4</v>
      </c>
      <c r="P312" s="87">
        <v>8</v>
      </c>
      <c r="Q312" s="89"/>
      <c r="R312" s="385"/>
      <c r="S312" s="385"/>
      <c r="T312" s="386"/>
      <c r="V312" s="99"/>
      <c r="W312" s="99"/>
    </row>
    <row r="313" spans="1:23" s="8" customFormat="1" ht="70" hidden="1">
      <c r="A313" s="88"/>
      <c r="B313" s="88"/>
      <c r="C313" s="87"/>
      <c r="D313" s="87"/>
      <c r="E313" s="87"/>
      <c r="F313" s="87"/>
      <c r="G313" s="87"/>
      <c r="H313" s="87">
        <v>4</v>
      </c>
      <c r="I313" s="87">
        <v>623</v>
      </c>
      <c r="J313" s="87" t="s">
        <v>76</v>
      </c>
      <c r="K313" s="87" t="s">
        <v>17</v>
      </c>
      <c r="L313" s="11" t="s">
        <v>71</v>
      </c>
      <c r="M313" s="87">
        <v>1</v>
      </c>
      <c r="N313" s="87" t="s">
        <v>514</v>
      </c>
      <c r="O313" s="87">
        <v>2</v>
      </c>
      <c r="P313" s="87">
        <v>2</v>
      </c>
      <c r="Q313" s="270" t="s">
        <v>624</v>
      </c>
      <c r="R313" s="385"/>
      <c r="S313" s="385"/>
      <c r="T313" s="386"/>
      <c r="V313" s="99"/>
      <c r="W313" s="99"/>
    </row>
    <row r="314" spans="1:23" s="8" customFormat="1" hidden="1">
      <c r="A314" s="84"/>
      <c r="B314" s="84"/>
      <c r="C314" s="85" t="s">
        <v>84</v>
      </c>
      <c r="D314" s="85" t="s">
        <v>428</v>
      </c>
      <c r="E314" s="85"/>
      <c r="F314" s="85"/>
      <c r="G314" s="85"/>
      <c r="H314" s="85"/>
      <c r="I314" s="85"/>
      <c r="J314" s="85"/>
      <c r="K314" s="85" t="s">
        <v>17</v>
      </c>
      <c r="L314" s="75" t="s">
        <v>71</v>
      </c>
      <c r="M314" s="85">
        <v>10</v>
      </c>
      <c r="N314" s="85"/>
      <c r="O314" s="85"/>
      <c r="P314" s="85"/>
      <c r="Q314" s="86"/>
      <c r="R314" s="385"/>
      <c r="S314" s="385"/>
      <c r="T314" s="386"/>
      <c r="V314" s="99"/>
      <c r="W314" s="99"/>
    </row>
    <row r="315" spans="1:23" s="8" customFormat="1" hidden="1">
      <c r="A315" s="88"/>
      <c r="B315" s="88"/>
      <c r="C315" s="87"/>
      <c r="D315" s="87"/>
      <c r="E315" s="87"/>
      <c r="F315" s="87"/>
      <c r="G315" s="87"/>
      <c r="H315" s="87">
        <v>1</v>
      </c>
      <c r="I315" s="87">
        <v>374</v>
      </c>
      <c r="J315" s="87" t="s">
        <v>82</v>
      </c>
      <c r="K315" s="87" t="s">
        <v>66</v>
      </c>
      <c r="L315" s="11" t="s">
        <v>65</v>
      </c>
      <c r="M315" s="87">
        <v>1</v>
      </c>
      <c r="N315" s="87" t="s">
        <v>514</v>
      </c>
      <c r="O315" s="87">
        <v>3</v>
      </c>
      <c r="P315" s="87">
        <v>3</v>
      </c>
      <c r="Q315" s="89" t="s">
        <v>844</v>
      </c>
      <c r="R315" s="385"/>
      <c r="S315" s="385"/>
      <c r="T315" s="386"/>
      <c r="V315" s="99"/>
      <c r="W315" s="99"/>
    </row>
    <row r="316" spans="1:23" s="8" customFormat="1" hidden="1">
      <c r="A316" s="88"/>
      <c r="B316" s="88"/>
      <c r="C316" s="87"/>
      <c r="D316" s="87"/>
      <c r="E316" s="87"/>
      <c r="F316" s="87"/>
      <c r="G316" s="87"/>
      <c r="H316" s="87">
        <v>2</v>
      </c>
      <c r="I316" s="87">
        <v>373</v>
      </c>
      <c r="J316" s="87" t="s">
        <v>1</v>
      </c>
      <c r="K316" s="87" t="s">
        <v>78</v>
      </c>
      <c r="L316" s="11" t="s">
        <v>71</v>
      </c>
      <c r="M316" s="87">
        <v>1</v>
      </c>
      <c r="N316" s="87" t="s">
        <v>519</v>
      </c>
      <c r="O316" s="87">
        <v>8</v>
      </c>
      <c r="P316" s="87">
        <v>8</v>
      </c>
      <c r="Q316" s="89"/>
      <c r="R316" s="385"/>
      <c r="S316" s="385"/>
      <c r="T316" s="386"/>
      <c r="V316" s="99"/>
      <c r="W316" s="99"/>
    </row>
    <row r="317" spans="1:23" s="8" customFormat="1" hidden="1">
      <c r="A317" s="88"/>
      <c r="B317" s="88"/>
      <c r="C317" s="87"/>
      <c r="D317" s="87"/>
      <c r="E317" s="87"/>
      <c r="F317" s="87"/>
      <c r="G317" s="87"/>
      <c r="H317" s="87">
        <v>3</v>
      </c>
      <c r="I317" s="87">
        <v>337</v>
      </c>
      <c r="J317" s="87" t="s">
        <v>79</v>
      </c>
      <c r="K317" s="87" t="s">
        <v>78</v>
      </c>
      <c r="L317" s="11" t="s">
        <v>71</v>
      </c>
      <c r="M317" s="87">
        <v>1</v>
      </c>
      <c r="N317" s="87" t="s">
        <v>518</v>
      </c>
      <c r="O317" s="87">
        <v>4</v>
      </c>
      <c r="P317" s="87">
        <v>8</v>
      </c>
      <c r="Q317" s="89"/>
      <c r="R317" s="385"/>
      <c r="S317" s="385"/>
      <c r="T317" s="386"/>
      <c r="V317" s="99"/>
      <c r="W317" s="99"/>
    </row>
    <row r="318" spans="1:23" s="8" customFormat="1" ht="70" hidden="1">
      <c r="A318" s="88"/>
      <c r="B318" s="88"/>
      <c r="C318" s="87"/>
      <c r="D318" s="87"/>
      <c r="E318" s="87"/>
      <c r="F318" s="87"/>
      <c r="G318" s="87"/>
      <c r="H318" s="87">
        <v>4</v>
      </c>
      <c r="I318" s="87">
        <v>623</v>
      </c>
      <c r="J318" s="87" t="s">
        <v>76</v>
      </c>
      <c r="K318" s="87" t="s">
        <v>17</v>
      </c>
      <c r="L318" s="11" t="s">
        <v>71</v>
      </c>
      <c r="M318" s="87">
        <v>1</v>
      </c>
      <c r="N318" s="87" t="s">
        <v>514</v>
      </c>
      <c r="O318" s="87">
        <v>2</v>
      </c>
      <c r="P318" s="87">
        <v>2</v>
      </c>
      <c r="Q318" s="270" t="s">
        <v>624</v>
      </c>
      <c r="R318" s="385"/>
      <c r="S318" s="385"/>
      <c r="T318" s="386"/>
      <c r="V318" s="99"/>
      <c r="W318" s="99"/>
    </row>
    <row r="319" spans="1:23" s="8" customFormat="1" hidden="1">
      <c r="A319" s="84"/>
      <c r="B319" s="84"/>
      <c r="C319" s="85" t="s">
        <v>84</v>
      </c>
      <c r="D319" s="85" t="s">
        <v>428</v>
      </c>
      <c r="E319" s="85"/>
      <c r="F319" s="85"/>
      <c r="G319" s="85"/>
      <c r="H319" s="85"/>
      <c r="I319" s="85"/>
      <c r="J319" s="85"/>
      <c r="K319" s="85" t="s">
        <v>17</v>
      </c>
      <c r="L319" s="75" t="s">
        <v>71</v>
      </c>
      <c r="M319" s="85">
        <v>10</v>
      </c>
      <c r="N319" s="85"/>
      <c r="O319" s="85"/>
      <c r="P319" s="85"/>
      <c r="Q319" s="86"/>
      <c r="R319" s="385"/>
      <c r="S319" s="385"/>
      <c r="T319" s="386"/>
      <c r="V319" s="99"/>
      <c r="W319" s="99"/>
    </row>
    <row r="320" spans="1:23" s="8" customFormat="1" hidden="1">
      <c r="A320" s="88"/>
      <c r="B320" s="88"/>
      <c r="C320" s="87"/>
      <c r="D320" s="87"/>
      <c r="E320" s="87"/>
      <c r="F320" s="87"/>
      <c r="G320" s="87"/>
      <c r="H320" s="87">
        <v>1</v>
      </c>
      <c r="I320" s="87">
        <v>374</v>
      </c>
      <c r="J320" s="87" t="s">
        <v>82</v>
      </c>
      <c r="K320" s="87" t="s">
        <v>66</v>
      </c>
      <c r="L320" s="11" t="s">
        <v>65</v>
      </c>
      <c r="M320" s="87">
        <v>1</v>
      </c>
      <c r="N320" s="87" t="s">
        <v>514</v>
      </c>
      <c r="O320" s="87">
        <v>3</v>
      </c>
      <c r="P320" s="87">
        <v>3</v>
      </c>
      <c r="Q320" s="89" t="s">
        <v>732</v>
      </c>
      <c r="R320" s="385"/>
      <c r="S320" s="385"/>
      <c r="T320" s="386"/>
      <c r="V320" s="99"/>
      <c r="W320" s="99"/>
    </row>
    <row r="321" spans="1:23" s="8" customFormat="1" hidden="1">
      <c r="A321" s="88"/>
      <c r="B321" s="88"/>
      <c r="C321" s="87"/>
      <c r="D321" s="87"/>
      <c r="E321" s="87"/>
      <c r="F321" s="87"/>
      <c r="G321" s="87"/>
      <c r="H321" s="87">
        <v>2</v>
      </c>
      <c r="I321" s="87">
        <v>373</v>
      </c>
      <c r="J321" s="87" t="s">
        <v>1</v>
      </c>
      <c r="K321" s="87" t="s">
        <v>78</v>
      </c>
      <c r="L321" s="11" t="s">
        <v>71</v>
      </c>
      <c r="M321" s="87">
        <v>1</v>
      </c>
      <c r="N321" s="87" t="s">
        <v>519</v>
      </c>
      <c r="O321" s="87">
        <v>8</v>
      </c>
      <c r="P321" s="87">
        <v>8</v>
      </c>
      <c r="Q321" s="89"/>
      <c r="R321" s="385"/>
      <c r="S321" s="385"/>
      <c r="T321" s="386"/>
      <c r="V321" s="99"/>
      <c r="W321" s="99"/>
    </row>
    <row r="322" spans="1:23" s="8" customFormat="1" hidden="1">
      <c r="A322" s="88"/>
      <c r="B322" s="88"/>
      <c r="C322" s="87"/>
      <c r="D322" s="87"/>
      <c r="E322" s="87"/>
      <c r="F322" s="87"/>
      <c r="G322" s="87"/>
      <c r="H322" s="87">
        <v>3</v>
      </c>
      <c r="I322" s="87">
        <v>337</v>
      </c>
      <c r="J322" s="87" t="s">
        <v>79</v>
      </c>
      <c r="K322" s="87" t="s">
        <v>78</v>
      </c>
      <c r="L322" s="11" t="s">
        <v>71</v>
      </c>
      <c r="M322" s="87">
        <v>1</v>
      </c>
      <c r="N322" s="87" t="s">
        <v>518</v>
      </c>
      <c r="O322" s="87">
        <v>4</v>
      </c>
      <c r="P322" s="87">
        <v>8</v>
      </c>
      <c r="Q322" s="89"/>
      <c r="R322" s="385"/>
      <c r="S322" s="385"/>
      <c r="T322" s="386"/>
      <c r="V322" s="99"/>
      <c r="W322" s="99"/>
    </row>
    <row r="323" spans="1:23" s="8" customFormat="1" ht="70" hidden="1">
      <c r="A323" s="88"/>
      <c r="B323" s="88"/>
      <c r="C323" s="87"/>
      <c r="D323" s="87"/>
      <c r="E323" s="87"/>
      <c r="F323" s="87"/>
      <c r="G323" s="87"/>
      <c r="H323" s="87">
        <v>4</v>
      </c>
      <c r="I323" s="87">
        <v>623</v>
      </c>
      <c r="J323" s="87" t="s">
        <v>76</v>
      </c>
      <c r="K323" s="87" t="s">
        <v>17</v>
      </c>
      <c r="L323" s="11" t="s">
        <v>71</v>
      </c>
      <c r="M323" s="87">
        <v>1</v>
      </c>
      <c r="N323" s="87" t="s">
        <v>514</v>
      </c>
      <c r="O323" s="87">
        <v>2</v>
      </c>
      <c r="P323" s="87">
        <v>2</v>
      </c>
      <c r="Q323" s="270" t="s">
        <v>624</v>
      </c>
      <c r="R323" s="385"/>
      <c r="S323" s="385"/>
      <c r="T323" s="386"/>
      <c r="V323" s="99"/>
      <c r="W323" s="99"/>
    </row>
    <row r="324" spans="1:23" s="8" customFormat="1" hidden="1">
      <c r="A324" s="84" t="s">
        <v>177</v>
      </c>
      <c r="B324" s="84" t="s">
        <v>126</v>
      </c>
      <c r="C324" s="85"/>
      <c r="D324" s="85"/>
      <c r="E324" s="85"/>
      <c r="F324" s="85"/>
      <c r="G324" s="85"/>
      <c r="H324" s="85"/>
      <c r="I324" s="85"/>
      <c r="J324" s="85"/>
      <c r="K324" s="85" t="s">
        <v>17</v>
      </c>
      <c r="L324" s="75" t="s">
        <v>71</v>
      </c>
      <c r="M324" s="85">
        <v>1</v>
      </c>
      <c r="N324" s="85"/>
      <c r="O324" s="85"/>
      <c r="P324" s="85"/>
      <c r="Q324" s="86"/>
      <c r="R324" s="385"/>
      <c r="S324" s="385"/>
      <c r="T324" s="386"/>
      <c r="V324" s="99"/>
      <c r="W324" s="99"/>
    </row>
    <row r="325" spans="1:23" s="8" customFormat="1" hidden="1">
      <c r="A325" s="84"/>
      <c r="B325" s="84"/>
      <c r="C325" s="85" t="s">
        <v>177</v>
      </c>
      <c r="D325" s="85" t="s">
        <v>126</v>
      </c>
      <c r="E325" s="85"/>
      <c r="F325" s="85"/>
      <c r="G325" s="85"/>
      <c r="H325" s="85"/>
      <c r="I325" s="85"/>
      <c r="J325" s="85"/>
      <c r="K325" s="85" t="s">
        <v>17</v>
      </c>
      <c r="L325" s="75" t="s">
        <v>71</v>
      </c>
      <c r="M325" s="85">
        <v>1</v>
      </c>
      <c r="N325" s="85"/>
      <c r="O325" s="85"/>
      <c r="P325" s="85"/>
      <c r="Q325" s="86"/>
      <c r="R325" s="385"/>
      <c r="S325" s="385"/>
      <c r="T325" s="386"/>
      <c r="V325" s="99"/>
      <c r="W325" s="99"/>
    </row>
    <row r="326" spans="1:23" s="8" customFormat="1" hidden="1">
      <c r="A326" s="88"/>
      <c r="B326" s="88"/>
      <c r="C326" s="87"/>
      <c r="D326" s="87"/>
      <c r="E326" s="87"/>
      <c r="F326" s="87"/>
      <c r="G326" s="87"/>
      <c r="H326" s="87">
        <v>1</v>
      </c>
      <c r="I326" s="87">
        <v>128</v>
      </c>
      <c r="J326" s="87" t="s">
        <v>128</v>
      </c>
      <c r="K326" s="87" t="s">
        <v>66</v>
      </c>
      <c r="L326" s="11" t="s">
        <v>65</v>
      </c>
      <c r="M326" s="87">
        <v>1</v>
      </c>
      <c r="N326" s="87" t="s">
        <v>514</v>
      </c>
      <c r="O326" s="87">
        <v>2</v>
      </c>
      <c r="P326" s="87">
        <v>3</v>
      </c>
      <c r="Q326" s="89" t="s">
        <v>672</v>
      </c>
      <c r="R326" s="385"/>
      <c r="S326" s="385"/>
      <c r="T326" s="386"/>
      <c r="V326" s="99"/>
      <c r="W326" s="99"/>
    </row>
    <row r="327" spans="1:23" s="8" customFormat="1" hidden="1">
      <c r="A327" s="88"/>
      <c r="B327" s="88"/>
      <c r="C327" s="87"/>
      <c r="D327" s="87"/>
      <c r="E327" s="87"/>
      <c r="F327" s="87"/>
      <c r="G327" s="87"/>
      <c r="H327" s="87">
        <v>2</v>
      </c>
      <c r="I327" s="87">
        <v>127</v>
      </c>
      <c r="J327" s="87" t="s">
        <v>126</v>
      </c>
      <c r="K327" s="87" t="s">
        <v>78</v>
      </c>
      <c r="L327" s="11" t="s">
        <v>71</v>
      </c>
      <c r="M327" s="87">
        <v>1</v>
      </c>
      <c r="N327" s="87" t="s">
        <v>509</v>
      </c>
      <c r="O327" s="87">
        <v>1</v>
      </c>
      <c r="P327" s="87">
        <v>30</v>
      </c>
      <c r="Q327" s="89"/>
      <c r="R327" s="385"/>
      <c r="S327" s="385"/>
      <c r="T327" s="386"/>
      <c r="V327" s="99"/>
      <c r="W327" s="99"/>
    </row>
    <row r="328" spans="1:23" s="8" customFormat="1" hidden="1">
      <c r="A328" s="88"/>
      <c r="B328" s="88"/>
      <c r="C328" s="87"/>
      <c r="D328" s="87"/>
      <c r="E328" s="87"/>
      <c r="F328" s="87"/>
      <c r="G328" s="87"/>
      <c r="H328" s="87">
        <v>3</v>
      </c>
      <c r="I328" s="87">
        <v>369</v>
      </c>
      <c r="J328" s="87" t="s">
        <v>172</v>
      </c>
      <c r="K328" s="87" t="s">
        <v>78</v>
      </c>
      <c r="L328" s="11" t="s">
        <v>71</v>
      </c>
      <c r="M328" s="87">
        <v>1</v>
      </c>
      <c r="N328" s="87" t="s">
        <v>509</v>
      </c>
      <c r="O328" s="87">
        <v>1</v>
      </c>
      <c r="P328" s="87">
        <v>45</v>
      </c>
      <c r="Q328" s="89" t="s">
        <v>673</v>
      </c>
      <c r="R328" s="385"/>
      <c r="S328" s="385"/>
      <c r="T328" s="386"/>
      <c r="V328" s="99"/>
      <c r="W328" s="99"/>
    </row>
    <row r="329" spans="1:23" s="8" customFormat="1" hidden="1">
      <c r="A329" s="84"/>
      <c r="B329" s="84"/>
      <c r="C329" s="85" t="s">
        <v>87</v>
      </c>
      <c r="D329" s="85" t="s">
        <v>515</v>
      </c>
      <c r="E329" s="85"/>
      <c r="F329" s="85"/>
      <c r="G329" s="85"/>
      <c r="H329" s="85"/>
      <c r="I329" s="85"/>
      <c r="J329" s="85"/>
      <c r="K329" s="85" t="s">
        <v>66</v>
      </c>
      <c r="L329" s="75" t="s">
        <v>65</v>
      </c>
      <c r="M329" s="85">
        <v>10</v>
      </c>
      <c r="N329" s="85"/>
      <c r="O329" s="85"/>
      <c r="P329" s="85"/>
      <c r="Q329" s="86"/>
      <c r="R329" s="385"/>
      <c r="S329" s="385"/>
      <c r="T329" s="386"/>
      <c r="V329" s="99"/>
      <c r="W329" s="99"/>
    </row>
    <row r="330" spans="1:23" s="8" customFormat="1" hidden="1">
      <c r="A330" s="88"/>
      <c r="B330" s="88"/>
      <c r="C330" s="87"/>
      <c r="D330" s="87"/>
      <c r="E330" s="87"/>
      <c r="F330" s="87"/>
      <c r="G330" s="87"/>
      <c r="H330" s="87">
        <v>1</v>
      </c>
      <c r="I330" s="87">
        <v>933</v>
      </c>
      <c r="J330" s="87" t="s">
        <v>85</v>
      </c>
      <c r="K330" s="87" t="s">
        <v>66</v>
      </c>
      <c r="L330" s="11" t="s">
        <v>65</v>
      </c>
      <c r="M330" s="87">
        <v>1</v>
      </c>
      <c r="N330" s="87" t="s">
        <v>509</v>
      </c>
      <c r="O330" s="87">
        <v>1</v>
      </c>
      <c r="P330" s="87">
        <v>264</v>
      </c>
      <c r="Q330" s="89"/>
      <c r="R330" s="385"/>
      <c r="S330" s="385"/>
      <c r="T330" s="386"/>
      <c r="V330" s="99"/>
      <c r="W330" s="99"/>
    </row>
    <row r="331" spans="1:23" s="8" customFormat="1" hidden="1">
      <c r="A331" s="88"/>
      <c r="B331" s="88"/>
      <c r="C331" s="87"/>
      <c r="D331" s="87"/>
      <c r="E331" s="87"/>
      <c r="F331" s="87"/>
      <c r="G331" s="87"/>
      <c r="H331" s="87">
        <v>2</v>
      </c>
      <c r="I331" s="87">
        <v>934</v>
      </c>
      <c r="J331" s="87" t="s">
        <v>178</v>
      </c>
      <c r="K331" s="87" t="s">
        <v>78</v>
      </c>
      <c r="L331" s="11" t="s">
        <v>71</v>
      </c>
      <c r="M331" s="87">
        <v>1</v>
      </c>
      <c r="N331" s="87" t="s">
        <v>514</v>
      </c>
      <c r="O331" s="87">
        <v>2</v>
      </c>
      <c r="P331" s="87">
        <v>2</v>
      </c>
      <c r="Q331" s="89" t="s">
        <v>674</v>
      </c>
      <c r="R331" s="385"/>
      <c r="S331" s="385"/>
      <c r="T331" s="386"/>
      <c r="V331" s="99"/>
      <c r="W331" s="99"/>
    </row>
    <row r="332" spans="1:23" s="8" customFormat="1">
      <c r="A332" s="84" t="s">
        <v>177</v>
      </c>
      <c r="B332" s="84" t="s">
        <v>126</v>
      </c>
      <c r="C332" s="85"/>
      <c r="D332" s="85"/>
      <c r="E332" s="85"/>
      <c r="F332" s="85"/>
      <c r="G332" s="85"/>
      <c r="H332" s="85"/>
      <c r="I332" s="85"/>
      <c r="J332" s="85"/>
      <c r="K332" s="85" t="s">
        <v>17</v>
      </c>
      <c r="L332" s="75" t="s">
        <v>71</v>
      </c>
      <c r="M332" s="85">
        <v>1</v>
      </c>
      <c r="N332" s="85"/>
      <c r="O332" s="85"/>
      <c r="P332" s="85"/>
      <c r="Q332" s="86"/>
      <c r="R332" s="385" t="s">
        <v>2797</v>
      </c>
      <c r="S332" s="385" t="s">
        <v>2798</v>
      </c>
      <c r="T332" s="386" t="s">
        <v>2799</v>
      </c>
      <c r="V332" s="99"/>
      <c r="W332" s="99"/>
    </row>
    <row r="333" spans="1:23" s="8" customFormat="1" hidden="1">
      <c r="A333" s="84"/>
      <c r="B333" s="84"/>
      <c r="C333" s="85" t="s">
        <v>177</v>
      </c>
      <c r="D333" s="85" t="s">
        <v>126</v>
      </c>
      <c r="E333" s="85"/>
      <c r="F333" s="85"/>
      <c r="G333" s="85"/>
      <c r="H333" s="85"/>
      <c r="I333" s="85"/>
      <c r="J333" s="85"/>
      <c r="K333" s="85" t="s">
        <v>17</v>
      </c>
      <c r="L333" s="75" t="s">
        <v>71</v>
      </c>
      <c r="M333" s="85">
        <v>1</v>
      </c>
      <c r="N333" s="85"/>
      <c r="O333" s="85"/>
      <c r="P333" s="85"/>
      <c r="Q333" s="86"/>
      <c r="R333" s="385"/>
      <c r="S333" s="385"/>
      <c r="T333" s="386"/>
      <c r="V333" s="99"/>
      <c r="W333" s="99"/>
    </row>
    <row r="334" spans="1:23" s="8" customFormat="1" ht="17" hidden="1" customHeight="1">
      <c r="A334" s="88"/>
      <c r="B334" s="88"/>
      <c r="C334" s="87"/>
      <c r="D334" s="87"/>
      <c r="E334" s="87"/>
      <c r="F334" s="87"/>
      <c r="G334" s="87"/>
      <c r="H334" s="87">
        <v>1</v>
      </c>
      <c r="I334" s="87">
        <v>128</v>
      </c>
      <c r="J334" s="87" t="s">
        <v>128</v>
      </c>
      <c r="K334" s="87" t="s">
        <v>66</v>
      </c>
      <c r="L334" s="11" t="s">
        <v>65</v>
      </c>
      <c r="M334" s="87">
        <v>1</v>
      </c>
      <c r="N334" s="87" t="s">
        <v>514</v>
      </c>
      <c r="O334" s="87">
        <v>2</v>
      </c>
      <c r="P334" s="87">
        <v>3</v>
      </c>
      <c r="Q334" s="89" t="s">
        <v>672</v>
      </c>
      <c r="R334" s="385"/>
      <c r="S334" s="385"/>
      <c r="T334" s="386"/>
      <c r="V334" s="99"/>
      <c r="W334" s="99"/>
    </row>
    <row r="335" spans="1:23" s="8" customFormat="1" hidden="1">
      <c r="A335" s="88"/>
      <c r="B335" s="88"/>
      <c r="C335" s="87"/>
      <c r="D335" s="87"/>
      <c r="E335" s="87"/>
      <c r="F335" s="87"/>
      <c r="G335" s="87"/>
      <c r="H335" s="87">
        <v>2</v>
      </c>
      <c r="I335" s="87">
        <v>127</v>
      </c>
      <c r="J335" s="87" t="s">
        <v>126</v>
      </c>
      <c r="K335" s="87" t="s">
        <v>78</v>
      </c>
      <c r="L335" s="11" t="s">
        <v>71</v>
      </c>
      <c r="M335" s="87">
        <v>1</v>
      </c>
      <c r="N335" s="87" t="s">
        <v>509</v>
      </c>
      <c r="O335" s="87">
        <v>1</v>
      </c>
      <c r="P335" s="87">
        <v>30</v>
      </c>
      <c r="Q335" s="89"/>
      <c r="R335" s="385"/>
      <c r="S335" s="385"/>
      <c r="T335" s="386"/>
      <c r="V335" s="99"/>
      <c r="W335" s="99"/>
    </row>
    <row r="336" spans="1:23" s="8" customFormat="1" hidden="1">
      <c r="A336" s="88"/>
      <c r="B336" s="88"/>
      <c r="C336" s="87"/>
      <c r="D336" s="87"/>
      <c r="E336" s="87"/>
      <c r="F336" s="87"/>
      <c r="G336" s="87"/>
      <c r="H336" s="87">
        <v>3</v>
      </c>
      <c r="I336" s="87">
        <v>369</v>
      </c>
      <c r="J336" s="87" t="s">
        <v>172</v>
      </c>
      <c r="K336" s="87" t="s">
        <v>78</v>
      </c>
      <c r="L336" s="11" t="s">
        <v>71</v>
      </c>
      <c r="M336" s="87">
        <v>1</v>
      </c>
      <c r="N336" s="87" t="s">
        <v>509</v>
      </c>
      <c r="O336" s="87">
        <v>1</v>
      </c>
      <c r="P336" s="87">
        <v>45</v>
      </c>
      <c r="Q336" s="89" t="s">
        <v>673</v>
      </c>
      <c r="R336" s="385"/>
      <c r="S336" s="385"/>
      <c r="T336" s="386"/>
      <c r="V336" s="99"/>
      <c r="W336" s="99"/>
    </row>
    <row r="337" spans="1:23" s="8" customFormat="1">
      <c r="A337" s="84"/>
      <c r="B337" s="84"/>
      <c r="C337" s="85" t="s">
        <v>87</v>
      </c>
      <c r="D337" s="85" t="s">
        <v>515</v>
      </c>
      <c r="E337" s="85"/>
      <c r="F337" s="85"/>
      <c r="G337" s="85"/>
      <c r="H337" s="85"/>
      <c r="I337" s="85"/>
      <c r="J337" s="85"/>
      <c r="K337" s="85" t="s">
        <v>66</v>
      </c>
      <c r="L337" s="75" t="s">
        <v>65</v>
      </c>
      <c r="M337" s="85">
        <v>10</v>
      </c>
      <c r="N337" s="85"/>
      <c r="O337" s="85"/>
      <c r="P337" s="85"/>
      <c r="Q337" s="86"/>
      <c r="R337" s="385" t="s">
        <v>2800</v>
      </c>
      <c r="S337" s="385" t="s">
        <v>2801</v>
      </c>
      <c r="T337" s="386" t="s">
        <v>2799</v>
      </c>
      <c r="V337" s="99"/>
      <c r="W337" s="99"/>
    </row>
    <row r="338" spans="1:23" s="8" customFormat="1" ht="41" customHeight="1">
      <c r="A338" s="429" t="s">
        <v>845</v>
      </c>
      <c r="B338" s="428"/>
      <c r="C338" s="428"/>
      <c r="D338" s="428"/>
      <c r="E338" s="428"/>
      <c r="F338" s="428"/>
      <c r="G338" s="428"/>
      <c r="H338" s="428"/>
      <c r="I338" s="428"/>
      <c r="J338" s="428"/>
      <c r="K338" s="428"/>
      <c r="L338" s="428"/>
      <c r="M338" s="428"/>
      <c r="N338" s="428"/>
      <c r="O338" s="428"/>
      <c r="P338" s="428"/>
      <c r="Q338" s="428"/>
      <c r="R338" s="385"/>
      <c r="S338" s="385"/>
      <c r="T338" s="386"/>
      <c r="V338" s="99"/>
      <c r="W338" s="99"/>
    </row>
    <row r="339" spans="1:23" s="8" customFormat="1" ht="31.5">
      <c r="A339" s="84" t="s">
        <v>544</v>
      </c>
      <c r="B339" s="84" t="s">
        <v>545</v>
      </c>
      <c r="C339" s="85"/>
      <c r="D339" s="85"/>
      <c r="E339" s="85"/>
      <c r="F339" s="85"/>
      <c r="G339" s="85"/>
      <c r="H339" s="85"/>
      <c r="I339" s="85"/>
      <c r="J339" s="85"/>
      <c r="K339" s="85" t="s">
        <v>17</v>
      </c>
      <c r="L339" s="75" t="s">
        <v>71</v>
      </c>
      <c r="M339" s="85">
        <v>200000</v>
      </c>
      <c r="N339" s="85"/>
      <c r="O339" s="85"/>
      <c r="P339" s="85"/>
      <c r="Q339" s="86"/>
      <c r="R339" s="385" t="s">
        <v>1184</v>
      </c>
      <c r="S339" s="203" t="s">
        <v>2349</v>
      </c>
      <c r="U339" s="207" t="s">
        <v>2397</v>
      </c>
      <c r="V339" s="203"/>
      <c r="W339" s="203"/>
    </row>
    <row r="340" spans="1:23" s="8" customFormat="1">
      <c r="A340" s="84"/>
      <c r="B340" s="84"/>
      <c r="C340" s="85" t="s">
        <v>544</v>
      </c>
      <c r="D340" s="85" t="s">
        <v>545</v>
      </c>
      <c r="E340" s="85"/>
      <c r="F340" s="85"/>
      <c r="G340" s="85"/>
      <c r="H340" s="85"/>
      <c r="I340" s="85"/>
      <c r="J340" s="85"/>
      <c r="K340" s="85" t="s">
        <v>66</v>
      </c>
      <c r="L340" s="75" t="s">
        <v>65</v>
      </c>
      <c r="M340" s="85">
        <v>1</v>
      </c>
      <c r="N340" s="85"/>
      <c r="O340" s="85"/>
      <c r="P340" s="85"/>
      <c r="Q340" s="86"/>
      <c r="R340" s="385"/>
      <c r="S340" s="207"/>
      <c r="U340" s="207" t="s">
        <v>2397</v>
      </c>
      <c r="V340" s="203"/>
      <c r="W340" s="203"/>
    </row>
    <row r="341" spans="1:23" s="8" customFormat="1" hidden="1" outlineLevel="1">
      <c r="A341" s="88"/>
      <c r="B341" s="88"/>
      <c r="C341" s="87"/>
      <c r="D341" s="87"/>
      <c r="E341" s="87"/>
      <c r="F341" s="87"/>
      <c r="G341" s="87"/>
      <c r="H341" s="87">
        <v>1</v>
      </c>
      <c r="I341" s="87">
        <v>350</v>
      </c>
      <c r="J341" s="87" t="s">
        <v>108</v>
      </c>
      <c r="K341" s="87" t="s">
        <v>17</v>
      </c>
      <c r="L341" s="11" t="s">
        <v>71</v>
      </c>
      <c r="M341" s="19">
        <v>1</v>
      </c>
      <c r="N341" s="19" t="s">
        <v>509</v>
      </c>
      <c r="O341" s="19">
        <v>1</v>
      </c>
      <c r="P341" s="19">
        <v>20</v>
      </c>
      <c r="Q341" s="89"/>
      <c r="R341" s="385"/>
      <c r="S341" s="207"/>
      <c r="V341" s="99"/>
      <c r="W341" s="99"/>
    </row>
    <row r="342" spans="1:23" s="8" customFormat="1" hidden="1" outlineLevel="1">
      <c r="A342" s="88"/>
      <c r="B342" s="88"/>
      <c r="C342" s="87"/>
      <c r="D342" s="87"/>
      <c r="E342" s="87"/>
      <c r="F342" s="87"/>
      <c r="G342" s="87"/>
      <c r="H342" s="87">
        <v>2</v>
      </c>
      <c r="I342" s="87">
        <v>358</v>
      </c>
      <c r="J342" s="87" t="s">
        <v>546</v>
      </c>
      <c r="K342" s="87" t="s">
        <v>78</v>
      </c>
      <c r="L342" s="11" t="s">
        <v>71</v>
      </c>
      <c r="M342" s="87">
        <v>1</v>
      </c>
      <c r="N342" s="87" t="s">
        <v>438</v>
      </c>
      <c r="O342" s="87">
        <v>1</v>
      </c>
      <c r="P342" s="87">
        <v>10</v>
      </c>
      <c r="Q342" s="89"/>
      <c r="R342" s="385"/>
      <c r="S342" s="207"/>
      <c r="V342" s="99"/>
      <c r="W342" s="99"/>
    </row>
    <row r="343" spans="1:23" s="8" customFormat="1" ht="70" hidden="1" outlineLevel="1">
      <c r="A343" s="88"/>
      <c r="B343" s="88"/>
      <c r="C343" s="87"/>
      <c r="D343" s="87"/>
      <c r="E343" s="87"/>
      <c r="F343" s="87"/>
      <c r="G343" s="87"/>
      <c r="H343" s="87">
        <v>3</v>
      </c>
      <c r="I343" s="87">
        <v>355</v>
      </c>
      <c r="J343" s="87" t="s">
        <v>103</v>
      </c>
      <c r="K343" s="87" t="s">
        <v>78</v>
      </c>
      <c r="L343" s="11" t="s">
        <v>71</v>
      </c>
      <c r="M343" s="87"/>
      <c r="N343" s="87" t="s">
        <v>514</v>
      </c>
      <c r="O343" s="87">
        <v>2</v>
      </c>
      <c r="P343" s="87">
        <v>2</v>
      </c>
      <c r="Q343" s="270" t="s">
        <v>624</v>
      </c>
      <c r="R343" s="385"/>
      <c r="S343" s="207"/>
      <c r="V343" s="99"/>
      <c r="W343" s="99"/>
    </row>
    <row r="344" spans="1:23" s="8" customFormat="1" hidden="1" outlineLevel="1">
      <c r="A344" s="88"/>
      <c r="B344" s="88"/>
      <c r="C344" s="87"/>
      <c r="D344" s="87"/>
      <c r="E344" s="87"/>
      <c r="F344" s="87"/>
      <c r="G344" s="87"/>
      <c r="H344" s="87">
        <v>4</v>
      </c>
      <c r="I344" s="87">
        <v>212</v>
      </c>
      <c r="J344" s="87" t="s">
        <v>101</v>
      </c>
      <c r="K344" s="87" t="s">
        <v>78</v>
      </c>
      <c r="L344" s="11" t="s">
        <v>71</v>
      </c>
      <c r="M344" s="87">
        <v>1</v>
      </c>
      <c r="N344" s="87" t="s">
        <v>438</v>
      </c>
      <c r="O344" s="87">
        <v>1</v>
      </c>
      <c r="P344" s="87">
        <v>17</v>
      </c>
      <c r="Q344" s="89"/>
      <c r="R344" s="385"/>
      <c r="S344" s="207"/>
      <c r="V344" s="99"/>
      <c r="W344" s="99"/>
    </row>
    <row r="345" spans="1:23" s="8" customFormat="1" hidden="1" outlineLevel="1">
      <c r="A345" s="88"/>
      <c r="B345" s="88"/>
      <c r="C345" s="87"/>
      <c r="D345" s="87"/>
      <c r="E345" s="19"/>
      <c r="F345" s="19"/>
      <c r="G345" s="19"/>
      <c r="H345" s="19">
        <v>5</v>
      </c>
      <c r="I345" s="19">
        <v>639</v>
      </c>
      <c r="J345" s="19" t="s">
        <v>99</v>
      </c>
      <c r="K345" s="19" t="s">
        <v>17</v>
      </c>
      <c r="L345" s="25" t="s">
        <v>96</v>
      </c>
      <c r="M345" s="19">
        <v>1</v>
      </c>
      <c r="N345" s="19" t="s">
        <v>514</v>
      </c>
      <c r="O345" s="19">
        <v>2</v>
      </c>
      <c r="P345" s="19">
        <v>2</v>
      </c>
      <c r="Q345" s="25"/>
      <c r="R345" s="385"/>
      <c r="S345" s="207"/>
      <c r="V345" s="99"/>
      <c r="W345" s="99"/>
    </row>
    <row r="346" spans="1:23" s="8" customFormat="1" ht="70" hidden="1" outlineLevel="1">
      <c r="A346" s="88"/>
      <c r="B346" s="88"/>
      <c r="C346" s="87"/>
      <c r="D346" s="87"/>
      <c r="E346" s="87"/>
      <c r="F346" s="87"/>
      <c r="G346" s="87"/>
      <c r="H346" s="87">
        <v>6</v>
      </c>
      <c r="I346" s="87">
        <v>235</v>
      </c>
      <c r="J346" s="87" t="s">
        <v>90</v>
      </c>
      <c r="K346" s="87" t="s">
        <v>78</v>
      </c>
      <c r="L346" s="18" t="s">
        <v>71</v>
      </c>
      <c r="M346" s="87">
        <v>1</v>
      </c>
      <c r="N346" s="87" t="s">
        <v>514</v>
      </c>
      <c r="O346" s="87">
        <v>2</v>
      </c>
      <c r="P346" s="87">
        <v>2</v>
      </c>
      <c r="Q346" s="270" t="s">
        <v>624</v>
      </c>
      <c r="R346" s="385"/>
      <c r="S346" s="207"/>
      <c r="V346" s="99"/>
      <c r="W346" s="99"/>
    </row>
    <row r="347" spans="1:23" s="8" customFormat="1" hidden="1" outlineLevel="1">
      <c r="A347" s="88"/>
      <c r="B347" s="88"/>
      <c r="C347" s="87"/>
      <c r="D347" s="87"/>
      <c r="E347" s="87"/>
      <c r="F347" s="87"/>
      <c r="G347" s="87"/>
      <c r="H347" s="87">
        <v>7</v>
      </c>
      <c r="I347" s="87">
        <v>234</v>
      </c>
      <c r="J347" s="87" t="s">
        <v>88</v>
      </c>
      <c r="K347" s="87" t="s">
        <v>78</v>
      </c>
      <c r="L347" s="18" t="s">
        <v>71</v>
      </c>
      <c r="M347" s="87">
        <v>1</v>
      </c>
      <c r="N347" s="87" t="s">
        <v>509</v>
      </c>
      <c r="O347" s="87">
        <v>1</v>
      </c>
      <c r="P347" s="87">
        <v>48</v>
      </c>
      <c r="Q347" s="87" t="s">
        <v>804</v>
      </c>
      <c r="R347" s="385"/>
      <c r="S347" s="207"/>
      <c r="V347" s="99"/>
      <c r="W347" s="99"/>
    </row>
    <row r="348" spans="1:23" s="8" customFormat="1" ht="70" hidden="1" outlineLevel="1">
      <c r="A348" s="88"/>
      <c r="B348" s="88"/>
      <c r="C348" s="87"/>
      <c r="D348" s="87"/>
      <c r="E348" s="87"/>
      <c r="F348" s="87"/>
      <c r="G348" s="87"/>
      <c r="H348" s="87">
        <v>8</v>
      </c>
      <c r="I348" s="87">
        <v>235</v>
      </c>
      <c r="J348" s="87" t="s">
        <v>90</v>
      </c>
      <c r="K348" s="87" t="s">
        <v>78</v>
      </c>
      <c r="L348" s="18" t="s">
        <v>71</v>
      </c>
      <c r="M348" s="87">
        <v>1</v>
      </c>
      <c r="N348" s="87" t="s">
        <v>514</v>
      </c>
      <c r="O348" s="87">
        <v>2</v>
      </c>
      <c r="P348" s="87">
        <v>2</v>
      </c>
      <c r="Q348" s="270" t="s">
        <v>624</v>
      </c>
      <c r="R348" s="385"/>
      <c r="S348" s="207"/>
      <c r="V348" s="99"/>
      <c r="W348" s="99"/>
    </row>
    <row r="349" spans="1:23" s="8" customFormat="1" hidden="1" outlineLevel="1">
      <c r="A349" s="88"/>
      <c r="B349" s="88"/>
      <c r="C349" s="87"/>
      <c r="D349" s="87"/>
      <c r="E349" s="87"/>
      <c r="F349" s="87"/>
      <c r="G349" s="87"/>
      <c r="H349" s="87">
        <v>9</v>
      </c>
      <c r="I349" s="87">
        <v>234</v>
      </c>
      <c r="J349" s="87" t="s">
        <v>88</v>
      </c>
      <c r="K349" s="87" t="s">
        <v>78</v>
      </c>
      <c r="L349" s="18" t="s">
        <v>71</v>
      </c>
      <c r="M349" s="87">
        <v>1</v>
      </c>
      <c r="N349" s="87" t="s">
        <v>509</v>
      </c>
      <c r="O349" s="87">
        <v>1</v>
      </c>
      <c r="P349" s="87">
        <v>48</v>
      </c>
      <c r="Q349" s="87" t="s">
        <v>804</v>
      </c>
      <c r="R349" s="385"/>
      <c r="S349" s="207"/>
      <c r="V349" s="99"/>
      <c r="W349" s="99"/>
    </row>
    <row r="350" spans="1:23" s="8" customFormat="1" ht="70" hidden="1" outlineLevel="1">
      <c r="A350" s="88"/>
      <c r="B350" s="88"/>
      <c r="C350" s="87"/>
      <c r="D350" s="87"/>
      <c r="E350" s="87"/>
      <c r="F350" s="87"/>
      <c r="G350" s="87"/>
      <c r="H350" s="87">
        <v>10</v>
      </c>
      <c r="I350" s="87">
        <v>235</v>
      </c>
      <c r="J350" s="87" t="s">
        <v>90</v>
      </c>
      <c r="K350" s="87" t="s">
        <v>78</v>
      </c>
      <c r="L350" s="18" t="s">
        <v>71</v>
      </c>
      <c r="M350" s="87">
        <v>1</v>
      </c>
      <c r="N350" s="87" t="s">
        <v>514</v>
      </c>
      <c r="O350" s="87">
        <v>2</v>
      </c>
      <c r="P350" s="87">
        <v>2</v>
      </c>
      <c r="Q350" s="270" t="s">
        <v>624</v>
      </c>
      <c r="R350" s="385"/>
      <c r="S350" s="207"/>
      <c r="V350" s="99"/>
      <c r="W350" s="99"/>
    </row>
    <row r="351" spans="1:23" s="8" customFormat="1" hidden="1" outlineLevel="1">
      <c r="A351" s="88"/>
      <c r="B351" s="88"/>
      <c r="C351" s="87"/>
      <c r="D351" s="87"/>
      <c r="E351" s="87"/>
      <c r="F351" s="87"/>
      <c r="G351" s="87"/>
      <c r="H351" s="87">
        <v>11</v>
      </c>
      <c r="I351" s="87">
        <v>234</v>
      </c>
      <c r="J351" s="87" t="s">
        <v>88</v>
      </c>
      <c r="K351" s="87" t="s">
        <v>78</v>
      </c>
      <c r="L351" s="18" t="s">
        <v>71</v>
      </c>
      <c r="M351" s="87">
        <v>1</v>
      </c>
      <c r="N351" s="87" t="s">
        <v>509</v>
      </c>
      <c r="O351" s="87">
        <v>1</v>
      </c>
      <c r="P351" s="87">
        <v>48</v>
      </c>
      <c r="Q351" s="87" t="s">
        <v>804</v>
      </c>
      <c r="R351" s="385"/>
      <c r="S351" s="207"/>
      <c r="V351" s="99"/>
      <c r="W351" s="99"/>
    </row>
    <row r="352" spans="1:23" s="8" customFormat="1" ht="70" hidden="1" outlineLevel="1">
      <c r="A352" s="88"/>
      <c r="B352" s="88"/>
      <c r="C352" s="87"/>
      <c r="D352" s="87"/>
      <c r="E352" s="87"/>
      <c r="F352" s="87"/>
      <c r="G352" s="87"/>
      <c r="H352" s="87">
        <v>12</v>
      </c>
      <c r="I352" s="87">
        <v>235</v>
      </c>
      <c r="J352" s="87" t="s">
        <v>90</v>
      </c>
      <c r="K352" s="87" t="s">
        <v>78</v>
      </c>
      <c r="L352" s="18" t="s">
        <v>71</v>
      </c>
      <c r="M352" s="87">
        <v>1</v>
      </c>
      <c r="N352" s="87" t="s">
        <v>514</v>
      </c>
      <c r="O352" s="87">
        <v>2</v>
      </c>
      <c r="P352" s="87">
        <v>2</v>
      </c>
      <c r="Q352" s="270" t="s">
        <v>624</v>
      </c>
      <c r="R352" s="385"/>
      <c r="S352" s="207"/>
      <c r="V352" s="99"/>
      <c r="W352" s="99"/>
    </row>
    <row r="353" spans="1:23" s="8" customFormat="1" hidden="1" outlineLevel="1">
      <c r="A353" s="88"/>
      <c r="B353" s="88"/>
      <c r="C353" s="87"/>
      <c r="D353" s="87"/>
      <c r="E353" s="87"/>
      <c r="F353" s="87"/>
      <c r="G353" s="87"/>
      <c r="H353" s="87">
        <v>13</v>
      </c>
      <c r="I353" s="87">
        <v>234</v>
      </c>
      <c r="J353" s="87" t="s">
        <v>88</v>
      </c>
      <c r="K353" s="87" t="s">
        <v>78</v>
      </c>
      <c r="L353" s="18" t="s">
        <v>71</v>
      </c>
      <c r="M353" s="87">
        <v>1</v>
      </c>
      <c r="N353" s="87" t="s">
        <v>509</v>
      </c>
      <c r="O353" s="87">
        <v>1</v>
      </c>
      <c r="P353" s="87">
        <v>48</v>
      </c>
      <c r="Q353" s="87" t="s">
        <v>804</v>
      </c>
      <c r="R353" s="385"/>
      <c r="S353" s="207"/>
      <c r="V353" s="99"/>
      <c r="W353" s="99"/>
    </row>
    <row r="354" spans="1:23" s="8" customFormat="1" ht="70" hidden="1" outlineLevel="1">
      <c r="A354" s="88"/>
      <c r="B354" s="88"/>
      <c r="C354" s="87"/>
      <c r="D354" s="87"/>
      <c r="E354" s="87"/>
      <c r="F354" s="87"/>
      <c r="G354" s="87"/>
      <c r="H354" s="87">
        <v>14</v>
      </c>
      <c r="I354" s="87">
        <v>235</v>
      </c>
      <c r="J354" s="87" t="s">
        <v>90</v>
      </c>
      <c r="K354" s="87" t="s">
        <v>78</v>
      </c>
      <c r="L354" s="18" t="s">
        <v>71</v>
      </c>
      <c r="M354" s="87">
        <v>1</v>
      </c>
      <c r="N354" s="87" t="s">
        <v>514</v>
      </c>
      <c r="O354" s="87">
        <v>2</v>
      </c>
      <c r="P354" s="87">
        <v>2</v>
      </c>
      <c r="Q354" s="270" t="s">
        <v>624</v>
      </c>
      <c r="R354" s="385"/>
      <c r="S354" s="207"/>
      <c r="V354" s="99"/>
      <c r="W354" s="99"/>
    </row>
    <row r="355" spans="1:23" s="8" customFormat="1" hidden="1" outlineLevel="1">
      <c r="A355" s="88"/>
      <c r="B355" s="88"/>
      <c r="C355" s="87"/>
      <c r="D355" s="87"/>
      <c r="E355" s="87"/>
      <c r="F355" s="87"/>
      <c r="G355" s="87"/>
      <c r="H355" s="87">
        <v>15</v>
      </c>
      <c r="I355" s="87">
        <v>234</v>
      </c>
      <c r="J355" s="87" t="s">
        <v>88</v>
      </c>
      <c r="K355" s="87" t="s">
        <v>78</v>
      </c>
      <c r="L355" s="18" t="s">
        <v>71</v>
      </c>
      <c r="M355" s="87">
        <v>1</v>
      </c>
      <c r="N355" s="87" t="s">
        <v>509</v>
      </c>
      <c r="O355" s="87">
        <v>1</v>
      </c>
      <c r="P355" s="87">
        <v>48</v>
      </c>
      <c r="Q355" s="87" t="s">
        <v>804</v>
      </c>
      <c r="R355" s="385"/>
      <c r="S355" s="207"/>
      <c r="V355" s="99"/>
      <c r="W355" s="99"/>
    </row>
    <row r="356" spans="1:23" s="8" customFormat="1" ht="70" hidden="1" outlineLevel="1">
      <c r="A356" s="88"/>
      <c r="B356" s="88"/>
      <c r="C356" s="87"/>
      <c r="D356" s="87"/>
      <c r="E356" s="87"/>
      <c r="F356" s="87"/>
      <c r="G356" s="87"/>
      <c r="H356" s="87">
        <v>16</v>
      </c>
      <c r="I356" s="87">
        <v>235</v>
      </c>
      <c r="J356" s="87" t="s">
        <v>90</v>
      </c>
      <c r="K356" s="87" t="s">
        <v>78</v>
      </c>
      <c r="L356" s="18" t="s">
        <v>71</v>
      </c>
      <c r="M356" s="87">
        <v>1</v>
      </c>
      <c r="N356" s="87" t="s">
        <v>514</v>
      </c>
      <c r="O356" s="87">
        <v>2</v>
      </c>
      <c r="P356" s="87">
        <v>2</v>
      </c>
      <c r="Q356" s="270" t="s">
        <v>624</v>
      </c>
      <c r="R356" s="385"/>
      <c r="S356" s="207"/>
      <c r="V356" s="99"/>
      <c r="W356" s="99"/>
    </row>
    <row r="357" spans="1:23" s="8" customFormat="1" hidden="1" outlineLevel="1">
      <c r="A357" s="88"/>
      <c r="B357" s="88"/>
      <c r="C357" s="87"/>
      <c r="D357" s="87"/>
      <c r="E357" s="87"/>
      <c r="F357" s="87"/>
      <c r="G357" s="87"/>
      <c r="H357" s="87">
        <v>17</v>
      </c>
      <c r="I357" s="87">
        <v>234</v>
      </c>
      <c r="J357" s="87" t="s">
        <v>88</v>
      </c>
      <c r="K357" s="87" t="s">
        <v>78</v>
      </c>
      <c r="L357" s="18" t="s">
        <v>71</v>
      </c>
      <c r="M357" s="87">
        <v>1</v>
      </c>
      <c r="N357" s="87" t="s">
        <v>509</v>
      </c>
      <c r="O357" s="87">
        <v>1</v>
      </c>
      <c r="P357" s="87">
        <v>48</v>
      </c>
      <c r="Q357" s="87" t="s">
        <v>804</v>
      </c>
      <c r="R357" s="385"/>
      <c r="S357" s="207"/>
      <c r="V357" s="99"/>
      <c r="W357" s="99"/>
    </row>
    <row r="358" spans="1:23" s="8" customFormat="1" ht="70" hidden="1" outlineLevel="1">
      <c r="A358" s="88"/>
      <c r="B358" s="88"/>
      <c r="C358" s="87"/>
      <c r="D358" s="87"/>
      <c r="E358" s="87"/>
      <c r="F358" s="87"/>
      <c r="G358" s="87"/>
      <c r="H358" s="87">
        <v>18</v>
      </c>
      <c r="I358" s="87">
        <v>235</v>
      </c>
      <c r="J358" s="87" t="s">
        <v>90</v>
      </c>
      <c r="K358" s="87" t="s">
        <v>78</v>
      </c>
      <c r="L358" s="18" t="s">
        <v>71</v>
      </c>
      <c r="M358" s="87">
        <v>1</v>
      </c>
      <c r="N358" s="87" t="s">
        <v>514</v>
      </c>
      <c r="O358" s="87">
        <v>2</v>
      </c>
      <c r="P358" s="87">
        <v>2</v>
      </c>
      <c r="Q358" s="270" t="s">
        <v>624</v>
      </c>
      <c r="R358" s="385"/>
      <c r="S358" s="207"/>
      <c r="V358" s="99"/>
      <c r="W358" s="99"/>
    </row>
    <row r="359" spans="1:23" s="8" customFormat="1" hidden="1" outlineLevel="1">
      <c r="A359" s="88"/>
      <c r="B359" s="88"/>
      <c r="C359" s="87"/>
      <c r="D359" s="87"/>
      <c r="E359" s="87"/>
      <c r="F359" s="87"/>
      <c r="G359" s="87"/>
      <c r="H359" s="87">
        <v>19</v>
      </c>
      <c r="I359" s="87">
        <v>234</v>
      </c>
      <c r="J359" s="87" t="s">
        <v>88</v>
      </c>
      <c r="K359" s="87" t="s">
        <v>78</v>
      </c>
      <c r="L359" s="18" t="s">
        <v>71</v>
      </c>
      <c r="M359" s="87">
        <v>1</v>
      </c>
      <c r="N359" s="87" t="s">
        <v>509</v>
      </c>
      <c r="O359" s="87">
        <v>1</v>
      </c>
      <c r="P359" s="87">
        <v>48</v>
      </c>
      <c r="Q359" s="87" t="s">
        <v>804</v>
      </c>
      <c r="R359" s="385"/>
      <c r="S359" s="207"/>
      <c r="V359" s="99"/>
      <c r="W359" s="99"/>
    </row>
    <row r="360" spans="1:23" s="8" customFormat="1" ht="70" hidden="1" outlineLevel="1">
      <c r="A360" s="88"/>
      <c r="B360" s="88"/>
      <c r="C360" s="87"/>
      <c r="D360" s="87"/>
      <c r="E360" s="87"/>
      <c r="F360" s="87"/>
      <c r="G360" s="87"/>
      <c r="H360" s="87">
        <v>20</v>
      </c>
      <c r="I360" s="87">
        <v>235</v>
      </c>
      <c r="J360" s="87" t="s">
        <v>90</v>
      </c>
      <c r="K360" s="87" t="s">
        <v>78</v>
      </c>
      <c r="L360" s="18" t="s">
        <v>71</v>
      </c>
      <c r="M360" s="87">
        <v>1</v>
      </c>
      <c r="N360" s="87" t="s">
        <v>514</v>
      </c>
      <c r="O360" s="87">
        <v>2</v>
      </c>
      <c r="P360" s="87">
        <v>2</v>
      </c>
      <c r="Q360" s="270" t="s">
        <v>624</v>
      </c>
      <c r="R360" s="385"/>
      <c r="S360" s="207"/>
      <c r="V360" s="99"/>
      <c r="W360" s="99"/>
    </row>
    <row r="361" spans="1:23" s="8" customFormat="1" hidden="1" outlineLevel="1">
      <c r="A361" s="88"/>
      <c r="B361" s="88"/>
      <c r="C361" s="87"/>
      <c r="D361" s="87"/>
      <c r="E361" s="87"/>
      <c r="F361" s="87"/>
      <c r="G361" s="87"/>
      <c r="H361" s="87">
        <v>21</v>
      </c>
      <c r="I361" s="87">
        <v>234</v>
      </c>
      <c r="J361" s="87" t="s">
        <v>88</v>
      </c>
      <c r="K361" s="87" t="s">
        <v>78</v>
      </c>
      <c r="L361" s="18" t="s">
        <v>71</v>
      </c>
      <c r="M361" s="87">
        <v>1</v>
      </c>
      <c r="N361" s="87" t="s">
        <v>509</v>
      </c>
      <c r="O361" s="87">
        <v>1</v>
      </c>
      <c r="P361" s="87">
        <v>48</v>
      </c>
      <c r="Q361" s="87" t="s">
        <v>804</v>
      </c>
      <c r="R361" s="385"/>
      <c r="S361" s="207"/>
      <c r="V361" s="99"/>
      <c r="W361" s="99"/>
    </row>
    <row r="362" spans="1:23" s="8" customFormat="1" ht="70" hidden="1" outlineLevel="1">
      <c r="A362" s="88"/>
      <c r="B362" s="88"/>
      <c r="C362" s="87"/>
      <c r="D362" s="87"/>
      <c r="E362" s="87"/>
      <c r="F362" s="87"/>
      <c r="G362" s="87"/>
      <c r="H362" s="87">
        <v>22</v>
      </c>
      <c r="I362" s="87">
        <v>235</v>
      </c>
      <c r="J362" s="87" t="s">
        <v>90</v>
      </c>
      <c r="K362" s="87" t="s">
        <v>78</v>
      </c>
      <c r="L362" s="18" t="s">
        <v>71</v>
      </c>
      <c r="M362" s="87">
        <v>1</v>
      </c>
      <c r="N362" s="87" t="s">
        <v>514</v>
      </c>
      <c r="O362" s="87">
        <v>2</v>
      </c>
      <c r="P362" s="87">
        <v>2</v>
      </c>
      <c r="Q362" s="270" t="s">
        <v>624</v>
      </c>
      <c r="R362" s="385"/>
      <c r="S362" s="207"/>
      <c r="V362" s="99"/>
      <c r="W362" s="99"/>
    </row>
    <row r="363" spans="1:23" s="8" customFormat="1" hidden="1" outlineLevel="1">
      <c r="A363" s="88"/>
      <c r="B363" s="88"/>
      <c r="C363" s="87"/>
      <c r="D363" s="87"/>
      <c r="E363" s="87"/>
      <c r="F363" s="87"/>
      <c r="G363" s="87"/>
      <c r="H363" s="87">
        <v>23</v>
      </c>
      <c r="I363" s="87">
        <v>234</v>
      </c>
      <c r="J363" s="87" t="s">
        <v>88</v>
      </c>
      <c r="K363" s="87" t="s">
        <v>78</v>
      </c>
      <c r="L363" s="18" t="s">
        <v>71</v>
      </c>
      <c r="M363" s="87">
        <v>1</v>
      </c>
      <c r="N363" s="87" t="s">
        <v>509</v>
      </c>
      <c r="O363" s="87">
        <v>1</v>
      </c>
      <c r="P363" s="87">
        <v>48</v>
      </c>
      <c r="Q363" s="87" t="s">
        <v>804</v>
      </c>
      <c r="R363" s="385"/>
      <c r="S363" s="207"/>
      <c r="V363" s="99"/>
      <c r="W363" s="99"/>
    </row>
    <row r="364" spans="1:23" s="8" customFormat="1" ht="70" hidden="1" outlineLevel="1">
      <c r="A364" s="88"/>
      <c r="B364" s="88"/>
      <c r="C364" s="87"/>
      <c r="D364" s="87"/>
      <c r="E364" s="87"/>
      <c r="F364" s="87"/>
      <c r="G364" s="87"/>
      <c r="H364" s="87">
        <v>24</v>
      </c>
      <c r="I364" s="87">
        <v>235</v>
      </c>
      <c r="J364" s="87" t="s">
        <v>90</v>
      </c>
      <c r="K364" s="87" t="s">
        <v>78</v>
      </c>
      <c r="L364" s="18" t="s">
        <v>71</v>
      </c>
      <c r="M364" s="87">
        <v>1</v>
      </c>
      <c r="N364" s="87" t="s">
        <v>514</v>
      </c>
      <c r="O364" s="87">
        <v>2</v>
      </c>
      <c r="P364" s="87">
        <v>2</v>
      </c>
      <c r="Q364" s="270" t="s">
        <v>624</v>
      </c>
      <c r="R364" s="385"/>
      <c r="S364" s="207"/>
      <c r="V364" s="99"/>
      <c r="W364" s="99"/>
    </row>
    <row r="365" spans="1:23" s="8" customFormat="1" hidden="1" outlineLevel="1">
      <c r="A365" s="88"/>
      <c r="B365" s="88"/>
      <c r="C365" s="87"/>
      <c r="D365" s="87"/>
      <c r="E365" s="87"/>
      <c r="F365" s="87"/>
      <c r="G365" s="87"/>
      <c r="H365" s="87">
        <v>25</v>
      </c>
      <c r="I365" s="87">
        <v>234</v>
      </c>
      <c r="J365" s="87" t="s">
        <v>88</v>
      </c>
      <c r="K365" s="87" t="s">
        <v>78</v>
      </c>
      <c r="L365" s="18" t="s">
        <v>71</v>
      </c>
      <c r="M365" s="87">
        <v>1</v>
      </c>
      <c r="N365" s="87" t="s">
        <v>509</v>
      </c>
      <c r="O365" s="87">
        <v>1</v>
      </c>
      <c r="P365" s="87">
        <v>48</v>
      </c>
      <c r="Q365" s="87" t="s">
        <v>804</v>
      </c>
      <c r="R365" s="385"/>
      <c r="S365" s="207"/>
      <c r="V365" s="99"/>
      <c r="W365" s="99"/>
    </row>
    <row r="366" spans="1:23" s="8" customFormat="1" collapsed="1">
      <c r="A366" s="84"/>
      <c r="B366" s="84"/>
      <c r="C366" s="85" t="s">
        <v>252</v>
      </c>
      <c r="D366" s="85" t="s">
        <v>476</v>
      </c>
      <c r="E366" s="85"/>
      <c r="F366" s="85"/>
      <c r="G366" s="85"/>
      <c r="H366" s="85"/>
      <c r="I366" s="85"/>
      <c r="J366" s="85"/>
      <c r="K366" s="85" t="s">
        <v>17</v>
      </c>
      <c r="L366" s="78" t="s">
        <v>71</v>
      </c>
      <c r="M366" s="85">
        <v>1</v>
      </c>
      <c r="N366" s="85"/>
      <c r="O366" s="85"/>
      <c r="P366" s="85"/>
      <c r="Q366" s="86"/>
      <c r="R366" s="385" t="s">
        <v>2840</v>
      </c>
      <c r="S366" s="207" t="s">
        <v>1436</v>
      </c>
      <c r="U366" s="207" t="s">
        <v>2397</v>
      </c>
      <c r="V366" s="203"/>
      <c r="W366" s="203"/>
    </row>
    <row r="367" spans="1:23" s="8" customFormat="1" ht="70" hidden="1" outlineLevel="1">
      <c r="A367" s="88"/>
      <c r="B367" s="88"/>
      <c r="C367" s="87"/>
      <c r="D367" s="87"/>
      <c r="E367" s="87"/>
      <c r="F367" s="87"/>
      <c r="G367" s="87"/>
      <c r="H367" s="87">
        <v>1</v>
      </c>
      <c r="I367" s="87">
        <v>98</v>
      </c>
      <c r="J367" s="87" t="s">
        <v>156</v>
      </c>
      <c r="K367" s="85" t="s">
        <v>17</v>
      </c>
      <c r="L367" s="78" t="s">
        <v>71</v>
      </c>
      <c r="M367" s="87">
        <v>1</v>
      </c>
      <c r="N367" s="87" t="s">
        <v>514</v>
      </c>
      <c r="O367" s="87">
        <v>2</v>
      </c>
      <c r="P367" s="87">
        <v>3</v>
      </c>
      <c r="Q367" s="270" t="s">
        <v>624</v>
      </c>
      <c r="R367" s="385"/>
      <c r="S367" s="207"/>
      <c r="V367" s="99"/>
      <c r="W367" s="99"/>
    </row>
    <row r="368" spans="1:23" s="8" customFormat="1" hidden="1" outlineLevel="1">
      <c r="A368" s="88"/>
      <c r="B368" s="88"/>
      <c r="C368" s="87"/>
      <c r="D368" s="87"/>
      <c r="E368" s="87"/>
      <c r="F368" s="87"/>
      <c r="G368" s="87"/>
      <c r="H368" s="87">
        <v>2</v>
      </c>
      <c r="I368" s="87">
        <v>100</v>
      </c>
      <c r="J368" s="87" t="s">
        <v>249</v>
      </c>
      <c r="K368" s="85" t="s">
        <v>17</v>
      </c>
      <c r="L368" s="78" t="s">
        <v>71</v>
      </c>
      <c r="M368" s="87">
        <v>1</v>
      </c>
      <c r="N368" s="87" t="s">
        <v>514</v>
      </c>
      <c r="O368" s="87">
        <v>3</v>
      </c>
      <c r="P368" s="87">
        <v>3</v>
      </c>
      <c r="Q368" s="89"/>
      <c r="R368" s="385"/>
      <c r="S368" s="207"/>
      <c r="V368" s="99"/>
      <c r="W368" s="99"/>
    </row>
    <row r="369" spans="1:23" s="8" customFormat="1" hidden="1" outlineLevel="1">
      <c r="A369" s="88"/>
      <c r="B369" s="88"/>
      <c r="C369" s="87"/>
      <c r="D369" s="87"/>
      <c r="E369" s="19"/>
      <c r="F369" s="19"/>
      <c r="G369" s="19"/>
      <c r="H369" s="19">
        <v>3</v>
      </c>
      <c r="I369" s="19">
        <v>280</v>
      </c>
      <c r="J369" s="19" t="s">
        <v>289</v>
      </c>
      <c r="K369" s="85" t="s">
        <v>17</v>
      </c>
      <c r="L369" s="78" t="s">
        <v>71</v>
      </c>
      <c r="M369" s="19">
        <v>1</v>
      </c>
      <c r="N369" s="19" t="s">
        <v>438</v>
      </c>
      <c r="O369" s="19">
        <v>4</v>
      </c>
      <c r="P369" s="19">
        <v>10</v>
      </c>
      <c r="Q369" s="25"/>
      <c r="R369" s="385"/>
      <c r="S369" s="207"/>
      <c r="V369" s="99"/>
      <c r="W369" s="99"/>
    </row>
    <row r="370" spans="1:23" s="8" customFormat="1" ht="70" hidden="1" outlineLevel="1">
      <c r="A370" s="88"/>
      <c r="B370" s="88"/>
      <c r="C370" s="87"/>
      <c r="D370" s="87"/>
      <c r="E370" s="87"/>
      <c r="F370" s="87"/>
      <c r="G370" s="87"/>
      <c r="H370" s="87">
        <v>4</v>
      </c>
      <c r="I370" s="87">
        <v>98</v>
      </c>
      <c r="J370" s="87" t="s">
        <v>156</v>
      </c>
      <c r="K370" s="85" t="s">
        <v>17</v>
      </c>
      <c r="L370" s="78" t="s">
        <v>71</v>
      </c>
      <c r="M370" s="19">
        <v>1</v>
      </c>
      <c r="N370" s="19" t="s">
        <v>514</v>
      </c>
      <c r="O370" s="19">
        <v>2</v>
      </c>
      <c r="P370" s="19">
        <v>3</v>
      </c>
      <c r="Q370" s="270" t="s">
        <v>624</v>
      </c>
      <c r="R370" s="385"/>
      <c r="S370" s="207"/>
      <c r="V370" s="99"/>
      <c r="W370" s="99"/>
    </row>
    <row r="371" spans="1:23" s="8" customFormat="1" hidden="1" outlineLevel="1">
      <c r="A371" s="88"/>
      <c r="B371" s="88"/>
      <c r="C371" s="87"/>
      <c r="D371" s="87"/>
      <c r="E371" s="87"/>
      <c r="F371" s="87"/>
      <c r="G371" s="87"/>
      <c r="H371" s="87">
        <v>5</v>
      </c>
      <c r="I371" s="87">
        <v>100</v>
      </c>
      <c r="J371" s="87" t="s">
        <v>249</v>
      </c>
      <c r="K371" s="85" t="s">
        <v>17</v>
      </c>
      <c r="L371" s="78" t="s">
        <v>71</v>
      </c>
      <c r="M371" s="19">
        <v>1</v>
      </c>
      <c r="N371" s="19" t="s">
        <v>514</v>
      </c>
      <c r="O371" s="19">
        <v>3</v>
      </c>
      <c r="P371" s="19">
        <v>3</v>
      </c>
      <c r="Q371" s="89"/>
      <c r="R371" s="385"/>
      <c r="S371" s="207"/>
      <c r="V371" s="99"/>
      <c r="W371" s="99"/>
    </row>
    <row r="372" spans="1:23" s="8" customFormat="1" collapsed="1">
      <c r="A372" s="84"/>
      <c r="B372" s="84"/>
      <c r="C372" s="85" t="s">
        <v>311</v>
      </c>
      <c r="D372" s="85" t="s">
        <v>527</v>
      </c>
      <c r="E372" s="85"/>
      <c r="F372" s="85"/>
      <c r="G372" s="85"/>
      <c r="H372" s="85"/>
      <c r="I372" s="85"/>
      <c r="J372" s="85"/>
      <c r="K372" s="85" t="s">
        <v>17</v>
      </c>
      <c r="L372" s="78" t="s">
        <v>71</v>
      </c>
      <c r="M372" s="85">
        <v>25</v>
      </c>
      <c r="N372" s="85"/>
      <c r="O372" s="85"/>
      <c r="P372" s="85"/>
      <c r="Q372" s="86"/>
      <c r="R372" s="385" t="s">
        <v>1051</v>
      </c>
      <c r="S372" s="207" t="s">
        <v>1437</v>
      </c>
      <c r="U372" s="207" t="s">
        <v>2397</v>
      </c>
      <c r="V372" s="203"/>
      <c r="W372" s="203"/>
    </row>
    <row r="373" spans="1:23" s="8" customFormat="1" hidden="1" outlineLevel="1">
      <c r="A373" s="88"/>
      <c r="B373" s="88"/>
      <c r="C373" s="87"/>
      <c r="D373" s="87"/>
      <c r="E373" s="87"/>
      <c r="F373" s="87"/>
      <c r="G373" s="87"/>
      <c r="H373" s="87">
        <v>1</v>
      </c>
      <c r="I373" s="87">
        <v>687</v>
      </c>
      <c r="J373" s="87" t="s">
        <v>309</v>
      </c>
      <c r="K373" s="85" t="s">
        <v>17</v>
      </c>
      <c r="L373" s="78" t="s">
        <v>71</v>
      </c>
      <c r="M373" s="87">
        <v>1</v>
      </c>
      <c r="N373" s="87" t="s">
        <v>514</v>
      </c>
      <c r="O373" s="87">
        <v>2</v>
      </c>
      <c r="P373" s="87">
        <v>2</v>
      </c>
      <c r="Q373" s="89" t="s">
        <v>819</v>
      </c>
      <c r="R373" s="385"/>
      <c r="S373" s="207"/>
      <c r="V373" s="99"/>
      <c r="W373" s="99"/>
    </row>
    <row r="374" spans="1:23" s="8" customFormat="1" hidden="1" outlineLevel="1">
      <c r="A374" s="88"/>
      <c r="B374" s="88"/>
      <c r="C374" s="87"/>
      <c r="D374" s="87"/>
      <c r="E374" s="11"/>
      <c r="F374" s="11"/>
      <c r="G374" s="11"/>
      <c r="H374" s="11">
        <v>2</v>
      </c>
      <c r="I374" s="11">
        <v>236</v>
      </c>
      <c r="J374" s="11" t="s">
        <v>307</v>
      </c>
      <c r="K374" s="85" t="s">
        <v>17</v>
      </c>
      <c r="L374" s="78" t="s">
        <v>71</v>
      </c>
      <c r="M374" s="11">
        <v>1</v>
      </c>
      <c r="N374" s="11" t="s">
        <v>514</v>
      </c>
      <c r="O374" s="11">
        <v>3</v>
      </c>
      <c r="P374" s="11">
        <v>3</v>
      </c>
      <c r="Q374" s="89"/>
      <c r="R374" s="385"/>
      <c r="S374" s="207"/>
      <c r="V374" s="99"/>
      <c r="W374" s="99"/>
    </row>
    <row r="375" spans="1:23" s="8" customFormat="1" hidden="1" outlineLevel="1">
      <c r="A375" s="88"/>
      <c r="B375" s="88"/>
      <c r="C375" s="87"/>
      <c r="D375" s="87"/>
      <c r="E375" s="19"/>
      <c r="F375" s="19"/>
      <c r="G375" s="19"/>
      <c r="H375" s="19">
        <v>3</v>
      </c>
      <c r="I375" s="19">
        <v>212</v>
      </c>
      <c r="J375" s="19" t="s">
        <v>101</v>
      </c>
      <c r="K375" s="85" t="s">
        <v>17</v>
      </c>
      <c r="L375" s="78" t="s">
        <v>71</v>
      </c>
      <c r="M375" s="19">
        <v>1</v>
      </c>
      <c r="N375" s="19" t="s">
        <v>438</v>
      </c>
      <c r="O375" s="19">
        <v>1</v>
      </c>
      <c r="P375" s="19">
        <v>17</v>
      </c>
      <c r="Q375" s="25"/>
      <c r="R375" s="385"/>
      <c r="S375" s="207"/>
      <c r="V375" s="99"/>
      <c r="W375" s="99"/>
    </row>
    <row r="376" spans="1:23" s="8" customFormat="1" hidden="1" outlineLevel="1">
      <c r="A376" s="88"/>
      <c r="B376" s="88"/>
      <c r="C376" s="87"/>
      <c r="D376" s="87"/>
      <c r="E376" s="87"/>
      <c r="F376" s="87"/>
      <c r="G376" s="87"/>
      <c r="H376" s="87">
        <v>4</v>
      </c>
      <c r="I376" s="87">
        <v>380</v>
      </c>
      <c r="J376" s="87" t="s">
        <v>105</v>
      </c>
      <c r="K376" s="85" t="s">
        <v>17</v>
      </c>
      <c r="L376" s="78" t="s">
        <v>71</v>
      </c>
      <c r="M376" s="87">
        <v>1</v>
      </c>
      <c r="N376" s="87" t="s">
        <v>438</v>
      </c>
      <c r="O376" s="87">
        <v>1</v>
      </c>
      <c r="P376" s="87">
        <v>15</v>
      </c>
      <c r="Q376" s="89"/>
      <c r="R376" s="385"/>
      <c r="S376" s="207"/>
      <c r="V376" s="99"/>
      <c r="W376" s="99"/>
    </row>
    <row r="377" spans="1:23" s="8" customFormat="1" hidden="1" outlineLevel="1">
      <c r="A377" s="88"/>
      <c r="B377" s="88"/>
      <c r="C377" s="87"/>
      <c r="D377" s="87"/>
      <c r="E377" s="87"/>
      <c r="F377" s="87" t="s">
        <v>186</v>
      </c>
      <c r="G377" s="87" t="s">
        <v>427</v>
      </c>
      <c r="H377" s="87">
        <v>5</v>
      </c>
      <c r="I377" s="87"/>
      <c r="J377" s="87"/>
      <c r="K377" s="85" t="s">
        <v>17</v>
      </c>
      <c r="L377" s="78" t="s">
        <v>71</v>
      </c>
      <c r="M377" s="87">
        <v>1</v>
      </c>
      <c r="N377" s="87"/>
      <c r="O377" s="87"/>
      <c r="P377" s="87"/>
      <c r="Q377" s="89"/>
      <c r="R377" s="385"/>
      <c r="S377" s="207"/>
      <c r="V377" s="99"/>
      <c r="W377" s="99"/>
    </row>
    <row r="378" spans="1:23" s="8" customFormat="1" hidden="1" outlineLevel="1">
      <c r="A378" s="88"/>
      <c r="B378" s="88"/>
      <c r="C378" s="87"/>
      <c r="D378" s="87"/>
      <c r="E378" s="87">
        <v>1</v>
      </c>
      <c r="F378" s="87"/>
      <c r="G378" s="87"/>
      <c r="H378" s="87"/>
      <c r="I378" s="87">
        <v>355</v>
      </c>
      <c r="J378" s="87" t="s">
        <v>103</v>
      </c>
      <c r="K378" s="85" t="s">
        <v>17</v>
      </c>
      <c r="L378" s="78" t="s">
        <v>71</v>
      </c>
      <c r="M378" s="87">
        <v>1</v>
      </c>
      <c r="N378" s="87" t="s">
        <v>514</v>
      </c>
      <c r="O378" s="87">
        <v>2</v>
      </c>
      <c r="P378" s="87">
        <v>2</v>
      </c>
      <c r="Q378" s="89"/>
      <c r="R378" s="385"/>
      <c r="S378" s="207"/>
      <c r="V378" s="99"/>
      <c r="W378" s="99"/>
    </row>
    <row r="379" spans="1:23" s="8" customFormat="1" hidden="1" outlineLevel="1">
      <c r="A379" s="88"/>
      <c r="B379" s="88"/>
      <c r="C379" s="87"/>
      <c r="D379" s="87"/>
      <c r="E379" s="87"/>
      <c r="F379" s="87"/>
      <c r="G379" s="87"/>
      <c r="H379" s="87">
        <v>6</v>
      </c>
      <c r="I379" s="87">
        <v>648</v>
      </c>
      <c r="J379" s="87" t="s">
        <v>315</v>
      </c>
      <c r="K379" s="85" t="s">
        <v>17</v>
      </c>
      <c r="L379" s="78" t="s">
        <v>71</v>
      </c>
      <c r="M379" s="87">
        <v>1</v>
      </c>
      <c r="N379" s="87" t="s">
        <v>514</v>
      </c>
      <c r="O379" s="87">
        <v>3</v>
      </c>
      <c r="P379" s="87">
        <v>3</v>
      </c>
      <c r="Q379" s="89" t="s">
        <v>706</v>
      </c>
      <c r="R379" s="385"/>
      <c r="S379" s="207"/>
      <c r="V379" s="99"/>
      <c r="W379" s="99"/>
    </row>
    <row r="380" spans="1:23" s="8" customFormat="1" hidden="1" outlineLevel="1">
      <c r="A380" s="88"/>
      <c r="B380" s="88"/>
      <c r="C380" s="87"/>
      <c r="D380" s="87"/>
      <c r="E380" s="87"/>
      <c r="F380" s="87"/>
      <c r="G380" s="87"/>
      <c r="H380" s="87">
        <v>7</v>
      </c>
      <c r="I380" s="87">
        <v>649</v>
      </c>
      <c r="J380" s="87" t="s">
        <v>312</v>
      </c>
      <c r="K380" s="85" t="s">
        <v>17</v>
      </c>
      <c r="L380" s="78" t="s">
        <v>71</v>
      </c>
      <c r="M380" s="87">
        <v>1</v>
      </c>
      <c r="N380" s="87" t="s">
        <v>438</v>
      </c>
      <c r="O380" s="87">
        <v>1</v>
      </c>
      <c r="P380" s="87">
        <v>10</v>
      </c>
      <c r="Q380" s="89"/>
      <c r="R380" s="385"/>
      <c r="S380" s="207"/>
      <c r="V380" s="99"/>
      <c r="W380" s="99"/>
    </row>
    <row r="381" spans="1:23" s="8" customFormat="1" collapsed="1">
      <c r="A381" s="84"/>
      <c r="B381" s="84"/>
      <c r="C381" s="85" t="s">
        <v>547</v>
      </c>
      <c r="D381" s="85" t="s">
        <v>548</v>
      </c>
      <c r="E381" s="85"/>
      <c r="F381" s="85"/>
      <c r="G381" s="85"/>
      <c r="H381" s="85"/>
      <c r="I381" s="85"/>
      <c r="J381" s="85"/>
      <c r="K381" s="85" t="s">
        <v>17</v>
      </c>
      <c r="L381" s="78" t="s">
        <v>71</v>
      </c>
      <c r="M381" s="85">
        <v>10</v>
      </c>
      <c r="N381" s="85"/>
      <c r="O381" s="85"/>
      <c r="P381" s="85"/>
      <c r="Q381" s="86"/>
      <c r="R381" s="385" t="s">
        <v>1185</v>
      </c>
      <c r="S381" s="207" t="s">
        <v>1438</v>
      </c>
      <c r="U381" s="207" t="s">
        <v>2397</v>
      </c>
      <c r="V381" s="203"/>
      <c r="W381" s="203"/>
    </row>
    <row r="382" spans="1:23" s="8" customFormat="1" hidden="1" outlineLevel="1">
      <c r="A382" s="88"/>
      <c r="B382" s="88"/>
      <c r="C382" s="87"/>
      <c r="D382" s="87"/>
      <c r="E382" s="19"/>
      <c r="F382" s="19"/>
      <c r="G382" s="19"/>
      <c r="H382" s="19">
        <v>1</v>
      </c>
      <c r="I382" s="19">
        <v>673</v>
      </c>
      <c r="J382" s="19" t="s">
        <v>217</v>
      </c>
      <c r="K382" s="85" t="s">
        <v>17</v>
      </c>
      <c r="L382" s="78" t="s">
        <v>71</v>
      </c>
      <c r="M382" s="19">
        <v>1</v>
      </c>
      <c r="N382" s="19" t="s">
        <v>514</v>
      </c>
      <c r="O382" s="19">
        <v>2</v>
      </c>
      <c r="P382" s="19">
        <v>2</v>
      </c>
      <c r="Q382" s="25"/>
      <c r="R382" s="207"/>
      <c r="S382" s="207"/>
      <c r="V382" s="99"/>
      <c r="W382" s="99"/>
    </row>
    <row r="383" spans="1:23" s="8" customFormat="1" hidden="1" outlineLevel="1">
      <c r="A383" s="88"/>
      <c r="B383" s="88"/>
      <c r="C383" s="87"/>
      <c r="D383" s="87"/>
      <c r="E383" s="19"/>
      <c r="F383" s="19"/>
      <c r="G383" s="19"/>
      <c r="H383" s="19">
        <v>2</v>
      </c>
      <c r="I383" s="19">
        <v>380</v>
      </c>
      <c r="J383" s="19" t="s">
        <v>105</v>
      </c>
      <c r="K383" s="85" t="s">
        <v>17</v>
      </c>
      <c r="L383" s="78" t="s">
        <v>71</v>
      </c>
      <c r="M383" s="19">
        <v>1</v>
      </c>
      <c r="N383" s="19" t="s">
        <v>438</v>
      </c>
      <c r="O383" s="19">
        <v>1</v>
      </c>
      <c r="P383" s="19">
        <v>15</v>
      </c>
      <c r="Q383" s="25"/>
      <c r="R383" s="207"/>
      <c r="S383" s="207"/>
      <c r="V383" s="99"/>
      <c r="W383" s="99"/>
    </row>
    <row r="384" spans="1:23" s="8" customFormat="1" hidden="1" outlineLevel="1">
      <c r="A384" s="88"/>
      <c r="B384" s="88"/>
      <c r="C384" s="87"/>
      <c r="D384" s="87"/>
      <c r="E384" s="19"/>
      <c r="F384" s="19" t="s">
        <v>186</v>
      </c>
      <c r="G384" s="19" t="s">
        <v>427</v>
      </c>
      <c r="H384" s="19">
        <v>3</v>
      </c>
      <c r="I384" s="19"/>
      <c r="J384" s="19"/>
      <c r="K384" s="85" t="s">
        <v>17</v>
      </c>
      <c r="L384" s="78" t="s">
        <v>71</v>
      </c>
      <c r="M384" s="19">
        <v>1</v>
      </c>
      <c r="N384" s="19"/>
      <c r="O384" s="19"/>
      <c r="P384" s="19"/>
      <c r="Q384" s="25"/>
      <c r="R384" s="207"/>
      <c r="S384" s="207"/>
      <c r="V384" s="99"/>
      <c r="W384" s="99"/>
    </row>
    <row r="385" spans="1:23" s="8" customFormat="1" hidden="1" outlineLevel="1">
      <c r="A385" s="88"/>
      <c r="B385" s="88"/>
      <c r="C385" s="87"/>
      <c r="D385" s="87"/>
      <c r="E385" s="87"/>
      <c r="F385" s="87"/>
      <c r="G385" s="87"/>
      <c r="H385" s="87">
        <v>4</v>
      </c>
      <c r="I385" s="87">
        <v>522</v>
      </c>
      <c r="J385" s="87" t="s">
        <v>69</v>
      </c>
      <c r="K385" s="85" t="s">
        <v>17</v>
      </c>
      <c r="L385" s="78" t="s">
        <v>71</v>
      </c>
      <c r="M385" s="87">
        <v>1</v>
      </c>
      <c r="N385" s="87" t="s">
        <v>514</v>
      </c>
      <c r="O385" s="87">
        <v>1</v>
      </c>
      <c r="P385" s="87">
        <v>3</v>
      </c>
      <c r="Q385" s="89" t="s">
        <v>765</v>
      </c>
      <c r="R385" s="207"/>
      <c r="S385" s="207"/>
      <c r="V385" s="99"/>
      <c r="W385" s="99"/>
    </row>
    <row r="386" spans="1:23" s="8" customFormat="1" hidden="1" outlineLevel="1">
      <c r="A386" s="88"/>
      <c r="B386" s="88"/>
      <c r="C386" s="87"/>
      <c r="D386" s="87"/>
      <c r="E386" s="87"/>
      <c r="F386" s="87"/>
      <c r="G386" s="87"/>
      <c r="H386" s="87">
        <v>5</v>
      </c>
      <c r="I386" s="87">
        <v>782</v>
      </c>
      <c r="J386" s="87" t="s">
        <v>67</v>
      </c>
      <c r="K386" s="85" t="s">
        <v>17</v>
      </c>
      <c r="L386" s="78" t="s">
        <v>71</v>
      </c>
      <c r="M386" s="87">
        <v>1</v>
      </c>
      <c r="N386" s="87" t="s">
        <v>438</v>
      </c>
      <c r="O386" s="87">
        <v>1</v>
      </c>
      <c r="P386" s="87">
        <v>18</v>
      </c>
      <c r="Q386" s="89"/>
      <c r="R386" s="207"/>
      <c r="S386" s="207"/>
      <c r="V386" s="99"/>
      <c r="W386" s="99"/>
    </row>
    <row r="387" spans="1:23" s="8" customFormat="1" collapsed="1">
      <c r="A387" s="84"/>
      <c r="B387" s="84"/>
      <c r="C387" s="85" t="s">
        <v>547</v>
      </c>
      <c r="D387" s="85" t="s">
        <v>548</v>
      </c>
      <c r="E387" s="85"/>
      <c r="F387" s="85"/>
      <c r="G387" s="85"/>
      <c r="H387" s="85"/>
      <c r="I387" s="85"/>
      <c r="J387" s="85"/>
      <c r="K387" s="85" t="s">
        <v>17</v>
      </c>
      <c r="L387" s="78" t="s">
        <v>71</v>
      </c>
      <c r="M387" s="85">
        <v>10</v>
      </c>
      <c r="N387" s="85"/>
      <c r="O387" s="85"/>
      <c r="P387" s="85"/>
      <c r="Q387" s="86"/>
      <c r="R387" s="207" t="s">
        <v>1186</v>
      </c>
      <c r="S387" s="207" t="s">
        <v>1439</v>
      </c>
      <c r="U387" s="207" t="s">
        <v>2397</v>
      </c>
      <c r="V387" s="203"/>
      <c r="W387" s="203"/>
    </row>
    <row r="388" spans="1:23" s="8" customFormat="1" hidden="1" outlineLevel="1">
      <c r="A388" s="88"/>
      <c r="B388" s="88"/>
      <c r="C388" s="87"/>
      <c r="D388" s="87"/>
      <c r="E388" s="19"/>
      <c r="F388" s="19"/>
      <c r="G388" s="19"/>
      <c r="H388" s="19">
        <v>1</v>
      </c>
      <c r="I388" s="19">
        <v>673</v>
      </c>
      <c r="J388" s="19" t="s">
        <v>217</v>
      </c>
      <c r="K388" s="85" t="s">
        <v>17</v>
      </c>
      <c r="L388" s="78" t="s">
        <v>71</v>
      </c>
      <c r="M388" s="19">
        <v>1</v>
      </c>
      <c r="N388" s="19" t="s">
        <v>514</v>
      </c>
      <c r="O388" s="19">
        <v>2</v>
      </c>
      <c r="P388" s="19">
        <v>2</v>
      </c>
      <c r="Q388" s="25"/>
      <c r="R388" s="207"/>
      <c r="S388" s="207"/>
      <c r="V388" s="99"/>
      <c r="W388" s="99"/>
    </row>
    <row r="389" spans="1:23" s="8" customFormat="1" hidden="1" outlineLevel="1">
      <c r="A389" s="88"/>
      <c r="B389" s="88"/>
      <c r="C389" s="87"/>
      <c r="D389" s="87"/>
      <c r="E389" s="19"/>
      <c r="F389" s="19"/>
      <c r="G389" s="19"/>
      <c r="H389" s="19">
        <v>2</v>
      </c>
      <c r="I389" s="19">
        <v>380</v>
      </c>
      <c r="J389" s="19" t="s">
        <v>105</v>
      </c>
      <c r="K389" s="85" t="s">
        <v>17</v>
      </c>
      <c r="L389" s="78" t="s">
        <v>71</v>
      </c>
      <c r="M389" s="19">
        <v>1</v>
      </c>
      <c r="N389" s="19" t="s">
        <v>438</v>
      </c>
      <c r="O389" s="19">
        <v>1</v>
      </c>
      <c r="P389" s="19">
        <v>15</v>
      </c>
      <c r="Q389" s="25"/>
      <c r="R389" s="207"/>
      <c r="S389" s="207"/>
      <c r="V389" s="99"/>
      <c r="W389" s="99"/>
    </row>
    <row r="390" spans="1:23" s="8" customFormat="1" hidden="1" outlineLevel="1">
      <c r="A390" s="88"/>
      <c r="B390" s="88"/>
      <c r="C390" s="87"/>
      <c r="D390" s="87"/>
      <c r="E390" s="19"/>
      <c r="F390" s="19" t="s">
        <v>186</v>
      </c>
      <c r="G390" s="19" t="s">
        <v>427</v>
      </c>
      <c r="H390" s="19">
        <v>3</v>
      </c>
      <c r="I390" s="19"/>
      <c r="J390" s="19"/>
      <c r="K390" s="85" t="s">
        <v>17</v>
      </c>
      <c r="L390" s="78" t="s">
        <v>71</v>
      </c>
      <c r="M390" s="19">
        <v>1</v>
      </c>
      <c r="N390" s="19"/>
      <c r="O390" s="19"/>
      <c r="P390" s="19"/>
      <c r="Q390" s="25"/>
      <c r="R390" s="207"/>
      <c r="S390" s="207"/>
      <c r="V390" s="99"/>
      <c r="W390" s="99"/>
    </row>
    <row r="391" spans="1:23" s="8" customFormat="1" hidden="1" outlineLevel="1">
      <c r="A391" s="88"/>
      <c r="B391" s="88"/>
      <c r="C391" s="87"/>
      <c r="D391" s="87"/>
      <c r="E391" s="87"/>
      <c r="F391" s="87"/>
      <c r="G391" s="87"/>
      <c r="H391" s="87">
        <v>4</v>
      </c>
      <c r="I391" s="87">
        <v>522</v>
      </c>
      <c r="J391" s="87" t="s">
        <v>69</v>
      </c>
      <c r="K391" s="85" t="s">
        <v>17</v>
      </c>
      <c r="L391" s="78" t="s">
        <v>71</v>
      </c>
      <c r="M391" s="87">
        <v>1</v>
      </c>
      <c r="N391" s="87" t="s">
        <v>514</v>
      </c>
      <c r="O391" s="87">
        <v>1</v>
      </c>
      <c r="P391" s="87">
        <v>3</v>
      </c>
      <c r="Q391" s="89" t="s">
        <v>833</v>
      </c>
      <c r="R391" s="207"/>
      <c r="S391" s="207"/>
      <c r="V391" s="99"/>
      <c r="W391" s="99"/>
    </row>
    <row r="392" spans="1:23" s="8" customFormat="1" hidden="1" outlineLevel="1">
      <c r="A392" s="88"/>
      <c r="B392" s="88"/>
      <c r="C392" s="87"/>
      <c r="D392" s="87"/>
      <c r="E392" s="87"/>
      <c r="F392" s="87"/>
      <c r="G392" s="87"/>
      <c r="H392" s="87">
        <v>5</v>
      </c>
      <c r="I392" s="87">
        <v>782</v>
      </c>
      <c r="J392" s="87" t="s">
        <v>67</v>
      </c>
      <c r="K392" s="85" t="s">
        <v>17</v>
      </c>
      <c r="L392" s="78" t="s">
        <v>71</v>
      </c>
      <c r="M392" s="87">
        <v>1</v>
      </c>
      <c r="N392" s="87" t="s">
        <v>438</v>
      </c>
      <c r="O392" s="87">
        <v>1</v>
      </c>
      <c r="P392" s="87">
        <v>18</v>
      </c>
      <c r="Q392" s="89"/>
      <c r="R392" s="207"/>
      <c r="S392" s="207"/>
      <c r="V392" s="99"/>
      <c r="W392" s="99"/>
    </row>
    <row r="393" spans="1:23" s="8" customFormat="1" collapsed="1">
      <c r="A393" s="84"/>
      <c r="B393" s="84"/>
      <c r="C393" s="85" t="s">
        <v>547</v>
      </c>
      <c r="D393" s="85" t="s">
        <v>548</v>
      </c>
      <c r="E393" s="85"/>
      <c r="F393" s="85"/>
      <c r="G393" s="85"/>
      <c r="H393" s="85"/>
      <c r="I393" s="85"/>
      <c r="J393" s="85"/>
      <c r="K393" s="85" t="s">
        <v>17</v>
      </c>
      <c r="L393" s="78" t="s">
        <v>71</v>
      </c>
      <c r="M393" s="85">
        <v>10</v>
      </c>
      <c r="N393" s="85"/>
      <c r="O393" s="85"/>
      <c r="P393" s="85"/>
      <c r="Q393" s="86"/>
      <c r="R393" s="207" t="s">
        <v>1187</v>
      </c>
      <c r="S393" s="207" t="s">
        <v>1440</v>
      </c>
      <c r="U393" s="207" t="s">
        <v>2397</v>
      </c>
      <c r="V393" s="203"/>
      <c r="W393" s="203"/>
    </row>
    <row r="394" spans="1:23" s="8" customFormat="1" hidden="1" outlineLevel="1">
      <c r="A394" s="88"/>
      <c r="B394" s="88"/>
      <c r="C394" s="87"/>
      <c r="D394" s="87"/>
      <c r="E394" s="19"/>
      <c r="F394" s="19"/>
      <c r="G394" s="19"/>
      <c r="H394" s="19">
        <v>1</v>
      </c>
      <c r="I394" s="19">
        <v>673</v>
      </c>
      <c r="J394" s="19" t="s">
        <v>217</v>
      </c>
      <c r="K394" s="85" t="s">
        <v>17</v>
      </c>
      <c r="L394" s="78" t="s">
        <v>71</v>
      </c>
      <c r="M394" s="19">
        <v>1</v>
      </c>
      <c r="N394" s="19" t="s">
        <v>514</v>
      </c>
      <c r="O394" s="19">
        <v>2</v>
      </c>
      <c r="P394" s="19">
        <v>2</v>
      </c>
      <c r="Q394" s="25"/>
      <c r="R394" s="207"/>
      <c r="S394" s="207"/>
      <c r="V394" s="99"/>
      <c r="W394" s="99"/>
    </row>
    <row r="395" spans="1:23" s="8" customFormat="1" hidden="1" outlineLevel="1">
      <c r="A395" s="88"/>
      <c r="B395" s="88"/>
      <c r="C395" s="87"/>
      <c r="D395" s="87"/>
      <c r="E395" s="19"/>
      <c r="F395" s="19"/>
      <c r="G395" s="19"/>
      <c r="H395" s="19">
        <v>2</v>
      </c>
      <c r="I395" s="19">
        <v>380</v>
      </c>
      <c r="J395" s="19" t="s">
        <v>105</v>
      </c>
      <c r="K395" s="85" t="s">
        <v>17</v>
      </c>
      <c r="L395" s="78" t="s">
        <v>71</v>
      </c>
      <c r="M395" s="19">
        <v>1</v>
      </c>
      <c r="N395" s="19" t="s">
        <v>438</v>
      </c>
      <c r="O395" s="19">
        <v>1</v>
      </c>
      <c r="P395" s="19">
        <v>15</v>
      </c>
      <c r="Q395" s="25"/>
      <c r="R395" s="207"/>
      <c r="S395" s="207"/>
      <c r="V395" s="99"/>
      <c r="W395" s="99"/>
    </row>
    <row r="396" spans="1:23" s="8" customFormat="1" hidden="1" outlineLevel="1">
      <c r="A396" s="88"/>
      <c r="B396" s="88"/>
      <c r="C396" s="87"/>
      <c r="D396" s="87"/>
      <c r="E396" s="19"/>
      <c r="F396" s="19" t="s">
        <v>186</v>
      </c>
      <c r="G396" s="19" t="s">
        <v>427</v>
      </c>
      <c r="H396" s="19">
        <v>3</v>
      </c>
      <c r="I396" s="19"/>
      <c r="J396" s="19"/>
      <c r="K396" s="85" t="s">
        <v>17</v>
      </c>
      <c r="L396" s="78" t="s">
        <v>71</v>
      </c>
      <c r="M396" s="19">
        <v>1</v>
      </c>
      <c r="N396" s="19"/>
      <c r="O396" s="19"/>
      <c r="P396" s="19"/>
      <c r="Q396" s="25"/>
      <c r="R396" s="207"/>
      <c r="S396" s="207"/>
      <c r="V396" s="99"/>
      <c r="W396" s="99"/>
    </row>
    <row r="397" spans="1:23" s="8" customFormat="1" hidden="1" outlineLevel="1">
      <c r="A397" s="88"/>
      <c r="B397" s="88"/>
      <c r="C397" s="87"/>
      <c r="D397" s="87"/>
      <c r="E397" s="87"/>
      <c r="F397" s="87"/>
      <c r="G397" s="87"/>
      <c r="H397" s="87">
        <v>4</v>
      </c>
      <c r="I397" s="87">
        <v>522</v>
      </c>
      <c r="J397" s="87" t="s">
        <v>69</v>
      </c>
      <c r="K397" s="85" t="s">
        <v>17</v>
      </c>
      <c r="L397" s="78" t="s">
        <v>71</v>
      </c>
      <c r="M397" s="87">
        <v>1</v>
      </c>
      <c r="N397" s="87" t="s">
        <v>514</v>
      </c>
      <c r="O397" s="87">
        <v>1</v>
      </c>
      <c r="P397" s="87">
        <v>3</v>
      </c>
      <c r="Q397" s="89" t="s">
        <v>651</v>
      </c>
      <c r="R397" s="207"/>
      <c r="S397" s="207"/>
      <c r="V397" s="99"/>
      <c r="W397" s="99"/>
    </row>
    <row r="398" spans="1:23" s="8" customFormat="1" hidden="1" outlineLevel="1">
      <c r="A398" s="88"/>
      <c r="B398" s="88"/>
      <c r="C398" s="87"/>
      <c r="D398" s="87"/>
      <c r="E398" s="87"/>
      <c r="F398" s="87"/>
      <c r="G398" s="87"/>
      <c r="H398" s="87">
        <v>5</v>
      </c>
      <c r="I398" s="87">
        <v>782</v>
      </c>
      <c r="J398" s="87" t="s">
        <v>67</v>
      </c>
      <c r="K398" s="85" t="s">
        <v>17</v>
      </c>
      <c r="L398" s="78" t="s">
        <v>71</v>
      </c>
      <c r="M398" s="87">
        <v>1</v>
      </c>
      <c r="N398" s="87" t="s">
        <v>438</v>
      </c>
      <c r="O398" s="87">
        <v>1</v>
      </c>
      <c r="P398" s="87">
        <v>18</v>
      </c>
      <c r="Q398" s="89"/>
      <c r="R398" s="207"/>
      <c r="S398" s="207"/>
      <c r="V398" s="99"/>
      <c r="W398" s="99"/>
    </row>
    <row r="399" spans="1:23" s="8" customFormat="1" hidden="1" collapsed="1">
      <c r="A399" s="84"/>
      <c r="B399" s="84"/>
      <c r="C399" s="85" t="s">
        <v>547</v>
      </c>
      <c r="D399" s="85" t="s">
        <v>548</v>
      </c>
      <c r="E399" s="85"/>
      <c r="F399" s="85"/>
      <c r="G399" s="85"/>
      <c r="H399" s="85"/>
      <c r="I399" s="85"/>
      <c r="J399" s="85"/>
      <c r="K399" s="85" t="s">
        <v>17</v>
      </c>
      <c r="L399" s="78" t="s">
        <v>71</v>
      </c>
      <c r="M399" s="85">
        <v>10</v>
      </c>
      <c r="N399" s="85"/>
      <c r="O399" s="85"/>
      <c r="P399" s="85"/>
      <c r="Q399" s="86"/>
      <c r="R399" s="207"/>
      <c r="S399" s="207"/>
      <c r="V399" s="99"/>
      <c r="W399" s="99"/>
    </row>
    <row r="400" spans="1:23" s="8" customFormat="1" hidden="1">
      <c r="A400" s="88"/>
      <c r="B400" s="88"/>
      <c r="C400" s="87"/>
      <c r="D400" s="87"/>
      <c r="E400" s="19"/>
      <c r="F400" s="19"/>
      <c r="G400" s="19"/>
      <c r="H400" s="19">
        <v>1</v>
      </c>
      <c r="I400" s="19">
        <v>673</v>
      </c>
      <c r="J400" s="19" t="s">
        <v>217</v>
      </c>
      <c r="K400" s="85" t="s">
        <v>17</v>
      </c>
      <c r="L400" s="78" t="s">
        <v>71</v>
      </c>
      <c r="M400" s="19">
        <v>1</v>
      </c>
      <c r="N400" s="19" t="s">
        <v>514</v>
      </c>
      <c r="O400" s="19">
        <v>2</v>
      </c>
      <c r="P400" s="19">
        <v>2</v>
      </c>
      <c r="Q400" s="25"/>
      <c r="R400" s="207"/>
      <c r="S400" s="207"/>
      <c r="V400" s="99"/>
      <c r="W400" s="99"/>
    </row>
    <row r="401" spans="1:23" s="8" customFormat="1" hidden="1">
      <c r="A401" s="88"/>
      <c r="B401" s="88"/>
      <c r="C401" s="87"/>
      <c r="D401" s="87"/>
      <c r="E401" s="19"/>
      <c r="F401" s="19"/>
      <c r="G401" s="19"/>
      <c r="H401" s="19">
        <v>2</v>
      </c>
      <c r="I401" s="19">
        <v>380</v>
      </c>
      <c r="J401" s="19" t="s">
        <v>105</v>
      </c>
      <c r="K401" s="85" t="s">
        <v>17</v>
      </c>
      <c r="L401" s="78" t="s">
        <v>71</v>
      </c>
      <c r="M401" s="19">
        <v>1</v>
      </c>
      <c r="N401" s="19" t="s">
        <v>438</v>
      </c>
      <c r="O401" s="19">
        <v>1</v>
      </c>
      <c r="P401" s="19">
        <v>15</v>
      </c>
      <c r="Q401" s="25"/>
      <c r="R401" s="207"/>
      <c r="S401" s="207"/>
      <c r="V401" s="99"/>
      <c r="W401" s="99"/>
    </row>
    <row r="402" spans="1:23" s="8" customFormat="1" hidden="1">
      <c r="A402" s="88"/>
      <c r="B402" s="88"/>
      <c r="C402" s="87"/>
      <c r="D402" s="87"/>
      <c r="E402" s="19"/>
      <c r="F402" s="19" t="s">
        <v>186</v>
      </c>
      <c r="G402" s="19" t="s">
        <v>427</v>
      </c>
      <c r="H402" s="19">
        <v>3</v>
      </c>
      <c r="I402" s="19"/>
      <c r="J402" s="19"/>
      <c r="K402" s="85" t="s">
        <v>17</v>
      </c>
      <c r="L402" s="78" t="s">
        <v>71</v>
      </c>
      <c r="M402" s="19">
        <v>1</v>
      </c>
      <c r="N402" s="19"/>
      <c r="O402" s="19"/>
      <c r="P402" s="19"/>
      <c r="Q402" s="25"/>
      <c r="R402" s="207"/>
      <c r="S402" s="207"/>
      <c r="V402" s="99"/>
      <c r="W402" s="99"/>
    </row>
    <row r="403" spans="1:23" s="8" customFormat="1" hidden="1">
      <c r="A403" s="88"/>
      <c r="B403" s="88"/>
      <c r="C403" s="87"/>
      <c r="D403" s="87"/>
      <c r="E403" s="87"/>
      <c r="F403" s="87"/>
      <c r="G403" s="87"/>
      <c r="H403" s="87">
        <v>4</v>
      </c>
      <c r="I403" s="87">
        <v>522</v>
      </c>
      <c r="J403" s="87" t="s">
        <v>69</v>
      </c>
      <c r="K403" s="85" t="s">
        <v>17</v>
      </c>
      <c r="L403" s="78" t="s">
        <v>71</v>
      </c>
      <c r="M403" s="87">
        <v>1</v>
      </c>
      <c r="N403" s="87" t="s">
        <v>514</v>
      </c>
      <c r="O403" s="87">
        <v>1</v>
      </c>
      <c r="P403" s="87">
        <v>3</v>
      </c>
      <c r="Q403" s="89" t="s">
        <v>846</v>
      </c>
      <c r="R403" s="207"/>
      <c r="S403" s="207"/>
      <c r="V403" s="99"/>
      <c r="W403" s="99"/>
    </row>
    <row r="404" spans="1:23" s="8" customFormat="1" hidden="1">
      <c r="A404" s="88"/>
      <c r="B404" s="88"/>
      <c r="C404" s="87"/>
      <c r="D404" s="87"/>
      <c r="E404" s="87"/>
      <c r="F404" s="87"/>
      <c r="G404" s="87"/>
      <c r="H404" s="87">
        <v>5</v>
      </c>
      <c r="I404" s="87">
        <v>782</v>
      </c>
      <c r="J404" s="87" t="s">
        <v>67</v>
      </c>
      <c r="K404" s="85" t="s">
        <v>17</v>
      </c>
      <c r="L404" s="78" t="s">
        <v>71</v>
      </c>
      <c r="M404" s="87">
        <v>1</v>
      </c>
      <c r="N404" s="87" t="s">
        <v>438</v>
      </c>
      <c r="O404" s="87">
        <v>1</v>
      </c>
      <c r="P404" s="87">
        <v>18</v>
      </c>
      <c r="Q404" s="89"/>
      <c r="R404" s="207"/>
      <c r="S404" s="207"/>
      <c r="V404" s="99"/>
      <c r="W404" s="99"/>
    </row>
    <row r="405" spans="1:23" s="8" customFormat="1" hidden="1">
      <c r="A405" s="84"/>
      <c r="B405" s="84"/>
      <c r="C405" s="85" t="s">
        <v>547</v>
      </c>
      <c r="D405" s="85" t="s">
        <v>548</v>
      </c>
      <c r="E405" s="85"/>
      <c r="F405" s="85"/>
      <c r="G405" s="85"/>
      <c r="H405" s="85"/>
      <c r="I405" s="85"/>
      <c r="J405" s="85"/>
      <c r="K405" s="85" t="s">
        <v>17</v>
      </c>
      <c r="L405" s="78" t="s">
        <v>71</v>
      </c>
      <c r="M405" s="85">
        <v>10</v>
      </c>
      <c r="N405" s="85"/>
      <c r="O405" s="85"/>
      <c r="P405" s="85"/>
      <c r="Q405" s="86"/>
      <c r="R405" s="207"/>
      <c r="S405" s="207"/>
      <c r="V405" s="99"/>
      <c r="W405" s="99"/>
    </row>
    <row r="406" spans="1:23" s="8" customFormat="1" hidden="1">
      <c r="A406" s="88"/>
      <c r="B406" s="88"/>
      <c r="C406" s="87"/>
      <c r="D406" s="87"/>
      <c r="E406" s="19"/>
      <c r="F406" s="19"/>
      <c r="G406" s="19"/>
      <c r="H406" s="19">
        <v>1</v>
      </c>
      <c r="I406" s="19">
        <v>673</v>
      </c>
      <c r="J406" s="19" t="s">
        <v>217</v>
      </c>
      <c r="K406" s="85" t="s">
        <v>17</v>
      </c>
      <c r="L406" s="78" t="s">
        <v>71</v>
      </c>
      <c r="M406" s="19">
        <v>1</v>
      </c>
      <c r="N406" s="19" t="s">
        <v>514</v>
      </c>
      <c r="O406" s="19">
        <v>2</v>
      </c>
      <c r="P406" s="19">
        <v>2</v>
      </c>
      <c r="Q406" s="25"/>
      <c r="R406" s="207"/>
      <c r="S406" s="207"/>
      <c r="V406" s="99"/>
      <c r="W406" s="99"/>
    </row>
    <row r="407" spans="1:23" s="8" customFormat="1" hidden="1">
      <c r="A407" s="88"/>
      <c r="B407" s="88"/>
      <c r="C407" s="87"/>
      <c r="D407" s="87"/>
      <c r="E407" s="19"/>
      <c r="F407" s="19"/>
      <c r="G407" s="19"/>
      <c r="H407" s="19">
        <v>2</v>
      </c>
      <c r="I407" s="19">
        <v>380</v>
      </c>
      <c r="J407" s="19" t="s">
        <v>105</v>
      </c>
      <c r="K407" s="85" t="s">
        <v>17</v>
      </c>
      <c r="L407" s="78" t="s">
        <v>71</v>
      </c>
      <c r="M407" s="19">
        <v>1</v>
      </c>
      <c r="N407" s="19" t="s">
        <v>438</v>
      </c>
      <c r="O407" s="19">
        <v>1</v>
      </c>
      <c r="P407" s="19">
        <v>15</v>
      </c>
      <c r="Q407" s="25"/>
      <c r="R407" s="207"/>
      <c r="S407" s="207"/>
      <c r="V407" s="99"/>
      <c r="W407" s="99"/>
    </row>
    <row r="408" spans="1:23" s="8" customFormat="1" hidden="1">
      <c r="A408" s="88"/>
      <c r="B408" s="88"/>
      <c r="C408" s="87"/>
      <c r="D408" s="87"/>
      <c r="E408" s="19"/>
      <c r="F408" s="19" t="s">
        <v>186</v>
      </c>
      <c r="G408" s="19" t="s">
        <v>427</v>
      </c>
      <c r="H408" s="19">
        <v>3</v>
      </c>
      <c r="I408" s="19"/>
      <c r="J408" s="19"/>
      <c r="K408" s="85" t="s">
        <v>17</v>
      </c>
      <c r="L408" s="78" t="s">
        <v>71</v>
      </c>
      <c r="M408" s="19">
        <v>1</v>
      </c>
      <c r="N408" s="19"/>
      <c r="O408" s="19"/>
      <c r="P408" s="19"/>
      <c r="Q408" s="25"/>
      <c r="R408" s="207"/>
      <c r="S408" s="207"/>
      <c r="V408" s="99"/>
      <c r="W408" s="99"/>
    </row>
    <row r="409" spans="1:23" s="8" customFormat="1" hidden="1">
      <c r="A409" s="88"/>
      <c r="B409" s="88"/>
      <c r="C409" s="87"/>
      <c r="D409" s="87"/>
      <c r="E409" s="87"/>
      <c r="F409" s="87"/>
      <c r="G409" s="87"/>
      <c r="H409" s="87">
        <v>4</v>
      </c>
      <c r="I409" s="87">
        <v>522</v>
      </c>
      <c r="J409" s="87" t="s">
        <v>69</v>
      </c>
      <c r="K409" s="85" t="s">
        <v>17</v>
      </c>
      <c r="L409" s="78" t="s">
        <v>71</v>
      </c>
      <c r="M409" s="87">
        <v>1</v>
      </c>
      <c r="N409" s="87" t="s">
        <v>514</v>
      </c>
      <c r="O409" s="87">
        <v>1</v>
      </c>
      <c r="P409" s="87">
        <v>3</v>
      </c>
      <c r="Q409" s="89" t="s">
        <v>847</v>
      </c>
      <c r="R409" s="207"/>
      <c r="S409" s="207"/>
      <c r="V409" s="99"/>
      <c r="W409" s="99"/>
    </row>
    <row r="410" spans="1:23" s="8" customFormat="1" hidden="1">
      <c r="A410" s="88"/>
      <c r="B410" s="88"/>
      <c r="C410" s="87"/>
      <c r="D410" s="87"/>
      <c r="E410" s="87"/>
      <c r="F410" s="87"/>
      <c r="G410" s="87"/>
      <c r="H410" s="87">
        <v>5</v>
      </c>
      <c r="I410" s="87">
        <v>782</v>
      </c>
      <c r="J410" s="87" t="s">
        <v>67</v>
      </c>
      <c r="K410" s="85" t="s">
        <v>17</v>
      </c>
      <c r="L410" s="78" t="s">
        <v>71</v>
      </c>
      <c r="M410" s="87">
        <v>1</v>
      </c>
      <c r="N410" s="87" t="s">
        <v>438</v>
      </c>
      <c r="O410" s="87">
        <v>1</v>
      </c>
      <c r="P410" s="87">
        <v>18</v>
      </c>
      <c r="Q410" s="89"/>
      <c r="R410" s="207"/>
      <c r="S410" s="207"/>
      <c r="V410" s="99"/>
      <c r="W410" s="99"/>
    </row>
    <row r="411" spans="1:23" s="8" customFormat="1" hidden="1">
      <c r="A411" s="84"/>
      <c r="B411" s="84"/>
      <c r="C411" s="85" t="s">
        <v>547</v>
      </c>
      <c r="D411" s="85" t="s">
        <v>548</v>
      </c>
      <c r="E411" s="85"/>
      <c r="F411" s="85"/>
      <c r="G411" s="85"/>
      <c r="H411" s="85"/>
      <c r="I411" s="85"/>
      <c r="J411" s="85"/>
      <c r="K411" s="85" t="s">
        <v>17</v>
      </c>
      <c r="L411" s="78" t="s">
        <v>71</v>
      </c>
      <c r="M411" s="85">
        <v>10</v>
      </c>
      <c r="N411" s="85"/>
      <c r="O411" s="85"/>
      <c r="P411" s="85"/>
      <c r="Q411" s="86"/>
      <c r="R411" s="207"/>
      <c r="S411" s="207"/>
      <c r="V411" s="99"/>
      <c r="W411" s="99"/>
    </row>
    <row r="412" spans="1:23" s="8" customFormat="1" hidden="1">
      <c r="A412" s="88"/>
      <c r="B412" s="88"/>
      <c r="C412" s="87"/>
      <c r="D412" s="87"/>
      <c r="E412" s="19"/>
      <c r="F412" s="19"/>
      <c r="G412" s="19"/>
      <c r="H412" s="19">
        <v>1</v>
      </c>
      <c r="I412" s="19">
        <v>673</v>
      </c>
      <c r="J412" s="19" t="s">
        <v>217</v>
      </c>
      <c r="K412" s="85" t="s">
        <v>17</v>
      </c>
      <c r="L412" s="78" t="s">
        <v>71</v>
      </c>
      <c r="M412" s="19">
        <v>1</v>
      </c>
      <c r="N412" s="19" t="s">
        <v>514</v>
      </c>
      <c r="O412" s="19">
        <v>2</v>
      </c>
      <c r="P412" s="19">
        <v>2</v>
      </c>
      <c r="Q412" s="25"/>
      <c r="R412" s="207"/>
      <c r="S412" s="207"/>
      <c r="V412" s="99"/>
      <c r="W412" s="99"/>
    </row>
    <row r="413" spans="1:23" s="8" customFormat="1" hidden="1">
      <c r="A413" s="88"/>
      <c r="B413" s="88"/>
      <c r="C413" s="87"/>
      <c r="D413" s="87"/>
      <c r="E413" s="19"/>
      <c r="F413" s="19"/>
      <c r="G413" s="19"/>
      <c r="H413" s="19">
        <v>2</v>
      </c>
      <c r="I413" s="19">
        <v>380</v>
      </c>
      <c r="J413" s="19" t="s">
        <v>105</v>
      </c>
      <c r="K413" s="85" t="s">
        <v>17</v>
      </c>
      <c r="L413" s="78" t="s">
        <v>71</v>
      </c>
      <c r="M413" s="19">
        <v>1</v>
      </c>
      <c r="N413" s="19" t="s">
        <v>438</v>
      </c>
      <c r="O413" s="19">
        <v>1</v>
      </c>
      <c r="P413" s="19">
        <v>15</v>
      </c>
      <c r="Q413" s="25"/>
      <c r="R413" s="207"/>
      <c r="S413" s="207"/>
      <c r="V413" s="99"/>
      <c r="W413" s="99"/>
    </row>
    <row r="414" spans="1:23" s="8" customFormat="1" hidden="1">
      <c r="A414" s="88"/>
      <c r="B414" s="88"/>
      <c r="C414" s="87"/>
      <c r="D414" s="87"/>
      <c r="E414" s="19"/>
      <c r="F414" s="19" t="s">
        <v>186</v>
      </c>
      <c r="G414" s="19" t="s">
        <v>427</v>
      </c>
      <c r="H414" s="19">
        <v>3</v>
      </c>
      <c r="I414" s="19"/>
      <c r="J414" s="19"/>
      <c r="K414" s="85" t="s">
        <v>17</v>
      </c>
      <c r="L414" s="78" t="s">
        <v>71</v>
      </c>
      <c r="M414" s="19">
        <v>1</v>
      </c>
      <c r="N414" s="19"/>
      <c r="O414" s="19"/>
      <c r="P414" s="19"/>
      <c r="Q414" s="25"/>
      <c r="R414" s="207"/>
      <c r="S414" s="207"/>
      <c r="V414" s="99"/>
      <c r="W414" s="99"/>
    </row>
    <row r="415" spans="1:23" s="8" customFormat="1" hidden="1">
      <c r="A415" s="88"/>
      <c r="B415" s="88"/>
      <c r="C415" s="87"/>
      <c r="D415" s="87"/>
      <c r="E415" s="87"/>
      <c r="F415" s="87"/>
      <c r="G415" s="87"/>
      <c r="H415" s="87">
        <v>4</v>
      </c>
      <c r="I415" s="87">
        <v>522</v>
      </c>
      <c r="J415" s="87" t="s">
        <v>69</v>
      </c>
      <c r="K415" s="85" t="s">
        <v>17</v>
      </c>
      <c r="L415" s="78" t="s">
        <v>71</v>
      </c>
      <c r="M415" s="87">
        <v>1</v>
      </c>
      <c r="N415" s="87" t="s">
        <v>514</v>
      </c>
      <c r="O415" s="87">
        <v>1</v>
      </c>
      <c r="P415" s="87">
        <v>3</v>
      </c>
      <c r="Q415" s="89" t="s">
        <v>643</v>
      </c>
      <c r="R415" s="207"/>
      <c r="S415" s="207"/>
      <c r="V415" s="99"/>
      <c r="W415" s="99"/>
    </row>
    <row r="416" spans="1:23" s="8" customFormat="1" hidden="1">
      <c r="A416" s="88"/>
      <c r="B416" s="88"/>
      <c r="C416" s="87"/>
      <c r="D416" s="87"/>
      <c r="E416" s="87"/>
      <c r="F416" s="87"/>
      <c r="G416" s="87"/>
      <c r="H416" s="87">
        <v>5</v>
      </c>
      <c r="I416" s="87">
        <v>782</v>
      </c>
      <c r="J416" s="87" t="s">
        <v>67</v>
      </c>
      <c r="K416" s="85" t="s">
        <v>17</v>
      </c>
      <c r="L416" s="78" t="s">
        <v>71</v>
      </c>
      <c r="M416" s="87">
        <v>1</v>
      </c>
      <c r="N416" s="87" t="s">
        <v>438</v>
      </c>
      <c r="O416" s="87">
        <v>1</v>
      </c>
      <c r="P416" s="87">
        <v>18</v>
      </c>
      <c r="Q416" s="89"/>
      <c r="R416" s="207"/>
      <c r="S416" s="207"/>
      <c r="V416" s="99"/>
      <c r="W416" s="99"/>
    </row>
    <row r="417" spans="1:23" s="8" customFormat="1">
      <c r="A417" s="84" t="s">
        <v>298</v>
      </c>
      <c r="B417" s="84" t="s">
        <v>426</v>
      </c>
      <c r="C417" s="85"/>
      <c r="D417" s="85"/>
      <c r="E417" s="85"/>
      <c r="F417" s="85"/>
      <c r="G417" s="85"/>
      <c r="H417" s="85"/>
      <c r="I417" s="85"/>
      <c r="J417" s="85"/>
      <c r="K417" s="85" t="s">
        <v>17</v>
      </c>
      <c r="L417" s="78" t="s">
        <v>71</v>
      </c>
      <c r="M417" s="85">
        <v>1000</v>
      </c>
      <c r="N417" s="85"/>
      <c r="O417" s="85"/>
      <c r="P417" s="85"/>
      <c r="Q417" s="86"/>
      <c r="R417" s="207" t="s">
        <v>941</v>
      </c>
      <c r="S417" s="207" t="s">
        <v>1441</v>
      </c>
      <c r="U417" s="207" t="s">
        <v>2397</v>
      </c>
      <c r="V417" s="203"/>
      <c r="W417" s="203"/>
    </row>
    <row r="418" spans="1:23" s="8" customFormat="1" hidden="1">
      <c r="A418" s="84"/>
      <c r="B418" s="84"/>
      <c r="C418" s="85" t="s">
        <v>298</v>
      </c>
      <c r="D418" s="85" t="s">
        <v>426</v>
      </c>
      <c r="E418" s="85"/>
      <c r="F418" s="85"/>
      <c r="G418" s="85"/>
      <c r="H418" s="85"/>
      <c r="I418" s="85"/>
      <c r="J418" s="85"/>
      <c r="K418" s="85" t="s">
        <v>17</v>
      </c>
      <c r="L418" s="75" t="s">
        <v>71</v>
      </c>
      <c r="M418" s="85">
        <v>1</v>
      </c>
      <c r="N418" s="85"/>
      <c r="O418" s="85"/>
      <c r="P418" s="85"/>
      <c r="Q418" s="86"/>
      <c r="R418" s="207"/>
      <c r="S418" s="207"/>
      <c r="V418" s="99"/>
      <c r="W418" s="99"/>
    </row>
    <row r="419" spans="1:23" s="8" customFormat="1" hidden="1" outlineLevel="1">
      <c r="A419" s="88"/>
      <c r="B419" s="88"/>
      <c r="C419" s="87"/>
      <c r="D419" s="87"/>
      <c r="E419" s="87"/>
      <c r="F419" s="87"/>
      <c r="G419" s="87"/>
      <c r="H419" s="87">
        <v>1</v>
      </c>
      <c r="I419" s="87">
        <v>349</v>
      </c>
      <c r="J419" s="87" t="s">
        <v>201</v>
      </c>
      <c r="K419" s="87" t="s">
        <v>66</v>
      </c>
      <c r="L419" s="11" t="s">
        <v>65</v>
      </c>
      <c r="M419" s="87">
        <v>1</v>
      </c>
      <c r="N419" s="87" t="s">
        <v>514</v>
      </c>
      <c r="O419" s="87">
        <v>1</v>
      </c>
      <c r="P419" s="87">
        <v>1</v>
      </c>
      <c r="Q419" s="89" t="s">
        <v>666</v>
      </c>
      <c r="R419" s="207"/>
      <c r="S419" s="207"/>
      <c r="V419" s="99"/>
      <c r="W419" s="99"/>
    </row>
    <row r="420" spans="1:23" s="8" customFormat="1" hidden="1" outlineLevel="1">
      <c r="A420" s="88"/>
      <c r="B420" s="88"/>
      <c r="C420" s="87"/>
      <c r="D420" s="87"/>
      <c r="E420" s="87"/>
      <c r="F420" s="87"/>
      <c r="G420" s="87"/>
      <c r="H420" s="87">
        <v>2</v>
      </c>
      <c r="I420" s="87">
        <v>750</v>
      </c>
      <c r="J420" s="87" t="s">
        <v>295</v>
      </c>
      <c r="K420" s="87" t="s">
        <v>17</v>
      </c>
      <c r="L420" s="11" t="s">
        <v>71</v>
      </c>
      <c r="M420" s="87">
        <v>1</v>
      </c>
      <c r="N420" s="87" t="s">
        <v>514</v>
      </c>
      <c r="O420" s="87">
        <v>2</v>
      </c>
      <c r="P420" s="87">
        <v>3</v>
      </c>
      <c r="Q420" s="89" t="s">
        <v>712</v>
      </c>
      <c r="R420" s="207"/>
      <c r="S420" s="207"/>
      <c r="V420" s="99"/>
      <c r="W420" s="99"/>
    </row>
    <row r="421" spans="1:23" s="8" customFormat="1" hidden="1" outlineLevel="1">
      <c r="A421" s="88"/>
      <c r="B421" s="88"/>
      <c r="C421" s="87"/>
      <c r="D421" s="87"/>
      <c r="E421" s="19"/>
      <c r="F421" s="19"/>
      <c r="G421" s="19"/>
      <c r="H421" s="19">
        <v>3</v>
      </c>
      <c r="I421" s="19">
        <v>559</v>
      </c>
      <c r="J421" s="19" t="s">
        <v>197</v>
      </c>
      <c r="K421" s="19" t="s">
        <v>78</v>
      </c>
      <c r="L421" s="25" t="s">
        <v>96</v>
      </c>
      <c r="M421" s="19">
        <v>1</v>
      </c>
      <c r="N421" s="19" t="s">
        <v>514</v>
      </c>
      <c r="O421" s="19">
        <v>2</v>
      </c>
      <c r="P421" s="19">
        <v>2</v>
      </c>
      <c r="Q421" s="25"/>
      <c r="R421" s="207"/>
      <c r="S421" s="207"/>
      <c r="V421" s="99"/>
      <c r="W421" s="99"/>
    </row>
    <row r="422" spans="1:23" s="8" customFormat="1" hidden="1" outlineLevel="1">
      <c r="A422" s="88"/>
      <c r="B422" s="88"/>
      <c r="C422" s="87"/>
      <c r="D422" s="87"/>
      <c r="E422" s="19"/>
      <c r="F422" s="19"/>
      <c r="G422" s="19"/>
      <c r="H422" s="19">
        <v>4</v>
      </c>
      <c r="I422" s="19">
        <v>751</v>
      </c>
      <c r="J422" s="19" t="s">
        <v>292</v>
      </c>
      <c r="K422" s="19" t="s">
        <v>78</v>
      </c>
      <c r="L422" s="25" t="s">
        <v>96</v>
      </c>
      <c r="M422" s="19">
        <v>1</v>
      </c>
      <c r="N422" s="19" t="s">
        <v>509</v>
      </c>
      <c r="O422" s="19">
        <v>1</v>
      </c>
      <c r="P422" s="19">
        <v>12</v>
      </c>
      <c r="Q422" s="25"/>
      <c r="R422" s="207"/>
      <c r="S422" s="207"/>
      <c r="V422" s="99"/>
      <c r="W422" s="99"/>
    </row>
    <row r="423" spans="1:23" s="8" customFormat="1" hidden="1" outlineLevel="1">
      <c r="A423" s="88"/>
      <c r="B423" s="88"/>
      <c r="C423" s="87"/>
      <c r="D423" s="87"/>
      <c r="E423" s="87"/>
      <c r="F423" s="87"/>
      <c r="G423" s="87"/>
      <c r="H423" s="87">
        <v>5</v>
      </c>
      <c r="I423" s="87">
        <v>352</v>
      </c>
      <c r="J423" s="87" t="s">
        <v>3</v>
      </c>
      <c r="K423" s="87" t="s">
        <v>78</v>
      </c>
      <c r="L423" s="11" t="s">
        <v>71</v>
      </c>
      <c r="M423" s="87">
        <v>1</v>
      </c>
      <c r="N423" s="87" t="s">
        <v>509</v>
      </c>
      <c r="O423" s="87">
        <v>1</v>
      </c>
      <c r="P423" s="87">
        <v>80</v>
      </c>
      <c r="Q423" s="89"/>
      <c r="R423" s="207"/>
      <c r="S423" s="207"/>
      <c r="V423" s="99"/>
      <c r="W423" s="99"/>
    </row>
    <row r="424" spans="1:23" s="8" customFormat="1" hidden="1" outlineLevel="1">
      <c r="A424" s="88"/>
      <c r="B424" s="88"/>
      <c r="C424" s="87"/>
      <c r="D424" s="87"/>
      <c r="E424" s="19"/>
      <c r="F424" s="19"/>
      <c r="G424" s="19"/>
      <c r="H424" s="19">
        <v>6</v>
      </c>
      <c r="I424" s="19">
        <v>752</v>
      </c>
      <c r="J424" s="19" t="s">
        <v>304</v>
      </c>
      <c r="K424" s="19" t="s">
        <v>17</v>
      </c>
      <c r="L424" s="25" t="s">
        <v>96</v>
      </c>
      <c r="M424" s="19">
        <v>1</v>
      </c>
      <c r="N424" s="19" t="s">
        <v>514</v>
      </c>
      <c r="O424" s="19">
        <v>2</v>
      </c>
      <c r="P424" s="19">
        <v>2</v>
      </c>
      <c r="Q424" s="25"/>
      <c r="R424" s="207"/>
      <c r="S424" s="207"/>
      <c r="V424" s="99"/>
      <c r="W424" s="99"/>
    </row>
    <row r="425" spans="1:23" s="8" customFormat="1" hidden="1" outlineLevel="1">
      <c r="A425" s="88"/>
      <c r="B425" s="88"/>
      <c r="C425" s="87"/>
      <c r="D425" s="87"/>
      <c r="E425" s="19"/>
      <c r="F425" s="19"/>
      <c r="G425" s="19"/>
      <c r="H425" s="19">
        <v>7</v>
      </c>
      <c r="I425" s="19">
        <v>822</v>
      </c>
      <c r="J425" s="19" t="s">
        <v>302</v>
      </c>
      <c r="K425" s="19" t="s">
        <v>17</v>
      </c>
      <c r="L425" s="25" t="s">
        <v>96</v>
      </c>
      <c r="M425" s="19">
        <v>1</v>
      </c>
      <c r="N425" s="19" t="s">
        <v>509</v>
      </c>
      <c r="O425" s="19">
        <v>1</v>
      </c>
      <c r="P425" s="19">
        <v>15</v>
      </c>
      <c r="Q425" s="25"/>
      <c r="R425" s="207"/>
      <c r="S425" s="207"/>
      <c r="V425" s="99"/>
      <c r="W425" s="99"/>
    </row>
    <row r="426" spans="1:23" s="8" customFormat="1" hidden="1" outlineLevel="1">
      <c r="A426" s="88"/>
      <c r="B426" s="88"/>
      <c r="C426" s="87"/>
      <c r="D426" s="87"/>
      <c r="E426" s="19"/>
      <c r="F426" s="19"/>
      <c r="G426" s="19"/>
      <c r="H426" s="19">
        <v>8</v>
      </c>
      <c r="I426" s="19">
        <v>1073</v>
      </c>
      <c r="J426" s="19" t="s">
        <v>300</v>
      </c>
      <c r="K426" s="19" t="s">
        <v>17</v>
      </c>
      <c r="L426" s="25" t="s">
        <v>96</v>
      </c>
      <c r="M426" s="19">
        <v>1</v>
      </c>
      <c r="N426" s="19" t="s">
        <v>514</v>
      </c>
      <c r="O426" s="19">
        <v>1</v>
      </c>
      <c r="P426" s="19">
        <v>1</v>
      </c>
      <c r="Q426" s="25"/>
      <c r="R426" s="207"/>
      <c r="S426" s="207"/>
      <c r="V426" s="99"/>
      <c r="W426" s="99"/>
    </row>
    <row r="427" spans="1:23" s="8" customFormat="1" hidden="1" outlineLevel="1">
      <c r="A427" s="88"/>
      <c r="B427" s="88"/>
      <c r="C427" s="87"/>
      <c r="D427" s="87"/>
      <c r="E427" s="87"/>
      <c r="F427" s="87"/>
      <c r="G427" s="87"/>
      <c r="H427" s="87">
        <v>9</v>
      </c>
      <c r="I427" s="87">
        <v>819</v>
      </c>
      <c r="J427" s="87" t="s">
        <v>253</v>
      </c>
      <c r="K427" s="87" t="s">
        <v>17</v>
      </c>
      <c r="L427" s="11" t="s">
        <v>71</v>
      </c>
      <c r="M427" s="87">
        <v>1</v>
      </c>
      <c r="N427" s="87" t="s">
        <v>514</v>
      </c>
      <c r="O427" s="87">
        <v>2</v>
      </c>
      <c r="P427" s="87">
        <v>3</v>
      </c>
      <c r="Q427" s="89"/>
      <c r="R427" s="207"/>
      <c r="S427" s="207"/>
      <c r="V427" s="99"/>
      <c r="W427" s="99"/>
    </row>
    <row r="428" spans="1:23" s="8" customFormat="1" hidden="1" collapsed="1">
      <c r="A428" s="84"/>
      <c r="B428" s="84"/>
      <c r="C428" s="85" t="s">
        <v>130</v>
      </c>
      <c r="D428" s="85" t="s">
        <v>126</v>
      </c>
      <c r="E428" s="85"/>
      <c r="F428" s="85"/>
      <c r="G428" s="85"/>
      <c r="H428" s="85"/>
      <c r="I428" s="85"/>
      <c r="J428" s="85"/>
      <c r="K428" s="85" t="s">
        <v>17</v>
      </c>
      <c r="L428" s="75" t="s">
        <v>71</v>
      </c>
      <c r="M428" s="75" t="s">
        <v>525</v>
      </c>
      <c r="N428" s="75"/>
      <c r="O428" s="75"/>
      <c r="P428" s="75"/>
      <c r="Q428" s="86"/>
      <c r="R428" s="207"/>
      <c r="S428" s="207"/>
      <c r="V428" s="99"/>
      <c r="W428" s="99"/>
    </row>
    <row r="429" spans="1:23" s="8" customFormat="1" hidden="1">
      <c r="A429" s="88"/>
      <c r="B429" s="88"/>
      <c r="C429" s="87"/>
      <c r="D429" s="87"/>
      <c r="E429" s="87"/>
      <c r="F429" s="87"/>
      <c r="G429" s="87"/>
      <c r="H429" s="87">
        <v>1</v>
      </c>
      <c r="I429" s="87">
        <v>128</v>
      </c>
      <c r="J429" s="87" t="s">
        <v>128</v>
      </c>
      <c r="K429" s="87" t="s">
        <v>66</v>
      </c>
      <c r="L429" s="11" t="s">
        <v>65</v>
      </c>
      <c r="M429" s="11">
        <v>1</v>
      </c>
      <c r="N429" s="11" t="s">
        <v>514</v>
      </c>
      <c r="O429" s="11">
        <v>2</v>
      </c>
      <c r="P429" s="11">
        <v>3</v>
      </c>
      <c r="Q429" s="89" t="s">
        <v>634</v>
      </c>
      <c r="R429" s="207"/>
      <c r="S429" s="207"/>
      <c r="V429" s="99"/>
      <c r="W429" s="99"/>
    </row>
    <row r="430" spans="1:23" s="8" customFormat="1" hidden="1">
      <c r="A430" s="88"/>
      <c r="B430" s="88"/>
      <c r="C430" s="87"/>
      <c r="D430" s="87"/>
      <c r="E430" s="87"/>
      <c r="F430" s="87"/>
      <c r="G430" s="87"/>
      <c r="H430" s="87">
        <v>2</v>
      </c>
      <c r="I430" s="87">
        <v>127</v>
      </c>
      <c r="J430" s="87" t="s">
        <v>126</v>
      </c>
      <c r="K430" s="87" t="s">
        <v>78</v>
      </c>
      <c r="L430" s="11" t="s">
        <v>71</v>
      </c>
      <c r="M430" s="11">
        <v>1</v>
      </c>
      <c r="N430" s="11" t="s">
        <v>509</v>
      </c>
      <c r="O430" s="11">
        <v>1</v>
      </c>
      <c r="P430" s="11">
        <v>30</v>
      </c>
      <c r="Q430" s="89"/>
      <c r="R430" s="207"/>
      <c r="S430" s="207"/>
      <c r="V430" s="99"/>
      <c r="W430" s="99"/>
    </row>
    <row r="431" spans="1:23" s="8" customFormat="1" hidden="1">
      <c r="A431" s="88"/>
      <c r="B431" s="88"/>
      <c r="C431" s="87"/>
      <c r="D431" s="87"/>
      <c r="E431" s="87"/>
      <c r="F431" s="87"/>
      <c r="G431" s="87"/>
      <c r="H431" s="87">
        <v>3</v>
      </c>
      <c r="I431" s="87">
        <v>352</v>
      </c>
      <c r="J431" s="87" t="s">
        <v>3</v>
      </c>
      <c r="K431" s="87" t="s">
        <v>78</v>
      </c>
      <c r="L431" s="11" t="s">
        <v>71</v>
      </c>
      <c r="M431" s="11">
        <v>1</v>
      </c>
      <c r="N431" s="11" t="s">
        <v>509</v>
      </c>
      <c r="O431" s="11">
        <v>1</v>
      </c>
      <c r="P431" s="11">
        <v>80</v>
      </c>
      <c r="Q431" s="89"/>
      <c r="R431" s="207"/>
      <c r="S431" s="207"/>
      <c r="V431" s="99"/>
      <c r="W431" s="99"/>
    </row>
    <row r="432" spans="1:23" s="8" customFormat="1" hidden="1">
      <c r="A432" s="84"/>
      <c r="B432" s="84"/>
      <c r="C432" s="85" t="s">
        <v>130</v>
      </c>
      <c r="D432" s="85" t="s">
        <v>126</v>
      </c>
      <c r="E432" s="85"/>
      <c r="F432" s="85"/>
      <c r="G432" s="85"/>
      <c r="H432" s="85"/>
      <c r="I432" s="85"/>
      <c r="J432" s="85"/>
      <c r="K432" s="85" t="s">
        <v>17</v>
      </c>
      <c r="L432" s="75" t="s">
        <v>71</v>
      </c>
      <c r="M432" s="75" t="s">
        <v>525</v>
      </c>
      <c r="N432" s="75"/>
      <c r="O432" s="75"/>
      <c r="P432" s="75"/>
      <c r="Q432" s="86"/>
      <c r="R432" s="207"/>
      <c r="S432" s="207"/>
      <c r="V432" s="99"/>
      <c r="W432" s="99"/>
    </row>
    <row r="433" spans="1:23" s="8" customFormat="1" hidden="1">
      <c r="A433" s="88"/>
      <c r="B433" s="88"/>
      <c r="C433" s="87"/>
      <c r="D433" s="87"/>
      <c r="E433" s="87"/>
      <c r="F433" s="87"/>
      <c r="G433" s="87"/>
      <c r="H433" s="87">
        <v>1</v>
      </c>
      <c r="I433" s="87">
        <v>128</v>
      </c>
      <c r="J433" s="87" t="s">
        <v>128</v>
      </c>
      <c r="K433" s="87" t="s">
        <v>66</v>
      </c>
      <c r="L433" s="11" t="s">
        <v>65</v>
      </c>
      <c r="M433" s="11">
        <v>1</v>
      </c>
      <c r="N433" s="11" t="s">
        <v>514</v>
      </c>
      <c r="O433" s="11">
        <v>2</v>
      </c>
      <c r="P433" s="11">
        <v>3</v>
      </c>
      <c r="Q433" s="89" t="s">
        <v>831</v>
      </c>
      <c r="R433" s="207"/>
      <c r="S433" s="207"/>
      <c r="V433" s="99"/>
      <c r="W433" s="99"/>
    </row>
    <row r="434" spans="1:23" s="8" customFormat="1" hidden="1">
      <c r="A434" s="88"/>
      <c r="B434" s="88"/>
      <c r="C434" s="87"/>
      <c r="D434" s="87"/>
      <c r="E434" s="87"/>
      <c r="F434" s="87"/>
      <c r="G434" s="87"/>
      <c r="H434" s="87">
        <v>2</v>
      </c>
      <c r="I434" s="87">
        <v>127</v>
      </c>
      <c r="J434" s="87" t="s">
        <v>126</v>
      </c>
      <c r="K434" s="87" t="s">
        <v>78</v>
      </c>
      <c r="L434" s="11" t="s">
        <v>71</v>
      </c>
      <c r="M434" s="11">
        <v>1</v>
      </c>
      <c r="N434" s="11" t="s">
        <v>509</v>
      </c>
      <c r="O434" s="11">
        <v>1</v>
      </c>
      <c r="P434" s="11">
        <v>30</v>
      </c>
      <c r="Q434" s="89"/>
      <c r="R434" s="207"/>
      <c r="S434" s="207"/>
      <c r="V434" s="99"/>
      <c r="W434" s="99"/>
    </row>
    <row r="435" spans="1:23" s="8" customFormat="1" ht="35">
      <c r="A435" s="84"/>
      <c r="B435" s="84"/>
      <c r="C435" s="85" t="s">
        <v>130</v>
      </c>
      <c r="D435" s="85" t="s">
        <v>126</v>
      </c>
      <c r="E435" s="85"/>
      <c r="F435" s="85"/>
      <c r="G435" s="85"/>
      <c r="H435" s="85"/>
      <c r="I435" s="85"/>
      <c r="J435" s="85"/>
      <c r="K435" s="85" t="s">
        <v>17</v>
      </c>
      <c r="L435" s="75" t="s">
        <v>71</v>
      </c>
      <c r="M435" s="75" t="s">
        <v>525</v>
      </c>
      <c r="N435" s="75"/>
      <c r="O435" s="75"/>
      <c r="P435" s="75"/>
      <c r="Q435" s="86"/>
      <c r="R435" s="207" t="s">
        <v>1180</v>
      </c>
      <c r="S435" s="203" t="s">
        <v>1442</v>
      </c>
      <c r="V435" s="99"/>
      <c r="W435" s="99"/>
    </row>
    <row r="436" spans="1:23" s="8" customFormat="1" hidden="1" outlineLevel="1">
      <c r="A436" s="88"/>
      <c r="B436" s="88"/>
      <c r="C436" s="87"/>
      <c r="D436" s="87"/>
      <c r="E436" s="87"/>
      <c r="F436" s="87"/>
      <c r="G436" s="87"/>
      <c r="H436" s="87">
        <v>1</v>
      </c>
      <c r="I436" s="87">
        <v>128</v>
      </c>
      <c r="J436" s="87" t="s">
        <v>128</v>
      </c>
      <c r="K436" s="87" t="s">
        <v>66</v>
      </c>
      <c r="L436" s="11" t="s">
        <v>65</v>
      </c>
      <c r="M436" s="11">
        <v>1</v>
      </c>
      <c r="N436" s="11" t="s">
        <v>514</v>
      </c>
      <c r="O436" s="11">
        <v>2</v>
      </c>
      <c r="P436" s="11">
        <v>3</v>
      </c>
      <c r="Q436" s="89" t="s">
        <v>830</v>
      </c>
      <c r="R436" s="207"/>
      <c r="S436" s="207"/>
      <c r="V436" s="99"/>
      <c r="W436" s="99"/>
    </row>
    <row r="437" spans="1:23" s="8" customFormat="1" hidden="1" outlineLevel="1">
      <c r="A437" s="88"/>
      <c r="B437" s="88"/>
      <c r="C437" s="87"/>
      <c r="D437" s="87"/>
      <c r="E437" s="87"/>
      <c r="F437" s="87"/>
      <c r="G437" s="87"/>
      <c r="H437" s="87">
        <v>2</v>
      </c>
      <c r="I437" s="87">
        <v>127</v>
      </c>
      <c r="J437" s="87" t="s">
        <v>126</v>
      </c>
      <c r="K437" s="87" t="s">
        <v>78</v>
      </c>
      <c r="L437" s="11" t="s">
        <v>71</v>
      </c>
      <c r="M437" s="11">
        <v>1</v>
      </c>
      <c r="N437" s="11" t="s">
        <v>509</v>
      </c>
      <c r="O437" s="11">
        <v>1</v>
      </c>
      <c r="P437" s="11">
        <v>30</v>
      </c>
      <c r="Q437" s="89"/>
      <c r="R437" s="207"/>
      <c r="S437" s="207"/>
      <c r="V437" s="99"/>
      <c r="W437" s="99"/>
    </row>
    <row r="438" spans="1:23" s="8" customFormat="1" hidden="1" outlineLevel="1">
      <c r="A438" s="88"/>
      <c r="B438" s="88"/>
      <c r="C438" s="87"/>
      <c r="D438" s="87"/>
      <c r="E438" s="19"/>
      <c r="F438" s="19"/>
      <c r="G438" s="19"/>
      <c r="H438" s="19">
        <v>3</v>
      </c>
      <c r="I438" s="19">
        <v>352</v>
      </c>
      <c r="J438" s="19" t="s">
        <v>3</v>
      </c>
      <c r="K438" s="19" t="s">
        <v>78</v>
      </c>
      <c r="L438" s="25" t="s">
        <v>96</v>
      </c>
      <c r="M438" s="91">
        <v>1</v>
      </c>
      <c r="N438" s="91" t="s">
        <v>509</v>
      </c>
      <c r="O438" s="91">
        <v>1</v>
      </c>
      <c r="P438" s="91">
        <v>80</v>
      </c>
      <c r="Q438" s="25"/>
      <c r="R438" s="207"/>
      <c r="S438" s="207"/>
      <c r="V438" s="99"/>
      <c r="W438" s="99"/>
    </row>
    <row r="439" spans="1:23" s="8" customFormat="1" hidden="1" outlineLevel="1">
      <c r="A439" s="88"/>
      <c r="B439" s="88"/>
      <c r="C439" s="87"/>
      <c r="D439" s="87"/>
      <c r="E439" s="87"/>
      <c r="F439" s="87" t="s">
        <v>181</v>
      </c>
      <c r="G439" s="87" t="s">
        <v>549</v>
      </c>
      <c r="H439" s="87">
        <v>4</v>
      </c>
      <c r="I439" s="87"/>
      <c r="J439" s="87"/>
      <c r="K439" s="87" t="s">
        <v>17</v>
      </c>
      <c r="L439" s="11" t="s">
        <v>71</v>
      </c>
      <c r="M439" s="87"/>
      <c r="N439" s="87"/>
      <c r="O439" s="87"/>
      <c r="P439" s="87"/>
      <c r="Q439" s="89"/>
      <c r="R439" s="207"/>
      <c r="S439" s="207"/>
      <c r="V439" s="99"/>
      <c r="W439" s="99"/>
    </row>
    <row r="440" spans="1:23" s="8" customFormat="1" hidden="1" outlineLevel="1">
      <c r="A440" s="88"/>
      <c r="B440" s="88"/>
      <c r="C440" s="87"/>
      <c r="D440" s="87"/>
      <c r="E440" s="87"/>
      <c r="F440" s="87"/>
      <c r="G440" s="87"/>
      <c r="H440" s="87">
        <v>5</v>
      </c>
      <c r="I440" s="87">
        <v>128</v>
      </c>
      <c r="J440" s="87" t="s">
        <v>128</v>
      </c>
      <c r="K440" s="87" t="s">
        <v>66</v>
      </c>
      <c r="L440" s="11" t="s">
        <v>65</v>
      </c>
      <c r="M440" s="87">
        <v>1</v>
      </c>
      <c r="N440" s="87" t="s">
        <v>514</v>
      </c>
      <c r="O440" s="11">
        <v>2</v>
      </c>
      <c r="P440" s="11">
        <v>3</v>
      </c>
      <c r="Q440" s="89" t="s">
        <v>741</v>
      </c>
      <c r="R440" s="207"/>
      <c r="S440" s="207"/>
      <c r="V440" s="99"/>
      <c r="W440" s="99"/>
    </row>
    <row r="441" spans="1:23" s="8" customFormat="1" hidden="1" outlineLevel="1">
      <c r="A441" s="88"/>
      <c r="B441" s="88"/>
      <c r="C441" s="87"/>
      <c r="D441" s="87"/>
      <c r="E441" s="87"/>
      <c r="F441" s="87"/>
      <c r="G441" s="87"/>
      <c r="H441" s="87">
        <v>6</v>
      </c>
      <c r="I441" s="87">
        <v>127</v>
      </c>
      <c r="J441" s="87" t="s">
        <v>126</v>
      </c>
      <c r="K441" s="87" t="s">
        <v>78</v>
      </c>
      <c r="L441" s="11" t="s">
        <v>71</v>
      </c>
      <c r="M441" s="87">
        <v>1</v>
      </c>
      <c r="N441" s="87" t="s">
        <v>509</v>
      </c>
      <c r="O441" s="11">
        <v>1</v>
      </c>
      <c r="P441" s="11">
        <v>30</v>
      </c>
      <c r="Q441" s="89"/>
      <c r="R441" s="207"/>
      <c r="S441" s="207"/>
      <c r="V441" s="99"/>
      <c r="W441" s="99"/>
    </row>
    <row r="442" spans="1:23" s="8" customFormat="1" hidden="1" collapsed="1">
      <c r="A442" s="84"/>
      <c r="B442" s="84"/>
      <c r="C442" s="85" t="s">
        <v>130</v>
      </c>
      <c r="D442" s="85" t="s">
        <v>126</v>
      </c>
      <c r="E442" s="85"/>
      <c r="F442" s="85"/>
      <c r="G442" s="85"/>
      <c r="H442" s="85"/>
      <c r="I442" s="85"/>
      <c r="J442" s="85"/>
      <c r="K442" s="85" t="s">
        <v>17</v>
      </c>
      <c r="L442" s="75" t="s">
        <v>71</v>
      </c>
      <c r="M442" s="75" t="s">
        <v>525</v>
      </c>
      <c r="N442" s="75"/>
      <c r="O442" s="75"/>
      <c r="P442" s="75"/>
      <c r="Q442" s="86"/>
      <c r="R442" s="207"/>
      <c r="S442" s="207"/>
      <c r="V442" s="99"/>
      <c r="W442" s="99"/>
    </row>
    <row r="443" spans="1:23" s="8" customFormat="1" hidden="1" outlineLevel="1">
      <c r="A443" s="88"/>
      <c r="B443" s="88"/>
      <c r="C443" s="87"/>
      <c r="D443" s="87"/>
      <c r="E443" s="87"/>
      <c r="F443" s="87"/>
      <c r="G443" s="87"/>
      <c r="H443" s="87">
        <v>1</v>
      </c>
      <c r="I443" s="87">
        <v>128</v>
      </c>
      <c r="J443" s="87" t="s">
        <v>128</v>
      </c>
      <c r="K443" s="87" t="s">
        <v>66</v>
      </c>
      <c r="L443" s="11" t="s">
        <v>65</v>
      </c>
      <c r="M443" s="11">
        <v>1</v>
      </c>
      <c r="N443" s="11" t="s">
        <v>514</v>
      </c>
      <c r="O443" s="11">
        <v>2</v>
      </c>
      <c r="P443" s="11">
        <v>3</v>
      </c>
      <c r="Q443" s="89" t="s">
        <v>834</v>
      </c>
      <c r="R443" s="207"/>
      <c r="S443" s="207"/>
      <c r="V443" s="99"/>
      <c r="W443" s="99"/>
    </row>
    <row r="444" spans="1:23" s="8" customFormat="1" hidden="1" outlineLevel="1">
      <c r="A444" s="88"/>
      <c r="B444" s="88"/>
      <c r="C444" s="87"/>
      <c r="D444" s="87"/>
      <c r="E444" s="87"/>
      <c r="F444" s="87"/>
      <c r="G444" s="87"/>
      <c r="H444" s="87">
        <v>2</v>
      </c>
      <c r="I444" s="87">
        <v>127</v>
      </c>
      <c r="J444" s="87" t="s">
        <v>126</v>
      </c>
      <c r="K444" s="87" t="s">
        <v>78</v>
      </c>
      <c r="L444" s="11" t="s">
        <v>71</v>
      </c>
      <c r="M444" s="11">
        <v>1</v>
      </c>
      <c r="N444" s="11" t="s">
        <v>509</v>
      </c>
      <c r="O444" s="11">
        <v>1</v>
      </c>
      <c r="P444" s="11">
        <v>30</v>
      </c>
      <c r="Q444" s="89"/>
      <c r="R444" s="207"/>
      <c r="S444" s="207"/>
      <c r="V444" s="99"/>
      <c r="W444" s="99"/>
    </row>
    <row r="445" spans="1:23" s="8" customFormat="1" hidden="1" outlineLevel="1">
      <c r="A445" s="88"/>
      <c r="B445" s="88"/>
      <c r="C445" s="87"/>
      <c r="D445" s="87"/>
      <c r="E445" s="19"/>
      <c r="F445" s="19"/>
      <c r="G445" s="19"/>
      <c r="H445" s="19">
        <v>3</v>
      </c>
      <c r="I445" s="19">
        <v>352</v>
      </c>
      <c r="J445" s="19" t="s">
        <v>3</v>
      </c>
      <c r="K445" s="19" t="s">
        <v>78</v>
      </c>
      <c r="L445" s="25" t="s">
        <v>96</v>
      </c>
      <c r="M445" s="91">
        <v>1</v>
      </c>
      <c r="N445" s="91" t="s">
        <v>509</v>
      </c>
      <c r="O445" s="91">
        <v>1</v>
      </c>
      <c r="P445" s="91">
        <v>80</v>
      </c>
      <c r="Q445" s="25"/>
      <c r="R445" s="207"/>
      <c r="S445" s="207"/>
      <c r="V445" s="99"/>
      <c r="W445" s="99"/>
    </row>
    <row r="446" spans="1:23" s="8" customFormat="1" hidden="1" outlineLevel="1">
      <c r="A446" s="88"/>
      <c r="B446" s="88"/>
      <c r="C446" s="87"/>
      <c r="D446" s="87"/>
      <c r="E446" s="87"/>
      <c r="F446" s="87" t="s">
        <v>181</v>
      </c>
      <c r="G446" s="87" t="s">
        <v>549</v>
      </c>
      <c r="H446" s="87">
        <v>4</v>
      </c>
      <c r="I446" s="87"/>
      <c r="J446" s="87"/>
      <c r="K446" s="87" t="s">
        <v>17</v>
      </c>
      <c r="L446" s="11" t="s">
        <v>71</v>
      </c>
      <c r="M446" s="87"/>
      <c r="N446" s="87"/>
      <c r="O446" s="87"/>
      <c r="P446" s="87"/>
      <c r="Q446" s="89"/>
      <c r="R446" s="207"/>
      <c r="S446" s="207"/>
      <c r="V446" s="99"/>
      <c r="W446" s="99"/>
    </row>
    <row r="447" spans="1:23" s="8" customFormat="1" hidden="1" outlineLevel="1">
      <c r="A447" s="88"/>
      <c r="B447" s="88"/>
      <c r="C447" s="87"/>
      <c r="D447" s="87"/>
      <c r="E447" s="87"/>
      <c r="F447" s="87"/>
      <c r="G447" s="87"/>
      <c r="H447" s="87">
        <v>5</v>
      </c>
      <c r="I447" s="87">
        <v>128</v>
      </c>
      <c r="J447" s="87" t="s">
        <v>128</v>
      </c>
      <c r="K447" s="87" t="s">
        <v>66</v>
      </c>
      <c r="L447" s="11" t="s">
        <v>65</v>
      </c>
      <c r="M447" s="87">
        <v>1</v>
      </c>
      <c r="N447" s="87" t="s">
        <v>514</v>
      </c>
      <c r="O447" s="11">
        <v>2</v>
      </c>
      <c r="P447" s="11">
        <v>3</v>
      </c>
      <c r="Q447" s="89" t="s">
        <v>741</v>
      </c>
      <c r="R447" s="207"/>
      <c r="S447" s="207"/>
      <c r="V447" s="99"/>
      <c r="W447" s="99"/>
    </row>
    <row r="448" spans="1:23" s="8" customFormat="1" hidden="1" outlineLevel="1">
      <c r="A448" s="88"/>
      <c r="B448" s="88"/>
      <c r="C448" s="87"/>
      <c r="D448" s="87"/>
      <c r="E448" s="87"/>
      <c r="F448" s="87"/>
      <c r="G448" s="87"/>
      <c r="H448" s="87">
        <v>6</v>
      </c>
      <c r="I448" s="87">
        <v>127</v>
      </c>
      <c r="J448" s="87" t="s">
        <v>126</v>
      </c>
      <c r="K448" s="87" t="s">
        <v>78</v>
      </c>
      <c r="L448" s="11" t="s">
        <v>71</v>
      </c>
      <c r="M448" s="87">
        <v>1</v>
      </c>
      <c r="N448" s="87" t="s">
        <v>509</v>
      </c>
      <c r="O448" s="11">
        <v>1</v>
      </c>
      <c r="P448" s="11">
        <v>30</v>
      </c>
      <c r="Q448" s="89"/>
      <c r="R448" s="207"/>
      <c r="S448" s="207"/>
      <c r="V448" s="99"/>
      <c r="W448" s="99"/>
    </row>
    <row r="449" spans="1:23" s="8" customFormat="1" collapsed="1">
      <c r="A449" s="84"/>
      <c r="B449" s="84"/>
      <c r="C449" s="85" t="s">
        <v>130</v>
      </c>
      <c r="D449" s="85" t="s">
        <v>126</v>
      </c>
      <c r="E449" s="85"/>
      <c r="F449" s="85"/>
      <c r="G449" s="85"/>
      <c r="H449" s="85"/>
      <c r="I449" s="85"/>
      <c r="J449" s="85"/>
      <c r="K449" s="85" t="s">
        <v>17</v>
      </c>
      <c r="L449" s="75" t="s">
        <v>71</v>
      </c>
      <c r="M449" s="75" t="s">
        <v>525</v>
      </c>
      <c r="N449" s="75"/>
      <c r="O449" s="75"/>
      <c r="P449" s="75"/>
      <c r="Q449" s="86"/>
      <c r="R449" s="207" t="s">
        <v>1052</v>
      </c>
      <c r="S449" s="207" t="s">
        <v>1443</v>
      </c>
      <c r="U449" s="207" t="s">
        <v>2397</v>
      </c>
      <c r="V449" s="203"/>
      <c r="W449" s="203"/>
    </row>
    <row r="450" spans="1:23" s="8" customFormat="1" hidden="1" outlineLevel="1">
      <c r="A450" s="88"/>
      <c r="B450" s="88"/>
      <c r="C450" s="87"/>
      <c r="D450" s="87"/>
      <c r="E450" s="87"/>
      <c r="F450" s="87"/>
      <c r="G450" s="87"/>
      <c r="H450" s="87">
        <v>1</v>
      </c>
      <c r="I450" s="87">
        <v>128</v>
      </c>
      <c r="J450" s="87" t="s">
        <v>128</v>
      </c>
      <c r="K450" s="85" t="s">
        <v>17</v>
      </c>
      <c r="L450" s="11" t="s">
        <v>65</v>
      </c>
      <c r="M450" s="11">
        <v>1</v>
      </c>
      <c r="N450" s="11" t="s">
        <v>514</v>
      </c>
      <c r="O450" s="11">
        <v>2</v>
      </c>
      <c r="P450" s="11">
        <v>3</v>
      </c>
      <c r="Q450" s="89" t="s">
        <v>848</v>
      </c>
      <c r="R450" s="207"/>
      <c r="S450" s="207"/>
      <c r="V450" s="99"/>
      <c r="W450" s="99"/>
    </row>
    <row r="451" spans="1:23" s="8" customFormat="1" hidden="1" outlineLevel="1">
      <c r="A451" s="88"/>
      <c r="B451" s="88"/>
      <c r="C451" s="87"/>
      <c r="D451" s="87"/>
      <c r="E451" s="87"/>
      <c r="F451" s="87"/>
      <c r="G451" s="87"/>
      <c r="H451" s="87">
        <v>2</v>
      </c>
      <c r="I451" s="87">
        <v>127</v>
      </c>
      <c r="J451" s="87" t="s">
        <v>126</v>
      </c>
      <c r="K451" s="85" t="s">
        <v>17</v>
      </c>
      <c r="L451" s="11" t="s">
        <v>65</v>
      </c>
      <c r="M451" s="11">
        <v>1</v>
      </c>
      <c r="N451" s="11" t="s">
        <v>509</v>
      </c>
      <c r="O451" s="11">
        <v>1</v>
      </c>
      <c r="P451" s="11">
        <v>30</v>
      </c>
      <c r="Q451" s="89"/>
      <c r="R451" s="207"/>
      <c r="S451" s="207"/>
      <c r="V451" s="99"/>
      <c r="W451" s="99"/>
    </row>
    <row r="452" spans="1:23" s="8" customFormat="1" hidden="1" collapsed="1">
      <c r="A452" s="84"/>
      <c r="B452" s="84"/>
      <c r="C452" s="85" t="s">
        <v>130</v>
      </c>
      <c r="D452" s="85" t="s">
        <v>126</v>
      </c>
      <c r="E452" s="85"/>
      <c r="F452" s="85"/>
      <c r="G452" s="85"/>
      <c r="H452" s="85"/>
      <c r="I452" s="85"/>
      <c r="J452" s="85"/>
      <c r="K452" s="85" t="s">
        <v>17</v>
      </c>
      <c r="L452" s="75" t="s">
        <v>71</v>
      </c>
      <c r="M452" s="75" t="s">
        <v>525</v>
      </c>
      <c r="N452" s="75"/>
      <c r="O452" s="75"/>
      <c r="P452" s="75"/>
      <c r="Q452" s="86"/>
      <c r="R452" s="207"/>
      <c r="S452" s="207"/>
      <c r="V452" s="99"/>
      <c r="W452" s="99"/>
    </row>
    <row r="453" spans="1:23" s="8" customFormat="1" hidden="1">
      <c r="A453" s="88"/>
      <c r="B453" s="88"/>
      <c r="C453" s="87"/>
      <c r="D453" s="87"/>
      <c r="E453" s="87"/>
      <c r="F453" s="87"/>
      <c r="G453" s="87"/>
      <c r="H453" s="87">
        <v>1</v>
      </c>
      <c r="I453" s="87">
        <v>128</v>
      </c>
      <c r="J453" s="87" t="s">
        <v>128</v>
      </c>
      <c r="K453" s="85" t="s">
        <v>17</v>
      </c>
      <c r="L453" s="11" t="s">
        <v>65</v>
      </c>
      <c r="M453" s="11">
        <v>1</v>
      </c>
      <c r="N453" s="11" t="s">
        <v>514</v>
      </c>
      <c r="O453" s="11">
        <v>2</v>
      </c>
      <c r="P453" s="11">
        <v>3</v>
      </c>
      <c r="Q453" s="89" t="s">
        <v>751</v>
      </c>
      <c r="R453" s="207"/>
      <c r="S453" s="207"/>
      <c r="V453" s="99"/>
      <c r="W453" s="99"/>
    </row>
    <row r="454" spans="1:23" s="8" customFormat="1" hidden="1">
      <c r="A454" s="88"/>
      <c r="B454" s="88"/>
      <c r="C454" s="87"/>
      <c r="D454" s="87"/>
      <c r="E454" s="87"/>
      <c r="F454" s="87"/>
      <c r="G454" s="87"/>
      <c r="H454" s="87">
        <v>2</v>
      </c>
      <c r="I454" s="87">
        <v>127</v>
      </c>
      <c r="J454" s="87" t="s">
        <v>126</v>
      </c>
      <c r="K454" s="85" t="s">
        <v>17</v>
      </c>
      <c r="L454" s="11" t="s">
        <v>71</v>
      </c>
      <c r="M454" s="11">
        <v>1</v>
      </c>
      <c r="N454" s="11" t="s">
        <v>509</v>
      </c>
      <c r="O454" s="11">
        <v>1</v>
      </c>
      <c r="P454" s="11">
        <v>30</v>
      </c>
      <c r="Q454" s="89"/>
      <c r="R454" s="207"/>
      <c r="S454" s="207"/>
      <c r="V454" s="99"/>
      <c r="W454" s="99"/>
    </row>
    <row r="455" spans="1:23" s="8" customFormat="1" hidden="1">
      <c r="A455" s="84"/>
      <c r="B455" s="84"/>
      <c r="C455" s="85" t="s">
        <v>130</v>
      </c>
      <c r="D455" s="85" t="s">
        <v>126</v>
      </c>
      <c r="E455" s="85"/>
      <c r="F455" s="85"/>
      <c r="G455" s="85"/>
      <c r="H455" s="85"/>
      <c r="I455" s="85"/>
      <c r="J455" s="85"/>
      <c r="K455" s="85" t="s">
        <v>17</v>
      </c>
      <c r="L455" s="75" t="s">
        <v>71</v>
      </c>
      <c r="M455" s="75" t="s">
        <v>525</v>
      </c>
      <c r="N455" s="75"/>
      <c r="O455" s="75"/>
      <c r="P455" s="75"/>
      <c r="Q455" s="86"/>
      <c r="R455" s="207"/>
      <c r="S455" s="207"/>
      <c r="V455" s="99"/>
      <c r="W455" s="99"/>
    </row>
    <row r="456" spans="1:23" s="8" customFormat="1" hidden="1">
      <c r="A456" s="88"/>
      <c r="B456" s="88"/>
      <c r="C456" s="87"/>
      <c r="D456" s="87"/>
      <c r="E456" s="87"/>
      <c r="F456" s="87"/>
      <c r="G456" s="87"/>
      <c r="H456" s="87">
        <v>1</v>
      </c>
      <c r="I456" s="87">
        <v>128</v>
      </c>
      <c r="J456" s="87" t="s">
        <v>128</v>
      </c>
      <c r="K456" s="85" t="s">
        <v>17</v>
      </c>
      <c r="L456" s="11" t="s">
        <v>65</v>
      </c>
      <c r="M456" s="11">
        <v>1</v>
      </c>
      <c r="N456" s="11" t="s">
        <v>514</v>
      </c>
      <c r="O456" s="11">
        <v>2</v>
      </c>
      <c r="P456" s="11">
        <v>3</v>
      </c>
      <c r="Q456" s="89" t="s">
        <v>833</v>
      </c>
      <c r="R456" s="207"/>
      <c r="S456" s="207"/>
      <c r="V456" s="99"/>
      <c r="W456" s="99"/>
    </row>
    <row r="457" spans="1:23" s="8" customFormat="1" hidden="1">
      <c r="A457" s="88"/>
      <c r="B457" s="88"/>
      <c r="C457" s="87"/>
      <c r="D457" s="87"/>
      <c r="E457" s="87"/>
      <c r="F457" s="87"/>
      <c r="G457" s="87"/>
      <c r="H457" s="87">
        <v>2</v>
      </c>
      <c r="I457" s="87">
        <v>127</v>
      </c>
      <c r="J457" s="87" t="s">
        <v>126</v>
      </c>
      <c r="K457" s="85" t="s">
        <v>17</v>
      </c>
      <c r="L457" s="11" t="s">
        <v>71</v>
      </c>
      <c r="M457" s="11">
        <v>1</v>
      </c>
      <c r="N457" s="11" t="s">
        <v>509</v>
      </c>
      <c r="O457" s="11">
        <v>1</v>
      </c>
      <c r="P457" s="11">
        <v>30</v>
      </c>
      <c r="Q457" s="89"/>
      <c r="R457" s="207"/>
      <c r="S457" s="207"/>
      <c r="V457" s="99"/>
      <c r="W457" s="99"/>
    </row>
    <row r="458" spans="1:23" s="8" customFormat="1" hidden="1">
      <c r="A458" s="84"/>
      <c r="B458" s="84"/>
      <c r="C458" s="85" t="s">
        <v>130</v>
      </c>
      <c r="D458" s="85" t="s">
        <v>126</v>
      </c>
      <c r="E458" s="85"/>
      <c r="F458" s="85"/>
      <c r="G458" s="85"/>
      <c r="H458" s="85"/>
      <c r="I458" s="85"/>
      <c r="J458" s="85"/>
      <c r="K458" s="85" t="s">
        <v>17</v>
      </c>
      <c r="L458" s="75" t="s">
        <v>71</v>
      </c>
      <c r="M458" s="75" t="s">
        <v>525</v>
      </c>
      <c r="N458" s="75"/>
      <c r="O458" s="75"/>
      <c r="P458" s="75"/>
      <c r="Q458" s="86"/>
      <c r="R458" s="207"/>
      <c r="S458" s="207"/>
      <c r="V458" s="99"/>
      <c r="W458" s="99"/>
    </row>
    <row r="459" spans="1:23" s="8" customFormat="1" hidden="1">
      <c r="A459" s="88"/>
      <c r="B459" s="88"/>
      <c r="C459" s="87"/>
      <c r="D459" s="87"/>
      <c r="E459" s="87"/>
      <c r="F459" s="87"/>
      <c r="G459" s="87"/>
      <c r="H459" s="87">
        <v>1</v>
      </c>
      <c r="I459" s="87">
        <v>128</v>
      </c>
      <c r="J459" s="87" t="s">
        <v>128</v>
      </c>
      <c r="K459" s="85" t="s">
        <v>17</v>
      </c>
      <c r="L459" s="11" t="s">
        <v>65</v>
      </c>
      <c r="M459" s="11">
        <v>1</v>
      </c>
      <c r="N459" s="11" t="s">
        <v>514</v>
      </c>
      <c r="O459" s="11">
        <v>2</v>
      </c>
      <c r="P459" s="11">
        <v>3</v>
      </c>
      <c r="Q459" s="89" t="s">
        <v>646</v>
      </c>
      <c r="R459" s="207"/>
      <c r="S459" s="207"/>
      <c r="V459" s="99"/>
      <c r="W459" s="99"/>
    </row>
    <row r="460" spans="1:23" s="8" customFormat="1" hidden="1">
      <c r="A460" s="88"/>
      <c r="B460" s="88"/>
      <c r="C460" s="87"/>
      <c r="D460" s="87"/>
      <c r="E460" s="87"/>
      <c r="F460" s="87"/>
      <c r="G460" s="87"/>
      <c r="H460" s="87">
        <v>2</v>
      </c>
      <c r="I460" s="87">
        <v>127</v>
      </c>
      <c r="J460" s="87" t="s">
        <v>126</v>
      </c>
      <c r="K460" s="85" t="s">
        <v>17</v>
      </c>
      <c r="L460" s="11" t="s">
        <v>71</v>
      </c>
      <c r="M460" s="11">
        <v>1</v>
      </c>
      <c r="N460" s="11" t="s">
        <v>509</v>
      </c>
      <c r="O460" s="11">
        <v>1</v>
      </c>
      <c r="P460" s="11">
        <v>30</v>
      </c>
      <c r="Q460" s="89"/>
      <c r="R460" s="207"/>
      <c r="S460" s="207"/>
      <c r="V460" s="99"/>
      <c r="W460" s="99"/>
    </row>
    <row r="461" spans="1:23" s="8" customFormat="1" hidden="1">
      <c r="A461" s="84"/>
      <c r="B461" s="84"/>
      <c r="C461" s="85" t="s">
        <v>130</v>
      </c>
      <c r="D461" s="85" t="s">
        <v>126</v>
      </c>
      <c r="E461" s="85"/>
      <c r="F461" s="85"/>
      <c r="G461" s="85"/>
      <c r="H461" s="85"/>
      <c r="I461" s="85"/>
      <c r="J461" s="85"/>
      <c r="K461" s="85" t="s">
        <v>17</v>
      </c>
      <c r="L461" s="75" t="s">
        <v>71</v>
      </c>
      <c r="M461" s="75" t="s">
        <v>525</v>
      </c>
      <c r="N461" s="75"/>
      <c r="O461" s="75"/>
      <c r="P461" s="75"/>
      <c r="Q461" s="86"/>
      <c r="R461" s="207"/>
      <c r="S461" s="207"/>
      <c r="V461" s="99"/>
      <c r="W461" s="99"/>
    </row>
    <row r="462" spans="1:23" s="8" customFormat="1" hidden="1">
      <c r="A462" s="88"/>
      <c r="B462" s="88"/>
      <c r="C462" s="87"/>
      <c r="D462" s="87"/>
      <c r="E462" s="87"/>
      <c r="F462" s="87"/>
      <c r="G462" s="87"/>
      <c r="H462" s="87">
        <v>1</v>
      </c>
      <c r="I462" s="87">
        <v>128</v>
      </c>
      <c r="J462" s="87" t="s">
        <v>128</v>
      </c>
      <c r="K462" s="85" t="s">
        <v>17</v>
      </c>
      <c r="L462" s="11" t="s">
        <v>65</v>
      </c>
      <c r="M462" s="11">
        <v>1</v>
      </c>
      <c r="N462" s="11" t="s">
        <v>514</v>
      </c>
      <c r="O462" s="11">
        <v>2</v>
      </c>
      <c r="P462" s="11">
        <v>3</v>
      </c>
      <c r="Q462" s="89" t="s">
        <v>718</v>
      </c>
      <c r="R462" s="207"/>
      <c r="S462" s="207"/>
      <c r="V462" s="99"/>
      <c r="W462" s="99"/>
    </row>
    <row r="463" spans="1:23" s="8" customFormat="1" ht="70" hidden="1">
      <c r="A463" s="88"/>
      <c r="B463" s="88"/>
      <c r="C463" s="87"/>
      <c r="D463" s="87"/>
      <c r="E463" s="87"/>
      <c r="F463" s="87"/>
      <c r="G463" s="87"/>
      <c r="H463" s="87">
        <v>2</v>
      </c>
      <c r="I463" s="87">
        <v>127</v>
      </c>
      <c r="J463" s="87" t="s">
        <v>126</v>
      </c>
      <c r="K463" s="85" t="s">
        <v>17</v>
      </c>
      <c r="L463" s="11" t="s">
        <v>71</v>
      </c>
      <c r="M463" s="11">
        <v>1</v>
      </c>
      <c r="N463" s="11" t="s">
        <v>509</v>
      </c>
      <c r="O463" s="11">
        <v>1</v>
      </c>
      <c r="P463" s="11">
        <v>30</v>
      </c>
      <c r="Q463" s="270" t="s">
        <v>624</v>
      </c>
      <c r="R463" s="207"/>
      <c r="S463" s="207"/>
      <c r="V463" s="99"/>
      <c r="W463" s="99"/>
    </row>
    <row r="464" spans="1:23" s="8" customFormat="1" ht="70" hidden="1">
      <c r="A464" s="88"/>
      <c r="B464" s="88"/>
      <c r="C464" s="87"/>
      <c r="D464" s="87"/>
      <c r="E464" s="87"/>
      <c r="F464" s="87"/>
      <c r="G464" s="87"/>
      <c r="H464" s="87">
        <v>3</v>
      </c>
      <c r="I464" s="87">
        <v>352</v>
      </c>
      <c r="J464" s="87" t="s">
        <v>3</v>
      </c>
      <c r="K464" s="85" t="s">
        <v>17</v>
      </c>
      <c r="L464" s="11" t="s">
        <v>71</v>
      </c>
      <c r="M464" s="11">
        <v>1</v>
      </c>
      <c r="N464" s="11" t="s">
        <v>509</v>
      </c>
      <c r="O464" s="11">
        <v>1</v>
      </c>
      <c r="P464" s="11">
        <v>80</v>
      </c>
      <c r="Q464" s="270" t="s">
        <v>624</v>
      </c>
      <c r="R464" s="207"/>
      <c r="S464" s="207"/>
      <c r="V464" s="99"/>
      <c r="W464" s="99"/>
    </row>
    <row r="465" spans="1:23" s="8" customFormat="1" hidden="1">
      <c r="A465" s="88"/>
      <c r="B465" s="88"/>
      <c r="C465" s="87"/>
      <c r="D465" s="87"/>
      <c r="E465" s="87"/>
      <c r="F465" s="87" t="s">
        <v>181</v>
      </c>
      <c r="G465" s="87" t="s">
        <v>549</v>
      </c>
      <c r="H465" s="87">
        <v>4</v>
      </c>
      <c r="I465" s="87"/>
      <c r="J465" s="87"/>
      <c r="K465" s="85" t="s">
        <v>17</v>
      </c>
      <c r="L465" s="11" t="s">
        <v>71</v>
      </c>
      <c r="M465" s="87"/>
      <c r="N465" s="87"/>
      <c r="O465" s="87"/>
      <c r="P465" s="87"/>
      <c r="Q465" s="89"/>
      <c r="R465" s="207"/>
      <c r="S465" s="207"/>
      <c r="V465" s="99"/>
      <c r="W465" s="99"/>
    </row>
    <row r="466" spans="1:23" s="8" customFormat="1" hidden="1">
      <c r="A466" s="88"/>
      <c r="B466" s="88"/>
      <c r="C466" s="87"/>
      <c r="D466" s="87"/>
      <c r="E466" s="87"/>
      <c r="F466" s="87"/>
      <c r="G466" s="87"/>
      <c r="H466" s="87">
        <v>5</v>
      </c>
      <c r="I466" s="87">
        <v>128</v>
      </c>
      <c r="J466" s="87" t="s">
        <v>128</v>
      </c>
      <c r="K466" s="85" t="s">
        <v>17</v>
      </c>
      <c r="L466" s="11" t="s">
        <v>65</v>
      </c>
      <c r="M466" s="87">
        <v>1</v>
      </c>
      <c r="N466" s="87" t="s">
        <v>514</v>
      </c>
      <c r="O466" s="11">
        <v>2</v>
      </c>
      <c r="P466" s="11">
        <v>3</v>
      </c>
      <c r="Q466" s="89" t="s">
        <v>741</v>
      </c>
      <c r="R466" s="207"/>
      <c r="S466" s="207"/>
      <c r="V466" s="99"/>
      <c r="W466" s="99"/>
    </row>
    <row r="467" spans="1:23" s="8" customFormat="1" hidden="1">
      <c r="A467" s="88"/>
      <c r="B467" s="88"/>
      <c r="C467" s="87"/>
      <c r="D467" s="87"/>
      <c r="E467" s="87"/>
      <c r="F467" s="87"/>
      <c r="G467" s="87"/>
      <c r="H467" s="87">
        <v>6</v>
      </c>
      <c r="I467" s="87">
        <v>127</v>
      </c>
      <c r="J467" s="87" t="s">
        <v>126</v>
      </c>
      <c r="K467" s="85" t="s">
        <v>17</v>
      </c>
      <c r="L467" s="11" t="s">
        <v>71</v>
      </c>
      <c r="M467" s="87">
        <v>1</v>
      </c>
      <c r="N467" s="87" t="s">
        <v>509</v>
      </c>
      <c r="O467" s="11">
        <v>1</v>
      </c>
      <c r="P467" s="11">
        <v>30</v>
      </c>
      <c r="Q467" s="18"/>
      <c r="R467" s="207"/>
      <c r="S467" s="207"/>
      <c r="V467" s="99"/>
      <c r="W467" s="99"/>
    </row>
    <row r="468" spans="1:23" s="8" customFormat="1" hidden="1">
      <c r="A468" s="84"/>
      <c r="B468" s="84"/>
      <c r="C468" s="85" t="s">
        <v>130</v>
      </c>
      <c r="D468" s="85" t="s">
        <v>126</v>
      </c>
      <c r="E468" s="85"/>
      <c r="F468" s="85"/>
      <c r="G468" s="85"/>
      <c r="H468" s="85"/>
      <c r="I468" s="85"/>
      <c r="J468" s="85"/>
      <c r="K468" s="85" t="s">
        <v>17</v>
      </c>
      <c r="L468" s="75" t="s">
        <v>71</v>
      </c>
      <c r="M468" s="75" t="s">
        <v>525</v>
      </c>
      <c r="N468" s="75"/>
      <c r="O468" s="75"/>
      <c r="P468" s="75"/>
      <c r="Q468" s="86"/>
      <c r="R468" s="207"/>
      <c r="S468" s="207"/>
      <c r="V468" s="99"/>
      <c r="W468" s="99"/>
    </row>
    <row r="469" spans="1:23" s="8" customFormat="1" hidden="1">
      <c r="A469" s="88"/>
      <c r="B469" s="88"/>
      <c r="C469" s="87"/>
      <c r="D469" s="87"/>
      <c r="E469" s="87"/>
      <c r="F469" s="87"/>
      <c r="G469" s="87"/>
      <c r="H469" s="87">
        <v>1</v>
      </c>
      <c r="I469" s="87">
        <v>128</v>
      </c>
      <c r="J469" s="87" t="s">
        <v>128</v>
      </c>
      <c r="K469" s="85" t="s">
        <v>17</v>
      </c>
      <c r="L469" s="11" t="s">
        <v>65</v>
      </c>
      <c r="M469" s="11">
        <v>1</v>
      </c>
      <c r="N469" s="11" t="s">
        <v>514</v>
      </c>
      <c r="O469" s="11">
        <v>2</v>
      </c>
      <c r="P469" s="11">
        <v>3</v>
      </c>
      <c r="Q469" s="89" t="s">
        <v>849</v>
      </c>
      <c r="R469" s="207"/>
      <c r="S469" s="207"/>
      <c r="V469" s="99"/>
      <c r="W469" s="99"/>
    </row>
    <row r="470" spans="1:23" s="8" customFormat="1" hidden="1">
      <c r="A470" s="88"/>
      <c r="B470" s="88"/>
      <c r="C470" s="87"/>
      <c r="D470" s="87"/>
      <c r="E470" s="87"/>
      <c r="F470" s="87"/>
      <c r="G470" s="87"/>
      <c r="H470" s="87">
        <v>2</v>
      </c>
      <c r="I470" s="87">
        <v>127</v>
      </c>
      <c r="J470" s="87" t="s">
        <v>126</v>
      </c>
      <c r="K470" s="85" t="s">
        <v>17</v>
      </c>
      <c r="L470" s="11" t="s">
        <v>71</v>
      </c>
      <c r="M470" s="11">
        <v>1</v>
      </c>
      <c r="N470" s="11" t="s">
        <v>509</v>
      </c>
      <c r="O470" s="11">
        <v>1</v>
      </c>
      <c r="P470" s="11">
        <v>30</v>
      </c>
      <c r="Q470" s="89"/>
      <c r="R470" s="207"/>
      <c r="S470" s="207"/>
      <c r="V470" s="99"/>
      <c r="W470" s="99"/>
    </row>
    <row r="471" spans="1:23" s="8" customFormat="1" hidden="1">
      <c r="A471" s="88"/>
      <c r="B471" s="88"/>
      <c r="C471" s="87"/>
      <c r="D471" s="87"/>
      <c r="E471" s="19"/>
      <c r="F471" s="19"/>
      <c r="G471" s="19"/>
      <c r="H471" s="19">
        <v>3</v>
      </c>
      <c r="I471" s="19">
        <v>352</v>
      </c>
      <c r="J471" s="19" t="s">
        <v>3</v>
      </c>
      <c r="K471" s="85" t="s">
        <v>17</v>
      </c>
      <c r="L471" s="25" t="s">
        <v>96</v>
      </c>
      <c r="M471" s="91">
        <v>1</v>
      </c>
      <c r="N471" s="91" t="s">
        <v>509</v>
      </c>
      <c r="O471" s="91">
        <v>1</v>
      </c>
      <c r="P471" s="91">
        <v>80</v>
      </c>
      <c r="Q471" s="25"/>
      <c r="R471" s="207"/>
      <c r="S471" s="207"/>
      <c r="V471" s="99"/>
      <c r="W471" s="99"/>
    </row>
    <row r="472" spans="1:23" s="8" customFormat="1" hidden="1">
      <c r="A472" s="88"/>
      <c r="B472" s="88"/>
      <c r="C472" s="87"/>
      <c r="D472" s="87"/>
      <c r="E472" s="87"/>
      <c r="F472" s="87" t="s">
        <v>181</v>
      </c>
      <c r="G472" s="87" t="s">
        <v>549</v>
      </c>
      <c r="H472" s="87">
        <v>4</v>
      </c>
      <c r="I472" s="87"/>
      <c r="J472" s="87"/>
      <c r="K472" s="85" t="s">
        <v>17</v>
      </c>
      <c r="L472" s="11" t="s">
        <v>71</v>
      </c>
      <c r="M472" s="87"/>
      <c r="N472" s="87"/>
      <c r="O472" s="87"/>
      <c r="P472" s="87"/>
      <c r="Q472" s="89"/>
      <c r="R472" s="207"/>
      <c r="S472" s="207"/>
      <c r="V472" s="99"/>
      <c r="W472" s="99"/>
    </row>
    <row r="473" spans="1:23" s="8" customFormat="1" hidden="1">
      <c r="A473" s="88"/>
      <c r="B473" s="88"/>
      <c r="C473" s="87"/>
      <c r="D473" s="87"/>
      <c r="E473" s="87"/>
      <c r="F473" s="87"/>
      <c r="G473" s="87"/>
      <c r="H473" s="87">
        <v>5</v>
      </c>
      <c r="I473" s="87">
        <v>128</v>
      </c>
      <c r="J473" s="87" t="s">
        <v>128</v>
      </c>
      <c r="K473" s="85" t="s">
        <v>17</v>
      </c>
      <c r="L473" s="11" t="s">
        <v>65</v>
      </c>
      <c r="M473" s="87">
        <v>1</v>
      </c>
      <c r="N473" s="87" t="s">
        <v>514</v>
      </c>
      <c r="O473" s="11">
        <v>2</v>
      </c>
      <c r="P473" s="11">
        <v>3</v>
      </c>
      <c r="Q473" s="89" t="s">
        <v>741</v>
      </c>
      <c r="R473" s="207"/>
      <c r="S473" s="207"/>
      <c r="V473" s="99"/>
      <c r="W473" s="99"/>
    </row>
    <row r="474" spans="1:23" s="8" customFormat="1" hidden="1">
      <c r="A474" s="88"/>
      <c r="B474" s="88"/>
      <c r="C474" s="87"/>
      <c r="D474" s="87"/>
      <c r="E474" s="87"/>
      <c r="F474" s="87"/>
      <c r="G474" s="87"/>
      <c r="H474" s="87">
        <v>6</v>
      </c>
      <c r="I474" s="87">
        <v>127</v>
      </c>
      <c r="J474" s="87" t="s">
        <v>126</v>
      </c>
      <c r="K474" s="85" t="s">
        <v>17</v>
      </c>
      <c r="L474" s="11" t="s">
        <v>71</v>
      </c>
      <c r="M474" s="87">
        <v>1</v>
      </c>
      <c r="N474" s="87" t="s">
        <v>509</v>
      </c>
      <c r="O474" s="11">
        <v>1</v>
      </c>
      <c r="P474" s="11">
        <v>30</v>
      </c>
      <c r="Q474" s="89"/>
      <c r="R474" s="207"/>
      <c r="S474" s="207"/>
      <c r="V474" s="99"/>
      <c r="W474" s="99"/>
    </row>
    <row r="475" spans="1:23" s="8" customFormat="1" hidden="1">
      <c r="A475" s="84"/>
      <c r="B475" s="84"/>
      <c r="C475" s="85" t="s">
        <v>130</v>
      </c>
      <c r="D475" s="85" t="s">
        <v>126</v>
      </c>
      <c r="E475" s="85"/>
      <c r="F475" s="85"/>
      <c r="G475" s="85"/>
      <c r="H475" s="85"/>
      <c r="I475" s="85"/>
      <c r="J475" s="85"/>
      <c r="K475" s="85" t="s">
        <v>17</v>
      </c>
      <c r="L475" s="75" t="s">
        <v>71</v>
      </c>
      <c r="M475" s="75" t="s">
        <v>525</v>
      </c>
      <c r="N475" s="75"/>
      <c r="O475" s="75"/>
      <c r="P475" s="75"/>
      <c r="Q475" s="86"/>
      <c r="R475" s="207"/>
      <c r="S475" s="207"/>
      <c r="V475" s="99"/>
      <c r="W475" s="99"/>
    </row>
    <row r="476" spans="1:23" s="8" customFormat="1" hidden="1">
      <c r="A476" s="88"/>
      <c r="B476" s="88"/>
      <c r="C476" s="87"/>
      <c r="D476" s="87"/>
      <c r="E476" s="87"/>
      <c r="F476" s="87"/>
      <c r="G476" s="87"/>
      <c r="H476" s="87">
        <v>1</v>
      </c>
      <c r="I476" s="87">
        <v>128</v>
      </c>
      <c r="J476" s="87" t="s">
        <v>128</v>
      </c>
      <c r="K476" s="85" t="s">
        <v>17</v>
      </c>
      <c r="L476" s="11" t="s">
        <v>65</v>
      </c>
      <c r="M476" s="11">
        <v>1</v>
      </c>
      <c r="N476" s="11" t="s">
        <v>514</v>
      </c>
      <c r="O476" s="11">
        <v>2</v>
      </c>
      <c r="P476" s="11">
        <v>3</v>
      </c>
      <c r="Q476" s="89" t="s">
        <v>672</v>
      </c>
      <c r="R476" s="207"/>
      <c r="S476" s="207"/>
      <c r="V476" s="99"/>
      <c r="W476" s="99"/>
    </row>
    <row r="477" spans="1:23" s="8" customFormat="1" hidden="1">
      <c r="A477" s="88"/>
      <c r="B477" s="88"/>
      <c r="C477" s="87"/>
      <c r="D477" s="87"/>
      <c r="E477" s="87"/>
      <c r="F477" s="87"/>
      <c r="G477" s="87"/>
      <c r="H477" s="87">
        <v>2</v>
      </c>
      <c r="I477" s="87">
        <v>127</v>
      </c>
      <c r="J477" s="87" t="s">
        <v>126</v>
      </c>
      <c r="K477" s="85" t="s">
        <v>17</v>
      </c>
      <c r="L477" s="11" t="s">
        <v>71</v>
      </c>
      <c r="M477" s="11">
        <v>1</v>
      </c>
      <c r="N477" s="11" t="s">
        <v>509</v>
      </c>
      <c r="O477" s="11">
        <v>1</v>
      </c>
      <c r="P477" s="11">
        <v>30</v>
      </c>
      <c r="Q477" s="89"/>
      <c r="R477" s="207"/>
      <c r="S477" s="207"/>
      <c r="V477" s="99"/>
      <c r="W477" s="99"/>
    </row>
    <row r="478" spans="1:23" s="8" customFormat="1" hidden="1">
      <c r="A478" s="88"/>
      <c r="B478" s="88"/>
      <c r="C478" s="87"/>
      <c r="D478" s="87"/>
      <c r="E478" s="87"/>
      <c r="F478" s="87"/>
      <c r="G478" s="87"/>
      <c r="H478" s="87">
        <v>3</v>
      </c>
      <c r="I478" s="87">
        <v>352</v>
      </c>
      <c r="J478" s="87" t="s">
        <v>3</v>
      </c>
      <c r="K478" s="85" t="s">
        <v>17</v>
      </c>
      <c r="L478" s="11" t="s">
        <v>71</v>
      </c>
      <c r="M478" s="11">
        <v>1</v>
      </c>
      <c r="N478" s="11" t="s">
        <v>509</v>
      </c>
      <c r="O478" s="11">
        <v>1</v>
      </c>
      <c r="P478" s="11">
        <v>80</v>
      </c>
      <c r="Q478" s="89"/>
      <c r="R478" s="207"/>
      <c r="S478" s="207"/>
      <c r="V478" s="99"/>
      <c r="W478" s="99"/>
    </row>
    <row r="479" spans="1:23" s="8" customFormat="1" hidden="1">
      <c r="A479" s="84"/>
      <c r="B479" s="84"/>
      <c r="C479" s="85" t="s">
        <v>130</v>
      </c>
      <c r="D479" s="85" t="s">
        <v>126</v>
      </c>
      <c r="E479" s="85"/>
      <c r="F479" s="85"/>
      <c r="G479" s="85"/>
      <c r="H479" s="85"/>
      <c r="I479" s="85"/>
      <c r="J479" s="85"/>
      <c r="K479" s="85" t="s">
        <v>17</v>
      </c>
      <c r="L479" s="75" t="s">
        <v>71</v>
      </c>
      <c r="M479" s="75" t="s">
        <v>525</v>
      </c>
      <c r="N479" s="75"/>
      <c r="O479" s="75"/>
      <c r="P479" s="75"/>
      <c r="Q479" s="86"/>
      <c r="R479" s="207"/>
      <c r="S479" s="207"/>
      <c r="V479" s="99"/>
      <c r="W479" s="99"/>
    </row>
    <row r="480" spans="1:23" s="8" customFormat="1" hidden="1">
      <c r="A480" s="88"/>
      <c r="B480" s="88"/>
      <c r="C480" s="87"/>
      <c r="D480" s="87"/>
      <c r="E480" s="87"/>
      <c r="F480" s="87"/>
      <c r="G480" s="87"/>
      <c r="H480" s="87">
        <v>1</v>
      </c>
      <c r="I480" s="87">
        <v>128</v>
      </c>
      <c r="J480" s="87" t="s">
        <v>128</v>
      </c>
      <c r="K480" s="85" t="s">
        <v>17</v>
      </c>
      <c r="L480" s="11" t="s">
        <v>65</v>
      </c>
      <c r="M480" s="11">
        <v>1</v>
      </c>
      <c r="N480" s="11" t="s">
        <v>514</v>
      </c>
      <c r="O480" s="11">
        <v>2</v>
      </c>
      <c r="P480" s="11">
        <v>3</v>
      </c>
      <c r="Q480" s="89" t="s">
        <v>643</v>
      </c>
      <c r="R480" s="207"/>
      <c r="S480" s="207"/>
      <c r="V480" s="99"/>
      <c r="W480" s="99"/>
    </row>
    <row r="481" spans="1:23" s="8" customFormat="1" hidden="1">
      <c r="A481" s="88"/>
      <c r="B481" s="88"/>
      <c r="C481" s="87"/>
      <c r="D481" s="87"/>
      <c r="E481" s="87"/>
      <c r="F481" s="87"/>
      <c r="G481" s="87"/>
      <c r="H481" s="87">
        <v>2</v>
      </c>
      <c r="I481" s="87">
        <v>127</v>
      </c>
      <c r="J481" s="87" t="s">
        <v>126</v>
      </c>
      <c r="K481" s="85" t="s">
        <v>17</v>
      </c>
      <c r="L481" s="11" t="s">
        <v>71</v>
      </c>
      <c r="M481" s="11">
        <v>1</v>
      </c>
      <c r="N481" s="11" t="s">
        <v>509</v>
      </c>
      <c r="O481" s="11">
        <v>1</v>
      </c>
      <c r="P481" s="11">
        <v>30</v>
      </c>
      <c r="Q481" s="89"/>
      <c r="R481" s="207"/>
      <c r="S481" s="207"/>
      <c r="V481" s="99"/>
      <c r="W481" s="99"/>
    </row>
    <row r="482" spans="1:23" s="8" customFormat="1" hidden="1">
      <c r="A482" s="88"/>
      <c r="B482" s="88"/>
      <c r="C482" s="87"/>
      <c r="D482" s="87"/>
      <c r="E482" s="87"/>
      <c r="F482" s="87"/>
      <c r="G482" s="87"/>
      <c r="H482" s="87">
        <v>3</v>
      </c>
      <c r="I482" s="87">
        <v>352</v>
      </c>
      <c r="J482" s="87" t="s">
        <v>3</v>
      </c>
      <c r="K482" s="85" t="s">
        <v>17</v>
      </c>
      <c r="L482" s="11" t="s">
        <v>71</v>
      </c>
      <c r="M482" s="11">
        <v>1</v>
      </c>
      <c r="N482" s="11" t="s">
        <v>509</v>
      </c>
      <c r="O482" s="11">
        <v>1</v>
      </c>
      <c r="P482" s="11">
        <v>80</v>
      </c>
      <c r="Q482" s="89"/>
      <c r="R482" s="207"/>
      <c r="S482" s="207"/>
      <c r="V482" s="99"/>
      <c r="W482" s="99"/>
    </row>
    <row r="483" spans="1:23" s="8" customFormat="1">
      <c r="A483" s="84"/>
      <c r="B483" s="84"/>
      <c r="C483" s="85" t="s">
        <v>550</v>
      </c>
      <c r="D483" s="85" t="s">
        <v>551</v>
      </c>
      <c r="E483" s="85"/>
      <c r="F483" s="85"/>
      <c r="G483" s="85"/>
      <c r="H483" s="85"/>
      <c r="I483" s="85"/>
      <c r="J483" s="85"/>
      <c r="K483" s="85" t="s">
        <v>17</v>
      </c>
      <c r="L483" s="75" t="s">
        <v>71</v>
      </c>
      <c r="M483" s="85">
        <v>10</v>
      </c>
      <c r="N483" s="85"/>
      <c r="O483" s="85"/>
      <c r="P483" s="85"/>
      <c r="Q483" s="86"/>
      <c r="R483" s="207" t="s">
        <v>2348</v>
      </c>
      <c r="S483" s="207" t="s">
        <v>2347</v>
      </c>
      <c r="U483" s="207" t="s">
        <v>2401</v>
      </c>
      <c r="V483" s="203"/>
      <c r="W483" s="203"/>
    </row>
    <row r="484" spans="1:23" s="8" customFormat="1" hidden="1">
      <c r="A484" s="88"/>
      <c r="B484" s="88"/>
      <c r="C484" s="87"/>
      <c r="D484" s="87"/>
      <c r="E484" s="87"/>
      <c r="F484" s="87"/>
      <c r="G484" s="87"/>
      <c r="H484" s="87">
        <v>1</v>
      </c>
      <c r="I484" s="87">
        <v>1321</v>
      </c>
      <c r="J484" s="87" t="s">
        <v>552</v>
      </c>
      <c r="K484" s="87" t="s">
        <v>78</v>
      </c>
      <c r="L484" s="11" t="s">
        <v>71</v>
      </c>
      <c r="M484" s="87">
        <v>1</v>
      </c>
      <c r="N484" s="87" t="s">
        <v>514</v>
      </c>
      <c r="O484" s="87">
        <v>2</v>
      </c>
      <c r="P484" s="87">
        <v>2</v>
      </c>
      <c r="Q484" s="89" t="s">
        <v>850</v>
      </c>
      <c r="R484" s="207"/>
      <c r="S484" s="207"/>
      <c r="V484" s="99"/>
      <c r="W484" s="99"/>
    </row>
    <row r="485" spans="1:23" s="8" customFormat="1" hidden="1">
      <c r="A485" s="88"/>
      <c r="B485" s="88"/>
      <c r="C485" s="87"/>
      <c r="D485" s="87"/>
      <c r="E485" s="87"/>
      <c r="F485" s="87"/>
      <c r="G485" s="87"/>
      <c r="H485" s="87">
        <v>2</v>
      </c>
      <c r="I485" s="87">
        <v>1073</v>
      </c>
      <c r="J485" s="87" t="s">
        <v>300</v>
      </c>
      <c r="K485" s="87" t="s">
        <v>66</v>
      </c>
      <c r="L485" s="11" t="s">
        <v>65</v>
      </c>
      <c r="M485" s="87">
        <v>1</v>
      </c>
      <c r="N485" s="87" t="s">
        <v>514</v>
      </c>
      <c r="O485" s="87">
        <v>1</v>
      </c>
      <c r="P485" s="87">
        <v>1</v>
      </c>
      <c r="Q485" s="89" t="s">
        <v>851</v>
      </c>
      <c r="R485" s="207"/>
      <c r="S485" s="207"/>
      <c r="V485" s="99"/>
      <c r="W485" s="99"/>
    </row>
    <row r="486" spans="1:23" s="8" customFormat="1" hidden="1">
      <c r="A486" s="84"/>
      <c r="B486" s="84"/>
      <c r="C486" s="85" t="s">
        <v>550</v>
      </c>
      <c r="D486" s="85" t="s">
        <v>551</v>
      </c>
      <c r="E486" s="85"/>
      <c r="F486" s="85"/>
      <c r="G486" s="85"/>
      <c r="H486" s="85"/>
      <c r="I486" s="85"/>
      <c r="J486" s="85"/>
      <c r="K486" s="85" t="s">
        <v>17</v>
      </c>
      <c r="L486" s="75" t="s">
        <v>71</v>
      </c>
      <c r="M486" s="85">
        <v>10</v>
      </c>
      <c r="N486" s="85"/>
      <c r="O486" s="85"/>
      <c r="P486" s="85"/>
      <c r="Q486" s="86"/>
      <c r="R486" s="207"/>
      <c r="S486" s="207"/>
      <c r="V486" s="99"/>
      <c r="W486" s="99"/>
    </row>
    <row r="487" spans="1:23" s="8" customFormat="1" hidden="1">
      <c r="A487" s="88"/>
      <c r="B487" s="88"/>
      <c r="C487" s="87"/>
      <c r="D487" s="87"/>
      <c r="E487" s="19"/>
      <c r="F487" s="19"/>
      <c r="G487" s="19"/>
      <c r="H487" s="19">
        <v>1</v>
      </c>
      <c r="I487" s="19">
        <v>1321</v>
      </c>
      <c r="J487" s="19" t="s">
        <v>552</v>
      </c>
      <c r="K487" s="19" t="s">
        <v>78</v>
      </c>
      <c r="L487" s="25" t="s">
        <v>96</v>
      </c>
      <c r="M487" s="91">
        <v>1</v>
      </c>
      <c r="N487" s="91" t="s">
        <v>514</v>
      </c>
      <c r="O487" s="91">
        <v>2</v>
      </c>
      <c r="P487" s="91">
        <v>2</v>
      </c>
      <c r="Q487" s="25"/>
      <c r="R487" s="207"/>
      <c r="S487" s="207"/>
      <c r="V487" s="99"/>
      <c r="W487" s="99"/>
    </row>
    <row r="488" spans="1:23" s="8" customFormat="1" hidden="1">
      <c r="A488" s="88"/>
      <c r="B488" s="88"/>
      <c r="C488" s="87"/>
      <c r="D488" s="87"/>
      <c r="E488" s="87"/>
      <c r="F488" s="87"/>
      <c r="G488" s="87"/>
      <c r="H488" s="87">
        <v>2</v>
      </c>
      <c r="I488" s="87">
        <v>1073</v>
      </c>
      <c r="J488" s="87" t="s">
        <v>300</v>
      </c>
      <c r="K488" s="87" t="s">
        <v>66</v>
      </c>
      <c r="L488" s="11" t="s">
        <v>65</v>
      </c>
      <c r="M488" s="87">
        <v>1</v>
      </c>
      <c r="N488" s="87" t="s">
        <v>514</v>
      </c>
      <c r="O488" s="87">
        <v>1</v>
      </c>
      <c r="P488" s="87">
        <v>1</v>
      </c>
      <c r="Q488" s="89" t="s">
        <v>851</v>
      </c>
      <c r="R488" s="207"/>
      <c r="S488" s="207"/>
      <c r="V488" s="99"/>
      <c r="W488" s="99"/>
    </row>
    <row r="489" spans="1:23" s="8" customFormat="1" hidden="1">
      <c r="A489" s="88"/>
      <c r="B489" s="88"/>
      <c r="C489" s="87"/>
      <c r="D489" s="87"/>
      <c r="E489" s="19"/>
      <c r="F489" s="19"/>
      <c r="G489" s="19"/>
      <c r="H489" s="19">
        <v>3</v>
      </c>
      <c r="I489" s="19">
        <v>1250</v>
      </c>
      <c r="J489" s="19" t="s">
        <v>357</v>
      </c>
      <c r="K489" s="19" t="s">
        <v>78</v>
      </c>
      <c r="L489" s="25" t="s">
        <v>96</v>
      </c>
      <c r="M489" s="19">
        <v>1</v>
      </c>
      <c r="N489" s="19" t="s">
        <v>514</v>
      </c>
      <c r="O489" s="19">
        <v>2</v>
      </c>
      <c r="P489" s="19">
        <v>3</v>
      </c>
      <c r="Q489" s="25"/>
      <c r="R489" s="207"/>
      <c r="S489" s="207"/>
      <c r="V489" s="99"/>
      <c r="W489" s="99"/>
    </row>
    <row r="490" spans="1:23" s="8" customFormat="1" hidden="1">
      <c r="A490" s="88"/>
      <c r="B490" s="88"/>
      <c r="C490" s="87"/>
      <c r="D490" s="87"/>
      <c r="E490" s="19"/>
      <c r="F490" s="19"/>
      <c r="G490" s="19"/>
      <c r="H490" s="19">
        <v>4</v>
      </c>
      <c r="I490" s="19">
        <v>1251</v>
      </c>
      <c r="J490" s="19" t="s">
        <v>355</v>
      </c>
      <c r="K490" s="19" t="s">
        <v>78</v>
      </c>
      <c r="L490" s="25" t="s">
        <v>96</v>
      </c>
      <c r="M490" s="19">
        <v>1</v>
      </c>
      <c r="N490" s="19" t="s">
        <v>852</v>
      </c>
      <c r="O490" s="19">
        <v>1</v>
      </c>
      <c r="P490" s="19">
        <v>35</v>
      </c>
      <c r="Q490" s="25"/>
      <c r="R490" s="207"/>
      <c r="S490" s="207"/>
      <c r="V490" s="99"/>
      <c r="W490" s="99"/>
    </row>
    <row r="491" spans="1:23" s="8" customFormat="1" hidden="1">
      <c r="A491" s="88"/>
      <c r="B491" s="88"/>
      <c r="C491" s="87"/>
      <c r="D491" s="87"/>
      <c r="E491" s="19"/>
      <c r="F491" s="19"/>
      <c r="G491" s="19"/>
      <c r="H491" s="19">
        <v>5</v>
      </c>
      <c r="I491" s="19">
        <v>933</v>
      </c>
      <c r="J491" s="19" t="s">
        <v>85</v>
      </c>
      <c r="K491" s="19" t="s">
        <v>17</v>
      </c>
      <c r="L491" s="25" t="s">
        <v>96</v>
      </c>
      <c r="M491" s="19">
        <v>1</v>
      </c>
      <c r="N491" s="19" t="s">
        <v>509</v>
      </c>
      <c r="O491" s="19">
        <v>1</v>
      </c>
      <c r="P491" s="19">
        <v>264</v>
      </c>
      <c r="Q491" s="25"/>
      <c r="R491" s="207"/>
      <c r="S491" s="207"/>
      <c r="V491" s="99"/>
      <c r="W491" s="99"/>
    </row>
    <row r="492" spans="1:23" s="8" customFormat="1" hidden="1">
      <c r="A492" s="88"/>
      <c r="B492" s="88"/>
      <c r="C492" s="87"/>
      <c r="D492" s="87"/>
      <c r="E492" s="19"/>
      <c r="F492" s="19"/>
      <c r="G492" s="19"/>
      <c r="H492" s="19">
        <v>6</v>
      </c>
      <c r="I492" s="19">
        <v>933</v>
      </c>
      <c r="J492" s="19" t="s">
        <v>85</v>
      </c>
      <c r="K492" s="19" t="s">
        <v>17</v>
      </c>
      <c r="L492" s="25" t="s">
        <v>96</v>
      </c>
      <c r="M492" s="19">
        <v>1</v>
      </c>
      <c r="N492" s="19" t="s">
        <v>509</v>
      </c>
      <c r="O492" s="19">
        <v>1</v>
      </c>
      <c r="P492" s="19">
        <v>264</v>
      </c>
      <c r="Q492" s="25"/>
      <c r="R492" s="207"/>
      <c r="S492" s="207"/>
      <c r="V492" s="99"/>
      <c r="W492" s="99"/>
    </row>
    <row r="493" spans="1:23" s="8" customFormat="1" hidden="1">
      <c r="A493" s="88"/>
      <c r="B493" s="88"/>
      <c r="C493" s="87"/>
      <c r="D493" s="87"/>
      <c r="E493" s="19"/>
      <c r="F493" s="19"/>
      <c r="G493" s="19"/>
      <c r="H493" s="19">
        <v>7</v>
      </c>
      <c r="I493" s="19">
        <v>933</v>
      </c>
      <c r="J493" s="19" t="s">
        <v>85</v>
      </c>
      <c r="K493" s="19" t="s">
        <v>17</v>
      </c>
      <c r="L493" s="25" t="s">
        <v>96</v>
      </c>
      <c r="M493" s="19">
        <v>1</v>
      </c>
      <c r="N493" s="19" t="s">
        <v>509</v>
      </c>
      <c r="O493" s="19">
        <v>1</v>
      </c>
      <c r="P493" s="19">
        <v>264</v>
      </c>
      <c r="Q493" s="25"/>
      <c r="R493" s="207"/>
      <c r="S493" s="207"/>
      <c r="V493" s="99"/>
      <c r="W493" s="99"/>
    </row>
    <row r="494" spans="1:23" s="8" customFormat="1" hidden="1">
      <c r="A494" s="88"/>
      <c r="B494" s="88"/>
      <c r="C494" s="87"/>
      <c r="D494" s="87"/>
      <c r="E494" s="19"/>
      <c r="F494" s="19"/>
      <c r="G494" s="19"/>
      <c r="H494" s="19">
        <v>8</v>
      </c>
      <c r="I494" s="19">
        <v>1270</v>
      </c>
      <c r="J494" s="19" t="s">
        <v>553</v>
      </c>
      <c r="K494" s="19" t="s">
        <v>78</v>
      </c>
      <c r="L494" s="25" t="s">
        <v>96</v>
      </c>
      <c r="M494" s="19">
        <v>1</v>
      </c>
      <c r="N494" s="19" t="s">
        <v>514</v>
      </c>
      <c r="O494" s="19">
        <v>1</v>
      </c>
      <c r="P494" s="19">
        <v>3</v>
      </c>
      <c r="Q494" s="25"/>
      <c r="R494" s="207"/>
      <c r="S494" s="207"/>
      <c r="V494" s="99"/>
      <c r="W494" s="99"/>
    </row>
    <row r="495" spans="1:23" s="8" customFormat="1" hidden="1">
      <c r="A495" s="88"/>
      <c r="B495" s="88"/>
      <c r="C495" s="87"/>
      <c r="D495" s="87"/>
      <c r="E495" s="19"/>
      <c r="F495" s="19"/>
      <c r="G495" s="19"/>
      <c r="H495" s="19">
        <v>9</v>
      </c>
      <c r="I495" s="19">
        <v>1271</v>
      </c>
      <c r="J495" s="19" t="s">
        <v>554</v>
      </c>
      <c r="K495" s="19" t="s">
        <v>78</v>
      </c>
      <c r="L495" s="25" t="s">
        <v>96</v>
      </c>
      <c r="M495" s="19">
        <v>1</v>
      </c>
      <c r="N495" s="19" t="s">
        <v>509</v>
      </c>
      <c r="O495" s="19">
        <v>1</v>
      </c>
      <c r="P495" s="19">
        <v>30</v>
      </c>
      <c r="Q495" s="25"/>
      <c r="R495" s="207"/>
      <c r="S495" s="207"/>
      <c r="V495" s="99"/>
      <c r="W495" s="99"/>
    </row>
    <row r="496" spans="1:23" s="8" customFormat="1" hidden="1">
      <c r="A496" s="88"/>
      <c r="B496" s="88"/>
      <c r="C496" s="87"/>
      <c r="D496" s="87"/>
      <c r="E496" s="87"/>
      <c r="F496" s="87"/>
      <c r="G496" s="87"/>
      <c r="H496" s="87">
        <v>10</v>
      </c>
      <c r="I496" s="87">
        <v>933</v>
      </c>
      <c r="J496" s="87" t="s">
        <v>85</v>
      </c>
      <c r="K496" s="87" t="s">
        <v>78</v>
      </c>
      <c r="L496" s="11" t="s">
        <v>71</v>
      </c>
      <c r="M496" s="11">
        <v>1</v>
      </c>
      <c r="N496" s="11" t="s">
        <v>509</v>
      </c>
      <c r="O496" s="87">
        <v>1</v>
      </c>
      <c r="P496" s="87">
        <v>264</v>
      </c>
      <c r="Q496" s="89" t="s">
        <v>853</v>
      </c>
      <c r="R496" s="207"/>
      <c r="S496" s="207"/>
      <c r="V496" s="99"/>
      <c r="W496" s="99"/>
    </row>
    <row r="497" spans="1:23" s="8" customFormat="1" hidden="1">
      <c r="A497" s="84"/>
      <c r="B497" s="84"/>
      <c r="C497" s="85" t="s">
        <v>84</v>
      </c>
      <c r="D497" s="85" t="s">
        <v>428</v>
      </c>
      <c r="E497" s="85"/>
      <c r="F497" s="85"/>
      <c r="G497" s="85"/>
      <c r="H497" s="85"/>
      <c r="I497" s="85"/>
      <c r="J497" s="85"/>
      <c r="K497" s="85" t="s">
        <v>17</v>
      </c>
      <c r="L497" s="75" t="s">
        <v>71</v>
      </c>
      <c r="M497" s="85">
        <v>10</v>
      </c>
      <c r="N497" s="85"/>
      <c r="O497" s="85"/>
      <c r="P497" s="85"/>
      <c r="Q497" s="86"/>
      <c r="R497" s="207"/>
      <c r="S497" s="207"/>
      <c r="V497" s="99"/>
      <c r="W497" s="99"/>
    </row>
    <row r="498" spans="1:23" s="8" customFormat="1" hidden="1">
      <c r="A498" s="88"/>
      <c r="B498" s="88"/>
      <c r="C498" s="87"/>
      <c r="D498" s="87"/>
      <c r="E498" s="87"/>
      <c r="F498" s="87"/>
      <c r="G498" s="87"/>
      <c r="H498" s="87">
        <v>1</v>
      </c>
      <c r="I498" s="87">
        <v>374</v>
      </c>
      <c r="J498" s="87" t="s">
        <v>82</v>
      </c>
      <c r="K498" s="87" t="s">
        <v>66</v>
      </c>
      <c r="L498" s="11" t="s">
        <v>65</v>
      </c>
      <c r="M498" s="87">
        <v>1</v>
      </c>
      <c r="N498" s="87" t="s">
        <v>514</v>
      </c>
      <c r="O498" s="87">
        <v>3</v>
      </c>
      <c r="P498" s="87">
        <v>3</v>
      </c>
      <c r="Q498" s="89" t="s">
        <v>659</v>
      </c>
      <c r="R498" s="207"/>
      <c r="S498" s="207"/>
      <c r="V498" s="99"/>
      <c r="W498" s="99"/>
    </row>
    <row r="499" spans="1:23" s="8" customFormat="1" hidden="1">
      <c r="A499" s="88"/>
      <c r="B499" s="88"/>
      <c r="C499" s="87"/>
      <c r="D499" s="87"/>
      <c r="E499" s="87"/>
      <c r="F499" s="87"/>
      <c r="G499" s="87"/>
      <c r="H499" s="87">
        <v>2</v>
      </c>
      <c r="I499" s="87">
        <v>373</v>
      </c>
      <c r="J499" s="87" t="s">
        <v>1</v>
      </c>
      <c r="K499" s="87" t="s">
        <v>78</v>
      </c>
      <c r="L499" s="11" t="s">
        <v>71</v>
      </c>
      <c r="M499" s="87">
        <v>1</v>
      </c>
      <c r="N499" s="87" t="s">
        <v>519</v>
      </c>
      <c r="O499" s="87">
        <v>8</v>
      </c>
      <c r="P499" s="87">
        <v>8</v>
      </c>
      <c r="Q499" s="89"/>
      <c r="R499" s="207"/>
      <c r="S499" s="207"/>
      <c r="V499" s="99"/>
      <c r="W499" s="99"/>
    </row>
    <row r="500" spans="1:23" s="8" customFormat="1" hidden="1">
      <c r="A500" s="88"/>
      <c r="B500" s="88"/>
      <c r="C500" s="87"/>
      <c r="D500" s="87"/>
      <c r="E500" s="87"/>
      <c r="F500" s="87"/>
      <c r="G500" s="87"/>
      <c r="H500" s="87">
        <v>3</v>
      </c>
      <c r="I500" s="87">
        <v>337</v>
      </c>
      <c r="J500" s="87" t="s">
        <v>79</v>
      </c>
      <c r="K500" s="87" t="s">
        <v>78</v>
      </c>
      <c r="L500" s="11" t="s">
        <v>71</v>
      </c>
      <c r="M500" s="87">
        <v>1</v>
      </c>
      <c r="N500" s="87" t="s">
        <v>518</v>
      </c>
      <c r="O500" s="87">
        <v>4</v>
      </c>
      <c r="P500" s="87">
        <v>8</v>
      </c>
      <c r="Q500" s="89"/>
      <c r="R500" s="207"/>
      <c r="S500" s="207"/>
      <c r="V500" s="99"/>
      <c r="W500" s="99"/>
    </row>
    <row r="501" spans="1:23" s="8" customFormat="1" ht="70" hidden="1">
      <c r="A501" s="88"/>
      <c r="B501" s="88"/>
      <c r="C501" s="87"/>
      <c r="D501" s="87"/>
      <c r="E501" s="87"/>
      <c r="F501" s="87"/>
      <c r="G501" s="87"/>
      <c r="H501" s="87">
        <v>4</v>
      </c>
      <c r="I501" s="87">
        <v>623</v>
      </c>
      <c r="J501" s="87" t="s">
        <v>76</v>
      </c>
      <c r="K501" s="87" t="s">
        <v>17</v>
      </c>
      <c r="L501" s="11" t="s">
        <v>71</v>
      </c>
      <c r="M501" s="87">
        <v>1</v>
      </c>
      <c r="N501" s="87" t="s">
        <v>514</v>
      </c>
      <c r="O501" s="87">
        <v>2</v>
      </c>
      <c r="P501" s="87">
        <v>2</v>
      </c>
      <c r="Q501" s="270" t="s">
        <v>624</v>
      </c>
      <c r="R501" s="207"/>
      <c r="S501" s="207"/>
      <c r="V501" s="99"/>
      <c r="W501" s="99"/>
    </row>
    <row r="502" spans="1:23" s="8" customFormat="1" hidden="1">
      <c r="A502" s="84"/>
      <c r="B502" s="84"/>
      <c r="C502" s="85" t="s">
        <v>84</v>
      </c>
      <c r="D502" s="85" t="s">
        <v>428</v>
      </c>
      <c r="E502" s="85"/>
      <c r="F502" s="85"/>
      <c r="G502" s="85"/>
      <c r="H502" s="85"/>
      <c r="I502" s="85"/>
      <c r="J502" s="85"/>
      <c r="K502" s="85" t="s">
        <v>17</v>
      </c>
      <c r="L502" s="75" t="s">
        <v>71</v>
      </c>
      <c r="M502" s="85">
        <v>10</v>
      </c>
      <c r="N502" s="85"/>
      <c r="O502" s="85"/>
      <c r="P502" s="85"/>
      <c r="Q502" s="86"/>
      <c r="R502" s="207"/>
      <c r="S502" s="207"/>
      <c r="V502" s="99"/>
      <c r="W502" s="99"/>
    </row>
    <row r="503" spans="1:23" s="8" customFormat="1" hidden="1">
      <c r="A503" s="88"/>
      <c r="B503" s="88"/>
      <c r="C503" s="87"/>
      <c r="D503" s="87"/>
      <c r="E503" s="87"/>
      <c r="F503" s="87"/>
      <c r="G503" s="87"/>
      <c r="H503" s="87">
        <v>1</v>
      </c>
      <c r="I503" s="87">
        <v>374</v>
      </c>
      <c r="J503" s="87" t="s">
        <v>82</v>
      </c>
      <c r="K503" s="87" t="s">
        <v>66</v>
      </c>
      <c r="L503" s="11" t="s">
        <v>65</v>
      </c>
      <c r="M503" s="87">
        <v>1</v>
      </c>
      <c r="N503" s="87" t="s">
        <v>514</v>
      </c>
      <c r="O503" s="87">
        <v>3</v>
      </c>
      <c r="P503" s="87">
        <v>3</v>
      </c>
      <c r="Q503" s="89" t="s">
        <v>841</v>
      </c>
      <c r="R503" s="207"/>
      <c r="S503" s="207"/>
      <c r="V503" s="99"/>
      <c r="W503" s="99"/>
    </row>
    <row r="504" spans="1:23" s="8" customFormat="1" hidden="1">
      <c r="A504" s="88"/>
      <c r="B504" s="88"/>
      <c r="C504" s="87"/>
      <c r="D504" s="87"/>
      <c r="E504" s="87"/>
      <c r="F504" s="87"/>
      <c r="G504" s="87"/>
      <c r="H504" s="87">
        <v>2</v>
      </c>
      <c r="I504" s="87">
        <v>373</v>
      </c>
      <c r="J504" s="87" t="s">
        <v>1</v>
      </c>
      <c r="K504" s="87" t="s">
        <v>78</v>
      </c>
      <c r="L504" s="11" t="s">
        <v>71</v>
      </c>
      <c r="M504" s="87">
        <v>1</v>
      </c>
      <c r="N504" s="87" t="s">
        <v>519</v>
      </c>
      <c r="O504" s="87">
        <v>8</v>
      </c>
      <c r="P504" s="87">
        <v>8</v>
      </c>
      <c r="Q504" s="89"/>
      <c r="R504" s="207"/>
      <c r="S504" s="207"/>
      <c r="V504" s="99"/>
      <c r="W504" s="99"/>
    </row>
    <row r="505" spans="1:23" s="8" customFormat="1" hidden="1">
      <c r="A505" s="88"/>
      <c r="B505" s="88"/>
      <c r="C505" s="87"/>
      <c r="D505" s="87"/>
      <c r="E505" s="87"/>
      <c r="F505" s="87"/>
      <c r="G505" s="87"/>
      <c r="H505" s="87">
        <v>3</v>
      </c>
      <c r="I505" s="87">
        <v>337</v>
      </c>
      <c r="J505" s="87" t="s">
        <v>79</v>
      </c>
      <c r="K505" s="87" t="s">
        <v>78</v>
      </c>
      <c r="L505" s="11" t="s">
        <v>71</v>
      </c>
      <c r="M505" s="87">
        <v>1</v>
      </c>
      <c r="N505" s="87" t="s">
        <v>518</v>
      </c>
      <c r="O505" s="87">
        <v>4</v>
      </c>
      <c r="P505" s="87">
        <v>8</v>
      </c>
      <c r="Q505" s="89"/>
      <c r="R505" s="207"/>
      <c r="S505" s="207"/>
      <c r="V505" s="99"/>
      <c r="W505" s="99"/>
    </row>
    <row r="506" spans="1:23" s="8" customFormat="1" ht="70" hidden="1">
      <c r="A506" s="88"/>
      <c r="B506" s="88"/>
      <c r="C506" s="87"/>
      <c r="D506" s="87"/>
      <c r="E506" s="87"/>
      <c r="F506" s="87"/>
      <c r="G506" s="87"/>
      <c r="H506" s="87">
        <v>4</v>
      </c>
      <c r="I506" s="87">
        <v>623</v>
      </c>
      <c r="J506" s="87" t="s">
        <v>76</v>
      </c>
      <c r="K506" s="87" t="s">
        <v>17</v>
      </c>
      <c r="L506" s="11" t="s">
        <v>71</v>
      </c>
      <c r="M506" s="87">
        <v>1</v>
      </c>
      <c r="N506" s="87" t="s">
        <v>514</v>
      </c>
      <c r="O506" s="87">
        <v>2</v>
      </c>
      <c r="P506" s="87">
        <v>2</v>
      </c>
      <c r="Q506" s="270" t="s">
        <v>624</v>
      </c>
      <c r="R506" s="207"/>
      <c r="S506" s="207"/>
      <c r="V506" s="99"/>
      <c r="W506" s="99"/>
    </row>
    <row r="507" spans="1:23" s="8" customFormat="1" hidden="1">
      <c r="A507" s="84"/>
      <c r="B507" s="84"/>
      <c r="C507" s="85" t="s">
        <v>84</v>
      </c>
      <c r="D507" s="85" t="s">
        <v>428</v>
      </c>
      <c r="E507" s="85"/>
      <c r="F507" s="85"/>
      <c r="G507" s="85"/>
      <c r="H507" s="85"/>
      <c r="I507" s="85"/>
      <c r="J507" s="85"/>
      <c r="K507" s="85" t="s">
        <v>17</v>
      </c>
      <c r="L507" s="75" t="s">
        <v>71</v>
      </c>
      <c r="M507" s="85">
        <v>10</v>
      </c>
      <c r="N507" s="85"/>
      <c r="O507" s="85"/>
      <c r="P507" s="85"/>
      <c r="Q507" s="86"/>
      <c r="R507" s="207"/>
      <c r="S507" s="207"/>
      <c r="V507" s="99"/>
      <c r="W507" s="99"/>
    </row>
    <row r="508" spans="1:23" s="8" customFormat="1" hidden="1">
      <c r="A508" s="88"/>
      <c r="B508" s="88"/>
      <c r="C508" s="87"/>
      <c r="D508" s="87"/>
      <c r="E508" s="87"/>
      <c r="F508" s="87"/>
      <c r="G508" s="87"/>
      <c r="H508" s="87">
        <v>1</v>
      </c>
      <c r="I508" s="87">
        <v>374</v>
      </c>
      <c r="J508" s="87" t="s">
        <v>82</v>
      </c>
      <c r="K508" s="87" t="s">
        <v>66</v>
      </c>
      <c r="L508" s="11" t="s">
        <v>65</v>
      </c>
      <c r="M508" s="87">
        <v>1</v>
      </c>
      <c r="N508" s="87" t="s">
        <v>514</v>
      </c>
      <c r="O508" s="87">
        <v>3</v>
      </c>
      <c r="P508" s="87">
        <v>3</v>
      </c>
      <c r="Q508" s="89" t="s">
        <v>759</v>
      </c>
      <c r="R508" s="207"/>
      <c r="S508" s="207"/>
      <c r="V508" s="99"/>
      <c r="W508" s="99"/>
    </row>
    <row r="509" spans="1:23" s="8" customFormat="1" hidden="1">
      <c r="A509" s="88"/>
      <c r="B509" s="88"/>
      <c r="C509" s="87"/>
      <c r="D509" s="87"/>
      <c r="E509" s="87"/>
      <c r="F509" s="87"/>
      <c r="G509" s="87"/>
      <c r="H509" s="87">
        <v>2</v>
      </c>
      <c r="I509" s="87">
        <v>373</v>
      </c>
      <c r="J509" s="87" t="s">
        <v>1</v>
      </c>
      <c r="K509" s="87" t="s">
        <v>78</v>
      </c>
      <c r="L509" s="11" t="s">
        <v>71</v>
      </c>
      <c r="M509" s="87">
        <v>1</v>
      </c>
      <c r="N509" s="87" t="s">
        <v>519</v>
      </c>
      <c r="O509" s="87">
        <v>8</v>
      </c>
      <c r="P509" s="87">
        <v>8</v>
      </c>
      <c r="Q509" s="89"/>
      <c r="R509" s="207"/>
      <c r="S509" s="207"/>
      <c r="V509" s="99"/>
      <c r="W509" s="99"/>
    </row>
    <row r="510" spans="1:23" s="8" customFormat="1" hidden="1">
      <c r="A510" s="88"/>
      <c r="B510" s="88"/>
      <c r="C510" s="87"/>
      <c r="D510" s="87"/>
      <c r="E510" s="87"/>
      <c r="F510" s="87"/>
      <c r="G510" s="87"/>
      <c r="H510" s="87">
        <v>3</v>
      </c>
      <c r="I510" s="87">
        <v>337</v>
      </c>
      <c r="J510" s="87" t="s">
        <v>79</v>
      </c>
      <c r="K510" s="87" t="s">
        <v>78</v>
      </c>
      <c r="L510" s="11" t="s">
        <v>71</v>
      </c>
      <c r="M510" s="87">
        <v>1</v>
      </c>
      <c r="N510" s="87" t="s">
        <v>518</v>
      </c>
      <c r="O510" s="87">
        <v>4</v>
      </c>
      <c r="P510" s="87">
        <v>8</v>
      </c>
      <c r="Q510" s="89"/>
      <c r="R510" s="207"/>
      <c r="S510" s="207"/>
      <c r="V510" s="99"/>
      <c r="W510" s="99"/>
    </row>
    <row r="511" spans="1:23" s="8" customFormat="1" ht="70" hidden="1">
      <c r="A511" s="88"/>
      <c r="B511" s="88"/>
      <c r="C511" s="87"/>
      <c r="D511" s="87"/>
      <c r="E511" s="87"/>
      <c r="F511" s="87"/>
      <c r="G511" s="87"/>
      <c r="H511" s="87">
        <v>4</v>
      </c>
      <c r="I511" s="87">
        <v>623</v>
      </c>
      <c r="J511" s="87" t="s">
        <v>76</v>
      </c>
      <c r="K511" s="87" t="s">
        <v>17</v>
      </c>
      <c r="L511" s="11" t="s">
        <v>71</v>
      </c>
      <c r="M511" s="87">
        <v>1</v>
      </c>
      <c r="N511" s="87" t="s">
        <v>514</v>
      </c>
      <c r="O511" s="87">
        <v>2</v>
      </c>
      <c r="P511" s="87">
        <v>2</v>
      </c>
      <c r="Q511" s="270" t="s">
        <v>624</v>
      </c>
      <c r="R511" s="207"/>
      <c r="S511" s="207"/>
      <c r="V511" s="99"/>
      <c r="W511" s="99"/>
    </row>
    <row r="512" spans="1:23" s="8" customFormat="1" hidden="1">
      <c r="A512" s="84"/>
      <c r="B512" s="84"/>
      <c r="C512" s="85" t="s">
        <v>84</v>
      </c>
      <c r="D512" s="85" t="s">
        <v>428</v>
      </c>
      <c r="E512" s="85"/>
      <c r="F512" s="85"/>
      <c r="G512" s="85"/>
      <c r="H512" s="85"/>
      <c r="I512" s="85"/>
      <c r="J512" s="85"/>
      <c r="K512" s="85" t="s">
        <v>17</v>
      </c>
      <c r="L512" s="75" t="s">
        <v>71</v>
      </c>
      <c r="M512" s="85">
        <v>10</v>
      </c>
      <c r="N512" s="85"/>
      <c r="O512" s="85"/>
      <c r="P512" s="85"/>
      <c r="Q512" s="86"/>
      <c r="R512" s="207"/>
      <c r="S512" s="207"/>
      <c r="V512" s="99"/>
      <c r="W512" s="99"/>
    </row>
    <row r="513" spans="1:23" s="8" customFormat="1" hidden="1">
      <c r="A513" s="88"/>
      <c r="B513" s="88"/>
      <c r="C513" s="87"/>
      <c r="D513" s="87"/>
      <c r="E513" s="87"/>
      <c r="F513" s="87"/>
      <c r="G513" s="87"/>
      <c r="H513" s="87">
        <v>1</v>
      </c>
      <c r="I513" s="87">
        <v>374</v>
      </c>
      <c r="J513" s="87" t="s">
        <v>82</v>
      </c>
      <c r="K513" s="87" t="s">
        <v>66</v>
      </c>
      <c r="L513" s="11" t="s">
        <v>65</v>
      </c>
      <c r="M513" s="87">
        <v>1</v>
      </c>
      <c r="N513" s="87" t="s">
        <v>514</v>
      </c>
      <c r="O513" s="87">
        <v>3</v>
      </c>
      <c r="P513" s="87">
        <v>3</v>
      </c>
      <c r="Q513" s="89" t="s">
        <v>760</v>
      </c>
      <c r="R513" s="207"/>
      <c r="S513" s="207"/>
      <c r="V513" s="99"/>
      <c r="W513" s="99"/>
    </row>
    <row r="514" spans="1:23" s="8" customFormat="1" hidden="1">
      <c r="A514" s="88"/>
      <c r="B514" s="88"/>
      <c r="C514" s="87"/>
      <c r="D514" s="87"/>
      <c r="E514" s="87"/>
      <c r="F514" s="87"/>
      <c r="G514" s="87"/>
      <c r="H514" s="87">
        <v>2</v>
      </c>
      <c r="I514" s="87">
        <v>373</v>
      </c>
      <c r="J514" s="87" t="s">
        <v>1</v>
      </c>
      <c r="K514" s="87" t="s">
        <v>78</v>
      </c>
      <c r="L514" s="11" t="s">
        <v>71</v>
      </c>
      <c r="M514" s="87">
        <v>1</v>
      </c>
      <c r="N514" s="87" t="s">
        <v>519</v>
      </c>
      <c r="O514" s="87">
        <v>8</v>
      </c>
      <c r="P514" s="87">
        <v>8</v>
      </c>
      <c r="Q514" s="89"/>
      <c r="R514" s="207"/>
      <c r="S514" s="207"/>
      <c r="V514" s="99"/>
      <c r="W514" s="99"/>
    </row>
    <row r="515" spans="1:23" s="8" customFormat="1" hidden="1">
      <c r="A515" s="88"/>
      <c r="B515" s="88"/>
      <c r="C515" s="87"/>
      <c r="D515" s="87"/>
      <c r="E515" s="87"/>
      <c r="F515" s="87"/>
      <c r="G515" s="87"/>
      <c r="H515" s="87">
        <v>3</v>
      </c>
      <c r="I515" s="87">
        <v>337</v>
      </c>
      <c r="J515" s="87" t="s">
        <v>79</v>
      </c>
      <c r="K515" s="87" t="s">
        <v>78</v>
      </c>
      <c r="L515" s="11" t="s">
        <v>71</v>
      </c>
      <c r="M515" s="87">
        <v>1</v>
      </c>
      <c r="N515" s="87" t="s">
        <v>518</v>
      </c>
      <c r="O515" s="87">
        <v>4</v>
      </c>
      <c r="P515" s="87">
        <v>8</v>
      </c>
      <c r="Q515" s="89"/>
      <c r="R515" s="207"/>
      <c r="S515" s="207"/>
      <c r="V515" s="99"/>
      <c r="W515" s="99"/>
    </row>
    <row r="516" spans="1:23" s="8" customFormat="1" ht="70" hidden="1">
      <c r="A516" s="88"/>
      <c r="B516" s="88"/>
      <c r="C516" s="87"/>
      <c r="D516" s="87"/>
      <c r="E516" s="87"/>
      <c r="F516" s="87"/>
      <c r="G516" s="87"/>
      <c r="H516" s="87">
        <v>4</v>
      </c>
      <c r="I516" s="87">
        <v>623</v>
      </c>
      <c r="J516" s="87" t="s">
        <v>76</v>
      </c>
      <c r="K516" s="87" t="s">
        <v>17</v>
      </c>
      <c r="L516" s="11" t="s">
        <v>71</v>
      </c>
      <c r="M516" s="87">
        <v>1</v>
      </c>
      <c r="N516" s="87" t="s">
        <v>514</v>
      </c>
      <c r="O516" s="87">
        <v>2</v>
      </c>
      <c r="P516" s="87">
        <v>2</v>
      </c>
      <c r="Q516" s="270" t="s">
        <v>624</v>
      </c>
      <c r="R516" s="207"/>
      <c r="S516" s="207"/>
      <c r="V516" s="99"/>
      <c r="W516" s="99"/>
    </row>
    <row r="517" spans="1:23" s="8" customFormat="1" hidden="1">
      <c r="A517" s="84"/>
      <c r="B517" s="84"/>
      <c r="C517" s="85" t="s">
        <v>84</v>
      </c>
      <c r="D517" s="85" t="s">
        <v>428</v>
      </c>
      <c r="E517" s="85"/>
      <c r="F517" s="85"/>
      <c r="G517" s="85"/>
      <c r="H517" s="85"/>
      <c r="I517" s="85"/>
      <c r="J517" s="85"/>
      <c r="K517" s="85" t="s">
        <v>17</v>
      </c>
      <c r="L517" s="75" t="s">
        <v>71</v>
      </c>
      <c r="M517" s="85">
        <v>10</v>
      </c>
      <c r="N517" s="85"/>
      <c r="O517" s="85"/>
      <c r="P517" s="85"/>
      <c r="Q517" s="86"/>
      <c r="R517" s="207"/>
      <c r="S517" s="207"/>
      <c r="V517" s="99"/>
      <c r="W517" s="99"/>
    </row>
    <row r="518" spans="1:23" s="8" customFormat="1" hidden="1">
      <c r="A518" s="88"/>
      <c r="B518" s="88"/>
      <c r="C518" s="87"/>
      <c r="D518" s="87"/>
      <c r="E518" s="87"/>
      <c r="F518" s="87"/>
      <c r="G518" s="87"/>
      <c r="H518" s="87">
        <v>1</v>
      </c>
      <c r="I518" s="87">
        <v>374</v>
      </c>
      <c r="J518" s="87" t="s">
        <v>82</v>
      </c>
      <c r="K518" s="87" t="s">
        <v>66</v>
      </c>
      <c r="L518" s="11" t="s">
        <v>65</v>
      </c>
      <c r="M518" s="87">
        <v>1</v>
      </c>
      <c r="N518" s="87" t="s">
        <v>514</v>
      </c>
      <c r="O518" s="87">
        <v>3</v>
      </c>
      <c r="P518" s="87">
        <v>3</v>
      </c>
      <c r="Q518" s="89" t="s">
        <v>854</v>
      </c>
      <c r="R518" s="207"/>
      <c r="S518" s="207"/>
      <c r="V518" s="99"/>
      <c r="W518" s="99"/>
    </row>
    <row r="519" spans="1:23" s="8" customFormat="1" hidden="1">
      <c r="A519" s="88"/>
      <c r="B519" s="88"/>
      <c r="C519" s="87"/>
      <c r="D519" s="87"/>
      <c r="E519" s="87"/>
      <c r="F519" s="87"/>
      <c r="G519" s="87"/>
      <c r="H519" s="87">
        <v>2</v>
      </c>
      <c r="I519" s="87">
        <v>373</v>
      </c>
      <c r="J519" s="87" t="s">
        <v>1</v>
      </c>
      <c r="K519" s="87" t="s">
        <v>78</v>
      </c>
      <c r="L519" s="11" t="s">
        <v>71</v>
      </c>
      <c r="M519" s="87">
        <v>1</v>
      </c>
      <c r="N519" s="87" t="s">
        <v>519</v>
      </c>
      <c r="O519" s="87">
        <v>8</v>
      </c>
      <c r="P519" s="87">
        <v>8</v>
      </c>
      <c r="Q519" s="89"/>
      <c r="R519" s="207"/>
      <c r="S519" s="207"/>
      <c r="V519" s="99"/>
      <c r="W519" s="99"/>
    </row>
    <row r="520" spans="1:23" s="8" customFormat="1" hidden="1">
      <c r="A520" s="88"/>
      <c r="B520" s="88"/>
      <c r="C520" s="87"/>
      <c r="D520" s="87"/>
      <c r="E520" s="87"/>
      <c r="F520" s="87"/>
      <c r="G520" s="87"/>
      <c r="H520" s="87">
        <v>3</v>
      </c>
      <c r="I520" s="87">
        <v>337</v>
      </c>
      <c r="J520" s="87" t="s">
        <v>79</v>
      </c>
      <c r="K520" s="87" t="s">
        <v>78</v>
      </c>
      <c r="L520" s="11" t="s">
        <v>71</v>
      </c>
      <c r="M520" s="87">
        <v>1</v>
      </c>
      <c r="N520" s="87" t="s">
        <v>518</v>
      </c>
      <c r="O520" s="87">
        <v>4</v>
      </c>
      <c r="P520" s="87">
        <v>8</v>
      </c>
      <c r="Q520" s="89"/>
      <c r="R520" s="207"/>
      <c r="S520" s="207"/>
      <c r="V520" s="99"/>
      <c r="W520" s="99"/>
    </row>
    <row r="521" spans="1:23" s="8" customFormat="1" ht="70" hidden="1">
      <c r="A521" s="88"/>
      <c r="B521" s="88"/>
      <c r="C521" s="87"/>
      <c r="D521" s="87"/>
      <c r="E521" s="87"/>
      <c r="F521" s="87"/>
      <c r="G521" s="87"/>
      <c r="H521" s="87">
        <v>4</v>
      </c>
      <c r="I521" s="87">
        <v>623</v>
      </c>
      <c r="J521" s="87" t="s">
        <v>76</v>
      </c>
      <c r="K521" s="87" t="s">
        <v>17</v>
      </c>
      <c r="L521" s="11" t="s">
        <v>71</v>
      </c>
      <c r="M521" s="87">
        <v>1</v>
      </c>
      <c r="N521" s="87" t="s">
        <v>514</v>
      </c>
      <c r="O521" s="87">
        <v>2</v>
      </c>
      <c r="P521" s="87">
        <v>2</v>
      </c>
      <c r="Q521" s="270" t="s">
        <v>624</v>
      </c>
      <c r="R521" s="207"/>
      <c r="S521" s="207"/>
      <c r="V521" s="99"/>
      <c r="W521" s="99"/>
    </row>
    <row r="522" spans="1:23" s="8" customFormat="1" hidden="1">
      <c r="A522" s="84"/>
      <c r="B522" s="84"/>
      <c r="C522" s="85" t="s">
        <v>84</v>
      </c>
      <c r="D522" s="85" t="s">
        <v>428</v>
      </c>
      <c r="E522" s="85"/>
      <c r="F522" s="85"/>
      <c r="G522" s="85"/>
      <c r="H522" s="85"/>
      <c r="I522" s="85"/>
      <c r="J522" s="85"/>
      <c r="K522" s="85" t="s">
        <v>17</v>
      </c>
      <c r="L522" s="75" t="s">
        <v>71</v>
      </c>
      <c r="M522" s="85">
        <v>10</v>
      </c>
      <c r="N522" s="85"/>
      <c r="O522" s="85"/>
      <c r="P522" s="85"/>
      <c r="Q522" s="86"/>
      <c r="R522" s="207"/>
      <c r="S522" s="207"/>
      <c r="V522" s="99"/>
      <c r="W522" s="99"/>
    </row>
    <row r="523" spans="1:23" s="8" customFormat="1" hidden="1">
      <c r="A523" s="88"/>
      <c r="B523" s="88"/>
      <c r="C523" s="87"/>
      <c r="D523" s="87"/>
      <c r="E523" s="87"/>
      <c r="F523" s="87"/>
      <c r="G523" s="87"/>
      <c r="H523" s="87">
        <v>1</v>
      </c>
      <c r="I523" s="87">
        <v>374</v>
      </c>
      <c r="J523" s="87" t="s">
        <v>82</v>
      </c>
      <c r="K523" s="87" t="s">
        <v>66</v>
      </c>
      <c r="L523" s="11" t="s">
        <v>65</v>
      </c>
      <c r="M523" s="87">
        <v>1</v>
      </c>
      <c r="N523" s="87" t="s">
        <v>514</v>
      </c>
      <c r="O523" s="87">
        <v>3</v>
      </c>
      <c r="P523" s="87">
        <v>3</v>
      </c>
      <c r="Q523" s="89" t="s">
        <v>855</v>
      </c>
      <c r="R523" s="207"/>
      <c r="S523" s="207"/>
      <c r="V523" s="99"/>
      <c r="W523" s="99"/>
    </row>
    <row r="524" spans="1:23" s="8" customFormat="1" hidden="1">
      <c r="A524" s="88"/>
      <c r="B524" s="88"/>
      <c r="C524" s="87"/>
      <c r="D524" s="87"/>
      <c r="E524" s="87"/>
      <c r="F524" s="87"/>
      <c r="G524" s="87"/>
      <c r="H524" s="87">
        <v>2</v>
      </c>
      <c r="I524" s="87">
        <v>373</v>
      </c>
      <c r="J524" s="87" t="s">
        <v>1</v>
      </c>
      <c r="K524" s="87" t="s">
        <v>78</v>
      </c>
      <c r="L524" s="11" t="s">
        <v>71</v>
      </c>
      <c r="M524" s="87">
        <v>1</v>
      </c>
      <c r="N524" s="87" t="s">
        <v>519</v>
      </c>
      <c r="O524" s="87">
        <v>8</v>
      </c>
      <c r="P524" s="87">
        <v>8</v>
      </c>
      <c r="Q524" s="89"/>
      <c r="R524" s="207"/>
      <c r="S524" s="207"/>
      <c r="V524" s="99"/>
      <c r="W524" s="99"/>
    </row>
    <row r="525" spans="1:23" s="8" customFormat="1" hidden="1">
      <c r="A525" s="88"/>
      <c r="B525" s="88"/>
      <c r="C525" s="87"/>
      <c r="D525" s="87"/>
      <c r="E525" s="87"/>
      <c r="F525" s="87"/>
      <c r="G525" s="87"/>
      <c r="H525" s="87">
        <v>3</v>
      </c>
      <c r="I525" s="87">
        <v>337</v>
      </c>
      <c r="J525" s="87" t="s">
        <v>79</v>
      </c>
      <c r="K525" s="87" t="s">
        <v>78</v>
      </c>
      <c r="L525" s="11" t="s">
        <v>71</v>
      </c>
      <c r="M525" s="87">
        <v>1</v>
      </c>
      <c r="N525" s="87" t="s">
        <v>518</v>
      </c>
      <c r="O525" s="87">
        <v>4</v>
      </c>
      <c r="P525" s="87">
        <v>8</v>
      </c>
      <c r="Q525" s="89"/>
      <c r="R525" s="207"/>
      <c r="S525" s="207"/>
      <c r="V525" s="99"/>
      <c r="W525" s="99"/>
    </row>
    <row r="526" spans="1:23" s="8" customFormat="1" ht="70" hidden="1">
      <c r="A526" s="88"/>
      <c r="B526" s="88"/>
      <c r="C526" s="87"/>
      <c r="D526" s="87"/>
      <c r="E526" s="87"/>
      <c r="F526" s="87"/>
      <c r="G526" s="87"/>
      <c r="H526" s="87">
        <v>4</v>
      </c>
      <c r="I526" s="87">
        <v>623</v>
      </c>
      <c r="J526" s="87" t="s">
        <v>76</v>
      </c>
      <c r="K526" s="87" t="s">
        <v>17</v>
      </c>
      <c r="L526" s="11" t="s">
        <v>71</v>
      </c>
      <c r="M526" s="87">
        <v>1</v>
      </c>
      <c r="N526" s="87" t="s">
        <v>514</v>
      </c>
      <c r="O526" s="87">
        <v>2</v>
      </c>
      <c r="P526" s="87">
        <v>2</v>
      </c>
      <c r="Q526" s="270" t="s">
        <v>624</v>
      </c>
      <c r="R526" s="207"/>
      <c r="S526" s="207"/>
      <c r="V526" s="99"/>
      <c r="W526" s="99"/>
    </row>
    <row r="527" spans="1:23" s="8" customFormat="1" hidden="1">
      <c r="A527" s="84"/>
      <c r="B527" s="84"/>
      <c r="C527" s="85" t="s">
        <v>84</v>
      </c>
      <c r="D527" s="85" t="s">
        <v>428</v>
      </c>
      <c r="E527" s="85"/>
      <c r="F527" s="85"/>
      <c r="G527" s="85"/>
      <c r="H527" s="85"/>
      <c r="I527" s="85"/>
      <c r="J527" s="85"/>
      <c r="K527" s="85" t="s">
        <v>17</v>
      </c>
      <c r="L527" s="75" t="s">
        <v>71</v>
      </c>
      <c r="M527" s="85">
        <v>10</v>
      </c>
      <c r="N527" s="85"/>
      <c r="O527" s="85"/>
      <c r="P527" s="85"/>
      <c r="Q527" s="86"/>
      <c r="R527" s="207"/>
      <c r="S527" s="207"/>
      <c r="V527" s="99"/>
      <c r="W527" s="99"/>
    </row>
    <row r="528" spans="1:23" s="8" customFormat="1" hidden="1">
      <c r="A528" s="88"/>
      <c r="B528" s="88"/>
      <c r="C528" s="87"/>
      <c r="D528" s="87"/>
      <c r="E528" s="87"/>
      <c r="F528" s="87"/>
      <c r="G528" s="87"/>
      <c r="H528" s="87">
        <v>1</v>
      </c>
      <c r="I528" s="87">
        <v>374</v>
      </c>
      <c r="J528" s="87" t="s">
        <v>82</v>
      </c>
      <c r="K528" s="87" t="s">
        <v>66</v>
      </c>
      <c r="L528" s="11" t="s">
        <v>65</v>
      </c>
      <c r="M528" s="87">
        <v>1</v>
      </c>
      <c r="N528" s="87" t="s">
        <v>514</v>
      </c>
      <c r="O528" s="87">
        <v>3</v>
      </c>
      <c r="P528" s="87">
        <v>3</v>
      </c>
      <c r="Q528" s="89" t="s">
        <v>856</v>
      </c>
      <c r="R528" s="207"/>
      <c r="S528" s="207"/>
      <c r="V528" s="99"/>
      <c r="W528" s="99"/>
    </row>
    <row r="529" spans="1:23" s="8" customFormat="1" hidden="1">
      <c r="A529" s="88"/>
      <c r="B529" s="88"/>
      <c r="C529" s="87"/>
      <c r="D529" s="87"/>
      <c r="E529" s="87"/>
      <c r="F529" s="87"/>
      <c r="G529" s="87"/>
      <c r="H529" s="87">
        <v>2</v>
      </c>
      <c r="I529" s="87">
        <v>373</v>
      </c>
      <c r="J529" s="87" t="s">
        <v>1</v>
      </c>
      <c r="K529" s="87" t="s">
        <v>78</v>
      </c>
      <c r="L529" s="11" t="s">
        <v>71</v>
      </c>
      <c r="M529" s="87">
        <v>1</v>
      </c>
      <c r="N529" s="87" t="s">
        <v>519</v>
      </c>
      <c r="O529" s="87">
        <v>8</v>
      </c>
      <c r="P529" s="87">
        <v>8</v>
      </c>
      <c r="Q529" s="89"/>
      <c r="R529" s="207"/>
      <c r="S529" s="207"/>
      <c r="V529" s="99"/>
      <c r="W529" s="99"/>
    </row>
    <row r="530" spans="1:23" s="8" customFormat="1" hidden="1">
      <c r="A530" s="88"/>
      <c r="B530" s="88"/>
      <c r="C530" s="87"/>
      <c r="D530" s="87"/>
      <c r="E530" s="87"/>
      <c r="F530" s="87"/>
      <c r="G530" s="87"/>
      <c r="H530" s="87">
        <v>3</v>
      </c>
      <c r="I530" s="87">
        <v>337</v>
      </c>
      <c r="J530" s="87" t="s">
        <v>79</v>
      </c>
      <c r="K530" s="87" t="s">
        <v>78</v>
      </c>
      <c r="L530" s="11" t="s">
        <v>71</v>
      </c>
      <c r="M530" s="87">
        <v>1</v>
      </c>
      <c r="N530" s="87" t="s">
        <v>518</v>
      </c>
      <c r="O530" s="87">
        <v>4</v>
      </c>
      <c r="P530" s="87">
        <v>8</v>
      </c>
      <c r="Q530" s="89"/>
      <c r="R530" s="207"/>
      <c r="S530" s="207"/>
      <c r="V530" s="99"/>
      <c r="W530" s="99"/>
    </row>
    <row r="531" spans="1:23" s="8" customFormat="1" ht="70" hidden="1">
      <c r="A531" s="88"/>
      <c r="B531" s="88"/>
      <c r="C531" s="87"/>
      <c r="D531" s="87"/>
      <c r="E531" s="87"/>
      <c r="F531" s="87"/>
      <c r="G531" s="87"/>
      <c r="H531" s="87">
        <v>4</v>
      </c>
      <c r="I531" s="87">
        <v>623</v>
      </c>
      <c r="J531" s="87" t="s">
        <v>76</v>
      </c>
      <c r="K531" s="87" t="s">
        <v>17</v>
      </c>
      <c r="L531" s="11" t="s">
        <v>71</v>
      </c>
      <c r="M531" s="87">
        <v>1</v>
      </c>
      <c r="N531" s="87" t="s">
        <v>514</v>
      </c>
      <c r="O531" s="87">
        <v>2</v>
      </c>
      <c r="P531" s="87">
        <v>2</v>
      </c>
      <c r="Q531" s="270" t="s">
        <v>624</v>
      </c>
      <c r="R531" s="207"/>
      <c r="S531" s="207"/>
      <c r="V531" s="99"/>
      <c r="W531" s="99"/>
    </row>
    <row r="532" spans="1:23" s="8" customFormat="1" hidden="1">
      <c r="A532" s="84"/>
      <c r="B532" s="84"/>
      <c r="C532" s="85" t="s">
        <v>84</v>
      </c>
      <c r="D532" s="85" t="s">
        <v>428</v>
      </c>
      <c r="E532" s="85"/>
      <c r="F532" s="85"/>
      <c r="G532" s="85"/>
      <c r="H532" s="85"/>
      <c r="I532" s="85"/>
      <c r="J532" s="85"/>
      <c r="K532" s="85" t="s">
        <v>17</v>
      </c>
      <c r="L532" s="75" t="s">
        <v>71</v>
      </c>
      <c r="M532" s="85">
        <v>10</v>
      </c>
      <c r="N532" s="85"/>
      <c r="O532" s="85"/>
      <c r="P532" s="85"/>
      <c r="Q532" s="86"/>
      <c r="R532" s="207"/>
      <c r="S532" s="207"/>
      <c r="V532" s="99"/>
      <c r="W532" s="99"/>
    </row>
    <row r="533" spans="1:23" s="8" customFormat="1" hidden="1">
      <c r="A533" s="88"/>
      <c r="B533" s="88"/>
      <c r="C533" s="87"/>
      <c r="D533" s="87"/>
      <c r="E533" s="87"/>
      <c r="F533" s="87"/>
      <c r="G533" s="87"/>
      <c r="H533" s="87">
        <v>1</v>
      </c>
      <c r="I533" s="87">
        <v>374</v>
      </c>
      <c r="J533" s="87" t="s">
        <v>82</v>
      </c>
      <c r="K533" s="87" t="s">
        <v>66</v>
      </c>
      <c r="L533" s="11" t="s">
        <v>65</v>
      </c>
      <c r="M533" s="87">
        <v>1</v>
      </c>
      <c r="N533" s="87" t="s">
        <v>514</v>
      </c>
      <c r="O533" s="87">
        <v>3</v>
      </c>
      <c r="P533" s="87">
        <v>3</v>
      </c>
      <c r="Q533" s="89" t="s">
        <v>732</v>
      </c>
      <c r="R533" s="207"/>
      <c r="S533" s="207"/>
      <c r="V533" s="99"/>
      <c r="W533" s="99"/>
    </row>
    <row r="534" spans="1:23" s="8" customFormat="1" hidden="1">
      <c r="A534" s="88"/>
      <c r="B534" s="88"/>
      <c r="C534" s="87"/>
      <c r="D534" s="87"/>
      <c r="E534" s="87"/>
      <c r="F534" s="87"/>
      <c r="G534" s="87"/>
      <c r="H534" s="87">
        <v>2</v>
      </c>
      <c r="I534" s="87">
        <v>373</v>
      </c>
      <c r="J534" s="87" t="s">
        <v>1</v>
      </c>
      <c r="K534" s="87" t="s">
        <v>78</v>
      </c>
      <c r="L534" s="11" t="s">
        <v>71</v>
      </c>
      <c r="M534" s="87">
        <v>1</v>
      </c>
      <c r="N534" s="87" t="s">
        <v>519</v>
      </c>
      <c r="O534" s="87">
        <v>8</v>
      </c>
      <c r="P534" s="87">
        <v>8</v>
      </c>
      <c r="Q534" s="89"/>
      <c r="R534" s="207"/>
      <c r="S534" s="207"/>
      <c r="V534" s="99"/>
      <c r="W534" s="99"/>
    </row>
    <row r="535" spans="1:23" s="8" customFormat="1" hidden="1">
      <c r="A535" s="88"/>
      <c r="B535" s="88"/>
      <c r="C535" s="87"/>
      <c r="D535" s="87"/>
      <c r="E535" s="87"/>
      <c r="F535" s="87"/>
      <c r="G535" s="87"/>
      <c r="H535" s="87">
        <v>3</v>
      </c>
      <c r="I535" s="87">
        <v>337</v>
      </c>
      <c r="J535" s="87" t="s">
        <v>79</v>
      </c>
      <c r="K535" s="87" t="s">
        <v>78</v>
      </c>
      <c r="L535" s="11" t="s">
        <v>71</v>
      </c>
      <c r="M535" s="87">
        <v>1</v>
      </c>
      <c r="N535" s="87" t="s">
        <v>518</v>
      </c>
      <c r="O535" s="87">
        <v>4</v>
      </c>
      <c r="P535" s="87">
        <v>8</v>
      </c>
      <c r="Q535" s="89"/>
      <c r="R535" s="207"/>
      <c r="S535" s="207"/>
      <c r="V535" s="99"/>
      <c r="W535" s="99"/>
    </row>
    <row r="536" spans="1:23" s="8" customFormat="1" ht="70" hidden="1">
      <c r="A536" s="88"/>
      <c r="B536" s="88"/>
      <c r="C536" s="87"/>
      <c r="D536" s="87"/>
      <c r="E536" s="87"/>
      <c r="F536" s="87"/>
      <c r="G536" s="87"/>
      <c r="H536" s="87">
        <v>4</v>
      </c>
      <c r="I536" s="87">
        <v>623</v>
      </c>
      <c r="J536" s="87" t="s">
        <v>76</v>
      </c>
      <c r="K536" s="87" t="s">
        <v>17</v>
      </c>
      <c r="L536" s="11" t="s">
        <v>71</v>
      </c>
      <c r="M536" s="87">
        <v>1</v>
      </c>
      <c r="N536" s="87" t="s">
        <v>514</v>
      </c>
      <c r="O536" s="87">
        <v>2</v>
      </c>
      <c r="P536" s="87">
        <v>2</v>
      </c>
      <c r="Q536" s="270" t="s">
        <v>624</v>
      </c>
      <c r="R536" s="207"/>
      <c r="S536" s="207"/>
      <c r="V536" s="99"/>
      <c r="W536" s="99"/>
    </row>
    <row r="537" spans="1:23" s="8" customFormat="1" hidden="1">
      <c r="A537" s="84"/>
      <c r="B537" s="84"/>
      <c r="C537" s="85" t="s">
        <v>84</v>
      </c>
      <c r="D537" s="85" t="s">
        <v>428</v>
      </c>
      <c r="E537" s="85"/>
      <c r="F537" s="85"/>
      <c r="G537" s="85"/>
      <c r="H537" s="85"/>
      <c r="I537" s="85"/>
      <c r="J537" s="85"/>
      <c r="K537" s="85" t="s">
        <v>17</v>
      </c>
      <c r="L537" s="75" t="s">
        <v>71</v>
      </c>
      <c r="M537" s="85">
        <v>10</v>
      </c>
      <c r="N537" s="85"/>
      <c r="O537" s="85"/>
      <c r="P537" s="85"/>
      <c r="Q537" s="86"/>
      <c r="R537" s="207"/>
      <c r="S537" s="207"/>
      <c r="V537" s="99"/>
      <c r="W537" s="99"/>
    </row>
    <row r="538" spans="1:23" s="8" customFormat="1" hidden="1">
      <c r="A538" s="88"/>
      <c r="B538" s="88"/>
      <c r="C538" s="87"/>
      <c r="D538" s="87"/>
      <c r="E538" s="87"/>
      <c r="F538" s="87"/>
      <c r="G538" s="87"/>
      <c r="H538" s="87">
        <v>1</v>
      </c>
      <c r="I538" s="87">
        <v>374</v>
      </c>
      <c r="J538" s="87" t="s">
        <v>82</v>
      </c>
      <c r="K538" s="87" t="s">
        <v>66</v>
      </c>
      <c r="L538" s="11" t="s">
        <v>65</v>
      </c>
      <c r="M538" s="87">
        <v>1</v>
      </c>
      <c r="N538" s="87" t="s">
        <v>514</v>
      </c>
      <c r="O538" s="87">
        <v>3</v>
      </c>
      <c r="P538" s="87">
        <v>3</v>
      </c>
      <c r="Q538" s="89" t="s">
        <v>857</v>
      </c>
      <c r="R538" s="207"/>
      <c r="S538" s="207"/>
      <c r="V538" s="99"/>
      <c r="W538" s="99"/>
    </row>
    <row r="539" spans="1:23" s="8" customFormat="1" hidden="1">
      <c r="A539" s="88"/>
      <c r="B539" s="88"/>
      <c r="C539" s="87"/>
      <c r="D539" s="87"/>
      <c r="E539" s="87"/>
      <c r="F539" s="87"/>
      <c r="G539" s="87"/>
      <c r="H539" s="87">
        <v>2</v>
      </c>
      <c r="I539" s="87">
        <v>373</v>
      </c>
      <c r="J539" s="87" t="s">
        <v>1</v>
      </c>
      <c r="K539" s="87" t="s">
        <v>78</v>
      </c>
      <c r="L539" s="11" t="s">
        <v>71</v>
      </c>
      <c r="M539" s="87">
        <v>1</v>
      </c>
      <c r="N539" s="87" t="s">
        <v>519</v>
      </c>
      <c r="O539" s="87">
        <v>8</v>
      </c>
      <c r="P539" s="87">
        <v>8</v>
      </c>
      <c r="Q539" s="89"/>
      <c r="R539" s="207"/>
      <c r="S539" s="207"/>
      <c r="V539" s="99"/>
      <c r="W539" s="99"/>
    </row>
    <row r="540" spans="1:23" s="8" customFormat="1" hidden="1">
      <c r="A540" s="88"/>
      <c r="B540" s="88"/>
      <c r="C540" s="87"/>
      <c r="D540" s="87"/>
      <c r="E540" s="87"/>
      <c r="F540" s="87"/>
      <c r="G540" s="87"/>
      <c r="H540" s="87">
        <v>3</v>
      </c>
      <c r="I540" s="87">
        <v>337</v>
      </c>
      <c r="J540" s="87" t="s">
        <v>79</v>
      </c>
      <c r="K540" s="87" t="s">
        <v>78</v>
      </c>
      <c r="L540" s="11" t="s">
        <v>71</v>
      </c>
      <c r="M540" s="87">
        <v>1</v>
      </c>
      <c r="N540" s="87" t="s">
        <v>518</v>
      </c>
      <c r="O540" s="87">
        <v>4</v>
      </c>
      <c r="P540" s="87">
        <v>8</v>
      </c>
      <c r="Q540" s="89"/>
      <c r="R540" s="207"/>
      <c r="S540" s="207"/>
      <c r="V540" s="99"/>
      <c r="W540" s="99"/>
    </row>
    <row r="541" spans="1:23" s="8" customFormat="1" ht="70" hidden="1">
      <c r="A541" s="88"/>
      <c r="B541" s="88"/>
      <c r="C541" s="87"/>
      <c r="D541" s="87"/>
      <c r="E541" s="87"/>
      <c r="F541" s="87"/>
      <c r="G541" s="87"/>
      <c r="H541" s="87">
        <v>4</v>
      </c>
      <c r="I541" s="87">
        <v>623</v>
      </c>
      <c r="J541" s="87" t="s">
        <v>76</v>
      </c>
      <c r="K541" s="87" t="s">
        <v>17</v>
      </c>
      <c r="L541" s="11" t="s">
        <v>71</v>
      </c>
      <c r="M541" s="87">
        <v>1</v>
      </c>
      <c r="N541" s="87" t="s">
        <v>514</v>
      </c>
      <c r="O541" s="87">
        <v>2</v>
      </c>
      <c r="P541" s="87">
        <v>2</v>
      </c>
      <c r="Q541" s="270" t="s">
        <v>624</v>
      </c>
      <c r="R541" s="207"/>
      <c r="S541" s="207"/>
      <c r="V541" s="99"/>
      <c r="W541" s="99"/>
    </row>
    <row r="542" spans="1:23" s="8" customFormat="1" hidden="1">
      <c r="A542" s="84"/>
      <c r="B542" s="84"/>
      <c r="C542" s="85" t="s">
        <v>84</v>
      </c>
      <c r="D542" s="85" t="s">
        <v>428</v>
      </c>
      <c r="E542" s="85"/>
      <c r="F542" s="85"/>
      <c r="G542" s="85"/>
      <c r="H542" s="85"/>
      <c r="I542" s="85"/>
      <c r="J542" s="85"/>
      <c r="K542" s="85" t="s">
        <v>17</v>
      </c>
      <c r="L542" s="75" t="s">
        <v>71</v>
      </c>
      <c r="M542" s="85">
        <v>10</v>
      </c>
      <c r="N542" s="85"/>
      <c r="O542" s="85"/>
      <c r="P542" s="85"/>
      <c r="Q542" s="86"/>
      <c r="R542" s="207"/>
      <c r="S542" s="207"/>
      <c r="V542" s="99"/>
      <c r="W542" s="99"/>
    </row>
    <row r="543" spans="1:23" s="8" customFormat="1" hidden="1">
      <c r="A543" s="88"/>
      <c r="B543" s="88"/>
      <c r="C543" s="87"/>
      <c r="D543" s="87"/>
      <c r="E543" s="87"/>
      <c r="F543" s="87"/>
      <c r="G543" s="87"/>
      <c r="H543" s="87">
        <v>1</v>
      </c>
      <c r="I543" s="87">
        <v>374</v>
      </c>
      <c r="J543" s="87" t="s">
        <v>82</v>
      </c>
      <c r="K543" s="87" t="s">
        <v>66</v>
      </c>
      <c r="L543" s="11" t="s">
        <v>65</v>
      </c>
      <c r="M543" s="87">
        <v>1</v>
      </c>
      <c r="N543" s="87" t="s">
        <v>514</v>
      </c>
      <c r="O543" s="87">
        <v>3</v>
      </c>
      <c r="P543" s="87">
        <v>3</v>
      </c>
      <c r="Q543" s="89" t="s">
        <v>858</v>
      </c>
      <c r="R543" s="207"/>
      <c r="S543" s="207"/>
      <c r="V543" s="99"/>
      <c r="W543" s="99"/>
    </row>
    <row r="544" spans="1:23" s="8" customFormat="1" hidden="1">
      <c r="A544" s="88"/>
      <c r="B544" s="88"/>
      <c r="C544" s="87"/>
      <c r="D544" s="87"/>
      <c r="E544" s="87"/>
      <c r="F544" s="87"/>
      <c r="G544" s="87"/>
      <c r="H544" s="87">
        <v>2</v>
      </c>
      <c r="I544" s="87">
        <v>373</v>
      </c>
      <c r="J544" s="87" t="s">
        <v>1</v>
      </c>
      <c r="K544" s="87" t="s">
        <v>78</v>
      </c>
      <c r="L544" s="11" t="s">
        <v>71</v>
      </c>
      <c r="M544" s="87">
        <v>1</v>
      </c>
      <c r="N544" s="87" t="s">
        <v>519</v>
      </c>
      <c r="O544" s="87">
        <v>8</v>
      </c>
      <c r="P544" s="87">
        <v>8</v>
      </c>
      <c r="Q544" s="89"/>
      <c r="R544" s="207"/>
      <c r="S544" s="207"/>
      <c r="V544" s="99"/>
      <c r="W544" s="99"/>
    </row>
    <row r="545" spans="1:23" s="8" customFormat="1" hidden="1">
      <c r="A545" s="88"/>
      <c r="B545" s="88"/>
      <c r="C545" s="87"/>
      <c r="D545" s="87"/>
      <c r="E545" s="87"/>
      <c r="F545" s="87"/>
      <c r="G545" s="87"/>
      <c r="H545" s="87">
        <v>3</v>
      </c>
      <c r="I545" s="87">
        <v>337</v>
      </c>
      <c r="J545" s="87" t="s">
        <v>79</v>
      </c>
      <c r="K545" s="87" t="s">
        <v>78</v>
      </c>
      <c r="L545" s="11" t="s">
        <v>71</v>
      </c>
      <c r="M545" s="87">
        <v>1</v>
      </c>
      <c r="N545" s="87" t="s">
        <v>518</v>
      </c>
      <c r="O545" s="87">
        <v>4</v>
      </c>
      <c r="P545" s="87">
        <v>8</v>
      </c>
      <c r="Q545" s="89"/>
      <c r="R545" s="207"/>
      <c r="S545" s="207"/>
      <c r="V545" s="99"/>
      <c r="W545" s="99"/>
    </row>
    <row r="546" spans="1:23" s="8" customFormat="1" ht="70" hidden="1">
      <c r="A546" s="88"/>
      <c r="B546" s="88"/>
      <c r="C546" s="87"/>
      <c r="D546" s="87"/>
      <c r="E546" s="87"/>
      <c r="F546" s="87"/>
      <c r="G546" s="87"/>
      <c r="H546" s="87">
        <v>4</v>
      </c>
      <c r="I546" s="87">
        <v>623</v>
      </c>
      <c r="J546" s="87" t="s">
        <v>76</v>
      </c>
      <c r="K546" s="87" t="s">
        <v>17</v>
      </c>
      <c r="L546" s="11" t="s">
        <v>71</v>
      </c>
      <c r="M546" s="87">
        <v>1</v>
      </c>
      <c r="N546" s="87" t="s">
        <v>514</v>
      </c>
      <c r="O546" s="87">
        <v>2</v>
      </c>
      <c r="P546" s="87">
        <v>2</v>
      </c>
      <c r="Q546" s="270" t="s">
        <v>624</v>
      </c>
      <c r="R546" s="207"/>
      <c r="S546" s="207"/>
      <c r="V546" s="99"/>
      <c r="W546" s="99"/>
    </row>
    <row r="547" spans="1:23" s="8" customFormat="1" ht="59.5">
      <c r="A547" s="84" t="s">
        <v>278</v>
      </c>
      <c r="B547" s="84" t="s">
        <v>524</v>
      </c>
      <c r="C547" s="85"/>
      <c r="D547" s="85"/>
      <c r="E547" s="85"/>
      <c r="F547" s="85"/>
      <c r="G547" s="85"/>
      <c r="H547" s="85"/>
      <c r="I547" s="85"/>
      <c r="J547" s="85"/>
      <c r="K547" s="85" t="s">
        <v>17</v>
      </c>
      <c r="L547" s="75" t="s">
        <v>71</v>
      </c>
      <c r="M547" s="85">
        <v>25</v>
      </c>
      <c r="N547" s="85"/>
      <c r="O547" s="85"/>
      <c r="P547" s="85"/>
      <c r="Q547" s="86"/>
      <c r="R547" s="207" t="s">
        <v>1188</v>
      </c>
      <c r="S547" s="203" t="s">
        <v>2346</v>
      </c>
      <c r="V547" s="99"/>
      <c r="W547" s="99"/>
    </row>
    <row r="548" spans="1:23" s="8" customFormat="1" hidden="1">
      <c r="A548" s="84"/>
      <c r="B548" s="84"/>
      <c r="C548" s="85" t="s">
        <v>278</v>
      </c>
      <c r="D548" s="85" t="s">
        <v>524</v>
      </c>
      <c r="E548" s="85"/>
      <c r="F548" s="85"/>
      <c r="G548" s="85"/>
      <c r="H548" s="85"/>
      <c r="I548" s="85"/>
      <c r="J548" s="85"/>
      <c r="K548" s="85" t="s">
        <v>66</v>
      </c>
      <c r="L548" s="75" t="s">
        <v>65</v>
      </c>
      <c r="M548" s="85">
        <v>1</v>
      </c>
      <c r="N548" s="85"/>
      <c r="O548" s="85"/>
      <c r="P548" s="85"/>
      <c r="Q548" s="86"/>
      <c r="R548" s="207"/>
      <c r="S548" s="207"/>
      <c r="V548" s="99"/>
      <c r="W548" s="99"/>
    </row>
    <row r="549" spans="1:23" s="8" customFormat="1" ht="70" hidden="1" outlineLevel="2">
      <c r="A549" s="88"/>
      <c r="B549" s="88"/>
      <c r="C549" s="87"/>
      <c r="D549" s="87"/>
      <c r="E549" s="87"/>
      <c r="F549" s="87"/>
      <c r="G549" s="87"/>
      <c r="H549" s="87">
        <v>1</v>
      </c>
      <c r="I549" s="87">
        <v>248</v>
      </c>
      <c r="J549" s="87" t="s">
        <v>276</v>
      </c>
      <c r="K549" s="87" t="s">
        <v>66</v>
      </c>
      <c r="L549" s="11" t="s">
        <v>65</v>
      </c>
      <c r="M549" s="87">
        <v>1</v>
      </c>
      <c r="N549" s="87" t="s">
        <v>514</v>
      </c>
      <c r="O549" s="87">
        <v>1</v>
      </c>
      <c r="P549" s="87">
        <v>1</v>
      </c>
      <c r="Q549" s="270" t="s">
        <v>624</v>
      </c>
      <c r="R549" s="207"/>
      <c r="S549" s="207"/>
      <c r="V549" s="99"/>
      <c r="W549" s="99"/>
    </row>
    <row r="550" spans="1:23" s="8" customFormat="1" ht="70" hidden="1" outlineLevel="2">
      <c r="A550" s="88"/>
      <c r="B550" s="88"/>
      <c r="C550" s="87"/>
      <c r="D550" s="87"/>
      <c r="E550" s="87"/>
      <c r="F550" s="87"/>
      <c r="G550" s="87"/>
      <c r="H550" s="87">
        <v>2</v>
      </c>
      <c r="I550" s="87">
        <v>1300</v>
      </c>
      <c r="J550" s="87" t="s">
        <v>274</v>
      </c>
      <c r="K550" s="87" t="s">
        <v>78</v>
      </c>
      <c r="L550" s="11" t="s">
        <v>71</v>
      </c>
      <c r="M550" s="87">
        <v>1</v>
      </c>
      <c r="N550" s="87" t="s">
        <v>514</v>
      </c>
      <c r="O550" s="87">
        <v>4</v>
      </c>
      <c r="P550" s="87">
        <v>4</v>
      </c>
      <c r="Q550" s="270" t="s">
        <v>624</v>
      </c>
      <c r="R550" s="207"/>
      <c r="S550" s="207"/>
      <c r="V550" s="99"/>
      <c r="W550" s="99"/>
    </row>
    <row r="551" spans="1:23" s="8" customFormat="1" hidden="1" outlineLevel="2">
      <c r="A551" s="88"/>
      <c r="B551" s="88"/>
      <c r="C551" s="87"/>
      <c r="D551" s="87"/>
      <c r="E551" s="19"/>
      <c r="F551" s="19"/>
      <c r="G551" s="19"/>
      <c r="H551" s="19">
        <v>3</v>
      </c>
      <c r="I551" s="19">
        <v>559</v>
      </c>
      <c r="J551" s="19" t="s">
        <v>197</v>
      </c>
      <c r="K551" s="19" t="s">
        <v>78</v>
      </c>
      <c r="L551" s="25" t="s">
        <v>96</v>
      </c>
      <c r="M551" s="25">
        <v>1</v>
      </c>
      <c r="N551" s="25" t="s">
        <v>514</v>
      </c>
      <c r="O551" s="25">
        <v>2</v>
      </c>
      <c r="P551" s="25">
        <v>2</v>
      </c>
      <c r="Q551" s="25"/>
      <c r="R551" s="207"/>
      <c r="S551" s="207"/>
      <c r="V551" s="99"/>
      <c r="W551" s="99"/>
    </row>
    <row r="552" spans="1:23" s="8" customFormat="1" hidden="1" outlineLevel="2">
      <c r="A552" s="88"/>
      <c r="B552" s="88"/>
      <c r="C552" s="87"/>
      <c r="D552" s="87"/>
      <c r="E552" s="19"/>
      <c r="F552" s="19"/>
      <c r="G552" s="19"/>
      <c r="H552" s="19">
        <v>4</v>
      </c>
      <c r="I552" s="19">
        <v>1301</v>
      </c>
      <c r="J552" s="19" t="s">
        <v>271</v>
      </c>
      <c r="K552" s="19" t="s">
        <v>78</v>
      </c>
      <c r="L552" s="25" t="s">
        <v>96</v>
      </c>
      <c r="M552" s="19">
        <v>1</v>
      </c>
      <c r="N552" s="19" t="s">
        <v>509</v>
      </c>
      <c r="O552" s="19">
        <v>1</v>
      </c>
      <c r="P552" s="19">
        <v>10</v>
      </c>
      <c r="Q552" s="25"/>
      <c r="R552" s="207"/>
      <c r="S552" s="207"/>
      <c r="V552" s="99"/>
      <c r="W552" s="99"/>
    </row>
    <row r="553" spans="1:23" s="8" customFormat="1" hidden="1" outlineLevel="2">
      <c r="A553" s="88"/>
      <c r="B553" s="88"/>
      <c r="C553" s="87"/>
      <c r="D553" s="87"/>
      <c r="E553" s="87"/>
      <c r="F553" s="87"/>
      <c r="G553" s="87"/>
      <c r="H553" s="87">
        <v>5</v>
      </c>
      <c r="I553" s="87">
        <v>610</v>
      </c>
      <c r="J553" s="87" t="s">
        <v>269</v>
      </c>
      <c r="K553" s="87" t="s">
        <v>17</v>
      </c>
      <c r="L553" s="11" t="s">
        <v>71</v>
      </c>
      <c r="M553" s="87">
        <v>1</v>
      </c>
      <c r="N553" s="87" t="s">
        <v>150</v>
      </c>
      <c r="O553" s="87">
        <v>1</v>
      </c>
      <c r="P553" s="87">
        <v>15</v>
      </c>
      <c r="Q553" s="89"/>
      <c r="R553" s="207"/>
      <c r="S553" s="207"/>
      <c r="V553" s="99"/>
      <c r="W553" s="99"/>
    </row>
    <row r="554" spans="1:23" s="8" customFormat="1" hidden="1" outlineLevel="2">
      <c r="A554" s="88"/>
      <c r="B554" s="88"/>
      <c r="C554" s="87"/>
      <c r="D554" s="87"/>
      <c r="E554" s="87"/>
      <c r="F554" s="87"/>
      <c r="G554" s="87"/>
      <c r="H554" s="87">
        <v>6</v>
      </c>
      <c r="I554" s="87">
        <v>378</v>
      </c>
      <c r="J554" s="87" t="s">
        <v>267</v>
      </c>
      <c r="K554" s="87" t="s">
        <v>78</v>
      </c>
      <c r="L554" s="11" t="s">
        <v>71</v>
      </c>
      <c r="M554" s="87">
        <v>1</v>
      </c>
      <c r="N554" s="87" t="s">
        <v>514</v>
      </c>
      <c r="O554" s="87">
        <v>1</v>
      </c>
      <c r="P554" s="87">
        <v>1</v>
      </c>
      <c r="Q554" s="89" t="s">
        <v>658</v>
      </c>
      <c r="R554" s="207"/>
      <c r="S554" s="207"/>
      <c r="V554" s="99"/>
      <c r="W554" s="99"/>
    </row>
    <row r="555" spans="1:23" s="8" customFormat="1" hidden="1" outlineLevel="2">
      <c r="A555" s="88"/>
      <c r="B555" s="88"/>
      <c r="C555" s="87"/>
      <c r="D555" s="87"/>
      <c r="E555" s="87"/>
      <c r="F555" s="87"/>
      <c r="G555" s="87"/>
      <c r="H555" s="87">
        <v>7</v>
      </c>
      <c r="I555" s="87">
        <v>332</v>
      </c>
      <c r="J555" s="87" t="s">
        <v>232</v>
      </c>
      <c r="K555" s="87" t="s">
        <v>78</v>
      </c>
      <c r="L555" s="11" t="s">
        <v>71</v>
      </c>
      <c r="M555" s="87">
        <v>1</v>
      </c>
      <c r="N555" s="87" t="s">
        <v>438</v>
      </c>
      <c r="O555" s="87">
        <v>1</v>
      </c>
      <c r="P555" s="87">
        <v>6</v>
      </c>
      <c r="Q555" s="89"/>
      <c r="R555" s="207"/>
      <c r="S555" s="207"/>
      <c r="V555" s="99"/>
      <c r="W555" s="99"/>
    </row>
    <row r="556" spans="1:23" s="8" customFormat="1" hidden="1" outlineLevel="2">
      <c r="A556" s="88"/>
      <c r="B556" s="88"/>
      <c r="C556" s="87"/>
      <c r="D556" s="87"/>
      <c r="E556" s="19"/>
      <c r="F556" s="19"/>
      <c r="G556" s="19"/>
      <c r="H556" s="19">
        <v>8</v>
      </c>
      <c r="I556" s="19">
        <v>118</v>
      </c>
      <c r="J556" s="19" t="s">
        <v>264</v>
      </c>
      <c r="K556" s="19" t="s">
        <v>17</v>
      </c>
      <c r="L556" s="25" t="s">
        <v>96</v>
      </c>
      <c r="M556" s="19">
        <v>1</v>
      </c>
      <c r="N556" s="19" t="s">
        <v>438</v>
      </c>
      <c r="O556" s="19">
        <v>1</v>
      </c>
      <c r="P556" s="19">
        <v>9</v>
      </c>
      <c r="Q556" s="25"/>
      <c r="R556" s="207"/>
      <c r="S556" s="207"/>
      <c r="V556" s="99"/>
      <c r="W556" s="99"/>
    </row>
    <row r="557" spans="1:23" s="8" customFormat="1" hidden="1" outlineLevel="2">
      <c r="A557" s="88"/>
      <c r="B557" s="88"/>
      <c r="C557" s="87"/>
      <c r="D557" s="87"/>
      <c r="E557" s="19"/>
      <c r="F557" s="19"/>
      <c r="G557" s="19"/>
      <c r="H557" s="19">
        <v>9</v>
      </c>
      <c r="I557" s="19">
        <v>355</v>
      </c>
      <c r="J557" s="19" t="s">
        <v>103</v>
      </c>
      <c r="K557" s="19" t="s">
        <v>78</v>
      </c>
      <c r="L557" s="25" t="s">
        <v>96</v>
      </c>
      <c r="M557" s="19">
        <v>1</v>
      </c>
      <c r="N557" s="19" t="s">
        <v>514</v>
      </c>
      <c r="O557" s="19">
        <v>2</v>
      </c>
      <c r="P557" s="19">
        <v>2</v>
      </c>
      <c r="Q557" s="25"/>
      <c r="R557" s="207"/>
      <c r="S557" s="207"/>
      <c r="V557" s="99"/>
      <c r="W557" s="99"/>
    </row>
    <row r="558" spans="1:23" s="8" customFormat="1" hidden="1" outlineLevel="2">
      <c r="A558" s="88"/>
      <c r="B558" s="88"/>
      <c r="C558" s="87"/>
      <c r="D558" s="87"/>
      <c r="E558" s="19"/>
      <c r="F558" s="19"/>
      <c r="G558" s="19"/>
      <c r="H558" s="19">
        <v>10</v>
      </c>
      <c r="I558" s="19">
        <v>380</v>
      </c>
      <c r="J558" s="19" t="s">
        <v>105</v>
      </c>
      <c r="K558" s="19" t="s">
        <v>78</v>
      </c>
      <c r="L558" s="25" t="s">
        <v>96</v>
      </c>
      <c r="M558" s="19">
        <v>1</v>
      </c>
      <c r="N558" s="19" t="s">
        <v>438</v>
      </c>
      <c r="O558" s="19">
        <v>1</v>
      </c>
      <c r="P558" s="19">
        <v>15</v>
      </c>
      <c r="Q558" s="25"/>
      <c r="R558" s="207"/>
      <c r="S558" s="207"/>
      <c r="V558" s="99"/>
      <c r="W558" s="99"/>
    </row>
    <row r="559" spans="1:23" s="8" customFormat="1" hidden="1" outlineLevel="2">
      <c r="A559" s="88"/>
      <c r="B559" s="88"/>
      <c r="C559" s="87"/>
      <c r="D559" s="87"/>
      <c r="E559" s="19"/>
      <c r="F559" s="19"/>
      <c r="G559" s="19"/>
      <c r="H559" s="19">
        <v>11</v>
      </c>
      <c r="I559" s="19">
        <v>380</v>
      </c>
      <c r="J559" s="19" t="s">
        <v>105</v>
      </c>
      <c r="K559" s="19" t="s">
        <v>17</v>
      </c>
      <c r="L559" s="25" t="s">
        <v>96</v>
      </c>
      <c r="M559" s="19">
        <v>1</v>
      </c>
      <c r="N559" s="19" t="s">
        <v>438</v>
      </c>
      <c r="O559" s="19">
        <v>1</v>
      </c>
      <c r="P559" s="19">
        <v>15</v>
      </c>
      <c r="Q559" s="25"/>
      <c r="R559" s="207"/>
      <c r="S559" s="207"/>
      <c r="V559" s="99"/>
      <c r="W559" s="99"/>
    </row>
    <row r="560" spans="1:23" s="8" customFormat="1" ht="126" hidden="1" outlineLevel="2">
      <c r="A560" s="88"/>
      <c r="B560" s="88"/>
      <c r="C560" s="87"/>
      <c r="D560" s="87"/>
      <c r="E560" s="89"/>
      <c r="F560" s="89"/>
      <c r="G560" s="89"/>
      <c r="H560" s="89">
        <v>12</v>
      </c>
      <c r="I560" s="89">
        <v>331</v>
      </c>
      <c r="J560" s="89" t="s">
        <v>259</v>
      </c>
      <c r="K560" s="87" t="s">
        <v>17</v>
      </c>
      <c r="L560" s="11" t="s">
        <v>71</v>
      </c>
      <c r="M560" s="11">
        <v>1</v>
      </c>
      <c r="N560" s="11" t="s">
        <v>514</v>
      </c>
      <c r="O560" s="11">
        <v>2</v>
      </c>
      <c r="P560" s="11">
        <v>2</v>
      </c>
      <c r="Q560" s="270" t="s">
        <v>624</v>
      </c>
      <c r="R560" s="207"/>
      <c r="S560" s="207"/>
      <c r="V560" s="99"/>
      <c r="W560" s="99"/>
    </row>
    <row r="561" spans="1:23" s="8" customFormat="1" ht="56" hidden="1" outlineLevel="2">
      <c r="A561" s="88"/>
      <c r="B561" s="88"/>
      <c r="C561" s="87"/>
      <c r="D561" s="87"/>
      <c r="E561" s="89"/>
      <c r="F561" s="89"/>
      <c r="G561" s="89"/>
      <c r="H561" s="89">
        <v>13</v>
      </c>
      <c r="I561" s="89">
        <v>127</v>
      </c>
      <c r="J561" s="89" t="s">
        <v>126</v>
      </c>
      <c r="K561" s="87" t="s">
        <v>78</v>
      </c>
      <c r="L561" s="11" t="s">
        <v>71</v>
      </c>
      <c r="M561" s="87">
        <v>1</v>
      </c>
      <c r="N561" s="87" t="s">
        <v>509</v>
      </c>
      <c r="O561" s="87">
        <v>1</v>
      </c>
      <c r="P561" s="87">
        <v>30</v>
      </c>
      <c r="Q561" s="89"/>
      <c r="R561" s="207"/>
      <c r="S561" s="207"/>
      <c r="V561" s="99"/>
      <c r="W561" s="99"/>
    </row>
    <row r="562" spans="1:23" s="8" customFormat="1" ht="42" hidden="1" outlineLevel="2">
      <c r="A562" s="88"/>
      <c r="B562" s="88"/>
      <c r="C562" s="87"/>
      <c r="D562" s="87"/>
      <c r="E562" s="89"/>
      <c r="F562" s="89"/>
      <c r="G562" s="89"/>
      <c r="H562" s="89">
        <v>14</v>
      </c>
      <c r="I562" s="89">
        <v>770</v>
      </c>
      <c r="J562" s="89" t="s">
        <v>256</v>
      </c>
      <c r="K562" s="87" t="s">
        <v>17</v>
      </c>
      <c r="L562" s="11" t="s">
        <v>71</v>
      </c>
      <c r="M562" s="87">
        <v>1</v>
      </c>
      <c r="N562" s="87" t="s">
        <v>509</v>
      </c>
      <c r="O562" s="87">
        <v>1</v>
      </c>
      <c r="P562" s="87">
        <v>20</v>
      </c>
      <c r="Q562" s="89"/>
      <c r="R562" s="207"/>
      <c r="S562" s="207"/>
      <c r="V562" s="99"/>
      <c r="W562" s="99"/>
    </row>
    <row r="563" spans="1:23" s="8" customFormat="1" hidden="1" outlineLevel="2">
      <c r="A563" s="88"/>
      <c r="B563" s="88"/>
      <c r="C563" s="87"/>
      <c r="D563" s="87"/>
      <c r="E563" s="87"/>
      <c r="F563" s="87"/>
      <c r="G563" s="87"/>
      <c r="H563" s="87">
        <v>15</v>
      </c>
      <c r="I563" s="87">
        <v>352</v>
      </c>
      <c r="J563" s="87" t="s">
        <v>3</v>
      </c>
      <c r="K563" s="87" t="s">
        <v>78</v>
      </c>
      <c r="L563" s="11" t="s">
        <v>71</v>
      </c>
      <c r="M563" s="87">
        <v>1</v>
      </c>
      <c r="N563" s="87" t="s">
        <v>509</v>
      </c>
      <c r="O563" s="87">
        <v>1</v>
      </c>
      <c r="P563" s="87">
        <v>80</v>
      </c>
      <c r="Q563" s="89"/>
      <c r="R563" s="207"/>
      <c r="S563" s="207"/>
      <c r="V563" s="99"/>
      <c r="W563" s="99"/>
    </row>
    <row r="564" spans="1:23" s="8" customFormat="1" hidden="1" outlineLevel="2">
      <c r="A564" s="88"/>
      <c r="B564" s="88"/>
      <c r="C564" s="87"/>
      <c r="D564" s="87"/>
      <c r="E564" s="87"/>
      <c r="F564" s="87"/>
      <c r="G564" s="87"/>
      <c r="H564" s="87">
        <v>16</v>
      </c>
      <c r="I564" s="87">
        <v>819</v>
      </c>
      <c r="J564" s="87" t="s">
        <v>253</v>
      </c>
      <c r="K564" s="87" t="s">
        <v>17</v>
      </c>
      <c r="L564" s="11" t="s">
        <v>71</v>
      </c>
      <c r="M564" s="87">
        <v>1</v>
      </c>
      <c r="N564" s="87" t="s">
        <v>514</v>
      </c>
      <c r="O564" s="87">
        <v>2</v>
      </c>
      <c r="P564" s="87">
        <v>3</v>
      </c>
      <c r="Q564" s="89"/>
      <c r="R564" s="207"/>
      <c r="S564" s="207"/>
      <c r="V564" s="99"/>
      <c r="W564" s="99"/>
    </row>
    <row r="565" spans="1:23" s="8" customFormat="1" ht="122.5" collapsed="1">
      <c r="A565" s="84"/>
      <c r="B565" s="84"/>
      <c r="C565" s="85" t="s">
        <v>237</v>
      </c>
      <c r="D565" s="85" t="s">
        <v>517</v>
      </c>
      <c r="E565" s="85"/>
      <c r="F565" s="85"/>
      <c r="G565" s="85"/>
      <c r="H565" s="85"/>
      <c r="I565" s="85"/>
      <c r="J565" s="85"/>
      <c r="K565" s="85" t="s">
        <v>17</v>
      </c>
      <c r="L565" s="75" t="s">
        <v>71</v>
      </c>
      <c r="M565" s="85">
        <v>10</v>
      </c>
      <c r="N565" s="85"/>
      <c r="O565" s="85"/>
      <c r="P565" s="85"/>
      <c r="Q565" s="86"/>
      <c r="R565" s="207" t="s">
        <v>1189</v>
      </c>
      <c r="S565" s="203" t="s">
        <v>2345</v>
      </c>
      <c r="U565" s="207" t="s">
        <v>2397</v>
      </c>
      <c r="V565" s="371" t="s">
        <v>2827</v>
      </c>
      <c r="W565" s="203"/>
    </row>
    <row r="566" spans="1:23" s="8" customFormat="1" ht="70" hidden="1" outlineLevel="1">
      <c r="A566" s="88"/>
      <c r="B566" s="88"/>
      <c r="C566" s="87"/>
      <c r="D566" s="87"/>
      <c r="E566" s="87"/>
      <c r="F566" s="87"/>
      <c r="G566" s="87"/>
      <c r="H566" s="87">
        <v>1</v>
      </c>
      <c r="I566" s="87">
        <v>963</v>
      </c>
      <c r="J566" s="87" t="s">
        <v>235</v>
      </c>
      <c r="K566" s="87" t="s">
        <v>66</v>
      </c>
      <c r="L566" s="11" t="s">
        <v>65</v>
      </c>
      <c r="M566" s="87">
        <v>1</v>
      </c>
      <c r="N566" s="87" t="s">
        <v>514</v>
      </c>
      <c r="O566" s="87">
        <v>2</v>
      </c>
      <c r="P566" s="87">
        <v>2</v>
      </c>
      <c r="Q566" s="270" t="s">
        <v>624</v>
      </c>
      <c r="R566" s="207"/>
      <c r="S566" s="207"/>
      <c r="V566" s="99"/>
      <c r="W566" s="99"/>
    </row>
    <row r="567" spans="1:23" s="8" customFormat="1" hidden="1" outlineLevel="1">
      <c r="A567" s="88"/>
      <c r="B567" s="88"/>
      <c r="C567" s="87"/>
      <c r="D567" s="87"/>
      <c r="E567" s="87"/>
      <c r="F567" s="87"/>
      <c r="G567" s="87"/>
      <c r="H567" s="87">
        <v>2</v>
      </c>
      <c r="I567" s="87">
        <v>782</v>
      </c>
      <c r="J567" s="87" t="s">
        <v>67</v>
      </c>
      <c r="K567" s="87" t="s">
        <v>78</v>
      </c>
      <c r="L567" s="11" t="s">
        <v>71</v>
      </c>
      <c r="M567" s="87">
        <v>1</v>
      </c>
      <c r="N567" s="87" t="s">
        <v>438</v>
      </c>
      <c r="O567" s="87">
        <v>1</v>
      </c>
      <c r="P567" s="87">
        <v>18</v>
      </c>
      <c r="Q567" s="89"/>
      <c r="R567" s="207"/>
      <c r="S567" s="207"/>
      <c r="V567" s="99"/>
      <c r="W567" s="99"/>
    </row>
    <row r="568" spans="1:23" s="8" customFormat="1" hidden="1" outlineLevel="1">
      <c r="A568" s="88"/>
      <c r="B568" s="88"/>
      <c r="C568" s="87"/>
      <c r="D568" s="87"/>
      <c r="E568" s="19"/>
      <c r="F568" s="19"/>
      <c r="G568" s="19"/>
      <c r="H568" s="19">
        <v>3</v>
      </c>
      <c r="I568" s="19">
        <v>954</v>
      </c>
      <c r="J568" s="19" t="s">
        <v>232</v>
      </c>
      <c r="K568" s="19" t="s">
        <v>78</v>
      </c>
      <c r="L568" s="25" t="s">
        <v>96</v>
      </c>
      <c r="M568" s="91">
        <v>1</v>
      </c>
      <c r="N568" s="91" t="s">
        <v>438</v>
      </c>
      <c r="O568" s="91">
        <v>1</v>
      </c>
      <c r="P568" s="91">
        <v>10</v>
      </c>
      <c r="Q568" s="25"/>
      <c r="R568" s="207"/>
      <c r="S568" s="207"/>
      <c r="V568" s="99"/>
      <c r="W568" s="99"/>
    </row>
    <row r="569" spans="1:23" s="8" customFormat="1" hidden="1" outlineLevel="1">
      <c r="A569" s="88"/>
      <c r="B569" s="88"/>
      <c r="C569" s="87"/>
      <c r="D569" s="87"/>
      <c r="E569" s="19"/>
      <c r="F569" s="19"/>
      <c r="G569" s="19"/>
      <c r="H569" s="19">
        <v>4</v>
      </c>
      <c r="I569" s="19">
        <v>955</v>
      </c>
      <c r="J569" s="19" t="s">
        <v>230</v>
      </c>
      <c r="K569" s="19" t="s">
        <v>78</v>
      </c>
      <c r="L569" s="25" t="s">
        <v>96</v>
      </c>
      <c r="M569" s="91">
        <v>1</v>
      </c>
      <c r="N569" s="91" t="s">
        <v>514</v>
      </c>
      <c r="O569" s="91">
        <v>2</v>
      </c>
      <c r="P569" s="91">
        <v>2</v>
      </c>
      <c r="Q569" s="25"/>
      <c r="R569" s="207"/>
      <c r="S569" s="207"/>
      <c r="V569" s="99"/>
      <c r="W569" s="99"/>
    </row>
    <row r="570" spans="1:23" s="8" customFormat="1" hidden="1" outlineLevel="1">
      <c r="A570" s="88"/>
      <c r="B570" s="88"/>
      <c r="C570" s="87"/>
      <c r="D570" s="87"/>
      <c r="E570" s="19"/>
      <c r="F570" s="19"/>
      <c r="G570" s="19"/>
      <c r="H570" s="19">
        <v>5</v>
      </c>
      <c r="I570" s="19">
        <v>956</v>
      </c>
      <c r="J570" s="19" t="s">
        <v>228</v>
      </c>
      <c r="K570" s="19" t="s">
        <v>78</v>
      </c>
      <c r="L570" s="25" t="s">
        <v>96</v>
      </c>
      <c r="M570" s="91">
        <v>1</v>
      </c>
      <c r="N570" s="91" t="s">
        <v>509</v>
      </c>
      <c r="O570" s="91">
        <v>1</v>
      </c>
      <c r="P570" s="91">
        <v>10</v>
      </c>
      <c r="Q570" s="25"/>
      <c r="R570" s="207"/>
      <c r="S570" s="207"/>
      <c r="V570" s="99"/>
      <c r="W570" s="99"/>
    </row>
    <row r="571" spans="1:23" s="8" customFormat="1" hidden="1" outlineLevel="1">
      <c r="A571" s="88"/>
      <c r="B571" s="88"/>
      <c r="C571" s="87"/>
      <c r="D571" s="87"/>
      <c r="E571" s="19"/>
      <c r="F571" s="19"/>
      <c r="G571" s="19"/>
      <c r="H571" s="19">
        <v>6</v>
      </c>
      <c r="I571" s="19">
        <v>441</v>
      </c>
      <c r="J571" s="19" t="s">
        <v>226</v>
      </c>
      <c r="K571" s="19" t="s">
        <v>78</v>
      </c>
      <c r="L571" s="25" t="s">
        <v>96</v>
      </c>
      <c r="M571" s="91">
        <v>1</v>
      </c>
      <c r="N571" s="91" t="s">
        <v>514</v>
      </c>
      <c r="O571" s="91">
        <v>1</v>
      </c>
      <c r="P571" s="91">
        <v>1</v>
      </c>
      <c r="Q571" s="25"/>
      <c r="R571" s="207"/>
      <c r="S571" s="207"/>
      <c r="V571" s="99"/>
      <c r="W571" s="99"/>
    </row>
    <row r="572" spans="1:23" s="8" customFormat="1" hidden="1" outlineLevel="1">
      <c r="A572" s="88"/>
      <c r="B572" s="88"/>
      <c r="C572" s="87"/>
      <c r="D572" s="87"/>
      <c r="E572" s="19"/>
      <c r="F572" s="19"/>
      <c r="G572" s="19"/>
      <c r="H572" s="19">
        <v>7</v>
      </c>
      <c r="I572" s="19">
        <v>662</v>
      </c>
      <c r="J572" s="19" t="s">
        <v>97</v>
      </c>
      <c r="K572" s="19" t="s">
        <v>17</v>
      </c>
      <c r="L572" s="25" t="s">
        <v>96</v>
      </c>
      <c r="M572" s="91">
        <v>1</v>
      </c>
      <c r="N572" s="91" t="s">
        <v>514</v>
      </c>
      <c r="O572" s="91">
        <v>1</v>
      </c>
      <c r="P572" s="91">
        <v>1</v>
      </c>
      <c r="Q572" s="25"/>
      <c r="R572" s="207"/>
      <c r="S572" s="207"/>
      <c r="V572" s="99"/>
      <c r="W572" s="99"/>
    </row>
    <row r="573" spans="1:23" s="8" customFormat="1" hidden="1" outlineLevel="1">
      <c r="A573" s="88"/>
      <c r="B573" s="88"/>
      <c r="C573" s="87"/>
      <c r="D573" s="87"/>
      <c r="E573" s="19"/>
      <c r="F573" s="19"/>
      <c r="G573" s="19"/>
      <c r="H573" s="19">
        <v>8</v>
      </c>
      <c r="I573" s="19">
        <v>828</v>
      </c>
      <c r="J573" s="19" t="s">
        <v>223</v>
      </c>
      <c r="K573" s="19" t="s">
        <v>17</v>
      </c>
      <c r="L573" s="25" t="s">
        <v>96</v>
      </c>
      <c r="M573" s="91">
        <v>1</v>
      </c>
      <c r="N573" s="91" t="s">
        <v>438</v>
      </c>
      <c r="O573" s="91">
        <v>1</v>
      </c>
      <c r="P573" s="91">
        <v>9</v>
      </c>
      <c r="Q573" s="25"/>
      <c r="R573" s="207"/>
      <c r="S573" s="207"/>
      <c r="V573" s="99"/>
      <c r="W573" s="99"/>
    </row>
    <row r="574" spans="1:23" s="8" customFormat="1" hidden="1" outlineLevel="1">
      <c r="A574" s="88"/>
      <c r="B574" s="88"/>
      <c r="C574" s="87"/>
      <c r="D574" s="87"/>
      <c r="E574" s="19"/>
      <c r="F574" s="19"/>
      <c r="G574" s="19"/>
      <c r="H574" s="19">
        <v>9</v>
      </c>
      <c r="I574" s="19">
        <v>325</v>
      </c>
      <c r="J574" s="19" t="s">
        <v>221</v>
      </c>
      <c r="K574" s="19" t="s">
        <v>17</v>
      </c>
      <c r="L574" s="25" t="s">
        <v>96</v>
      </c>
      <c r="M574" s="91">
        <v>1</v>
      </c>
      <c r="N574" s="91" t="s">
        <v>509</v>
      </c>
      <c r="O574" s="91">
        <v>1</v>
      </c>
      <c r="P574" s="91">
        <v>20</v>
      </c>
      <c r="Q574" s="25"/>
      <c r="R574" s="207"/>
      <c r="S574" s="207"/>
      <c r="V574" s="99"/>
      <c r="W574" s="99"/>
    </row>
    <row r="575" spans="1:23" s="8" customFormat="1" hidden="1" outlineLevel="1">
      <c r="A575" s="88"/>
      <c r="B575" s="88"/>
      <c r="C575" s="87"/>
      <c r="D575" s="87"/>
      <c r="E575" s="87"/>
      <c r="F575" s="87"/>
      <c r="G575" s="87"/>
      <c r="H575" s="87">
        <v>10</v>
      </c>
      <c r="I575" s="87">
        <v>350</v>
      </c>
      <c r="J575" s="87" t="s">
        <v>108</v>
      </c>
      <c r="K575" s="87" t="s">
        <v>17</v>
      </c>
      <c r="L575" s="11" t="s">
        <v>71</v>
      </c>
      <c r="M575" s="87">
        <v>1</v>
      </c>
      <c r="N575" s="87" t="s">
        <v>509</v>
      </c>
      <c r="O575" s="87">
        <v>1</v>
      </c>
      <c r="P575" s="87">
        <v>20</v>
      </c>
      <c r="Q575" s="89"/>
      <c r="R575" s="207"/>
      <c r="S575" s="207"/>
      <c r="V575" s="99"/>
      <c r="W575" s="99"/>
    </row>
    <row r="576" spans="1:23" s="8" customFormat="1" collapsed="1">
      <c r="A576" s="84"/>
      <c r="B576" s="84"/>
      <c r="C576" s="85" t="s">
        <v>237</v>
      </c>
      <c r="D576" s="85" t="s">
        <v>517</v>
      </c>
      <c r="E576" s="85"/>
      <c r="F576" s="85"/>
      <c r="G576" s="85"/>
      <c r="H576" s="85"/>
      <c r="I576" s="85"/>
      <c r="J576" s="85"/>
      <c r="K576" s="85" t="s">
        <v>17</v>
      </c>
      <c r="L576" s="75" t="s">
        <v>71</v>
      </c>
      <c r="M576" s="85">
        <v>10</v>
      </c>
      <c r="N576" s="85"/>
      <c r="O576" s="85"/>
      <c r="P576" s="85"/>
      <c r="Q576" s="86"/>
      <c r="R576" s="380" t="s">
        <v>1190</v>
      </c>
      <c r="S576" s="380" t="s">
        <v>2839</v>
      </c>
      <c r="T576" s="382" t="s">
        <v>2837</v>
      </c>
      <c r="U576" s="380" t="s">
        <v>2399</v>
      </c>
      <c r="V576" s="381" t="s">
        <v>2838</v>
      </c>
      <c r="W576" s="203" t="s">
        <v>2400</v>
      </c>
    </row>
    <row r="577" spans="1:23" s="8" customFormat="1" ht="70" hidden="1" outlineLevel="1">
      <c r="A577" s="88"/>
      <c r="B577" s="88"/>
      <c r="C577" s="87"/>
      <c r="D577" s="87"/>
      <c r="E577" s="87"/>
      <c r="F577" s="87"/>
      <c r="G577" s="87"/>
      <c r="H577" s="87">
        <v>1</v>
      </c>
      <c r="I577" s="87">
        <v>963</v>
      </c>
      <c r="J577" s="87" t="s">
        <v>235</v>
      </c>
      <c r="K577" s="87" t="s">
        <v>66</v>
      </c>
      <c r="L577" s="11" t="s">
        <v>65</v>
      </c>
      <c r="M577" s="87">
        <v>1</v>
      </c>
      <c r="N577" s="87" t="s">
        <v>514</v>
      </c>
      <c r="O577" s="87">
        <v>2</v>
      </c>
      <c r="P577" s="87">
        <v>2</v>
      </c>
      <c r="Q577" s="270" t="s">
        <v>624</v>
      </c>
      <c r="R577" s="207"/>
      <c r="S577" s="207"/>
      <c r="U577" s="207"/>
      <c r="V577" s="99"/>
      <c r="W577" s="99"/>
    </row>
    <row r="578" spans="1:23" s="8" customFormat="1" hidden="1" outlineLevel="1">
      <c r="A578" s="88"/>
      <c r="B578" s="88"/>
      <c r="C578" s="87"/>
      <c r="D578" s="87"/>
      <c r="E578" s="87"/>
      <c r="F578" s="87"/>
      <c r="G578" s="87"/>
      <c r="H578" s="87">
        <v>2</v>
      </c>
      <c r="I578" s="87">
        <v>782</v>
      </c>
      <c r="J578" s="87" t="s">
        <v>67</v>
      </c>
      <c r="K578" s="87" t="s">
        <v>78</v>
      </c>
      <c r="L578" s="11" t="s">
        <v>71</v>
      </c>
      <c r="M578" s="87">
        <v>1</v>
      </c>
      <c r="N578" s="87" t="s">
        <v>438</v>
      </c>
      <c r="O578" s="87">
        <v>1</v>
      </c>
      <c r="P578" s="87">
        <v>18</v>
      </c>
      <c r="Q578" s="89"/>
      <c r="R578" s="207"/>
      <c r="S578" s="207"/>
      <c r="U578" s="207"/>
      <c r="V578" s="99"/>
      <c r="W578" s="99"/>
    </row>
    <row r="579" spans="1:23" s="8" customFormat="1" hidden="1" outlineLevel="1">
      <c r="A579" s="88"/>
      <c r="B579" s="88"/>
      <c r="C579" s="87"/>
      <c r="D579" s="87"/>
      <c r="E579" s="87"/>
      <c r="F579" s="87"/>
      <c r="G579" s="87"/>
      <c r="H579" s="87">
        <v>3</v>
      </c>
      <c r="I579" s="87">
        <v>954</v>
      </c>
      <c r="J579" s="87" t="s">
        <v>232</v>
      </c>
      <c r="K579" s="87" t="s">
        <v>78</v>
      </c>
      <c r="L579" s="11" t="s">
        <v>71</v>
      </c>
      <c r="M579" s="11">
        <v>1</v>
      </c>
      <c r="N579" s="11" t="s">
        <v>438</v>
      </c>
      <c r="O579" s="11">
        <v>1</v>
      </c>
      <c r="P579" s="11">
        <v>10</v>
      </c>
      <c r="Q579" s="89"/>
      <c r="R579" s="207"/>
      <c r="S579" s="207"/>
      <c r="U579" s="207"/>
      <c r="V579" s="99"/>
      <c r="W579" s="99"/>
    </row>
    <row r="580" spans="1:23" s="8" customFormat="1" hidden="1" outlineLevel="1">
      <c r="A580" s="88"/>
      <c r="B580" s="88"/>
      <c r="C580" s="87"/>
      <c r="D580" s="87"/>
      <c r="E580" s="87"/>
      <c r="F580" s="87"/>
      <c r="G580" s="87"/>
      <c r="H580" s="87">
        <v>4</v>
      </c>
      <c r="I580" s="87">
        <v>955</v>
      </c>
      <c r="J580" s="87" t="s">
        <v>230</v>
      </c>
      <c r="K580" s="87" t="s">
        <v>78</v>
      </c>
      <c r="L580" s="11" t="s">
        <v>71</v>
      </c>
      <c r="M580" s="11">
        <v>1</v>
      </c>
      <c r="N580" s="11" t="s">
        <v>514</v>
      </c>
      <c r="O580" s="11">
        <v>2</v>
      </c>
      <c r="P580" s="11">
        <v>2</v>
      </c>
      <c r="Q580" s="89" t="s">
        <v>813</v>
      </c>
      <c r="R580" s="207"/>
      <c r="S580" s="207"/>
      <c r="U580" s="207"/>
      <c r="V580" s="99"/>
      <c r="W580" s="99"/>
    </row>
    <row r="581" spans="1:23" s="8" customFormat="1" hidden="1" outlineLevel="1">
      <c r="A581" s="88"/>
      <c r="B581" s="88"/>
      <c r="C581" s="87"/>
      <c r="D581" s="87"/>
      <c r="E581" s="87"/>
      <c r="F581" s="87"/>
      <c r="G581" s="87"/>
      <c r="H581" s="87">
        <v>5</v>
      </c>
      <c r="I581" s="87">
        <v>956</v>
      </c>
      <c r="J581" s="87" t="s">
        <v>228</v>
      </c>
      <c r="K581" s="87" t="s">
        <v>78</v>
      </c>
      <c r="L581" s="11" t="s">
        <v>71</v>
      </c>
      <c r="M581" s="11">
        <v>1</v>
      </c>
      <c r="N581" s="11" t="s">
        <v>509</v>
      </c>
      <c r="O581" s="11">
        <v>1</v>
      </c>
      <c r="P581" s="11">
        <v>10</v>
      </c>
      <c r="Q581" s="89"/>
      <c r="R581" s="207"/>
      <c r="S581" s="207"/>
      <c r="U581" s="207"/>
      <c r="V581" s="99"/>
      <c r="W581" s="99"/>
    </row>
    <row r="582" spans="1:23" s="8" customFormat="1" ht="70" hidden="1" outlineLevel="1">
      <c r="A582" s="88"/>
      <c r="B582" s="88"/>
      <c r="C582" s="87"/>
      <c r="D582" s="87"/>
      <c r="E582" s="87"/>
      <c r="F582" s="87"/>
      <c r="G582" s="87"/>
      <c r="H582" s="87">
        <v>6</v>
      </c>
      <c r="I582" s="87">
        <v>441</v>
      </c>
      <c r="J582" s="87" t="s">
        <v>226</v>
      </c>
      <c r="K582" s="87" t="s">
        <v>78</v>
      </c>
      <c r="L582" s="11" t="s">
        <v>71</v>
      </c>
      <c r="M582" s="11">
        <v>1</v>
      </c>
      <c r="N582" s="11" t="s">
        <v>514</v>
      </c>
      <c r="O582" s="11">
        <v>1</v>
      </c>
      <c r="P582" s="11">
        <v>1</v>
      </c>
      <c r="Q582" s="270" t="s">
        <v>624</v>
      </c>
      <c r="R582" s="207"/>
      <c r="S582" s="207"/>
      <c r="U582" s="207"/>
      <c r="V582" s="99"/>
      <c r="W582" s="99"/>
    </row>
    <row r="583" spans="1:23" s="8" customFormat="1" hidden="1" outlineLevel="1">
      <c r="A583" s="88"/>
      <c r="B583" s="88"/>
      <c r="C583" s="87"/>
      <c r="D583" s="87"/>
      <c r="E583" s="19"/>
      <c r="F583" s="19"/>
      <c r="G583" s="19"/>
      <c r="H583" s="19">
        <v>7</v>
      </c>
      <c r="I583" s="19">
        <v>662</v>
      </c>
      <c r="J583" s="19" t="s">
        <v>97</v>
      </c>
      <c r="K583" s="19" t="s">
        <v>17</v>
      </c>
      <c r="L583" s="25" t="s">
        <v>96</v>
      </c>
      <c r="M583" s="91">
        <v>1</v>
      </c>
      <c r="N583" s="91" t="s">
        <v>514</v>
      </c>
      <c r="O583" s="91">
        <v>1</v>
      </c>
      <c r="P583" s="91">
        <v>1</v>
      </c>
      <c r="Q583" s="25"/>
      <c r="R583" s="207"/>
      <c r="S583" s="207"/>
      <c r="U583" s="207"/>
      <c r="V583" s="99"/>
      <c r="W583" s="99"/>
    </row>
    <row r="584" spans="1:23" s="8" customFormat="1" hidden="1" outlineLevel="1">
      <c r="A584" s="88"/>
      <c r="B584" s="88"/>
      <c r="C584" s="87"/>
      <c r="D584" s="87"/>
      <c r="E584" s="87"/>
      <c r="F584" s="87"/>
      <c r="G584" s="87"/>
      <c r="H584" s="87">
        <v>8</v>
      </c>
      <c r="I584" s="87">
        <v>828</v>
      </c>
      <c r="J584" s="87" t="s">
        <v>223</v>
      </c>
      <c r="K584" s="87" t="s">
        <v>17</v>
      </c>
      <c r="L584" s="11" t="s">
        <v>71</v>
      </c>
      <c r="M584" s="11">
        <v>1</v>
      </c>
      <c r="N584" s="11" t="s">
        <v>438</v>
      </c>
      <c r="O584" s="11">
        <v>1</v>
      </c>
      <c r="P584" s="11">
        <v>9</v>
      </c>
      <c r="Q584" s="89"/>
      <c r="R584" s="207"/>
      <c r="S584" s="207"/>
      <c r="U584" s="207"/>
      <c r="V584" s="99"/>
      <c r="W584" s="99"/>
    </row>
    <row r="585" spans="1:23" s="8" customFormat="1" hidden="1" outlineLevel="1">
      <c r="A585" s="88"/>
      <c r="B585" s="88"/>
      <c r="C585" s="87"/>
      <c r="D585" s="87"/>
      <c r="E585" s="87"/>
      <c r="F585" s="87"/>
      <c r="G585" s="87"/>
      <c r="H585" s="87">
        <v>9</v>
      </c>
      <c r="I585" s="87">
        <v>325</v>
      </c>
      <c r="J585" s="87" t="s">
        <v>221</v>
      </c>
      <c r="K585" s="87" t="s">
        <v>17</v>
      </c>
      <c r="L585" s="11" t="s">
        <v>71</v>
      </c>
      <c r="M585" s="11">
        <v>1</v>
      </c>
      <c r="N585" s="11" t="s">
        <v>509</v>
      </c>
      <c r="O585" s="11">
        <v>1</v>
      </c>
      <c r="P585" s="11">
        <v>20</v>
      </c>
      <c r="Q585" s="89"/>
      <c r="R585" s="207"/>
      <c r="S585" s="207"/>
      <c r="U585" s="207"/>
      <c r="V585" s="99"/>
      <c r="W585" s="99"/>
    </row>
    <row r="586" spans="1:23" s="8" customFormat="1" hidden="1" collapsed="1">
      <c r="A586" s="84" t="s">
        <v>278</v>
      </c>
      <c r="B586" s="84" t="s">
        <v>524</v>
      </c>
      <c r="C586" s="85"/>
      <c r="D586" s="85"/>
      <c r="E586" s="85"/>
      <c r="F586" s="85"/>
      <c r="G586" s="85"/>
      <c r="H586" s="85"/>
      <c r="I586" s="85"/>
      <c r="J586" s="85"/>
      <c r="K586" s="85" t="s">
        <v>17</v>
      </c>
      <c r="L586" s="75" t="s">
        <v>71</v>
      </c>
      <c r="M586" s="85">
        <v>25</v>
      </c>
      <c r="N586" s="85"/>
      <c r="O586" s="85"/>
      <c r="P586" s="85"/>
      <c r="Q586" s="86"/>
      <c r="R586" s="207"/>
      <c r="S586" s="207"/>
      <c r="U586" s="207"/>
      <c r="V586" s="99"/>
      <c r="W586" s="99"/>
    </row>
    <row r="587" spans="1:23" s="8" customFormat="1" hidden="1">
      <c r="A587" s="84"/>
      <c r="B587" s="84"/>
      <c r="C587" s="85" t="s">
        <v>278</v>
      </c>
      <c r="D587" s="85" t="s">
        <v>524</v>
      </c>
      <c r="E587" s="85"/>
      <c r="F587" s="85"/>
      <c r="G587" s="85"/>
      <c r="H587" s="85"/>
      <c r="I587" s="85"/>
      <c r="J587" s="85"/>
      <c r="K587" s="85" t="s">
        <v>66</v>
      </c>
      <c r="L587" s="75" t="s">
        <v>65</v>
      </c>
      <c r="M587" s="85">
        <v>1</v>
      </c>
      <c r="N587" s="85"/>
      <c r="O587" s="85"/>
      <c r="P587" s="85"/>
      <c r="Q587" s="86"/>
      <c r="R587" s="207"/>
      <c r="S587" s="207"/>
      <c r="U587" s="207"/>
      <c r="V587" s="99"/>
      <c r="W587" s="99"/>
    </row>
    <row r="588" spans="1:23" s="8" customFormat="1" hidden="1">
      <c r="A588" s="88"/>
      <c r="B588" s="88"/>
      <c r="C588" s="87"/>
      <c r="D588" s="87"/>
      <c r="E588" s="87"/>
      <c r="F588" s="87"/>
      <c r="G588" s="87"/>
      <c r="H588" s="87">
        <v>1</v>
      </c>
      <c r="I588" s="87">
        <v>248</v>
      </c>
      <c r="J588" s="87" t="s">
        <v>276</v>
      </c>
      <c r="K588" s="87" t="s">
        <v>66</v>
      </c>
      <c r="L588" s="11" t="s">
        <v>65</v>
      </c>
      <c r="M588" s="87">
        <v>1</v>
      </c>
      <c r="N588" s="87" t="s">
        <v>514</v>
      </c>
      <c r="O588" s="87">
        <v>1</v>
      </c>
      <c r="P588" s="87">
        <v>1</v>
      </c>
      <c r="Q588" s="89" t="s">
        <v>859</v>
      </c>
      <c r="R588" s="207"/>
      <c r="S588" s="207"/>
      <c r="U588" s="207"/>
      <c r="V588" s="99"/>
      <c r="W588" s="99"/>
    </row>
    <row r="589" spans="1:23" s="8" customFormat="1" hidden="1">
      <c r="A589" s="88"/>
      <c r="B589" s="88"/>
      <c r="C589" s="87"/>
      <c r="D589" s="87"/>
      <c r="E589" s="87"/>
      <c r="F589" s="87"/>
      <c r="G589" s="87"/>
      <c r="H589" s="87">
        <v>2</v>
      </c>
      <c r="I589" s="87">
        <v>1300</v>
      </c>
      <c r="J589" s="87" t="s">
        <v>274</v>
      </c>
      <c r="K589" s="87" t="s">
        <v>78</v>
      </c>
      <c r="L589" s="11" t="s">
        <v>71</v>
      </c>
      <c r="M589" s="87">
        <v>1</v>
      </c>
      <c r="N589" s="87" t="s">
        <v>514</v>
      </c>
      <c r="O589" s="87">
        <v>4</v>
      </c>
      <c r="P589" s="87">
        <v>4</v>
      </c>
      <c r="Q589" s="89" t="s">
        <v>860</v>
      </c>
      <c r="R589" s="207"/>
      <c r="S589" s="207"/>
      <c r="U589" s="207"/>
      <c r="V589" s="99"/>
      <c r="W589" s="99"/>
    </row>
    <row r="590" spans="1:23" s="8" customFormat="1" hidden="1">
      <c r="A590" s="88"/>
      <c r="B590" s="88"/>
      <c r="C590" s="87"/>
      <c r="D590" s="87"/>
      <c r="E590" s="19"/>
      <c r="F590" s="19"/>
      <c r="G590" s="19"/>
      <c r="H590" s="19">
        <v>3</v>
      </c>
      <c r="I590" s="19">
        <v>559</v>
      </c>
      <c r="J590" s="19" t="s">
        <v>197</v>
      </c>
      <c r="K590" s="19" t="s">
        <v>78</v>
      </c>
      <c r="L590" s="25" t="s">
        <v>96</v>
      </c>
      <c r="M590" s="91">
        <v>1</v>
      </c>
      <c r="N590" s="91" t="s">
        <v>514</v>
      </c>
      <c r="O590" s="91">
        <v>2</v>
      </c>
      <c r="P590" s="91">
        <v>2</v>
      </c>
      <c r="Q590" s="25"/>
      <c r="R590" s="207"/>
      <c r="S590" s="207"/>
      <c r="U590" s="207"/>
      <c r="V590" s="99"/>
      <c r="W590" s="99"/>
    </row>
    <row r="591" spans="1:23" s="8" customFormat="1" hidden="1">
      <c r="A591" s="88"/>
      <c r="B591" s="88"/>
      <c r="C591" s="87"/>
      <c r="D591" s="87"/>
      <c r="E591" s="19"/>
      <c r="F591" s="19"/>
      <c r="G591" s="19"/>
      <c r="H591" s="19">
        <v>4</v>
      </c>
      <c r="I591" s="19">
        <v>1301</v>
      </c>
      <c r="J591" s="19" t="s">
        <v>271</v>
      </c>
      <c r="K591" s="19" t="s">
        <v>78</v>
      </c>
      <c r="L591" s="25" t="s">
        <v>96</v>
      </c>
      <c r="M591" s="19">
        <v>1</v>
      </c>
      <c r="N591" s="19" t="s">
        <v>509</v>
      </c>
      <c r="O591" s="19">
        <v>1</v>
      </c>
      <c r="P591" s="19">
        <v>10</v>
      </c>
      <c r="Q591" s="25"/>
      <c r="R591" s="207"/>
      <c r="S591" s="207"/>
      <c r="U591" s="207"/>
      <c r="V591" s="99"/>
      <c r="W591" s="99"/>
    </row>
    <row r="592" spans="1:23" s="8" customFormat="1" hidden="1">
      <c r="A592" s="88"/>
      <c r="B592" s="88"/>
      <c r="C592" s="87"/>
      <c r="D592" s="87"/>
      <c r="E592" s="87"/>
      <c r="F592" s="87"/>
      <c r="G592" s="87"/>
      <c r="H592" s="87">
        <v>5</v>
      </c>
      <c r="I592" s="87">
        <v>610</v>
      </c>
      <c r="J592" s="87" t="s">
        <v>269</v>
      </c>
      <c r="K592" s="87" t="s">
        <v>17</v>
      </c>
      <c r="L592" s="11" t="s">
        <v>71</v>
      </c>
      <c r="M592" s="87">
        <v>1</v>
      </c>
      <c r="N592" s="87" t="s">
        <v>150</v>
      </c>
      <c r="O592" s="87">
        <v>1</v>
      </c>
      <c r="P592" s="87">
        <v>15</v>
      </c>
      <c r="Q592" s="89"/>
      <c r="R592" s="207"/>
      <c r="S592" s="207"/>
      <c r="U592" s="207"/>
      <c r="V592" s="99"/>
      <c r="W592" s="99"/>
    </row>
    <row r="593" spans="1:23" s="8" customFormat="1" hidden="1">
      <c r="A593" s="88"/>
      <c r="B593" s="88"/>
      <c r="C593" s="87"/>
      <c r="D593" s="87"/>
      <c r="E593" s="87"/>
      <c r="F593" s="87"/>
      <c r="G593" s="87"/>
      <c r="H593" s="87">
        <v>6</v>
      </c>
      <c r="I593" s="87">
        <v>378</v>
      </c>
      <c r="J593" s="87" t="s">
        <v>267</v>
      </c>
      <c r="K593" s="87" t="s">
        <v>78</v>
      </c>
      <c r="L593" s="11" t="s">
        <v>71</v>
      </c>
      <c r="M593" s="87">
        <v>1</v>
      </c>
      <c r="N593" s="87" t="s">
        <v>514</v>
      </c>
      <c r="O593" s="87">
        <v>1</v>
      </c>
      <c r="P593" s="87">
        <v>1</v>
      </c>
      <c r="Q593" s="89" t="s">
        <v>658</v>
      </c>
      <c r="R593" s="207"/>
      <c r="S593" s="207"/>
      <c r="U593" s="207"/>
      <c r="V593" s="99"/>
      <c r="W593" s="99"/>
    </row>
    <row r="594" spans="1:23" s="8" customFormat="1" hidden="1">
      <c r="A594" s="88"/>
      <c r="B594" s="88"/>
      <c r="C594" s="87"/>
      <c r="D594" s="87"/>
      <c r="E594" s="87"/>
      <c r="F594" s="87"/>
      <c r="G594" s="87"/>
      <c r="H594" s="87">
        <v>7</v>
      </c>
      <c r="I594" s="87">
        <v>332</v>
      </c>
      <c r="J594" s="87" t="s">
        <v>232</v>
      </c>
      <c r="K594" s="87" t="s">
        <v>78</v>
      </c>
      <c r="L594" s="11" t="s">
        <v>71</v>
      </c>
      <c r="M594" s="87">
        <v>1</v>
      </c>
      <c r="N594" s="87" t="s">
        <v>438</v>
      </c>
      <c r="O594" s="87">
        <v>1</v>
      </c>
      <c r="P594" s="87">
        <v>6</v>
      </c>
      <c r="Q594" s="89"/>
      <c r="R594" s="207"/>
      <c r="S594" s="207"/>
      <c r="U594" s="207"/>
      <c r="V594" s="99"/>
      <c r="W594" s="99"/>
    </row>
    <row r="595" spans="1:23" s="8" customFormat="1" hidden="1">
      <c r="A595" s="84" t="s">
        <v>278</v>
      </c>
      <c r="B595" s="84" t="s">
        <v>524</v>
      </c>
      <c r="C595" s="85"/>
      <c r="D595" s="85"/>
      <c r="E595" s="85"/>
      <c r="F595" s="85"/>
      <c r="G595" s="85"/>
      <c r="H595" s="85"/>
      <c r="I595" s="85"/>
      <c r="J595" s="85"/>
      <c r="K595" s="85" t="s">
        <v>17</v>
      </c>
      <c r="L595" s="75" t="s">
        <v>71</v>
      </c>
      <c r="M595" s="85">
        <v>25</v>
      </c>
      <c r="N595" s="85"/>
      <c r="O595" s="85"/>
      <c r="P595" s="85"/>
      <c r="Q595" s="86"/>
      <c r="R595" s="207"/>
      <c r="S595" s="207"/>
      <c r="U595" s="207"/>
      <c r="V595" s="99"/>
      <c r="W595" s="99"/>
    </row>
    <row r="596" spans="1:23" s="8" customFormat="1" hidden="1">
      <c r="A596" s="84"/>
      <c r="B596" s="84"/>
      <c r="C596" s="85" t="s">
        <v>278</v>
      </c>
      <c r="D596" s="85" t="s">
        <v>524</v>
      </c>
      <c r="E596" s="85"/>
      <c r="F596" s="85"/>
      <c r="G596" s="85"/>
      <c r="H596" s="85"/>
      <c r="I596" s="85"/>
      <c r="J596" s="85"/>
      <c r="K596" s="85" t="s">
        <v>66</v>
      </c>
      <c r="L596" s="75" t="s">
        <v>65</v>
      </c>
      <c r="M596" s="85">
        <v>1</v>
      </c>
      <c r="N596" s="85"/>
      <c r="O596" s="85"/>
      <c r="P596" s="85"/>
      <c r="Q596" s="86"/>
      <c r="R596" s="207"/>
      <c r="S596" s="207"/>
      <c r="U596" s="207"/>
      <c r="V596" s="99"/>
      <c r="W596" s="99"/>
    </row>
    <row r="597" spans="1:23" s="8" customFormat="1" hidden="1">
      <c r="A597" s="88"/>
      <c r="B597" s="88"/>
      <c r="C597" s="87"/>
      <c r="D597" s="87"/>
      <c r="E597" s="87"/>
      <c r="F597" s="87"/>
      <c r="G597" s="87"/>
      <c r="H597" s="87">
        <v>1</v>
      </c>
      <c r="I597" s="87">
        <v>248</v>
      </c>
      <c r="J597" s="87" t="s">
        <v>276</v>
      </c>
      <c r="K597" s="87" t="s">
        <v>66</v>
      </c>
      <c r="L597" s="11" t="s">
        <v>65</v>
      </c>
      <c r="M597" s="87">
        <v>1</v>
      </c>
      <c r="N597" s="87" t="s">
        <v>514</v>
      </c>
      <c r="O597" s="87">
        <v>1</v>
      </c>
      <c r="P597" s="87">
        <v>1</v>
      </c>
      <c r="Q597" s="89" t="s">
        <v>649</v>
      </c>
      <c r="R597" s="207"/>
      <c r="S597" s="207"/>
      <c r="U597" s="207"/>
      <c r="V597" s="99"/>
      <c r="W597" s="99"/>
    </row>
    <row r="598" spans="1:23" s="8" customFormat="1" hidden="1">
      <c r="A598" s="88"/>
      <c r="B598" s="88"/>
      <c r="C598" s="87"/>
      <c r="D598" s="87"/>
      <c r="E598" s="87"/>
      <c r="F598" s="87"/>
      <c r="G598" s="87"/>
      <c r="H598" s="87">
        <v>2</v>
      </c>
      <c r="I598" s="87">
        <v>1300</v>
      </c>
      <c r="J598" s="87" t="s">
        <v>274</v>
      </c>
      <c r="K598" s="87" t="s">
        <v>78</v>
      </c>
      <c r="L598" s="11" t="s">
        <v>71</v>
      </c>
      <c r="M598" s="87">
        <v>1</v>
      </c>
      <c r="N598" s="87" t="s">
        <v>514</v>
      </c>
      <c r="O598" s="87">
        <v>4</v>
      </c>
      <c r="P598" s="87">
        <v>4</v>
      </c>
      <c r="Q598" s="89" t="s">
        <v>650</v>
      </c>
      <c r="R598" s="207"/>
      <c r="S598" s="207"/>
      <c r="U598" s="207"/>
      <c r="V598" s="99"/>
      <c r="W598" s="99"/>
    </row>
    <row r="599" spans="1:23" s="8" customFormat="1" hidden="1">
      <c r="A599" s="88"/>
      <c r="B599" s="88"/>
      <c r="C599" s="87"/>
      <c r="D599" s="87"/>
      <c r="E599" s="19"/>
      <c r="F599" s="19"/>
      <c r="G599" s="19"/>
      <c r="H599" s="19">
        <v>3</v>
      </c>
      <c r="I599" s="19">
        <v>559</v>
      </c>
      <c r="J599" s="19" t="s">
        <v>197</v>
      </c>
      <c r="K599" s="19" t="s">
        <v>78</v>
      </c>
      <c r="L599" s="272" t="s">
        <v>96</v>
      </c>
      <c r="M599" s="91">
        <v>1</v>
      </c>
      <c r="N599" s="91" t="s">
        <v>514</v>
      </c>
      <c r="O599" s="91">
        <v>2</v>
      </c>
      <c r="P599" s="91">
        <v>2</v>
      </c>
      <c r="Q599" s="25"/>
      <c r="R599" s="207"/>
      <c r="S599" s="207"/>
      <c r="U599" s="207"/>
      <c r="V599" s="99"/>
      <c r="W599" s="99"/>
    </row>
    <row r="600" spans="1:23" s="8" customFormat="1" hidden="1">
      <c r="A600" s="88"/>
      <c r="B600" s="88"/>
      <c r="C600" s="87"/>
      <c r="D600" s="87"/>
      <c r="E600" s="19"/>
      <c r="F600" s="19"/>
      <c r="G600" s="19"/>
      <c r="H600" s="19">
        <v>4</v>
      </c>
      <c r="I600" s="19">
        <v>1301</v>
      </c>
      <c r="J600" s="19" t="s">
        <v>271</v>
      </c>
      <c r="K600" s="19" t="s">
        <v>78</v>
      </c>
      <c r="L600" s="25" t="s">
        <v>96</v>
      </c>
      <c r="M600" s="19">
        <v>1</v>
      </c>
      <c r="N600" s="19" t="s">
        <v>509</v>
      </c>
      <c r="O600" s="19">
        <v>1</v>
      </c>
      <c r="P600" s="19">
        <v>10</v>
      </c>
      <c r="Q600" s="25"/>
      <c r="R600" s="207"/>
      <c r="S600" s="207"/>
      <c r="U600" s="207"/>
      <c r="V600" s="99"/>
      <c r="W600" s="99"/>
    </row>
    <row r="601" spans="1:23" s="8" customFormat="1" hidden="1">
      <c r="A601" s="88"/>
      <c r="B601" s="88"/>
      <c r="C601" s="87"/>
      <c r="D601" s="87"/>
      <c r="E601" s="87"/>
      <c r="F601" s="87"/>
      <c r="G601" s="87"/>
      <c r="H601" s="87">
        <v>5</v>
      </c>
      <c r="I601" s="87">
        <v>610</v>
      </c>
      <c r="J601" s="87" t="s">
        <v>269</v>
      </c>
      <c r="K601" s="87" t="s">
        <v>17</v>
      </c>
      <c r="L601" s="11" t="s">
        <v>71</v>
      </c>
      <c r="M601" s="87">
        <v>1</v>
      </c>
      <c r="N601" s="87" t="s">
        <v>150</v>
      </c>
      <c r="O601" s="87">
        <v>1</v>
      </c>
      <c r="P601" s="87">
        <v>15</v>
      </c>
      <c r="Q601" s="89"/>
      <c r="R601" s="207"/>
      <c r="S601" s="207"/>
      <c r="U601" s="207"/>
      <c r="V601" s="99"/>
      <c r="W601" s="99"/>
    </row>
    <row r="602" spans="1:23" s="8" customFormat="1" hidden="1">
      <c r="A602" s="84" t="s">
        <v>278</v>
      </c>
      <c r="B602" s="84" t="s">
        <v>524</v>
      </c>
      <c r="C602" s="85"/>
      <c r="D602" s="85"/>
      <c r="E602" s="85"/>
      <c r="F602" s="85"/>
      <c r="G602" s="85"/>
      <c r="H602" s="85"/>
      <c r="I602" s="85"/>
      <c r="J602" s="85"/>
      <c r="K602" s="85" t="s">
        <v>17</v>
      </c>
      <c r="L602" s="75" t="s">
        <v>71</v>
      </c>
      <c r="M602" s="85">
        <v>25</v>
      </c>
      <c r="N602" s="85"/>
      <c r="O602" s="85"/>
      <c r="P602" s="85"/>
      <c r="Q602" s="86"/>
      <c r="R602" s="207"/>
      <c r="S602" s="207"/>
      <c r="U602" s="207"/>
      <c r="V602" s="99"/>
      <c r="W602" s="99"/>
    </row>
    <row r="603" spans="1:23" s="8" customFormat="1" hidden="1">
      <c r="A603" s="84"/>
      <c r="B603" s="84"/>
      <c r="C603" s="85" t="s">
        <v>278</v>
      </c>
      <c r="D603" s="85" t="s">
        <v>524</v>
      </c>
      <c r="E603" s="85"/>
      <c r="F603" s="85"/>
      <c r="G603" s="85"/>
      <c r="H603" s="85"/>
      <c r="I603" s="85"/>
      <c r="J603" s="85"/>
      <c r="K603" s="85" t="s">
        <v>66</v>
      </c>
      <c r="L603" s="75" t="s">
        <v>65</v>
      </c>
      <c r="M603" s="85">
        <v>1</v>
      </c>
      <c r="N603" s="85"/>
      <c r="O603" s="85"/>
      <c r="P603" s="85"/>
      <c r="Q603" s="86"/>
      <c r="R603" s="207"/>
      <c r="S603" s="207"/>
      <c r="U603" s="207"/>
      <c r="V603" s="99"/>
      <c r="W603" s="99"/>
    </row>
    <row r="604" spans="1:23" s="8" customFormat="1" hidden="1">
      <c r="A604" s="88"/>
      <c r="B604" s="88"/>
      <c r="C604" s="87"/>
      <c r="D604" s="87"/>
      <c r="E604" s="87"/>
      <c r="F604" s="87"/>
      <c r="G604" s="87"/>
      <c r="H604" s="87">
        <v>1</v>
      </c>
      <c r="I604" s="87">
        <v>248</v>
      </c>
      <c r="J604" s="87" t="s">
        <v>276</v>
      </c>
      <c r="K604" s="87" t="s">
        <v>66</v>
      </c>
      <c r="L604" s="11" t="s">
        <v>65</v>
      </c>
      <c r="M604" s="87">
        <v>1</v>
      </c>
      <c r="N604" s="87" t="s">
        <v>514</v>
      </c>
      <c r="O604" s="87">
        <v>1</v>
      </c>
      <c r="P604" s="87">
        <v>1</v>
      </c>
      <c r="Q604" s="89" t="s">
        <v>649</v>
      </c>
      <c r="R604" s="207"/>
      <c r="S604" s="207"/>
      <c r="U604" s="207"/>
      <c r="V604" s="99"/>
      <c r="W604" s="99"/>
    </row>
    <row r="605" spans="1:23" s="8" customFormat="1" hidden="1">
      <c r="A605" s="88"/>
      <c r="B605" s="88"/>
      <c r="C605" s="87"/>
      <c r="D605" s="87"/>
      <c r="E605" s="87"/>
      <c r="F605" s="87"/>
      <c r="G605" s="87"/>
      <c r="H605" s="87">
        <v>2</v>
      </c>
      <c r="I605" s="87">
        <v>1300</v>
      </c>
      <c r="J605" s="87" t="s">
        <v>274</v>
      </c>
      <c r="K605" s="87" t="s">
        <v>78</v>
      </c>
      <c r="L605" s="11" t="s">
        <v>71</v>
      </c>
      <c r="M605" s="87">
        <v>1</v>
      </c>
      <c r="N605" s="87" t="s">
        <v>514</v>
      </c>
      <c r="O605" s="87">
        <v>4</v>
      </c>
      <c r="P605" s="87">
        <v>4</v>
      </c>
      <c r="Q605" s="89" t="s">
        <v>861</v>
      </c>
      <c r="R605" s="207"/>
      <c r="S605" s="207"/>
      <c r="U605" s="207"/>
      <c r="V605" s="99"/>
      <c r="W605" s="99"/>
    </row>
    <row r="606" spans="1:23" s="8" customFormat="1" hidden="1">
      <c r="A606" s="88"/>
      <c r="B606" s="88"/>
      <c r="C606" s="87"/>
      <c r="D606" s="87"/>
      <c r="E606" s="19"/>
      <c r="F606" s="19"/>
      <c r="G606" s="19"/>
      <c r="H606" s="19">
        <v>3</v>
      </c>
      <c r="I606" s="19">
        <v>559</v>
      </c>
      <c r="J606" s="19" t="s">
        <v>197</v>
      </c>
      <c r="K606" s="19" t="s">
        <v>78</v>
      </c>
      <c r="L606" s="25" t="s">
        <v>96</v>
      </c>
      <c r="M606" s="91">
        <v>1</v>
      </c>
      <c r="N606" s="91" t="s">
        <v>514</v>
      </c>
      <c r="O606" s="91">
        <v>2</v>
      </c>
      <c r="P606" s="91">
        <v>2</v>
      </c>
      <c r="Q606" s="25"/>
      <c r="R606" s="207"/>
      <c r="S606" s="207"/>
      <c r="U606" s="207"/>
      <c r="V606" s="99"/>
      <c r="W606" s="99"/>
    </row>
    <row r="607" spans="1:23" s="8" customFormat="1" hidden="1">
      <c r="A607" s="88"/>
      <c r="B607" s="88"/>
      <c r="C607" s="87"/>
      <c r="D607" s="87"/>
      <c r="E607" s="19"/>
      <c r="F607" s="19"/>
      <c r="G607" s="19"/>
      <c r="H607" s="19">
        <v>4</v>
      </c>
      <c r="I607" s="19">
        <v>1301</v>
      </c>
      <c r="J607" s="19" t="s">
        <v>271</v>
      </c>
      <c r="K607" s="19" t="s">
        <v>78</v>
      </c>
      <c r="L607" s="25" t="s">
        <v>96</v>
      </c>
      <c r="M607" s="19">
        <v>1</v>
      </c>
      <c r="N607" s="19" t="s">
        <v>509</v>
      </c>
      <c r="O607" s="19">
        <v>1</v>
      </c>
      <c r="P607" s="19">
        <v>10</v>
      </c>
      <c r="Q607" s="25"/>
      <c r="R607" s="207"/>
      <c r="S607" s="207"/>
      <c r="U607" s="207"/>
      <c r="V607" s="99"/>
      <c r="W607" s="99"/>
    </row>
    <row r="608" spans="1:23" s="8" customFormat="1" hidden="1">
      <c r="A608" s="88"/>
      <c r="B608" s="88"/>
      <c r="C608" s="87"/>
      <c r="D608" s="87"/>
      <c r="E608" s="87"/>
      <c r="F608" s="87"/>
      <c r="G608" s="87"/>
      <c r="H608" s="87">
        <v>5</v>
      </c>
      <c r="I608" s="87">
        <v>610</v>
      </c>
      <c r="J608" s="87" t="s">
        <v>269</v>
      </c>
      <c r="K608" s="87" t="s">
        <v>17</v>
      </c>
      <c r="L608" s="11" t="s">
        <v>71</v>
      </c>
      <c r="M608" s="87">
        <v>1</v>
      </c>
      <c r="N608" s="87" t="s">
        <v>150</v>
      </c>
      <c r="O608" s="87">
        <v>1</v>
      </c>
      <c r="P608" s="87">
        <v>15</v>
      </c>
      <c r="Q608" s="89"/>
      <c r="R608" s="207"/>
      <c r="S608" s="207"/>
      <c r="U608" s="207"/>
      <c r="V608" s="99"/>
      <c r="W608" s="99"/>
    </row>
    <row r="609" spans="1:23" s="8" customFormat="1" hidden="1">
      <c r="A609" s="88"/>
      <c r="B609" s="88"/>
      <c r="C609" s="87"/>
      <c r="D609" s="87"/>
      <c r="E609" s="19"/>
      <c r="F609" s="19"/>
      <c r="G609" s="19"/>
      <c r="H609" s="19">
        <v>6</v>
      </c>
      <c r="I609" s="19">
        <v>378</v>
      </c>
      <c r="J609" s="19" t="s">
        <v>267</v>
      </c>
      <c r="K609" s="19" t="s">
        <v>78</v>
      </c>
      <c r="L609" s="25" t="s">
        <v>96</v>
      </c>
      <c r="M609" s="25">
        <v>1</v>
      </c>
      <c r="N609" s="25" t="s">
        <v>514</v>
      </c>
      <c r="O609" s="25">
        <v>1</v>
      </c>
      <c r="P609" s="25">
        <v>1</v>
      </c>
      <c r="Q609" s="25"/>
      <c r="R609" s="207"/>
      <c r="S609" s="207"/>
      <c r="U609" s="207"/>
      <c r="V609" s="99"/>
      <c r="W609" s="99"/>
    </row>
    <row r="610" spans="1:23" s="8" customFormat="1" hidden="1">
      <c r="A610" s="88"/>
      <c r="B610" s="88"/>
      <c r="C610" s="87"/>
      <c r="D610" s="87"/>
      <c r="E610" s="19"/>
      <c r="F610" s="19"/>
      <c r="G610" s="19"/>
      <c r="H610" s="19">
        <v>7</v>
      </c>
      <c r="I610" s="19">
        <v>332</v>
      </c>
      <c r="J610" s="19" t="s">
        <v>232</v>
      </c>
      <c r="K610" s="19" t="s">
        <v>78</v>
      </c>
      <c r="L610" s="25" t="s">
        <v>96</v>
      </c>
      <c r="M610" s="25">
        <v>1</v>
      </c>
      <c r="N610" s="25" t="s">
        <v>438</v>
      </c>
      <c r="O610" s="25">
        <v>1</v>
      </c>
      <c r="P610" s="25">
        <v>6</v>
      </c>
      <c r="Q610" s="25"/>
      <c r="R610" s="207"/>
      <c r="S610" s="207"/>
      <c r="U610" s="207"/>
      <c r="V610" s="99"/>
      <c r="W610" s="99"/>
    </row>
    <row r="611" spans="1:23" s="8" customFormat="1" hidden="1">
      <c r="A611" s="88"/>
      <c r="B611" s="88"/>
      <c r="C611" s="87"/>
      <c r="D611" s="87"/>
      <c r="E611" s="19"/>
      <c r="F611" s="19"/>
      <c r="G611" s="19"/>
      <c r="H611" s="19">
        <v>8</v>
      </c>
      <c r="I611" s="19">
        <v>118</v>
      </c>
      <c r="J611" s="19" t="s">
        <v>264</v>
      </c>
      <c r="K611" s="19" t="s">
        <v>17</v>
      </c>
      <c r="L611" s="25" t="s">
        <v>96</v>
      </c>
      <c r="M611" s="25">
        <v>1</v>
      </c>
      <c r="N611" s="25" t="s">
        <v>438</v>
      </c>
      <c r="O611" s="25">
        <v>1</v>
      </c>
      <c r="P611" s="25">
        <v>9</v>
      </c>
      <c r="Q611" s="25"/>
      <c r="R611" s="207"/>
      <c r="S611" s="207"/>
      <c r="U611" s="207"/>
      <c r="V611" s="99"/>
      <c r="W611" s="99"/>
    </row>
    <row r="612" spans="1:23" s="8" customFormat="1" hidden="1">
      <c r="A612" s="88"/>
      <c r="B612" s="88"/>
      <c r="C612" s="87"/>
      <c r="D612" s="87"/>
      <c r="E612" s="19"/>
      <c r="F612" s="19"/>
      <c r="G612" s="19"/>
      <c r="H612" s="19">
        <v>9</v>
      </c>
      <c r="I612" s="19">
        <v>355</v>
      </c>
      <c r="J612" s="19" t="s">
        <v>103</v>
      </c>
      <c r="K612" s="19" t="s">
        <v>78</v>
      </c>
      <c r="L612" s="25" t="s">
        <v>96</v>
      </c>
      <c r="M612" s="25">
        <v>1</v>
      </c>
      <c r="N612" s="25" t="s">
        <v>514</v>
      </c>
      <c r="O612" s="25">
        <v>2</v>
      </c>
      <c r="P612" s="25">
        <v>2</v>
      </c>
      <c r="Q612" s="25"/>
      <c r="R612" s="207"/>
      <c r="S612" s="207"/>
      <c r="U612" s="207"/>
      <c r="V612" s="99"/>
      <c r="W612" s="99"/>
    </row>
    <row r="613" spans="1:23" s="8" customFormat="1" hidden="1">
      <c r="A613" s="88"/>
      <c r="B613" s="88"/>
      <c r="C613" s="87"/>
      <c r="D613" s="87"/>
      <c r="E613" s="19"/>
      <c r="F613" s="19"/>
      <c r="G613" s="19"/>
      <c r="H613" s="19">
        <v>10</v>
      </c>
      <c r="I613" s="19">
        <v>380</v>
      </c>
      <c r="J613" s="19" t="s">
        <v>105</v>
      </c>
      <c r="K613" s="19" t="s">
        <v>78</v>
      </c>
      <c r="L613" s="25" t="s">
        <v>96</v>
      </c>
      <c r="M613" s="25">
        <v>1</v>
      </c>
      <c r="N613" s="25" t="s">
        <v>438</v>
      </c>
      <c r="O613" s="25">
        <v>1</v>
      </c>
      <c r="P613" s="25">
        <v>15</v>
      </c>
      <c r="Q613" s="25"/>
      <c r="R613" s="207"/>
      <c r="S613" s="207"/>
      <c r="U613" s="207"/>
      <c r="V613" s="99"/>
      <c r="W613" s="99"/>
    </row>
    <row r="614" spans="1:23" s="8" customFormat="1" hidden="1">
      <c r="A614" s="88"/>
      <c r="B614" s="88"/>
      <c r="C614" s="87"/>
      <c r="D614" s="87"/>
      <c r="E614" s="19"/>
      <c r="F614" s="19"/>
      <c r="G614" s="19"/>
      <c r="H614" s="19">
        <v>11</v>
      </c>
      <c r="I614" s="19">
        <v>380</v>
      </c>
      <c r="J614" s="19" t="s">
        <v>105</v>
      </c>
      <c r="K614" s="19" t="s">
        <v>17</v>
      </c>
      <c r="L614" s="25" t="s">
        <v>96</v>
      </c>
      <c r="M614" s="25">
        <v>1</v>
      </c>
      <c r="N614" s="25" t="s">
        <v>438</v>
      </c>
      <c r="O614" s="25">
        <v>1</v>
      </c>
      <c r="P614" s="25">
        <v>15</v>
      </c>
      <c r="Q614" s="25"/>
      <c r="R614" s="207"/>
      <c r="S614" s="207"/>
      <c r="U614" s="207"/>
      <c r="V614" s="99"/>
      <c r="W614" s="99"/>
    </row>
    <row r="615" spans="1:23" s="8" customFormat="1" hidden="1">
      <c r="A615" s="88"/>
      <c r="B615" s="88"/>
      <c r="C615" s="87"/>
      <c r="D615" s="87"/>
      <c r="E615" s="19"/>
      <c r="F615" s="19"/>
      <c r="G615" s="19"/>
      <c r="H615" s="19">
        <v>12</v>
      </c>
      <c r="I615" s="19">
        <v>331</v>
      </c>
      <c r="J615" s="19" t="s">
        <v>259</v>
      </c>
      <c r="K615" s="19" t="s">
        <v>17</v>
      </c>
      <c r="L615" s="25" t="s">
        <v>96</v>
      </c>
      <c r="M615" s="25">
        <v>1</v>
      </c>
      <c r="N615" s="25" t="s">
        <v>514</v>
      </c>
      <c r="O615" s="25">
        <v>2</v>
      </c>
      <c r="P615" s="25">
        <v>2</v>
      </c>
      <c r="Q615" s="25"/>
      <c r="R615" s="207"/>
      <c r="S615" s="207"/>
      <c r="U615" s="207"/>
      <c r="V615" s="99"/>
      <c r="W615" s="99"/>
    </row>
    <row r="616" spans="1:23" s="8" customFormat="1" hidden="1">
      <c r="A616" s="88"/>
      <c r="B616" s="88"/>
      <c r="C616" s="87"/>
      <c r="D616" s="87"/>
      <c r="E616" s="19"/>
      <c r="F616" s="19"/>
      <c r="G616" s="19"/>
      <c r="H616" s="19">
        <v>13</v>
      </c>
      <c r="I616" s="19">
        <v>127</v>
      </c>
      <c r="J616" s="19" t="s">
        <v>126</v>
      </c>
      <c r="K616" s="19" t="s">
        <v>78</v>
      </c>
      <c r="L616" s="25" t="s">
        <v>96</v>
      </c>
      <c r="M616" s="25">
        <v>1</v>
      </c>
      <c r="N616" s="25" t="s">
        <v>509</v>
      </c>
      <c r="O616" s="25">
        <v>1</v>
      </c>
      <c r="P616" s="25">
        <v>30</v>
      </c>
      <c r="Q616" s="25"/>
      <c r="R616" s="207"/>
      <c r="S616" s="207"/>
      <c r="U616" s="207"/>
      <c r="V616" s="99"/>
      <c r="W616" s="99"/>
    </row>
    <row r="617" spans="1:23" s="8" customFormat="1" hidden="1">
      <c r="A617" s="88"/>
      <c r="B617" s="88"/>
      <c r="C617" s="87"/>
      <c r="D617" s="87"/>
      <c r="E617" s="19"/>
      <c r="F617" s="19"/>
      <c r="G617" s="19"/>
      <c r="H617" s="19">
        <v>14</v>
      </c>
      <c r="I617" s="19">
        <v>770</v>
      </c>
      <c r="J617" s="19" t="s">
        <v>256</v>
      </c>
      <c r="K617" s="19" t="s">
        <v>17</v>
      </c>
      <c r="L617" s="25" t="s">
        <v>96</v>
      </c>
      <c r="M617" s="25">
        <v>1</v>
      </c>
      <c r="N617" s="25" t="s">
        <v>509</v>
      </c>
      <c r="O617" s="25">
        <v>1</v>
      </c>
      <c r="P617" s="25">
        <v>20</v>
      </c>
      <c r="Q617" s="25"/>
      <c r="R617" s="207"/>
      <c r="S617" s="207"/>
      <c r="U617" s="207"/>
      <c r="V617" s="99"/>
      <c r="W617" s="99"/>
    </row>
    <row r="618" spans="1:23" s="8" customFormat="1" hidden="1">
      <c r="A618" s="88"/>
      <c r="B618" s="88"/>
      <c r="C618" s="87"/>
      <c r="D618" s="87"/>
      <c r="E618" s="87"/>
      <c r="F618" s="87"/>
      <c r="G618" s="87"/>
      <c r="H618" s="87">
        <v>15</v>
      </c>
      <c r="I618" s="87">
        <v>352</v>
      </c>
      <c r="J618" s="87" t="s">
        <v>3</v>
      </c>
      <c r="K618" s="87" t="s">
        <v>78</v>
      </c>
      <c r="L618" s="11" t="s">
        <v>71</v>
      </c>
      <c r="M618" s="87">
        <v>1</v>
      </c>
      <c r="N618" s="87" t="s">
        <v>509</v>
      </c>
      <c r="O618" s="87">
        <v>1</v>
      </c>
      <c r="P618" s="87">
        <v>80</v>
      </c>
      <c r="Q618" s="89"/>
      <c r="R618" s="207"/>
      <c r="S618" s="207"/>
      <c r="U618" s="207"/>
      <c r="V618" s="99"/>
      <c r="W618" s="99"/>
    </row>
    <row r="619" spans="1:23" s="8" customFormat="1" hidden="1">
      <c r="A619" s="88"/>
      <c r="B619" s="88"/>
      <c r="C619" s="87"/>
      <c r="D619" s="87"/>
      <c r="E619" s="87"/>
      <c r="F619" s="87"/>
      <c r="G619" s="87"/>
      <c r="H619" s="87">
        <v>16</v>
      </c>
      <c r="I619" s="87">
        <v>819</v>
      </c>
      <c r="J619" s="87" t="s">
        <v>253</v>
      </c>
      <c r="K619" s="87" t="s">
        <v>17</v>
      </c>
      <c r="L619" s="11" t="s">
        <v>71</v>
      </c>
      <c r="M619" s="87">
        <v>1</v>
      </c>
      <c r="N619" s="87" t="s">
        <v>514</v>
      </c>
      <c r="O619" s="87">
        <v>2</v>
      </c>
      <c r="P619" s="87">
        <v>3</v>
      </c>
      <c r="Q619" s="89"/>
      <c r="R619" s="207"/>
      <c r="S619" s="207"/>
      <c r="U619" s="207"/>
      <c r="V619" s="99"/>
      <c r="W619" s="99"/>
    </row>
    <row r="620" spans="1:23" s="8" customFormat="1" hidden="1">
      <c r="A620" s="84" t="s">
        <v>278</v>
      </c>
      <c r="B620" s="84" t="s">
        <v>524</v>
      </c>
      <c r="C620" s="85"/>
      <c r="D620" s="85"/>
      <c r="E620" s="85"/>
      <c r="F620" s="85"/>
      <c r="G620" s="85"/>
      <c r="H620" s="85"/>
      <c r="I620" s="85"/>
      <c r="J620" s="85"/>
      <c r="K620" s="85" t="s">
        <v>17</v>
      </c>
      <c r="L620" s="75" t="s">
        <v>71</v>
      </c>
      <c r="M620" s="85">
        <v>25</v>
      </c>
      <c r="N620" s="85"/>
      <c r="O620" s="85"/>
      <c r="P620" s="85"/>
      <c r="Q620" s="86"/>
      <c r="R620" s="207"/>
      <c r="S620" s="207"/>
      <c r="U620" s="207"/>
      <c r="V620" s="99"/>
      <c r="W620" s="99"/>
    </row>
    <row r="621" spans="1:23" s="8" customFormat="1" hidden="1">
      <c r="A621" s="84"/>
      <c r="B621" s="84"/>
      <c r="C621" s="85" t="s">
        <v>278</v>
      </c>
      <c r="D621" s="85" t="s">
        <v>524</v>
      </c>
      <c r="E621" s="85"/>
      <c r="F621" s="85"/>
      <c r="G621" s="85"/>
      <c r="H621" s="85"/>
      <c r="I621" s="85"/>
      <c r="J621" s="85"/>
      <c r="K621" s="85" t="s">
        <v>66</v>
      </c>
      <c r="L621" s="75" t="s">
        <v>65</v>
      </c>
      <c r="M621" s="85">
        <v>1</v>
      </c>
      <c r="N621" s="85"/>
      <c r="O621" s="85"/>
      <c r="P621" s="85"/>
      <c r="Q621" s="86"/>
      <c r="R621" s="207"/>
      <c r="S621" s="207"/>
      <c r="U621" s="207"/>
      <c r="V621" s="99"/>
      <c r="W621" s="99"/>
    </row>
    <row r="622" spans="1:23" s="8" customFormat="1" hidden="1">
      <c r="A622" s="88"/>
      <c r="B622" s="88"/>
      <c r="C622" s="87"/>
      <c r="D622" s="87"/>
      <c r="E622" s="87"/>
      <c r="F622" s="87"/>
      <c r="G622" s="87"/>
      <c r="H622" s="87">
        <v>1</v>
      </c>
      <c r="I622" s="87">
        <v>248</v>
      </c>
      <c r="J622" s="87" t="s">
        <v>276</v>
      </c>
      <c r="K622" s="87" t="s">
        <v>66</v>
      </c>
      <c r="L622" s="11" t="s">
        <v>65</v>
      </c>
      <c r="M622" s="87">
        <v>1</v>
      </c>
      <c r="N622" s="87" t="s">
        <v>514</v>
      </c>
      <c r="O622" s="87">
        <v>1</v>
      </c>
      <c r="P622" s="87">
        <v>1</v>
      </c>
      <c r="Q622" s="89" t="s">
        <v>651</v>
      </c>
      <c r="R622" s="207"/>
      <c r="S622" s="207"/>
      <c r="U622" s="207"/>
      <c r="V622" s="99"/>
      <c r="W622" s="99"/>
    </row>
    <row r="623" spans="1:23" s="8" customFormat="1" hidden="1">
      <c r="A623" s="88"/>
      <c r="B623" s="88"/>
      <c r="C623" s="87"/>
      <c r="D623" s="87"/>
      <c r="E623" s="87"/>
      <c r="F623" s="87"/>
      <c r="G623" s="87"/>
      <c r="H623" s="87">
        <v>2</v>
      </c>
      <c r="I623" s="87">
        <v>1300</v>
      </c>
      <c r="J623" s="87" t="s">
        <v>274</v>
      </c>
      <c r="K623" s="87" t="s">
        <v>78</v>
      </c>
      <c r="L623" s="11" t="s">
        <v>71</v>
      </c>
      <c r="M623" s="87">
        <v>1</v>
      </c>
      <c r="N623" s="87" t="s">
        <v>514</v>
      </c>
      <c r="O623" s="87">
        <v>4</v>
      </c>
      <c r="P623" s="87">
        <v>4</v>
      </c>
      <c r="Q623" s="89" t="s">
        <v>729</v>
      </c>
      <c r="R623" s="207"/>
      <c r="S623" s="207"/>
      <c r="U623" s="207"/>
      <c r="V623" s="99"/>
      <c r="W623" s="99"/>
    </row>
    <row r="624" spans="1:23" s="8" customFormat="1" hidden="1">
      <c r="A624" s="88"/>
      <c r="B624" s="88"/>
      <c r="C624" s="87"/>
      <c r="D624" s="87"/>
      <c r="E624" s="87"/>
      <c r="F624" s="87"/>
      <c r="G624" s="87"/>
      <c r="H624" s="87">
        <v>3</v>
      </c>
      <c r="I624" s="87">
        <v>559</v>
      </c>
      <c r="J624" s="87" t="s">
        <v>197</v>
      </c>
      <c r="K624" s="87" t="s">
        <v>78</v>
      </c>
      <c r="L624" s="11" t="s">
        <v>71</v>
      </c>
      <c r="M624" s="87">
        <v>1</v>
      </c>
      <c r="N624" s="87" t="s">
        <v>514</v>
      </c>
      <c r="O624" s="87">
        <v>2</v>
      </c>
      <c r="P624" s="87">
        <v>2</v>
      </c>
      <c r="Q624" s="89" t="s">
        <v>862</v>
      </c>
      <c r="R624" s="207"/>
      <c r="S624" s="207"/>
      <c r="U624" s="207"/>
      <c r="V624" s="99"/>
      <c r="W624" s="99"/>
    </row>
    <row r="625" spans="1:23" s="8" customFormat="1" hidden="1">
      <c r="A625" s="88"/>
      <c r="B625" s="88"/>
      <c r="C625" s="87"/>
      <c r="D625" s="87"/>
      <c r="E625" s="87"/>
      <c r="F625" s="87"/>
      <c r="G625" s="87"/>
      <c r="H625" s="87">
        <v>4</v>
      </c>
      <c r="I625" s="87">
        <v>1301</v>
      </c>
      <c r="J625" s="87" t="s">
        <v>271</v>
      </c>
      <c r="K625" s="87" t="s">
        <v>78</v>
      </c>
      <c r="L625" s="11" t="s">
        <v>71</v>
      </c>
      <c r="M625" s="11">
        <v>1</v>
      </c>
      <c r="N625" s="11" t="s">
        <v>509</v>
      </c>
      <c r="O625" s="11">
        <v>1</v>
      </c>
      <c r="P625" s="11">
        <v>10</v>
      </c>
      <c r="Q625" s="18"/>
      <c r="R625" s="207"/>
      <c r="S625" s="207"/>
      <c r="U625" s="207"/>
      <c r="V625" s="99"/>
      <c r="W625" s="99"/>
    </row>
    <row r="626" spans="1:23" s="8" customFormat="1" hidden="1">
      <c r="A626" s="88"/>
      <c r="B626" s="88"/>
      <c r="C626" s="87"/>
      <c r="D626" s="87"/>
      <c r="E626" s="87"/>
      <c r="F626" s="87"/>
      <c r="G626" s="87"/>
      <c r="H626" s="87">
        <v>5</v>
      </c>
      <c r="I626" s="87">
        <v>610</v>
      </c>
      <c r="J626" s="87" t="s">
        <v>269</v>
      </c>
      <c r="K626" s="87" t="s">
        <v>17</v>
      </c>
      <c r="L626" s="11" t="s">
        <v>71</v>
      </c>
      <c r="M626" s="87">
        <v>1</v>
      </c>
      <c r="N626" s="87" t="s">
        <v>150</v>
      </c>
      <c r="O626" s="87">
        <v>1</v>
      </c>
      <c r="P626" s="87">
        <v>15</v>
      </c>
      <c r="Q626" s="89"/>
      <c r="R626" s="207"/>
      <c r="S626" s="207"/>
      <c r="U626" s="207"/>
      <c r="V626" s="99"/>
      <c r="W626" s="99"/>
    </row>
    <row r="627" spans="1:23" s="8" customFormat="1" hidden="1">
      <c r="A627" s="88"/>
      <c r="B627" s="88"/>
      <c r="C627" s="87"/>
      <c r="D627" s="87"/>
      <c r="E627" s="87"/>
      <c r="F627" s="87"/>
      <c r="G627" s="87"/>
      <c r="H627" s="87">
        <v>6</v>
      </c>
      <c r="I627" s="87">
        <v>378</v>
      </c>
      <c r="J627" s="87" t="s">
        <v>267</v>
      </c>
      <c r="K627" s="87" t="s">
        <v>78</v>
      </c>
      <c r="L627" s="11" t="s">
        <v>71</v>
      </c>
      <c r="M627" s="87">
        <v>1</v>
      </c>
      <c r="N627" s="87" t="s">
        <v>514</v>
      </c>
      <c r="O627" s="87">
        <v>1</v>
      </c>
      <c r="P627" s="87">
        <v>1</v>
      </c>
      <c r="Q627" s="89" t="s">
        <v>696</v>
      </c>
      <c r="R627" s="207"/>
      <c r="S627" s="207"/>
      <c r="U627" s="207"/>
      <c r="V627" s="99"/>
      <c r="W627" s="99"/>
    </row>
    <row r="628" spans="1:23" s="8" customFormat="1" hidden="1">
      <c r="A628" s="88"/>
      <c r="B628" s="88"/>
      <c r="C628" s="87"/>
      <c r="D628" s="87"/>
      <c r="E628" s="87"/>
      <c r="F628" s="87"/>
      <c r="G628" s="87"/>
      <c r="H628" s="87">
        <v>7</v>
      </c>
      <c r="I628" s="87">
        <v>332</v>
      </c>
      <c r="J628" s="87" t="s">
        <v>232</v>
      </c>
      <c r="K628" s="87" t="s">
        <v>78</v>
      </c>
      <c r="L628" s="11" t="s">
        <v>71</v>
      </c>
      <c r="M628" s="87">
        <v>1</v>
      </c>
      <c r="N628" s="87" t="s">
        <v>438</v>
      </c>
      <c r="O628" s="87">
        <v>1</v>
      </c>
      <c r="P628" s="87">
        <v>6</v>
      </c>
      <c r="Q628" s="87"/>
      <c r="R628" s="207"/>
      <c r="S628" s="207"/>
      <c r="U628" s="207"/>
      <c r="V628" s="99"/>
      <c r="W628" s="99"/>
    </row>
    <row r="629" spans="1:23" s="8" customFormat="1" hidden="1">
      <c r="A629" s="88"/>
      <c r="B629" s="88"/>
      <c r="C629" s="87"/>
      <c r="D629" s="87"/>
      <c r="E629" s="19"/>
      <c r="F629" s="19"/>
      <c r="G629" s="19"/>
      <c r="H629" s="19">
        <v>8</v>
      </c>
      <c r="I629" s="19">
        <v>118</v>
      </c>
      <c r="J629" s="19" t="s">
        <v>264</v>
      </c>
      <c r="K629" s="19" t="s">
        <v>17</v>
      </c>
      <c r="L629" s="25" t="s">
        <v>96</v>
      </c>
      <c r="M629" s="19">
        <v>1</v>
      </c>
      <c r="N629" s="19" t="s">
        <v>438</v>
      </c>
      <c r="O629" s="19">
        <v>1</v>
      </c>
      <c r="P629" s="19">
        <v>9</v>
      </c>
      <c r="Q629" s="25"/>
      <c r="R629" s="207"/>
      <c r="S629" s="207"/>
      <c r="U629" s="207"/>
      <c r="V629" s="99"/>
      <c r="W629" s="99"/>
    </row>
    <row r="630" spans="1:23" s="8" customFormat="1" hidden="1">
      <c r="A630" s="88"/>
      <c r="B630" s="88"/>
      <c r="C630" s="87"/>
      <c r="D630" s="87"/>
      <c r="E630" s="19"/>
      <c r="F630" s="19"/>
      <c r="G630" s="19"/>
      <c r="H630" s="19">
        <v>9</v>
      </c>
      <c r="I630" s="19">
        <v>355</v>
      </c>
      <c r="J630" s="19" t="s">
        <v>103</v>
      </c>
      <c r="K630" s="19" t="s">
        <v>78</v>
      </c>
      <c r="L630" s="25" t="s">
        <v>96</v>
      </c>
      <c r="M630" s="19">
        <v>1</v>
      </c>
      <c r="N630" s="19" t="s">
        <v>514</v>
      </c>
      <c r="O630" s="19">
        <v>2</v>
      </c>
      <c r="P630" s="19">
        <v>2</v>
      </c>
      <c r="Q630" s="25"/>
      <c r="R630" s="207"/>
      <c r="S630" s="207"/>
      <c r="U630" s="207"/>
      <c r="V630" s="99"/>
      <c r="W630" s="99"/>
    </row>
    <row r="631" spans="1:23" s="8" customFormat="1" hidden="1">
      <c r="A631" s="88"/>
      <c r="B631" s="88"/>
      <c r="C631" s="87"/>
      <c r="D631" s="87"/>
      <c r="E631" s="19"/>
      <c r="F631" s="19"/>
      <c r="G631" s="19"/>
      <c r="H631" s="19">
        <v>10</v>
      </c>
      <c r="I631" s="19">
        <v>380</v>
      </c>
      <c r="J631" s="19" t="s">
        <v>105</v>
      </c>
      <c r="K631" s="19" t="s">
        <v>78</v>
      </c>
      <c r="L631" s="25" t="s">
        <v>96</v>
      </c>
      <c r="M631" s="19">
        <v>1</v>
      </c>
      <c r="N631" s="19" t="s">
        <v>438</v>
      </c>
      <c r="O631" s="19">
        <v>1</v>
      </c>
      <c r="P631" s="19">
        <v>15</v>
      </c>
      <c r="Q631" s="25"/>
      <c r="R631" s="207"/>
      <c r="S631" s="207"/>
      <c r="U631" s="207"/>
      <c r="V631" s="99"/>
      <c r="W631" s="99"/>
    </row>
    <row r="632" spans="1:23" s="8" customFormat="1" hidden="1">
      <c r="A632" s="88"/>
      <c r="B632" s="88"/>
      <c r="C632" s="87"/>
      <c r="D632" s="87"/>
      <c r="E632" s="19"/>
      <c r="F632" s="19"/>
      <c r="G632" s="19"/>
      <c r="H632" s="19">
        <v>11</v>
      </c>
      <c r="I632" s="19">
        <v>380</v>
      </c>
      <c r="J632" s="19" t="s">
        <v>105</v>
      </c>
      <c r="K632" s="19" t="s">
        <v>17</v>
      </c>
      <c r="L632" s="25" t="s">
        <v>96</v>
      </c>
      <c r="M632" s="19">
        <v>1</v>
      </c>
      <c r="N632" s="19" t="s">
        <v>438</v>
      </c>
      <c r="O632" s="19">
        <v>1</v>
      </c>
      <c r="P632" s="19">
        <v>15</v>
      </c>
      <c r="Q632" s="25"/>
      <c r="R632" s="207"/>
      <c r="S632" s="207"/>
      <c r="U632" s="207"/>
      <c r="V632" s="99"/>
      <c r="W632" s="99"/>
    </row>
    <row r="633" spans="1:23" s="8" customFormat="1" hidden="1">
      <c r="A633" s="88"/>
      <c r="B633" s="88"/>
      <c r="C633" s="87"/>
      <c r="D633" s="87"/>
      <c r="E633" s="19"/>
      <c r="F633" s="19"/>
      <c r="G633" s="19"/>
      <c r="H633" s="19">
        <v>12</v>
      </c>
      <c r="I633" s="19">
        <v>331</v>
      </c>
      <c r="J633" s="19" t="s">
        <v>259</v>
      </c>
      <c r="K633" s="19" t="s">
        <v>17</v>
      </c>
      <c r="L633" s="25" t="s">
        <v>96</v>
      </c>
      <c r="M633" s="19">
        <v>1</v>
      </c>
      <c r="N633" s="19" t="s">
        <v>514</v>
      </c>
      <c r="O633" s="19">
        <v>2</v>
      </c>
      <c r="P633" s="19">
        <v>2</v>
      </c>
      <c r="Q633" s="25"/>
      <c r="R633" s="207"/>
      <c r="S633" s="207"/>
      <c r="U633" s="207"/>
      <c r="V633" s="99"/>
      <c r="W633" s="99"/>
    </row>
    <row r="634" spans="1:23" s="8" customFormat="1" hidden="1">
      <c r="A634" s="88"/>
      <c r="B634" s="88"/>
      <c r="C634" s="87"/>
      <c r="D634" s="87"/>
      <c r="E634" s="87"/>
      <c r="F634" s="87"/>
      <c r="G634" s="87"/>
      <c r="H634" s="87">
        <v>13</v>
      </c>
      <c r="I634" s="87">
        <v>127</v>
      </c>
      <c r="J634" s="87" t="s">
        <v>126</v>
      </c>
      <c r="K634" s="87" t="s">
        <v>78</v>
      </c>
      <c r="L634" s="11" t="s">
        <v>71</v>
      </c>
      <c r="M634" s="87">
        <v>1</v>
      </c>
      <c r="N634" s="87" t="s">
        <v>509</v>
      </c>
      <c r="O634" s="87">
        <v>1</v>
      </c>
      <c r="P634" s="87">
        <v>30</v>
      </c>
      <c r="Q634" s="89"/>
      <c r="R634" s="207"/>
      <c r="S634" s="207"/>
      <c r="U634" s="207"/>
      <c r="V634" s="99"/>
      <c r="W634" s="99"/>
    </row>
    <row r="635" spans="1:23" s="8" customFormat="1" hidden="1">
      <c r="A635" s="88"/>
      <c r="B635" s="88"/>
      <c r="C635" s="87"/>
      <c r="D635" s="87"/>
      <c r="E635" s="87"/>
      <c r="F635" s="87"/>
      <c r="G635" s="87"/>
      <c r="H635" s="87">
        <v>14</v>
      </c>
      <c r="I635" s="87">
        <v>770</v>
      </c>
      <c r="J635" s="87" t="s">
        <v>256</v>
      </c>
      <c r="K635" s="87" t="s">
        <v>17</v>
      </c>
      <c r="L635" s="11" t="s">
        <v>71</v>
      </c>
      <c r="M635" s="87">
        <v>1</v>
      </c>
      <c r="N635" s="87" t="s">
        <v>509</v>
      </c>
      <c r="O635" s="87">
        <v>1</v>
      </c>
      <c r="P635" s="87">
        <v>20</v>
      </c>
      <c r="Q635" s="89"/>
      <c r="R635" s="207"/>
      <c r="S635" s="207"/>
      <c r="U635" s="207"/>
      <c r="V635" s="99"/>
      <c r="W635" s="99"/>
    </row>
    <row r="636" spans="1:23" s="8" customFormat="1" hidden="1">
      <c r="A636" s="88"/>
      <c r="B636" s="88"/>
      <c r="C636" s="87"/>
      <c r="D636" s="87"/>
      <c r="E636" s="87"/>
      <c r="F636" s="87"/>
      <c r="G636" s="87"/>
      <c r="H636" s="87">
        <v>15</v>
      </c>
      <c r="I636" s="87">
        <v>352</v>
      </c>
      <c r="J636" s="87" t="s">
        <v>3</v>
      </c>
      <c r="K636" s="87" t="s">
        <v>78</v>
      </c>
      <c r="L636" s="11" t="s">
        <v>71</v>
      </c>
      <c r="M636" s="87">
        <v>1</v>
      </c>
      <c r="N636" s="87" t="s">
        <v>509</v>
      </c>
      <c r="O636" s="87">
        <v>1</v>
      </c>
      <c r="P636" s="87">
        <v>80</v>
      </c>
      <c r="Q636" s="89"/>
      <c r="R636" s="207"/>
      <c r="S636" s="207"/>
      <c r="U636" s="207"/>
      <c r="V636" s="99"/>
      <c r="W636" s="99"/>
    </row>
    <row r="637" spans="1:23" s="8" customFormat="1" hidden="1">
      <c r="A637" s="88"/>
      <c r="B637" s="88"/>
      <c r="C637" s="87"/>
      <c r="D637" s="87"/>
      <c r="E637" s="87"/>
      <c r="F637" s="87"/>
      <c r="G637" s="87"/>
      <c r="H637" s="87">
        <v>16</v>
      </c>
      <c r="I637" s="87">
        <v>819</v>
      </c>
      <c r="J637" s="87" t="s">
        <v>253</v>
      </c>
      <c r="K637" s="87" t="s">
        <v>17</v>
      </c>
      <c r="L637" s="11" t="s">
        <v>71</v>
      </c>
      <c r="M637" s="87">
        <v>1</v>
      </c>
      <c r="N637" s="87" t="s">
        <v>514</v>
      </c>
      <c r="O637" s="87">
        <v>2</v>
      </c>
      <c r="P637" s="87">
        <v>3</v>
      </c>
      <c r="Q637" s="89"/>
      <c r="R637" s="207"/>
      <c r="S637" s="207"/>
      <c r="U637" s="207"/>
      <c r="V637" s="99"/>
      <c r="W637" s="99"/>
    </row>
    <row r="638" spans="1:23" s="8" customFormat="1" hidden="1">
      <c r="A638" s="84" t="s">
        <v>278</v>
      </c>
      <c r="B638" s="84" t="s">
        <v>524</v>
      </c>
      <c r="C638" s="85"/>
      <c r="D638" s="85"/>
      <c r="E638" s="85"/>
      <c r="F638" s="85"/>
      <c r="G638" s="85"/>
      <c r="H638" s="85"/>
      <c r="I638" s="85"/>
      <c r="J638" s="85"/>
      <c r="K638" s="85" t="s">
        <v>17</v>
      </c>
      <c r="L638" s="75" t="s">
        <v>71</v>
      </c>
      <c r="M638" s="85">
        <v>25</v>
      </c>
      <c r="N638" s="85"/>
      <c r="O638" s="85"/>
      <c r="P638" s="85"/>
      <c r="Q638" s="86"/>
      <c r="R638" s="207"/>
      <c r="S638" s="207"/>
      <c r="U638" s="207"/>
      <c r="V638" s="99"/>
      <c r="W638" s="99"/>
    </row>
    <row r="639" spans="1:23" s="8" customFormat="1" hidden="1">
      <c r="A639" s="84"/>
      <c r="B639" s="84"/>
      <c r="C639" s="85" t="s">
        <v>278</v>
      </c>
      <c r="D639" s="85" t="s">
        <v>524</v>
      </c>
      <c r="E639" s="85"/>
      <c r="F639" s="85"/>
      <c r="G639" s="85"/>
      <c r="H639" s="85"/>
      <c r="I639" s="85"/>
      <c r="J639" s="85"/>
      <c r="K639" s="85" t="s">
        <v>66</v>
      </c>
      <c r="L639" s="75" t="s">
        <v>65</v>
      </c>
      <c r="M639" s="85">
        <v>1</v>
      </c>
      <c r="N639" s="85"/>
      <c r="O639" s="85"/>
      <c r="P639" s="85"/>
      <c r="Q639" s="86"/>
      <c r="R639" s="207"/>
      <c r="S639" s="207"/>
      <c r="U639" s="207"/>
      <c r="V639" s="99"/>
      <c r="W639" s="99"/>
    </row>
    <row r="640" spans="1:23" s="8" customFormat="1" hidden="1">
      <c r="A640" s="88"/>
      <c r="B640" s="88"/>
      <c r="C640" s="87"/>
      <c r="D640" s="87"/>
      <c r="E640" s="87"/>
      <c r="F640" s="87"/>
      <c r="G640" s="87"/>
      <c r="H640" s="87">
        <v>1</v>
      </c>
      <c r="I640" s="87">
        <v>248</v>
      </c>
      <c r="J640" s="87" t="s">
        <v>276</v>
      </c>
      <c r="K640" s="87" t="s">
        <v>66</v>
      </c>
      <c r="L640" s="11" t="s">
        <v>65</v>
      </c>
      <c r="M640" s="87">
        <v>1</v>
      </c>
      <c r="N640" s="87" t="s">
        <v>514</v>
      </c>
      <c r="O640" s="87">
        <v>1</v>
      </c>
      <c r="P640" s="87">
        <v>1</v>
      </c>
      <c r="Q640" s="89" t="s">
        <v>649</v>
      </c>
      <c r="R640" s="207"/>
      <c r="S640" s="207"/>
      <c r="U640" s="207"/>
      <c r="V640" s="99"/>
      <c r="W640" s="99"/>
    </row>
    <row r="641" spans="1:23" s="8" customFormat="1" hidden="1">
      <c r="A641" s="88"/>
      <c r="B641" s="88"/>
      <c r="C641" s="87"/>
      <c r="D641" s="87"/>
      <c r="E641" s="87"/>
      <c r="F641" s="87"/>
      <c r="G641" s="87"/>
      <c r="H641" s="87">
        <v>2</v>
      </c>
      <c r="I641" s="87">
        <v>1300</v>
      </c>
      <c r="J641" s="87" t="s">
        <v>274</v>
      </c>
      <c r="K641" s="87" t="s">
        <v>78</v>
      </c>
      <c r="L641" s="11" t="s">
        <v>71</v>
      </c>
      <c r="M641" s="87">
        <v>1</v>
      </c>
      <c r="N641" s="87" t="s">
        <v>514</v>
      </c>
      <c r="O641" s="87">
        <v>4</v>
      </c>
      <c r="P641" s="87">
        <v>4</v>
      </c>
      <c r="Q641" s="89" t="s">
        <v>810</v>
      </c>
      <c r="R641" s="207"/>
      <c r="S641" s="207"/>
      <c r="U641" s="207"/>
      <c r="V641" s="99"/>
      <c r="W641" s="99"/>
    </row>
    <row r="642" spans="1:23" s="8" customFormat="1" hidden="1">
      <c r="A642" s="88"/>
      <c r="B642" s="88"/>
      <c r="C642" s="87"/>
      <c r="D642" s="87"/>
      <c r="E642" s="19"/>
      <c r="F642" s="19"/>
      <c r="G642" s="19"/>
      <c r="H642" s="19">
        <v>3</v>
      </c>
      <c r="I642" s="19">
        <v>559</v>
      </c>
      <c r="J642" s="19" t="s">
        <v>197</v>
      </c>
      <c r="K642" s="19" t="s">
        <v>78</v>
      </c>
      <c r="L642" s="25" t="s">
        <v>96</v>
      </c>
      <c r="M642" s="91">
        <v>1</v>
      </c>
      <c r="N642" s="91" t="s">
        <v>514</v>
      </c>
      <c r="O642" s="91">
        <v>2</v>
      </c>
      <c r="P642" s="91">
        <v>2</v>
      </c>
      <c r="Q642" s="272"/>
      <c r="R642" s="207"/>
      <c r="S642" s="207"/>
      <c r="U642" s="207"/>
      <c r="V642" s="99"/>
      <c r="W642" s="99"/>
    </row>
    <row r="643" spans="1:23" s="8" customFormat="1" hidden="1">
      <c r="A643" s="88"/>
      <c r="B643" s="88"/>
      <c r="C643" s="87"/>
      <c r="D643" s="87"/>
      <c r="E643" s="19"/>
      <c r="F643" s="19"/>
      <c r="G643" s="19"/>
      <c r="H643" s="19">
        <v>4</v>
      </c>
      <c r="I643" s="19">
        <v>1301</v>
      </c>
      <c r="J643" s="19" t="s">
        <v>271</v>
      </c>
      <c r="K643" s="19" t="s">
        <v>78</v>
      </c>
      <c r="L643" s="25" t="s">
        <v>96</v>
      </c>
      <c r="M643" s="19">
        <v>1</v>
      </c>
      <c r="N643" s="19" t="s">
        <v>509</v>
      </c>
      <c r="O643" s="19">
        <v>1</v>
      </c>
      <c r="P643" s="19">
        <v>10</v>
      </c>
      <c r="Q643" s="25"/>
      <c r="R643" s="207"/>
      <c r="S643" s="207"/>
      <c r="U643" s="207"/>
      <c r="V643" s="99"/>
      <c r="W643" s="99"/>
    </row>
    <row r="644" spans="1:23" s="8" customFormat="1" hidden="1">
      <c r="A644" s="88"/>
      <c r="B644" s="88"/>
      <c r="C644" s="87"/>
      <c r="D644" s="87"/>
      <c r="E644" s="87"/>
      <c r="F644" s="87"/>
      <c r="G644" s="87"/>
      <c r="H644" s="87">
        <v>5</v>
      </c>
      <c r="I644" s="87">
        <v>610</v>
      </c>
      <c r="J644" s="87" t="s">
        <v>269</v>
      </c>
      <c r="K644" s="87" t="s">
        <v>17</v>
      </c>
      <c r="L644" s="11" t="s">
        <v>71</v>
      </c>
      <c r="M644" s="87">
        <v>1</v>
      </c>
      <c r="N644" s="87" t="s">
        <v>150</v>
      </c>
      <c r="O644" s="87">
        <v>1</v>
      </c>
      <c r="P644" s="87">
        <v>15</v>
      </c>
      <c r="Q644" s="89"/>
      <c r="R644" s="207"/>
      <c r="S644" s="207"/>
      <c r="U644" s="207"/>
      <c r="V644" s="99"/>
      <c r="W644" s="99"/>
    </row>
    <row r="645" spans="1:23" s="8" customFormat="1" hidden="1">
      <c r="A645" s="88"/>
      <c r="B645" s="88"/>
      <c r="C645" s="87"/>
      <c r="D645" s="87"/>
      <c r="E645" s="19"/>
      <c r="F645" s="19"/>
      <c r="G645" s="19"/>
      <c r="H645" s="19">
        <v>6</v>
      </c>
      <c r="I645" s="19">
        <v>378</v>
      </c>
      <c r="J645" s="19" t="s">
        <v>267</v>
      </c>
      <c r="K645" s="19" t="s">
        <v>78</v>
      </c>
      <c r="L645" s="25" t="s">
        <v>96</v>
      </c>
      <c r="M645" s="91">
        <v>1</v>
      </c>
      <c r="N645" s="91" t="s">
        <v>514</v>
      </c>
      <c r="O645" s="91">
        <v>1</v>
      </c>
      <c r="P645" s="91">
        <v>1</v>
      </c>
      <c r="Q645" s="272"/>
      <c r="R645" s="207"/>
      <c r="S645" s="207"/>
      <c r="U645" s="207"/>
      <c r="V645" s="99"/>
      <c r="W645" s="99"/>
    </row>
    <row r="646" spans="1:23" s="8" customFormat="1" hidden="1">
      <c r="A646" s="88"/>
      <c r="B646" s="88"/>
      <c r="C646" s="87"/>
      <c r="D646" s="87"/>
      <c r="E646" s="19"/>
      <c r="F646" s="19"/>
      <c r="G646" s="19"/>
      <c r="H646" s="19">
        <v>7</v>
      </c>
      <c r="I646" s="19">
        <v>332</v>
      </c>
      <c r="J646" s="19" t="s">
        <v>232</v>
      </c>
      <c r="K646" s="19" t="s">
        <v>78</v>
      </c>
      <c r="L646" s="25" t="s">
        <v>96</v>
      </c>
      <c r="M646" s="91">
        <v>1</v>
      </c>
      <c r="N646" s="91" t="s">
        <v>438</v>
      </c>
      <c r="O646" s="91">
        <v>1</v>
      </c>
      <c r="P646" s="91">
        <v>6</v>
      </c>
      <c r="Q646" s="272"/>
      <c r="R646" s="207"/>
      <c r="S646" s="207"/>
      <c r="U646" s="207"/>
      <c r="V646" s="99"/>
      <c r="W646" s="99"/>
    </row>
    <row r="647" spans="1:23" s="8" customFormat="1" hidden="1">
      <c r="A647" s="88"/>
      <c r="B647" s="88"/>
      <c r="C647" s="87"/>
      <c r="D647" s="87"/>
      <c r="E647" s="19"/>
      <c r="F647" s="19"/>
      <c r="G647" s="19"/>
      <c r="H647" s="19">
        <v>8</v>
      </c>
      <c r="I647" s="19">
        <v>118</v>
      </c>
      <c r="J647" s="19" t="s">
        <v>264</v>
      </c>
      <c r="K647" s="19" t="s">
        <v>17</v>
      </c>
      <c r="L647" s="25" t="s">
        <v>96</v>
      </c>
      <c r="M647" s="19">
        <v>1</v>
      </c>
      <c r="N647" s="19" t="s">
        <v>438</v>
      </c>
      <c r="O647" s="19">
        <v>1</v>
      </c>
      <c r="P647" s="19">
        <v>9</v>
      </c>
      <c r="Q647" s="25"/>
      <c r="R647" s="207"/>
      <c r="S647" s="207"/>
      <c r="U647" s="207"/>
      <c r="V647" s="99"/>
      <c r="W647" s="99"/>
    </row>
    <row r="648" spans="1:23" s="8" customFormat="1" hidden="1">
      <c r="A648" s="88"/>
      <c r="B648" s="88"/>
      <c r="C648" s="87"/>
      <c r="D648" s="87"/>
      <c r="E648" s="19"/>
      <c r="F648" s="19"/>
      <c r="G648" s="19"/>
      <c r="H648" s="19">
        <v>9</v>
      </c>
      <c r="I648" s="19">
        <v>355</v>
      </c>
      <c r="J648" s="19" t="s">
        <v>103</v>
      </c>
      <c r="K648" s="19" t="s">
        <v>78</v>
      </c>
      <c r="L648" s="25" t="s">
        <v>96</v>
      </c>
      <c r="M648" s="19">
        <v>1</v>
      </c>
      <c r="N648" s="19" t="s">
        <v>514</v>
      </c>
      <c r="O648" s="19">
        <v>2</v>
      </c>
      <c r="P648" s="19">
        <v>2</v>
      </c>
      <c r="Q648" s="25"/>
      <c r="R648" s="207"/>
      <c r="S648" s="207"/>
      <c r="U648" s="207"/>
      <c r="V648" s="99"/>
      <c r="W648" s="99"/>
    </row>
    <row r="649" spans="1:23" s="8" customFormat="1" hidden="1">
      <c r="A649" s="88"/>
      <c r="B649" s="88"/>
      <c r="C649" s="87"/>
      <c r="D649" s="87"/>
      <c r="E649" s="19"/>
      <c r="F649" s="19"/>
      <c r="G649" s="19"/>
      <c r="H649" s="19">
        <v>10</v>
      </c>
      <c r="I649" s="19">
        <v>380</v>
      </c>
      <c r="J649" s="19" t="s">
        <v>105</v>
      </c>
      <c r="K649" s="19" t="s">
        <v>78</v>
      </c>
      <c r="L649" s="25" t="s">
        <v>96</v>
      </c>
      <c r="M649" s="19">
        <v>1</v>
      </c>
      <c r="N649" s="19" t="s">
        <v>438</v>
      </c>
      <c r="O649" s="19">
        <v>1</v>
      </c>
      <c r="P649" s="19">
        <v>15</v>
      </c>
      <c r="Q649" s="25"/>
      <c r="R649" s="207"/>
      <c r="S649" s="207"/>
      <c r="U649" s="207"/>
      <c r="V649" s="99"/>
      <c r="W649" s="99"/>
    </row>
    <row r="650" spans="1:23" s="8" customFormat="1" hidden="1">
      <c r="A650" s="88"/>
      <c r="B650" s="88"/>
      <c r="C650" s="87"/>
      <c r="D650" s="87"/>
      <c r="E650" s="19"/>
      <c r="F650" s="19"/>
      <c r="G650" s="19"/>
      <c r="H650" s="19">
        <v>11</v>
      </c>
      <c r="I650" s="19">
        <v>380</v>
      </c>
      <c r="J650" s="19" t="s">
        <v>105</v>
      </c>
      <c r="K650" s="19" t="s">
        <v>17</v>
      </c>
      <c r="L650" s="25" t="s">
        <v>96</v>
      </c>
      <c r="M650" s="19">
        <v>1</v>
      </c>
      <c r="N650" s="19" t="s">
        <v>438</v>
      </c>
      <c r="O650" s="19">
        <v>1</v>
      </c>
      <c r="P650" s="19">
        <v>15</v>
      </c>
      <c r="Q650" s="25"/>
      <c r="R650" s="207"/>
      <c r="S650" s="207"/>
      <c r="U650" s="207"/>
      <c r="V650" s="99"/>
      <c r="W650" s="99"/>
    </row>
    <row r="651" spans="1:23" s="8" customFormat="1" hidden="1">
      <c r="A651" s="88"/>
      <c r="B651" s="88"/>
      <c r="C651" s="87"/>
      <c r="D651" s="87"/>
      <c r="E651" s="19"/>
      <c r="F651" s="19"/>
      <c r="G651" s="19"/>
      <c r="H651" s="19">
        <v>12</v>
      </c>
      <c r="I651" s="19">
        <v>331</v>
      </c>
      <c r="J651" s="19" t="s">
        <v>259</v>
      </c>
      <c r="K651" s="19" t="s">
        <v>17</v>
      </c>
      <c r="L651" s="25" t="s">
        <v>96</v>
      </c>
      <c r="M651" s="19">
        <v>1</v>
      </c>
      <c r="N651" s="19" t="s">
        <v>514</v>
      </c>
      <c r="O651" s="19">
        <v>2</v>
      </c>
      <c r="P651" s="19">
        <v>2</v>
      </c>
      <c r="Q651" s="25"/>
      <c r="R651" s="207"/>
      <c r="S651" s="207"/>
      <c r="U651" s="207"/>
      <c r="V651" s="99"/>
      <c r="W651" s="99"/>
    </row>
    <row r="652" spans="1:23" s="8" customFormat="1" hidden="1">
      <c r="A652" s="88"/>
      <c r="B652" s="88"/>
      <c r="C652" s="87"/>
      <c r="D652" s="87"/>
      <c r="E652" s="87"/>
      <c r="F652" s="87"/>
      <c r="G652" s="87"/>
      <c r="H652" s="87">
        <v>13</v>
      </c>
      <c r="I652" s="87">
        <v>127</v>
      </c>
      <c r="J652" s="87" t="s">
        <v>126</v>
      </c>
      <c r="K652" s="87" t="s">
        <v>78</v>
      </c>
      <c r="L652" s="11" t="s">
        <v>71</v>
      </c>
      <c r="M652" s="87">
        <v>1</v>
      </c>
      <c r="N652" s="87" t="s">
        <v>509</v>
      </c>
      <c r="O652" s="87">
        <v>1</v>
      </c>
      <c r="P652" s="87">
        <v>30</v>
      </c>
      <c r="Q652" s="89"/>
      <c r="R652" s="207"/>
      <c r="S652" s="207"/>
      <c r="U652" s="207"/>
      <c r="V652" s="99"/>
      <c r="W652" s="99"/>
    </row>
    <row r="653" spans="1:23" s="8" customFormat="1" hidden="1">
      <c r="A653" s="88"/>
      <c r="B653" s="88"/>
      <c r="C653" s="87"/>
      <c r="D653" s="87"/>
      <c r="E653" s="19"/>
      <c r="F653" s="19"/>
      <c r="G653" s="19"/>
      <c r="H653" s="19">
        <v>14</v>
      </c>
      <c r="I653" s="19">
        <v>770</v>
      </c>
      <c r="J653" s="19" t="s">
        <v>256</v>
      </c>
      <c r="K653" s="19" t="s">
        <v>17</v>
      </c>
      <c r="L653" s="272" t="s">
        <v>96</v>
      </c>
      <c r="M653" s="91">
        <v>1</v>
      </c>
      <c r="N653" s="91" t="s">
        <v>509</v>
      </c>
      <c r="O653" s="91">
        <v>1</v>
      </c>
      <c r="P653" s="91">
        <v>20</v>
      </c>
      <c r="Q653" s="272"/>
      <c r="R653" s="207"/>
      <c r="S653" s="207"/>
      <c r="U653" s="207"/>
      <c r="V653" s="99"/>
      <c r="W653" s="99"/>
    </row>
    <row r="654" spans="1:23" s="8" customFormat="1" hidden="1">
      <c r="A654" s="88"/>
      <c r="B654" s="88"/>
      <c r="C654" s="87"/>
      <c r="D654" s="87"/>
      <c r="E654" s="87"/>
      <c r="F654" s="87"/>
      <c r="G654" s="87"/>
      <c r="H654" s="87">
        <v>15</v>
      </c>
      <c r="I654" s="87">
        <v>352</v>
      </c>
      <c r="J654" s="87" t="s">
        <v>3</v>
      </c>
      <c r="K654" s="87" t="s">
        <v>78</v>
      </c>
      <c r="L654" s="11" t="s">
        <v>71</v>
      </c>
      <c r="M654" s="87">
        <v>1</v>
      </c>
      <c r="N654" s="87" t="s">
        <v>509</v>
      </c>
      <c r="O654" s="87">
        <v>1</v>
      </c>
      <c r="P654" s="87">
        <v>80</v>
      </c>
      <c r="Q654" s="89"/>
      <c r="R654" s="207"/>
      <c r="S654" s="207"/>
      <c r="U654" s="207"/>
      <c r="V654" s="99"/>
      <c r="W654" s="99"/>
    </row>
    <row r="655" spans="1:23" s="8" customFormat="1" hidden="1">
      <c r="A655" s="88"/>
      <c r="B655" s="88"/>
      <c r="C655" s="87"/>
      <c r="D655" s="87"/>
      <c r="E655" s="87"/>
      <c r="F655" s="87"/>
      <c r="G655" s="87"/>
      <c r="H655" s="87">
        <v>16</v>
      </c>
      <c r="I655" s="87">
        <v>819</v>
      </c>
      <c r="J655" s="87" t="s">
        <v>253</v>
      </c>
      <c r="K655" s="87" t="s">
        <v>17</v>
      </c>
      <c r="L655" s="11" t="s">
        <v>71</v>
      </c>
      <c r="M655" s="87">
        <v>1</v>
      </c>
      <c r="N655" s="87" t="s">
        <v>514</v>
      </c>
      <c r="O655" s="87">
        <v>2</v>
      </c>
      <c r="P655" s="87">
        <v>3</v>
      </c>
      <c r="Q655" s="89"/>
      <c r="R655" s="207"/>
      <c r="S655" s="207"/>
      <c r="U655" s="207"/>
      <c r="V655" s="99"/>
      <c r="W655" s="99"/>
    </row>
    <row r="656" spans="1:23" s="8" customFormat="1" hidden="1">
      <c r="A656" s="84"/>
      <c r="B656" s="84"/>
      <c r="C656" s="85" t="s">
        <v>237</v>
      </c>
      <c r="D656" s="85" t="s">
        <v>517</v>
      </c>
      <c r="E656" s="85"/>
      <c r="F656" s="85"/>
      <c r="G656" s="85"/>
      <c r="H656" s="85"/>
      <c r="I656" s="85"/>
      <c r="J656" s="85"/>
      <c r="K656" s="85" t="s">
        <v>17</v>
      </c>
      <c r="L656" s="75" t="s">
        <v>71</v>
      </c>
      <c r="M656" s="85">
        <v>10</v>
      </c>
      <c r="N656" s="85"/>
      <c r="O656" s="85"/>
      <c r="P656" s="85"/>
      <c r="Q656" s="86"/>
      <c r="R656" s="207"/>
      <c r="S656" s="207"/>
      <c r="U656" s="207"/>
      <c r="V656" s="99"/>
      <c r="W656" s="99"/>
    </row>
    <row r="657" spans="1:23" s="8" customFormat="1" ht="70" hidden="1">
      <c r="A657" s="88"/>
      <c r="B657" s="88"/>
      <c r="C657" s="87"/>
      <c r="D657" s="87"/>
      <c r="E657" s="87"/>
      <c r="F657" s="87"/>
      <c r="G657" s="87"/>
      <c r="H657" s="87">
        <v>1</v>
      </c>
      <c r="I657" s="87">
        <v>963</v>
      </c>
      <c r="J657" s="87" t="s">
        <v>235</v>
      </c>
      <c r="K657" s="87" t="s">
        <v>66</v>
      </c>
      <c r="L657" s="11" t="s">
        <v>65</v>
      </c>
      <c r="M657" s="87">
        <v>1</v>
      </c>
      <c r="N657" s="87" t="s">
        <v>514</v>
      </c>
      <c r="O657" s="87">
        <v>2</v>
      </c>
      <c r="P657" s="87">
        <v>2</v>
      </c>
      <c r="Q657" s="270" t="s">
        <v>624</v>
      </c>
      <c r="R657" s="207"/>
      <c r="S657" s="207"/>
      <c r="U657" s="207"/>
      <c r="V657" s="99"/>
      <c r="W657" s="99"/>
    </row>
    <row r="658" spans="1:23" s="8" customFormat="1" hidden="1">
      <c r="A658" s="88"/>
      <c r="B658" s="88"/>
      <c r="C658" s="87"/>
      <c r="D658" s="87"/>
      <c r="E658" s="87"/>
      <c r="F658" s="87"/>
      <c r="G658" s="87"/>
      <c r="H658" s="87">
        <v>2</v>
      </c>
      <c r="I658" s="87">
        <v>782</v>
      </c>
      <c r="J658" s="87" t="s">
        <v>67</v>
      </c>
      <c r="K658" s="87" t="s">
        <v>78</v>
      </c>
      <c r="L658" s="11" t="s">
        <v>71</v>
      </c>
      <c r="M658" s="87">
        <v>1</v>
      </c>
      <c r="N658" s="87" t="s">
        <v>438</v>
      </c>
      <c r="O658" s="87">
        <v>1</v>
      </c>
      <c r="P658" s="87">
        <v>18</v>
      </c>
      <c r="Q658" s="89"/>
      <c r="R658" s="207"/>
      <c r="S658" s="207"/>
      <c r="U658" s="207"/>
      <c r="V658" s="99"/>
      <c r="W658" s="99"/>
    </row>
    <row r="659" spans="1:23" s="8" customFormat="1" hidden="1">
      <c r="A659" s="88"/>
      <c r="B659" s="88"/>
      <c r="C659" s="87"/>
      <c r="D659" s="87"/>
      <c r="E659" s="87"/>
      <c r="F659" s="87"/>
      <c r="G659" s="87"/>
      <c r="H659" s="87">
        <v>3</v>
      </c>
      <c r="I659" s="87">
        <v>954</v>
      </c>
      <c r="J659" s="87" t="s">
        <v>232</v>
      </c>
      <c r="K659" s="87" t="s">
        <v>78</v>
      </c>
      <c r="L659" s="11" t="s">
        <v>71</v>
      </c>
      <c r="M659" s="11">
        <v>1</v>
      </c>
      <c r="N659" s="11" t="s">
        <v>438</v>
      </c>
      <c r="O659" s="11">
        <v>1</v>
      </c>
      <c r="P659" s="11">
        <v>10</v>
      </c>
      <c r="Q659" s="89"/>
      <c r="R659" s="207"/>
      <c r="S659" s="207"/>
      <c r="U659" s="207"/>
      <c r="V659" s="99"/>
      <c r="W659" s="99"/>
    </row>
    <row r="660" spans="1:23" s="8" customFormat="1" hidden="1">
      <c r="A660" s="88"/>
      <c r="B660" s="88"/>
      <c r="C660" s="87"/>
      <c r="D660" s="87"/>
      <c r="E660" s="87"/>
      <c r="F660" s="87"/>
      <c r="G660" s="87"/>
      <c r="H660" s="87">
        <v>4</v>
      </c>
      <c r="I660" s="87">
        <v>955</v>
      </c>
      <c r="J660" s="87" t="s">
        <v>230</v>
      </c>
      <c r="K660" s="87" t="s">
        <v>78</v>
      </c>
      <c r="L660" s="11" t="s">
        <v>71</v>
      </c>
      <c r="M660" s="11">
        <v>1</v>
      </c>
      <c r="N660" s="11" t="s">
        <v>514</v>
      </c>
      <c r="O660" s="11">
        <v>2</v>
      </c>
      <c r="P660" s="11">
        <v>2</v>
      </c>
      <c r="Q660" s="89" t="s">
        <v>813</v>
      </c>
      <c r="R660" s="207"/>
      <c r="S660" s="207"/>
      <c r="U660" s="207"/>
      <c r="V660" s="99"/>
      <c r="W660" s="99"/>
    </row>
    <row r="661" spans="1:23" s="8" customFormat="1" hidden="1">
      <c r="A661" s="88"/>
      <c r="B661" s="88"/>
      <c r="C661" s="87"/>
      <c r="D661" s="87"/>
      <c r="E661" s="87"/>
      <c r="F661" s="87"/>
      <c r="G661" s="87"/>
      <c r="H661" s="87">
        <v>5</v>
      </c>
      <c r="I661" s="87">
        <v>956</v>
      </c>
      <c r="J661" s="87" t="s">
        <v>228</v>
      </c>
      <c r="K661" s="87" t="s">
        <v>78</v>
      </c>
      <c r="L661" s="11" t="s">
        <v>71</v>
      </c>
      <c r="M661" s="11">
        <v>1</v>
      </c>
      <c r="N661" s="11" t="s">
        <v>509</v>
      </c>
      <c r="O661" s="11">
        <v>1</v>
      </c>
      <c r="P661" s="11">
        <v>10</v>
      </c>
      <c r="Q661" s="89"/>
      <c r="R661" s="207"/>
      <c r="S661" s="207"/>
      <c r="U661" s="207"/>
      <c r="V661" s="99"/>
      <c r="W661" s="99"/>
    </row>
    <row r="662" spans="1:23" s="8" customFormat="1" ht="70" hidden="1">
      <c r="A662" s="88"/>
      <c r="B662" s="88"/>
      <c r="C662" s="87"/>
      <c r="D662" s="87"/>
      <c r="E662" s="87"/>
      <c r="F662" s="87"/>
      <c r="G662" s="87"/>
      <c r="H662" s="87">
        <v>6</v>
      </c>
      <c r="I662" s="87">
        <v>441</v>
      </c>
      <c r="J662" s="87" t="s">
        <v>226</v>
      </c>
      <c r="K662" s="87" t="s">
        <v>78</v>
      </c>
      <c r="L662" s="11" t="s">
        <v>71</v>
      </c>
      <c r="M662" s="11">
        <v>1</v>
      </c>
      <c r="N662" s="11" t="s">
        <v>514</v>
      </c>
      <c r="O662" s="11">
        <v>1</v>
      </c>
      <c r="P662" s="11">
        <v>1</v>
      </c>
      <c r="Q662" s="270" t="s">
        <v>624</v>
      </c>
      <c r="R662" s="207"/>
      <c r="S662" s="207"/>
      <c r="U662" s="207"/>
      <c r="V662" s="99"/>
      <c r="W662" s="99"/>
    </row>
    <row r="663" spans="1:23" s="8" customFormat="1" hidden="1">
      <c r="A663" s="88"/>
      <c r="B663" s="88"/>
      <c r="C663" s="87"/>
      <c r="D663" s="87"/>
      <c r="E663" s="19"/>
      <c r="F663" s="19"/>
      <c r="G663" s="19"/>
      <c r="H663" s="19">
        <v>7</v>
      </c>
      <c r="I663" s="19">
        <v>662</v>
      </c>
      <c r="J663" s="19" t="s">
        <v>97</v>
      </c>
      <c r="K663" s="19" t="s">
        <v>17</v>
      </c>
      <c r="L663" s="25" t="s">
        <v>96</v>
      </c>
      <c r="M663" s="91">
        <v>1</v>
      </c>
      <c r="N663" s="91" t="s">
        <v>514</v>
      </c>
      <c r="O663" s="91">
        <v>1</v>
      </c>
      <c r="P663" s="91">
        <v>1</v>
      </c>
      <c r="Q663" s="25"/>
      <c r="R663" s="207"/>
      <c r="S663" s="207"/>
      <c r="U663" s="207"/>
      <c r="V663" s="99"/>
      <c r="W663" s="99"/>
    </row>
    <row r="664" spans="1:23" s="8" customFormat="1" hidden="1">
      <c r="A664" s="88"/>
      <c r="B664" s="88"/>
      <c r="C664" s="87"/>
      <c r="D664" s="87"/>
      <c r="E664" s="87"/>
      <c r="F664" s="87"/>
      <c r="G664" s="87"/>
      <c r="H664" s="87">
        <v>8</v>
      </c>
      <c r="I664" s="87">
        <v>828</v>
      </c>
      <c r="J664" s="87" t="s">
        <v>223</v>
      </c>
      <c r="K664" s="87" t="s">
        <v>17</v>
      </c>
      <c r="L664" s="11" t="s">
        <v>71</v>
      </c>
      <c r="M664" s="11">
        <v>1</v>
      </c>
      <c r="N664" s="11" t="s">
        <v>438</v>
      </c>
      <c r="O664" s="11">
        <v>1</v>
      </c>
      <c r="P664" s="11">
        <v>9</v>
      </c>
      <c r="Q664" s="89"/>
      <c r="R664" s="207"/>
      <c r="S664" s="207"/>
      <c r="U664" s="207"/>
      <c r="V664" s="99"/>
      <c r="W664" s="99"/>
    </row>
    <row r="665" spans="1:23" s="8" customFormat="1" hidden="1">
      <c r="A665" s="88"/>
      <c r="B665" s="88"/>
      <c r="C665" s="87"/>
      <c r="D665" s="87"/>
      <c r="E665" s="87"/>
      <c r="F665" s="87"/>
      <c r="G665" s="87"/>
      <c r="H665" s="87">
        <v>9</v>
      </c>
      <c r="I665" s="87">
        <v>325</v>
      </c>
      <c r="J665" s="87" t="s">
        <v>221</v>
      </c>
      <c r="K665" s="87" t="s">
        <v>17</v>
      </c>
      <c r="L665" s="11" t="s">
        <v>71</v>
      </c>
      <c r="M665" s="11">
        <v>1</v>
      </c>
      <c r="N665" s="11" t="s">
        <v>509</v>
      </c>
      <c r="O665" s="11">
        <v>1</v>
      </c>
      <c r="P665" s="11">
        <v>20</v>
      </c>
      <c r="Q665" s="89"/>
      <c r="R665" s="207"/>
      <c r="S665" s="207"/>
      <c r="U665" s="207"/>
      <c r="V665" s="99"/>
      <c r="W665" s="99"/>
    </row>
    <row r="666" spans="1:23" s="8" customFormat="1" ht="70" hidden="1">
      <c r="A666" s="88"/>
      <c r="B666" s="88"/>
      <c r="C666" s="87"/>
      <c r="D666" s="87"/>
      <c r="E666" s="87"/>
      <c r="F666" s="87"/>
      <c r="G666" s="87"/>
      <c r="H666" s="87">
        <v>10</v>
      </c>
      <c r="I666" s="87">
        <v>350</v>
      </c>
      <c r="J666" s="87" t="s">
        <v>108</v>
      </c>
      <c r="K666" s="87" t="s">
        <v>17</v>
      </c>
      <c r="L666" s="11" t="s">
        <v>71</v>
      </c>
      <c r="M666" s="87">
        <v>1</v>
      </c>
      <c r="N666" s="87" t="s">
        <v>509</v>
      </c>
      <c r="O666" s="87">
        <v>1</v>
      </c>
      <c r="P666" s="87">
        <v>20</v>
      </c>
      <c r="Q666" s="270" t="s">
        <v>624</v>
      </c>
      <c r="R666" s="207"/>
      <c r="S666" s="207"/>
      <c r="U666" s="207"/>
      <c r="V666" s="99"/>
      <c r="W666" s="99"/>
    </row>
    <row r="667" spans="1:23" s="8" customFormat="1" hidden="1">
      <c r="A667" s="84"/>
      <c r="B667" s="84"/>
      <c r="C667" s="85" t="s">
        <v>237</v>
      </c>
      <c r="D667" s="85" t="s">
        <v>517</v>
      </c>
      <c r="E667" s="85"/>
      <c r="F667" s="85"/>
      <c r="G667" s="85"/>
      <c r="H667" s="85"/>
      <c r="I667" s="85"/>
      <c r="J667" s="85"/>
      <c r="K667" s="85" t="s">
        <v>17</v>
      </c>
      <c r="L667" s="75" t="s">
        <v>71</v>
      </c>
      <c r="M667" s="85">
        <v>10</v>
      </c>
      <c r="N667" s="85"/>
      <c r="O667" s="85"/>
      <c r="P667" s="85"/>
      <c r="Q667" s="86"/>
      <c r="R667" s="207"/>
      <c r="S667" s="207"/>
      <c r="U667" s="207"/>
      <c r="V667" s="99"/>
      <c r="W667" s="99"/>
    </row>
    <row r="668" spans="1:23" s="8" customFormat="1" ht="70" hidden="1">
      <c r="A668" s="88"/>
      <c r="B668" s="88"/>
      <c r="C668" s="87"/>
      <c r="D668" s="87"/>
      <c r="E668" s="87"/>
      <c r="F668" s="87"/>
      <c r="G668" s="87"/>
      <c r="H668" s="87">
        <v>1</v>
      </c>
      <c r="I668" s="87">
        <v>963</v>
      </c>
      <c r="J668" s="87" t="s">
        <v>235</v>
      </c>
      <c r="K668" s="87" t="s">
        <v>66</v>
      </c>
      <c r="L668" s="11" t="s">
        <v>65</v>
      </c>
      <c r="M668" s="87">
        <v>1</v>
      </c>
      <c r="N668" s="87" t="s">
        <v>514</v>
      </c>
      <c r="O668" s="87">
        <v>2</v>
      </c>
      <c r="P668" s="87">
        <v>2</v>
      </c>
      <c r="Q668" s="270" t="s">
        <v>624</v>
      </c>
      <c r="R668" s="207"/>
      <c r="S668" s="207"/>
      <c r="U668" s="207"/>
      <c r="V668" s="99"/>
      <c r="W668" s="99"/>
    </row>
    <row r="669" spans="1:23" s="8" customFormat="1" hidden="1">
      <c r="A669" s="88"/>
      <c r="B669" s="88"/>
      <c r="C669" s="87"/>
      <c r="D669" s="87"/>
      <c r="E669" s="87"/>
      <c r="F669" s="87"/>
      <c r="G669" s="87"/>
      <c r="H669" s="87">
        <v>2</v>
      </c>
      <c r="I669" s="87">
        <v>782</v>
      </c>
      <c r="J669" s="87" t="s">
        <v>67</v>
      </c>
      <c r="K669" s="87" t="s">
        <v>78</v>
      </c>
      <c r="L669" s="11" t="s">
        <v>71</v>
      </c>
      <c r="M669" s="87">
        <v>1</v>
      </c>
      <c r="N669" s="87" t="s">
        <v>438</v>
      </c>
      <c r="O669" s="87">
        <v>1</v>
      </c>
      <c r="P669" s="87">
        <v>18</v>
      </c>
      <c r="Q669" s="89"/>
      <c r="R669" s="207"/>
      <c r="S669" s="207"/>
      <c r="U669" s="207"/>
      <c r="V669" s="99"/>
      <c r="W669" s="99"/>
    </row>
    <row r="670" spans="1:23" s="8" customFormat="1" hidden="1">
      <c r="A670" s="84" t="s">
        <v>158</v>
      </c>
      <c r="B670" s="84" t="s">
        <v>120</v>
      </c>
      <c r="C670" s="85"/>
      <c r="D670" s="85"/>
      <c r="E670" s="85"/>
      <c r="F670" s="85"/>
      <c r="G670" s="85"/>
      <c r="H670" s="85"/>
      <c r="I670" s="85"/>
      <c r="J670" s="85"/>
      <c r="K670" s="85"/>
      <c r="L670" s="85"/>
      <c r="M670" s="85">
        <v>200</v>
      </c>
      <c r="N670" s="85"/>
      <c r="O670" s="85"/>
      <c r="P670" s="85"/>
      <c r="Q670" s="85"/>
      <c r="R670" s="207"/>
      <c r="S670" s="207"/>
      <c r="U670" s="207"/>
      <c r="V670" s="99"/>
      <c r="W670" s="99"/>
    </row>
    <row r="671" spans="1:23" s="8" customFormat="1" hidden="1">
      <c r="A671" s="84"/>
      <c r="B671" s="84"/>
      <c r="C671" s="85" t="s">
        <v>158</v>
      </c>
      <c r="D671" s="85" t="s">
        <v>120</v>
      </c>
      <c r="E671" s="85"/>
      <c r="F671" s="85"/>
      <c r="G671" s="85"/>
      <c r="H671" s="85"/>
      <c r="I671" s="85"/>
      <c r="J671" s="85"/>
      <c r="K671" s="85" t="s">
        <v>17</v>
      </c>
      <c r="L671" s="75" t="s">
        <v>71</v>
      </c>
      <c r="M671" s="85">
        <v>1</v>
      </c>
      <c r="N671" s="85"/>
      <c r="O671" s="85"/>
      <c r="P671" s="85"/>
      <c r="Q671" s="86"/>
      <c r="R671" s="207"/>
      <c r="S671" s="207"/>
      <c r="U671" s="207"/>
      <c r="V671" s="99"/>
      <c r="W671" s="99"/>
    </row>
    <row r="672" spans="1:23" s="8" customFormat="1" ht="70" hidden="1">
      <c r="A672" s="88"/>
      <c r="B672" s="88"/>
      <c r="C672" s="87"/>
      <c r="D672" s="87"/>
      <c r="E672" s="87"/>
      <c r="F672" s="87"/>
      <c r="G672" s="87"/>
      <c r="H672" s="87">
        <v>1</v>
      </c>
      <c r="I672" s="87">
        <v>98</v>
      </c>
      <c r="J672" s="87" t="s">
        <v>156</v>
      </c>
      <c r="K672" s="87" t="s">
        <v>66</v>
      </c>
      <c r="L672" s="11" t="s">
        <v>65</v>
      </c>
      <c r="M672" s="87">
        <v>1</v>
      </c>
      <c r="N672" s="87" t="s">
        <v>514</v>
      </c>
      <c r="O672" s="87">
        <v>2</v>
      </c>
      <c r="P672" s="87">
        <v>3</v>
      </c>
      <c r="Q672" s="270" t="s">
        <v>624</v>
      </c>
      <c r="R672" s="207"/>
      <c r="S672" s="207"/>
      <c r="U672" s="207"/>
      <c r="V672" s="99"/>
      <c r="W672" s="99"/>
    </row>
    <row r="673" spans="1:23" s="8" customFormat="1" hidden="1">
      <c r="A673" s="88"/>
      <c r="B673" s="88"/>
      <c r="C673" s="87"/>
      <c r="D673" s="87"/>
      <c r="E673" s="87"/>
      <c r="F673" s="87"/>
      <c r="G673" s="87"/>
      <c r="H673" s="87">
        <v>2</v>
      </c>
      <c r="I673" s="87">
        <v>93</v>
      </c>
      <c r="J673" s="87" t="s">
        <v>120</v>
      </c>
      <c r="K673" s="87" t="s">
        <v>78</v>
      </c>
      <c r="L673" s="11" t="s">
        <v>71</v>
      </c>
      <c r="M673" s="87">
        <v>1</v>
      </c>
      <c r="N673" s="87" t="s">
        <v>509</v>
      </c>
      <c r="O673" s="87">
        <v>1</v>
      </c>
      <c r="P673" s="87">
        <v>60</v>
      </c>
      <c r="Q673" s="89"/>
      <c r="R673" s="207"/>
      <c r="S673" s="207"/>
      <c r="U673" s="207"/>
      <c r="V673" s="99"/>
      <c r="W673" s="99"/>
    </row>
    <row r="674" spans="1:23" s="8" customFormat="1" ht="70" hidden="1">
      <c r="A674" s="88"/>
      <c r="B674" s="88"/>
      <c r="C674" s="87"/>
      <c r="D674" s="87"/>
      <c r="E674" s="87"/>
      <c r="F674" s="87"/>
      <c r="G674" s="87"/>
      <c r="H674" s="87">
        <v>3</v>
      </c>
      <c r="I674" s="87">
        <v>66</v>
      </c>
      <c r="J674" s="87" t="s">
        <v>153</v>
      </c>
      <c r="K674" s="87" t="s">
        <v>78</v>
      </c>
      <c r="L674" s="11" t="s">
        <v>71</v>
      </c>
      <c r="M674" s="87">
        <v>1</v>
      </c>
      <c r="N674" s="87" t="s">
        <v>514</v>
      </c>
      <c r="O674" s="87">
        <v>1</v>
      </c>
      <c r="P674" s="87">
        <v>2</v>
      </c>
      <c r="Q674" s="270" t="s">
        <v>624</v>
      </c>
      <c r="R674" s="207"/>
      <c r="S674" s="207"/>
      <c r="U674" s="207"/>
      <c r="V674" s="99"/>
      <c r="W674" s="99"/>
    </row>
    <row r="675" spans="1:23" s="8" customFormat="1" hidden="1">
      <c r="A675" s="88"/>
      <c r="B675" s="88"/>
      <c r="C675" s="87"/>
      <c r="D675" s="87"/>
      <c r="E675" s="87"/>
      <c r="F675" s="87"/>
      <c r="G675" s="87"/>
      <c r="H675" s="87">
        <v>4</v>
      </c>
      <c r="I675" s="87">
        <v>67</v>
      </c>
      <c r="J675" s="87" t="s">
        <v>151</v>
      </c>
      <c r="K675" s="87" t="s">
        <v>78</v>
      </c>
      <c r="L675" s="11" t="s">
        <v>71</v>
      </c>
      <c r="M675" s="87">
        <v>1</v>
      </c>
      <c r="N675" s="87" t="s">
        <v>509</v>
      </c>
      <c r="O675" s="87">
        <v>2</v>
      </c>
      <c r="P675" s="87">
        <v>80</v>
      </c>
      <c r="Q675" s="89"/>
      <c r="R675" s="207"/>
      <c r="S675" s="207"/>
      <c r="U675" s="207"/>
      <c r="V675" s="99"/>
      <c r="W675" s="99"/>
    </row>
    <row r="676" spans="1:23" s="8" customFormat="1" hidden="1">
      <c r="A676" s="84"/>
      <c r="B676" s="84"/>
      <c r="C676" s="85" t="s">
        <v>150</v>
      </c>
      <c r="D676" s="85" t="s">
        <v>473</v>
      </c>
      <c r="E676" s="85"/>
      <c r="F676" s="85"/>
      <c r="G676" s="85"/>
      <c r="H676" s="85"/>
      <c r="I676" s="85"/>
      <c r="J676" s="85"/>
      <c r="K676" s="85" t="s">
        <v>17</v>
      </c>
      <c r="L676" s="75" t="s">
        <v>71</v>
      </c>
      <c r="M676" s="85">
        <v>2</v>
      </c>
      <c r="N676" s="85"/>
      <c r="O676" s="85"/>
      <c r="P676" s="85"/>
      <c r="Q676" s="86"/>
      <c r="R676" s="207"/>
      <c r="S676" s="207"/>
      <c r="U676" s="207"/>
      <c r="V676" s="99"/>
      <c r="W676" s="99"/>
    </row>
    <row r="677" spans="1:23" s="8" customFormat="1" hidden="1">
      <c r="A677" s="88"/>
      <c r="B677" s="88"/>
      <c r="C677" s="87"/>
      <c r="D677" s="87"/>
      <c r="E677" s="87"/>
      <c r="F677" s="87"/>
      <c r="G677" s="87"/>
      <c r="H677" s="87">
        <v>1</v>
      </c>
      <c r="I677" s="87">
        <v>93</v>
      </c>
      <c r="J677" s="87" t="s">
        <v>120</v>
      </c>
      <c r="K677" s="87" t="s">
        <v>66</v>
      </c>
      <c r="L677" s="11" t="s">
        <v>65</v>
      </c>
      <c r="M677" s="87">
        <v>1</v>
      </c>
      <c r="N677" s="87" t="s">
        <v>509</v>
      </c>
      <c r="O677" s="87">
        <v>1</v>
      </c>
      <c r="P677" s="87">
        <v>60</v>
      </c>
      <c r="Q677" s="89"/>
      <c r="R677" s="207"/>
      <c r="S677" s="207"/>
      <c r="U677" s="207"/>
      <c r="V677" s="99"/>
      <c r="W677" s="99"/>
    </row>
    <row r="678" spans="1:23" s="8" customFormat="1" hidden="1">
      <c r="A678" s="88"/>
      <c r="B678" s="88"/>
      <c r="C678" s="87"/>
      <c r="D678" s="87"/>
      <c r="E678" s="87"/>
      <c r="F678" s="87"/>
      <c r="G678" s="87"/>
      <c r="H678" s="87">
        <v>2</v>
      </c>
      <c r="I678" s="87">
        <v>93</v>
      </c>
      <c r="J678" s="87" t="s">
        <v>120</v>
      </c>
      <c r="K678" s="87" t="s">
        <v>17</v>
      </c>
      <c r="L678" s="11" t="s">
        <v>71</v>
      </c>
      <c r="M678" s="87">
        <v>1</v>
      </c>
      <c r="N678" s="87" t="s">
        <v>509</v>
      </c>
      <c r="O678" s="87">
        <v>1</v>
      </c>
      <c r="P678" s="87">
        <v>60</v>
      </c>
      <c r="Q678" s="89"/>
      <c r="R678" s="207"/>
      <c r="S678" s="207"/>
      <c r="U678" s="207"/>
      <c r="V678" s="99"/>
      <c r="W678" s="99"/>
    </row>
    <row r="679" spans="1:23" s="8" customFormat="1" hidden="1">
      <c r="A679" s="84"/>
      <c r="B679" s="84"/>
      <c r="C679" s="85" t="s">
        <v>150</v>
      </c>
      <c r="D679" s="85" t="s">
        <v>473</v>
      </c>
      <c r="E679" s="85"/>
      <c r="F679" s="85"/>
      <c r="G679" s="85"/>
      <c r="H679" s="85"/>
      <c r="I679" s="85"/>
      <c r="J679" s="85"/>
      <c r="K679" s="85" t="s">
        <v>17</v>
      </c>
      <c r="L679" s="75" t="s">
        <v>71</v>
      </c>
      <c r="M679" s="85">
        <v>2</v>
      </c>
      <c r="N679" s="85"/>
      <c r="O679" s="85"/>
      <c r="P679" s="85"/>
      <c r="Q679" s="86"/>
      <c r="R679" s="207"/>
      <c r="S679" s="207"/>
      <c r="U679" s="207"/>
      <c r="V679" s="99"/>
      <c r="W679" s="99"/>
    </row>
    <row r="680" spans="1:23" s="8" customFormat="1" hidden="1">
      <c r="A680" s="88"/>
      <c r="B680" s="88"/>
      <c r="C680" s="87"/>
      <c r="D680" s="87"/>
      <c r="E680" s="87"/>
      <c r="F680" s="87"/>
      <c r="G680" s="87"/>
      <c r="H680" s="87">
        <v>1</v>
      </c>
      <c r="I680" s="87">
        <v>93</v>
      </c>
      <c r="J680" s="87" t="s">
        <v>120</v>
      </c>
      <c r="K680" s="87" t="s">
        <v>66</v>
      </c>
      <c r="L680" s="11" t="s">
        <v>65</v>
      </c>
      <c r="M680" s="87">
        <v>1</v>
      </c>
      <c r="N680" s="87" t="s">
        <v>509</v>
      </c>
      <c r="O680" s="87">
        <v>1</v>
      </c>
      <c r="P680" s="87">
        <v>60</v>
      </c>
      <c r="Q680" s="89"/>
      <c r="R680" s="207"/>
      <c r="S680" s="207"/>
      <c r="U680" s="207"/>
      <c r="V680" s="99"/>
      <c r="W680" s="99"/>
    </row>
    <row r="681" spans="1:23" s="8" customFormat="1" hidden="1">
      <c r="A681" s="88"/>
      <c r="B681" s="88"/>
      <c r="C681" s="87"/>
      <c r="D681" s="87"/>
      <c r="E681" s="87"/>
      <c r="F681" s="87"/>
      <c r="G681" s="87"/>
      <c r="H681" s="87">
        <v>2</v>
      </c>
      <c r="I681" s="87">
        <v>93</v>
      </c>
      <c r="J681" s="87" t="s">
        <v>120</v>
      </c>
      <c r="K681" s="87" t="s">
        <v>17</v>
      </c>
      <c r="L681" s="11" t="s">
        <v>71</v>
      </c>
      <c r="M681" s="87">
        <v>1</v>
      </c>
      <c r="N681" s="87" t="s">
        <v>509</v>
      </c>
      <c r="O681" s="87">
        <v>1</v>
      </c>
      <c r="P681" s="87">
        <v>60</v>
      </c>
      <c r="Q681" s="89"/>
      <c r="R681" s="207"/>
      <c r="S681" s="207"/>
      <c r="U681" s="207"/>
      <c r="V681" s="99"/>
      <c r="W681" s="99"/>
    </row>
    <row r="682" spans="1:23" s="8" customFormat="1" hidden="1">
      <c r="A682" s="84"/>
      <c r="B682" s="84"/>
      <c r="C682" s="85" t="s">
        <v>147</v>
      </c>
      <c r="D682" s="85" t="s">
        <v>144</v>
      </c>
      <c r="E682" s="85"/>
      <c r="F682" s="85"/>
      <c r="G682" s="85"/>
      <c r="H682" s="85"/>
      <c r="I682" s="85"/>
      <c r="J682" s="85"/>
      <c r="K682" s="85" t="s">
        <v>17</v>
      </c>
      <c r="L682" s="75" t="s">
        <v>71</v>
      </c>
      <c r="M682" s="85">
        <v>2</v>
      </c>
      <c r="N682" s="85"/>
      <c r="O682" s="85"/>
      <c r="P682" s="85"/>
      <c r="Q682" s="86"/>
      <c r="R682" s="207"/>
      <c r="S682" s="207"/>
      <c r="U682" s="207"/>
      <c r="V682" s="99"/>
      <c r="W682" s="99"/>
    </row>
    <row r="683" spans="1:23" s="8" customFormat="1" hidden="1">
      <c r="A683" s="88"/>
      <c r="B683" s="88"/>
      <c r="C683" s="87"/>
      <c r="D683" s="87"/>
      <c r="E683" s="87"/>
      <c r="F683" s="87"/>
      <c r="G683" s="87"/>
      <c r="H683" s="87">
        <v>1</v>
      </c>
      <c r="I683" s="87">
        <v>166</v>
      </c>
      <c r="J683" s="87" t="s">
        <v>144</v>
      </c>
      <c r="K683" s="87" t="s">
        <v>66</v>
      </c>
      <c r="L683" s="11" t="s">
        <v>65</v>
      </c>
      <c r="M683" s="87">
        <v>1</v>
      </c>
      <c r="N683" s="87" t="s">
        <v>509</v>
      </c>
      <c r="O683" s="87">
        <v>1</v>
      </c>
      <c r="P683" s="87">
        <v>55</v>
      </c>
      <c r="Q683" s="89"/>
      <c r="R683" s="207"/>
      <c r="S683" s="207"/>
      <c r="U683" s="207"/>
      <c r="V683" s="99"/>
      <c r="W683" s="99"/>
    </row>
    <row r="684" spans="1:23" s="8" customFormat="1" hidden="1">
      <c r="A684" s="88"/>
      <c r="B684" s="88"/>
      <c r="C684" s="87"/>
      <c r="D684" s="87"/>
      <c r="E684" s="87"/>
      <c r="F684" s="87"/>
      <c r="G684" s="87"/>
      <c r="H684" s="87">
        <v>2</v>
      </c>
      <c r="I684" s="87">
        <v>166</v>
      </c>
      <c r="J684" s="87" t="s">
        <v>144</v>
      </c>
      <c r="K684" s="87" t="s">
        <v>17</v>
      </c>
      <c r="L684" s="11" t="s">
        <v>71</v>
      </c>
      <c r="M684" s="87">
        <v>1</v>
      </c>
      <c r="N684" s="87" t="s">
        <v>509</v>
      </c>
      <c r="O684" s="87">
        <v>1</v>
      </c>
      <c r="P684" s="87">
        <v>55</v>
      </c>
      <c r="Q684" s="89"/>
      <c r="R684" s="207"/>
      <c r="S684" s="207"/>
      <c r="U684" s="207"/>
      <c r="V684" s="99"/>
      <c r="W684" s="99"/>
    </row>
    <row r="685" spans="1:23" s="8" customFormat="1" hidden="1">
      <c r="A685" s="84"/>
      <c r="B685" s="84"/>
      <c r="C685" s="85" t="s">
        <v>147</v>
      </c>
      <c r="D685" s="85" t="s">
        <v>144</v>
      </c>
      <c r="E685" s="85"/>
      <c r="F685" s="85"/>
      <c r="G685" s="85"/>
      <c r="H685" s="85"/>
      <c r="I685" s="85"/>
      <c r="J685" s="85"/>
      <c r="K685" s="85" t="s">
        <v>17</v>
      </c>
      <c r="L685" s="75" t="s">
        <v>71</v>
      </c>
      <c r="M685" s="85">
        <v>2</v>
      </c>
      <c r="N685" s="85"/>
      <c r="O685" s="85"/>
      <c r="P685" s="85"/>
      <c r="Q685" s="86"/>
      <c r="R685" s="207"/>
      <c r="S685" s="207"/>
      <c r="U685" s="207"/>
      <c r="V685" s="99"/>
      <c r="W685" s="99"/>
    </row>
    <row r="686" spans="1:23" s="8" customFormat="1" hidden="1">
      <c r="A686" s="88"/>
      <c r="B686" s="88"/>
      <c r="C686" s="87"/>
      <c r="D686" s="87"/>
      <c r="E686" s="87"/>
      <c r="F686" s="87"/>
      <c r="G686" s="87"/>
      <c r="H686" s="87">
        <v>1</v>
      </c>
      <c r="I686" s="87">
        <v>166</v>
      </c>
      <c r="J686" s="87" t="s">
        <v>144</v>
      </c>
      <c r="K686" s="87" t="s">
        <v>66</v>
      </c>
      <c r="L686" s="11" t="s">
        <v>65</v>
      </c>
      <c r="M686" s="87">
        <v>1</v>
      </c>
      <c r="N686" s="87" t="s">
        <v>509</v>
      </c>
      <c r="O686" s="87">
        <v>1</v>
      </c>
      <c r="P686" s="87">
        <v>55</v>
      </c>
      <c r="Q686" s="89"/>
      <c r="R686" s="207"/>
      <c r="S686" s="207"/>
      <c r="U686" s="207"/>
      <c r="V686" s="99"/>
      <c r="W686" s="99"/>
    </row>
    <row r="687" spans="1:23" s="8" customFormat="1" hidden="1">
      <c r="A687" s="88"/>
      <c r="B687" s="88"/>
      <c r="C687" s="87"/>
      <c r="D687" s="87"/>
      <c r="E687" s="87"/>
      <c r="F687" s="87"/>
      <c r="G687" s="87"/>
      <c r="H687" s="87">
        <v>2</v>
      </c>
      <c r="I687" s="87">
        <v>166</v>
      </c>
      <c r="J687" s="87" t="s">
        <v>144</v>
      </c>
      <c r="K687" s="87" t="s">
        <v>17</v>
      </c>
      <c r="L687" s="11" t="s">
        <v>71</v>
      </c>
      <c r="M687" s="87">
        <v>1</v>
      </c>
      <c r="N687" s="87" t="s">
        <v>509</v>
      </c>
      <c r="O687" s="87">
        <v>1</v>
      </c>
      <c r="P687" s="87">
        <v>55</v>
      </c>
      <c r="Q687" s="89"/>
      <c r="R687" s="207"/>
      <c r="S687" s="207"/>
      <c r="U687" s="207"/>
      <c r="V687" s="99"/>
      <c r="W687" s="99"/>
    </row>
    <row r="688" spans="1:23" s="8" customFormat="1" hidden="1">
      <c r="A688" s="84"/>
      <c r="B688" s="84"/>
      <c r="C688" s="85" t="s">
        <v>143</v>
      </c>
      <c r="D688" s="85" t="s">
        <v>474</v>
      </c>
      <c r="E688" s="85"/>
      <c r="F688" s="85"/>
      <c r="G688" s="85"/>
      <c r="H688" s="85"/>
      <c r="I688" s="85"/>
      <c r="J688" s="85"/>
      <c r="K688" s="85" t="s">
        <v>17</v>
      </c>
      <c r="L688" s="75" t="s">
        <v>71</v>
      </c>
      <c r="M688" s="85" t="s">
        <v>525</v>
      </c>
      <c r="N688" s="85"/>
      <c r="O688" s="85"/>
      <c r="P688" s="85"/>
      <c r="Q688" s="86"/>
      <c r="R688" s="207"/>
      <c r="S688" s="207"/>
      <c r="U688" s="207"/>
      <c r="V688" s="99"/>
      <c r="W688" s="99"/>
    </row>
    <row r="689" spans="1:23" s="8" customFormat="1" hidden="1">
      <c r="A689" s="88"/>
      <c r="B689" s="88"/>
      <c r="C689" s="87"/>
      <c r="D689" s="87"/>
      <c r="E689" s="87"/>
      <c r="F689" s="87"/>
      <c r="G689" s="87"/>
      <c r="H689" s="87">
        <v>1</v>
      </c>
      <c r="I689" s="87">
        <v>19</v>
      </c>
      <c r="J689" s="87" t="s">
        <v>141</v>
      </c>
      <c r="K689" s="87" t="s">
        <v>17</v>
      </c>
      <c r="L689" s="11" t="s">
        <v>71</v>
      </c>
      <c r="M689" s="87">
        <v>1</v>
      </c>
      <c r="N689" s="87" t="s">
        <v>509</v>
      </c>
      <c r="O689" s="87">
        <v>2</v>
      </c>
      <c r="P689" s="87">
        <v>30</v>
      </c>
      <c r="Q689" s="89"/>
      <c r="R689" s="207"/>
      <c r="S689" s="207"/>
      <c r="U689" s="207"/>
      <c r="V689" s="99"/>
      <c r="W689" s="99"/>
    </row>
    <row r="690" spans="1:23" s="8" customFormat="1" ht="70" hidden="1">
      <c r="A690" s="88"/>
      <c r="B690" s="88"/>
      <c r="C690" s="87"/>
      <c r="D690" s="87"/>
      <c r="E690" s="87"/>
      <c r="F690" s="87"/>
      <c r="G690" s="87"/>
      <c r="H690" s="87">
        <v>2</v>
      </c>
      <c r="I690" s="87">
        <v>156</v>
      </c>
      <c r="J690" s="87" t="s">
        <v>139</v>
      </c>
      <c r="K690" s="87" t="s">
        <v>17</v>
      </c>
      <c r="L690" s="11" t="s">
        <v>71</v>
      </c>
      <c r="M690" s="87">
        <v>1</v>
      </c>
      <c r="N690" s="87" t="s">
        <v>514</v>
      </c>
      <c r="O690" s="87">
        <v>2</v>
      </c>
      <c r="P690" s="87">
        <v>2</v>
      </c>
      <c r="Q690" s="270" t="s">
        <v>624</v>
      </c>
      <c r="R690" s="207"/>
      <c r="S690" s="207"/>
      <c r="U690" s="207"/>
      <c r="V690" s="99"/>
      <c r="W690" s="99"/>
    </row>
    <row r="691" spans="1:23" s="8" customFormat="1" hidden="1">
      <c r="A691" s="88"/>
      <c r="B691" s="88"/>
      <c r="C691" s="87"/>
      <c r="D691" s="87"/>
      <c r="E691" s="87"/>
      <c r="F691" s="87"/>
      <c r="G691" s="87"/>
      <c r="H691" s="87">
        <v>3</v>
      </c>
      <c r="I691" s="87">
        <v>116</v>
      </c>
      <c r="J691" s="87" t="s">
        <v>137</v>
      </c>
      <c r="K691" s="87" t="s">
        <v>17</v>
      </c>
      <c r="L691" s="11" t="s">
        <v>71</v>
      </c>
      <c r="M691" s="87">
        <v>1</v>
      </c>
      <c r="N691" s="87" t="s">
        <v>514</v>
      </c>
      <c r="O691" s="87">
        <v>3</v>
      </c>
      <c r="P691" s="87">
        <v>15</v>
      </c>
      <c r="Q691" s="18"/>
      <c r="R691" s="207"/>
      <c r="S691" s="207"/>
      <c r="U691" s="207"/>
      <c r="V691" s="99"/>
      <c r="W691" s="99"/>
    </row>
    <row r="692" spans="1:23" s="8" customFormat="1" ht="70" hidden="1">
      <c r="A692" s="88"/>
      <c r="B692" s="88"/>
      <c r="C692" s="87"/>
      <c r="D692" s="87"/>
      <c r="E692" s="87"/>
      <c r="F692" s="87"/>
      <c r="G692" s="87"/>
      <c r="H692" s="87">
        <v>4</v>
      </c>
      <c r="I692" s="87">
        <v>26</v>
      </c>
      <c r="J692" s="87" t="s">
        <v>135</v>
      </c>
      <c r="K692" s="87" t="s">
        <v>17</v>
      </c>
      <c r="L692" s="11" t="s">
        <v>71</v>
      </c>
      <c r="M692" s="87">
        <v>1</v>
      </c>
      <c r="N692" s="87" t="s">
        <v>514</v>
      </c>
      <c r="O692" s="87">
        <v>2</v>
      </c>
      <c r="P692" s="87">
        <v>3</v>
      </c>
      <c r="Q692" s="270" t="s">
        <v>624</v>
      </c>
      <c r="R692" s="207"/>
      <c r="S692" s="207"/>
      <c r="U692" s="207"/>
      <c r="V692" s="99"/>
      <c r="W692" s="99"/>
    </row>
    <row r="693" spans="1:23" s="8" customFormat="1" hidden="1">
      <c r="A693" s="88"/>
      <c r="B693" s="88"/>
      <c r="C693" s="87"/>
      <c r="D693" s="87"/>
      <c r="E693" s="87"/>
      <c r="F693" s="87"/>
      <c r="G693" s="87"/>
      <c r="H693" s="87">
        <v>5</v>
      </c>
      <c r="I693" s="87">
        <v>309</v>
      </c>
      <c r="J693" s="87" t="s">
        <v>133</v>
      </c>
      <c r="K693" s="87" t="s">
        <v>78</v>
      </c>
      <c r="L693" s="11" t="s">
        <v>71</v>
      </c>
      <c r="M693" s="11">
        <v>1</v>
      </c>
      <c r="N693" s="11" t="s">
        <v>514</v>
      </c>
      <c r="O693" s="11">
        <v>1</v>
      </c>
      <c r="P693" s="11">
        <v>2</v>
      </c>
      <c r="Q693" s="18" t="s">
        <v>690</v>
      </c>
      <c r="R693" s="207"/>
      <c r="S693" s="207"/>
      <c r="U693" s="207"/>
      <c r="V693" s="99"/>
      <c r="W693" s="99"/>
    </row>
    <row r="694" spans="1:23" s="8" customFormat="1" hidden="1">
      <c r="A694" s="88"/>
      <c r="B694" s="88"/>
      <c r="C694" s="87"/>
      <c r="D694" s="87"/>
      <c r="E694" s="87"/>
      <c r="F694" s="87"/>
      <c r="G694" s="87"/>
      <c r="H694" s="87">
        <v>6</v>
      </c>
      <c r="I694" s="87">
        <v>310</v>
      </c>
      <c r="J694" s="87" t="s">
        <v>131</v>
      </c>
      <c r="K694" s="87" t="s">
        <v>17</v>
      </c>
      <c r="L694" s="11" t="s">
        <v>71</v>
      </c>
      <c r="M694" s="11">
        <v>1</v>
      </c>
      <c r="N694" s="11" t="s">
        <v>509</v>
      </c>
      <c r="O694" s="11">
        <v>1</v>
      </c>
      <c r="P694" s="11">
        <v>30</v>
      </c>
      <c r="Q694" s="18"/>
      <c r="R694" s="207"/>
      <c r="S694" s="207"/>
      <c r="U694" s="207"/>
      <c r="V694" s="99"/>
      <c r="W694" s="99"/>
    </row>
    <row r="695" spans="1:23" s="8" customFormat="1" hidden="1">
      <c r="A695" s="84"/>
      <c r="B695" s="84"/>
      <c r="C695" s="85" t="s">
        <v>130</v>
      </c>
      <c r="D695" s="85" t="s">
        <v>126</v>
      </c>
      <c r="E695" s="85"/>
      <c r="F695" s="85"/>
      <c r="G695" s="85"/>
      <c r="H695" s="85"/>
      <c r="I695" s="85"/>
      <c r="J695" s="85"/>
      <c r="K695" s="85" t="s">
        <v>17</v>
      </c>
      <c r="L695" s="75" t="s">
        <v>71</v>
      </c>
      <c r="M695" s="85">
        <v>12</v>
      </c>
      <c r="N695" s="85"/>
      <c r="O695" s="85"/>
      <c r="P695" s="85"/>
      <c r="Q695" s="86"/>
      <c r="R695" s="207"/>
      <c r="S695" s="207"/>
      <c r="U695" s="207"/>
      <c r="V695" s="99"/>
      <c r="W695" s="99"/>
    </row>
    <row r="696" spans="1:23" s="8" customFormat="1" ht="70" hidden="1">
      <c r="A696" s="88"/>
      <c r="B696" s="88"/>
      <c r="C696" s="87"/>
      <c r="D696" s="87"/>
      <c r="E696" s="87"/>
      <c r="F696" s="87"/>
      <c r="G696" s="87"/>
      <c r="H696" s="87">
        <v>1</v>
      </c>
      <c r="I696" s="87">
        <v>128</v>
      </c>
      <c r="J696" s="87" t="s">
        <v>128</v>
      </c>
      <c r="K696" s="87" t="s">
        <v>66</v>
      </c>
      <c r="L696" s="11" t="s">
        <v>65</v>
      </c>
      <c r="M696" s="87">
        <v>1</v>
      </c>
      <c r="N696" s="87" t="s">
        <v>514</v>
      </c>
      <c r="O696" s="87">
        <v>2</v>
      </c>
      <c r="P696" s="87">
        <v>3</v>
      </c>
      <c r="Q696" s="270" t="s">
        <v>624</v>
      </c>
      <c r="R696" s="207"/>
      <c r="S696" s="207"/>
      <c r="U696" s="207"/>
      <c r="V696" s="99"/>
      <c r="W696" s="99"/>
    </row>
    <row r="697" spans="1:23" s="8" customFormat="1" hidden="1">
      <c r="A697" s="88"/>
      <c r="B697" s="88"/>
      <c r="C697" s="87"/>
      <c r="D697" s="87"/>
      <c r="E697" s="87"/>
      <c r="F697" s="87"/>
      <c r="G697" s="87"/>
      <c r="H697" s="87">
        <v>2</v>
      </c>
      <c r="I697" s="87">
        <v>127</v>
      </c>
      <c r="J697" s="87" t="s">
        <v>126</v>
      </c>
      <c r="K697" s="87" t="s">
        <v>78</v>
      </c>
      <c r="L697" s="11" t="s">
        <v>71</v>
      </c>
      <c r="M697" s="87">
        <v>1</v>
      </c>
      <c r="N697" s="87" t="s">
        <v>509</v>
      </c>
      <c r="O697" s="87">
        <v>1</v>
      </c>
      <c r="P697" s="87">
        <v>30</v>
      </c>
      <c r="Q697" s="160"/>
      <c r="R697" s="207"/>
      <c r="S697" s="207"/>
      <c r="U697" s="207"/>
      <c r="V697" s="99"/>
      <c r="W697" s="99"/>
    </row>
    <row r="698" spans="1:23" s="8" customFormat="1" hidden="1">
      <c r="A698" s="88"/>
      <c r="B698" s="88"/>
      <c r="C698" s="87"/>
      <c r="D698" s="87"/>
      <c r="E698" s="87"/>
      <c r="F698" s="87"/>
      <c r="G698" s="87"/>
      <c r="H698" s="87">
        <v>3</v>
      </c>
      <c r="I698" s="87">
        <v>352</v>
      </c>
      <c r="J698" s="87" t="s">
        <v>3</v>
      </c>
      <c r="K698" s="87" t="s">
        <v>78</v>
      </c>
      <c r="L698" s="11" t="s">
        <v>71</v>
      </c>
      <c r="M698" s="87">
        <v>1</v>
      </c>
      <c r="N698" s="87" t="s">
        <v>509</v>
      </c>
      <c r="O698" s="87">
        <v>1</v>
      </c>
      <c r="P698" s="87">
        <v>80</v>
      </c>
      <c r="Q698" s="89"/>
      <c r="R698" s="207"/>
      <c r="S698" s="207"/>
      <c r="U698" s="207"/>
      <c r="V698" s="99"/>
      <c r="W698" s="99"/>
    </row>
    <row r="699" spans="1:23" s="8" customFormat="1" hidden="1">
      <c r="A699" s="84"/>
      <c r="B699" s="84"/>
      <c r="C699" s="85" t="s">
        <v>130</v>
      </c>
      <c r="D699" s="85" t="s">
        <v>126</v>
      </c>
      <c r="E699" s="85"/>
      <c r="F699" s="85"/>
      <c r="G699" s="85"/>
      <c r="H699" s="85"/>
      <c r="I699" s="85"/>
      <c r="J699" s="85"/>
      <c r="K699" s="85" t="s">
        <v>17</v>
      </c>
      <c r="L699" s="75" t="s">
        <v>71</v>
      </c>
      <c r="M699" s="85">
        <v>12</v>
      </c>
      <c r="N699" s="85"/>
      <c r="O699" s="85"/>
      <c r="P699" s="85"/>
      <c r="Q699" s="86"/>
      <c r="R699" s="207"/>
      <c r="S699" s="207"/>
      <c r="U699" s="207"/>
      <c r="V699" s="99"/>
      <c r="W699" s="99"/>
    </row>
    <row r="700" spans="1:23" s="8" customFormat="1" hidden="1">
      <c r="A700" s="88"/>
      <c r="B700" s="88"/>
      <c r="C700" s="87"/>
      <c r="D700" s="87"/>
      <c r="E700" s="87"/>
      <c r="F700" s="87"/>
      <c r="G700" s="87"/>
      <c r="H700" s="87">
        <v>1</v>
      </c>
      <c r="I700" s="87">
        <v>128</v>
      </c>
      <c r="J700" s="87" t="s">
        <v>128</v>
      </c>
      <c r="K700" s="87" t="s">
        <v>66</v>
      </c>
      <c r="L700" s="11" t="s">
        <v>65</v>
      </c>
      <c r="M700" s="87">
        <v>1</v>
      </c>
      <c r="N700" s="87" t="s">
        <v>514</v>
      </c>
      <c r="O700" s="87">
        <v>2</v>
      </c>
      <c r="P700" s="87">
        <v>3</v>
      </c>
      <c r="Q700" s="89" t="s">
        <v>692</v>
      </c>
      <c r="R700" s="207"/>
      <c r="S700" s="207"/>
      <c r="U700" s="207"/>
      <c r="V700" s="99"/>
      <c r="W700" s="99"/>
    </row>
    <row r="701" spans="1:23" s="8" customFormat="1" hidden="1">
      <c r="A701" s="88"/>
      <c r="B701" s="88"/>
      <c r="C701" s="87"/>
      <c r="D701" s="87"/>
      <c r="E701" s="19"/>
      <c r="F701" s="19"/>
      <c r="G701" s="19"/>
      <c r="H701" s="19">
        <v>2</v>
      </c>
      <c r="I701" s="19">
        <v>127</v>
      </c>
      <c r="J701" s="19" t="s">
        <v>126</v>
      </c>
      <c r="K701" s="19" t="s">
        <v>78</v>
      </c>
      <c r="L701" s="25" t="s">
        <v>96</v>
      </c>
      <c r="M701" s="91">
        <v>1</v>
      </c>
      <c r="N701" s="91" t="s">
        <v>509</v>
      </c>
      <c r="O701" s="91">
        <v>1</v>
      </c>
      <c r="P701" s="91">
        <v>30</v>
      </c>
      <c r="Q701" s="25"/>
      <c r="R701" s="207"/>
      <c r="S701" s="207"/>
      <c r="U701" s="207"/>
      <c r="V701" s="99"/>
      <c r="W701" s="99"/>
    </row>
    <row r="702" spans="1:23" s="8" customFormat="1" hidden="1">
      <c r="A702" s="88"/>
      <c r="B702" s="88"/>
      <c r="C702" s="87"/>
      <c r="D702" s="87"/>
      <c r="E702" s="87"/>
      <c r="F702" s="87"/>
      <c r="G702" s="87"/>
      <c r="H702" s="87">
        <v>3</v>
      </c>
      <c r="I702" s="87">
        <v>352</v>
      </c>
      <c r="J702" s="87" t="s">
        <v>3</v>
      </c>
      <c r="K702" s="87" t="s">
        <v>78</v>
      </c>
      <c r="L702" s="11" t="s">
        <v>71</v>
      </c>
      <c r="M702" s="87">
        <v>1</v>
      </c>
      <c r="N702" s="87" t="s">
        <v>509</v>
      </c>
      <c r="O702" s="87">
        <v>1</v>
      </c>
      <c r="P702" s="87">
        <v>80</v>
      </c>
      <c r="Q702" s="89"/>
      <c r="R702" s="207"/>
      <c r="S702" s="207"/>
      <c r="U702" s="207"/>
      <c r="V702" s="99"/>
      <c r="W702" s="99"/>
    </row>
    <row r="703" spans="1:23" s="8" customFormat="1" hidden="1">
      <c r="A703" s="84"/>
      <c r="B703" s="84"/>
      <c r="C703" s="85" t="s">
        <v>130</v>
      </c>
      <c r="D703" s="85" t="s">
        <v>126</v>
      </c>
      <c r="E703" s="85"/>
      <c r="F703" s="85"/>
      <c r="G703" s="85"/>
      <c r="H703" s="85"/>
      <c r="I703" s="85"/>
      <c r="J703" s="85"/>
      <c r="K703" s="85" t="s">
        <v>17</v>
      </c>
      <c r="L703" s="75" t="s">
        <v>71</v>
      </c>
      <c r="M703" s="85">
        <v>12</v>
      </c>
      <c r="N703" s="85"/>
      <c r="O703" s="85"/>
      <c r="P703" s="85"/>
      <c r="Q703" s="86"/>
      <c r="R703" s="207"/>
      <c r="S703" s="207"/>
      <c r="U703" s="207"/>
      <c r="V703" s="99"/>
      <c r="W703" s="99"/>
    </row>
    <row r="704" spans="1:23" s="8" customFormat="1" hidden="1">
      <c r="A704" s="88"/>
      <c r="B704" s="88"/>
      <c r="C704" s="87"/>
      <c r="D704" s="87"/>
      <c r="E704" s="87"/>
      <c r="F704" s="87"/>
      <c r="G704" s="87"/>
      <c r="H704" s="87">
        <v>1</v>
      </c>
      <c r="I704" s="87">
        <v>128</v>
      </c>
      <c r="J704" s="87" t="s">
        <v>128</v>
      </c>
      <c r="K704" s="87" t="s">
        <v>66</v>
      </c>
      <c r="L704" s="11" t="s">
        <v>65</v>
      </c>
      <c r="M704" s="87">
        <v>1</v>
      </c>
      <c r="N704" s="87" t="s">
        <v>514</v>
      </c>
      <c r="O704" s="87">
        <v>2</v>
      </c>
      <c r="P704" s="87">
        <v>3</v>
      </c>
      <c r="Q704" s="89" t="s">
        <v>836</v>
      </c>
      <c r="R704" s="207"/>
      <c r="S704" s="207"/>
      <c r="U704" s="207"/>
      <c r="V704" s="99"/>
      <c r="W704" s="99"/>
    </row>
    <row r="705" spans="1:23" s="8" customFormat="1" hidden="1">
      <c r="A705" s="88"/>
      <c r="B705" s="88"/>
      <c r="C705" s="87"/>
      <c r="D705" s="87"/>
      <c r="E705" s="87"/>
      <c r="F705" s="87"/>
      <c r="G705" s="87"/>
      <c r="H705" s="87">
        <v>2</v>
      </c>
      <c r="I705" s="87">
        <v>127</v>
      </c>
      <c r="J705" s="87" t="s">
        <v>126</v>
      </c>
      <c r="K705" s="87" t="s">
        <v>78</v>
      </c>
      <c r="L705" s="11" t="s">
        <v>71</v>
      </c>
      <c r="M705" s="87">
        <v>1</v>
      </c>
      <c r="N705" s="87" t="s">
        <v>509</v>
      </c>
      <c r="O705" s="87">
        <v>1</v>
      </c>
      <c r="P705" s="87">
        <v>30</v>
      </c>
      <c r="Q705" s="89"/>
      <c r="R705" s="207"/>
      <c r="S705" s="207"/>
      <c r="U705" s="207"/>
      <c r="V705" s="99"/>
      <c r="W705" s="99"/>
    </row>
    <row r="706" spans="1:23" s="8" customFormat="1" hidden="1">
      <c r="A706" s="88"/>
      <c r="B706" s="88"/>
      <c r="C706" s="87"/>
      <c r="D706" s="87"/>
      <c r="E706" s="87"/>
      <c r="F706" s="87"/>
      <c r="G706" s="87"/>
      <c r="H706" s="87">
        <v>3</v>
      </c>
      <c r="I706" s="87">
        <v>352</v>
      </c>
      <c r="J706" s="87" t="s">
        <v>3</v>
      </c>
      <c r="K706" s="87" t="s">
        <v>78</v>
      </c>
      <c r="L706" s="11" t="s">
        <v>71</v>
      </c>
      <c r="M706" s="87">
        <v>1</v>
      </c>
      <c r="N706" s="87" t="s">
        <v>509</v>
      </c>
      <c r="O706" s="87">
        <v>1</v>
      </c>
      <c r="P706" s="87">
        <v>80</v>
      </c>
      <c r="Q706" s="11" t="s">
        <v>837</v>
      </c>
      <c r="R706" s="207"/>
      <c r="S706" s="207"/>
      <c r="U706" s="207"/>
      <c r="V706" s="99"/>
      <c r="W706" s="99"/>
    </row>
    <row r="707" spans="1:23" s="8" customFormat="1" hidden="1">
      <c r="A707" s="84"/>
      <c r="B707" s="84"/>
      <c r="C707" s="85" t="s">
        <v>130</v>
      </c>
      <c r="D707" s="85" t="s">
        <v>126</v>
      </c>
      <c r="E707" s="85"/>
      <c r="F707" s="85"/>
      <c r="G707" s="85"/>
      <c r="H707" s="85"/>
      <c r="I707" s="85"/>
      <c r="J707" s="85"/>
      <c r="K707" s="85" t="s">
        <v>17</v>
      </c>
      <c r="L707" s="75" t="s">
        <v>71</v>
      </c>
      <c r="M707" s="85">
        <v>12</v>
      </c>
      <c r="N707" s="85"/>
      <c r="O707" s="85"/>
      <c r="P707" s="85"/>
      <c r="Q707" s="86"/>
      <c r="R707" s="207"/>
      <c r="S707" s="207"/>
      <c r="U707" s="207"/>
      <c r="V707" s="99"/>
      <c r="W707" s="99"/>
    </row>
    <row r="708" spans="1:23" s="8" customFormat="1" hidden="1">
      <c r="A708" s="88"/>
      <c r="B708" s="88"/>
      <c r="C708" s="87"/>
      <c r="D708" s="87"/>
      <c r="E708" s="87"/>
      <c r="F708" s="87"/>
      <c r="G708" s="87"/>
      <c r="H708" s="87">
        <v>1</v>
      </c>
      <c r="I708" s="87">
        <v>128</v>
      </c>
      <c r="J708" s="87" t="s">
        <v>128</v>
      </c>
      <c r="K708" s="87" t="s">
        <v>66</v>
      </c>
      <c r="L708" s="11" t="s">
        <v>65</v>
      </c>
      <c r="M708" s="87">
        <v>1</v>
      </c>
      <c r="N708" s="87" t="s">
        <v>514</v>
      </c>
      <c r="O708" s="87">
        <v>2</v>
      </c>
      <c r="P708" s="87">
        <v>3</v>
      </c>
      <c r="Q708" s="89" t="s">
        <v>704</v>
      </c>
      <c r="R708" s="207"/>
      <c r="S708" s="207"/>
      <c r="U708" s="207"/>
      <c r="V708" s="99"/>
      <c r="W708" s="99"/>
    </row>
    <row r="709" spans="1:23" s="8" customFormat="1" ht="70" hidden="1">
      <c r="A709" s="88"/>
      <c r="B709" s="88"/>
      <c r="C709" s="87"/>
      <c r="D709" s="87"/>
      <c r="E709" s="87"/>
      <c r="F709" s="87"/>
      <c r="G709" s="87"/>
      <c r="H709" s="87">
        <v>2</v>
      </c>
      <c r="I709" s="87">
        <v>127</v>
      </c>
      <c r="J709" s="87" t="s">
        <v>126</v>
      </c>
      <c r="K709" s="87" t="s">
        <v>78</v>
      </c>
      <c r="L709" s="11" t="s">
        <v>71</v>
      </c>
      <c r="M709" s="87">
        <v>1</v>
      </c>
      <c r="N709" s="87" t="s">
        <v>509</v>
      </c>
      <c r="O709" s="87">
        <v>1</v>
      </c>
      <c r="P709" s="87">
        <v>30</v>
      </c>
      <c r="Q709" s="270" t="s">
        <v>624</v>
      </c>
      <c r="R709" s="207"/>
      <c r="S709" s="207"/>
      <c r="U709" s="207"/>
      <c r="V709" s="99"/>
      <c r="W709" s="99"/>
    </row>
    <row r="710" spans="1:23" s="8" customFormat="1" hidden="1">
      <c r="A710" s="88"/>
      <c r="B710" s="88"/>
      <c r="C710" s="87"/>
      <c r="D710" s="87"/>
      <c r="E710" s="87"/>
      <c r="F710" s="87"/>
      <c r="G710" s="87"/>
      <c r="H710" s="87">
        <v>3</v>
      </c>
      <c r="I710" s="87">
        <v>352</v>
      </c>
      <c r="J710" s="87" t="s">
        <v>3</v>
      </c>
      <c r="K710" s="87" t="s">
        <v>78</v>
      </c>
      <c r="L710" s="11" t="s">
        <v>71</v>
      </c>
      <c r="M710" s="87">
        <v>1</v>
      </c>
      <c r="N710" s="87" t="s">
        <v>509</v>
      </c>
      <c r="O710" s="87">
        <v>1</v>
      </c>
      <c r="P710" s="87">
        <v>80</v>
      </c>
      <c r="Q710" s="89"/>
      <c r="R710" s="207"/>
      <c r="S710" s="207"/>
      <c r="U710" s="207"/>
      <c r="V710" s="99"/>
      <c r="W710" s="99"/>
    </row>
    <row r="711" spans="1:23" s="8" customFormat="1" hidden="1">
      <c r="A711" s="84"/>
      <c r="B711" s="84"/>
      <c r="C711" s="85" t="s">
        <v>124</v>
      </c>
      <c r="D711" s="85" t="s">
        <v>475</v>
      </c>
      <c r="E711" s="85"/>
      <c r="F711" s="85"/>
      <c r="G711" s="85"/>
      <c r="H711" s="85"/>
      <c r="I711" s="85"/>
      <c r="J711" s="85"/>
      <c r="K711" s="85" t="s">
        <v>17</v>
      </c>
      <c r="L711" s="75" t="s">
        <v>71</v>
      </c>
      <c r="M711" s="75">
        <v>3</v>
      </c>
      <c r="N711" s="75"/>
      <c r="O711" s="75"/>
      <c r="P711" s="75"/>
      <c r="Q711" s="86"/>
      <c r="R711" s="207"/>
      <c r="S711" s="207"/>
      <c r="U711" s="207"/>
      <c r="V711" s="99"/>
      <c r="W711" s="99"/>
    </row>
    <row r="712" spans="1:23" s="8" customFormat="1" hidden="1">
      <c r="A712" s="88"/>
      <c r="B712" s="88"/>
      <c r="C712" s="87"/>
      <c r="D712" s="87"/>
      <c r="E712" s="87"/>
      <c r="F712" s="87"/>
      <c r="G712" s="87"/>
      <c r="H712" s="87">
        <v>1</v>
      </c>
      <c r="I712" s="87">
        <v>366</v>
      </c>
      <c r="J712" s="87" t="s">
        <v>122</v>
      </c>
      <c r="K712" s="87" t="s">
        <v>66</v>
      </c>
      <c r="L712" s="11" t="s">
        <v>65</v>
      </c>
      <c r="M712" s="11">
        <v>1</v>
      </c>
      <c r="N712" s="11" t="s">
        <v>514</v>
      </c>
      <c r="O712" s="11">
        <v>2</v>
      </c>
      <c r="P712" s="11">
        <v>2</v>
      </c>
      <c r="Q712" s="89" t="s">
        <v>704</v>
      </c>
      <c r="R712" s="207"/>
      <c r="S712" s="207"/>
      <c r="U712" s="207"/>
      <c r="V712" s="99"/>
      <c r="W712" s="99"/>
    </row>
    <row r="713" spans="1:23" s="8" customFormat="1" hidden="1">
      <c r="A713" s="88"/>
      <c r="B713" s="88"/>
      <c r="C713" s="87"/>
      <c r="D713" s="87"/>
      <c r="E713" s="87"/>
      <c r="F713" s="87"/>
      <c r="G713" s="87"/>
      <c r="H713" s="87">
        <v>2</v>
      </c>
      <c r="I713" s="87">
        <v>93</v>
      </c>
      <c r="J713" s="87" t="s">
        <v>120</v>
      </c>
      <c r="K713" s="87" t="s">
        <v>17</v>
      </c>
      <c r="L713" s="11" t="s">
        <v>71</v>
      </c>
      <c r="M713" s="11">
        <v>1</v>
      </c>
      <c r="N713" s="11" t="s">
        <v>509</v>
      </c>
      <c r="O713" s="11">
        <v>1</v>
      </c>
      <c r="P713" s="11">
        <v>60</v>
      </c>
      <c r="Q713" s="89"/>
      <c r="R713" s="207"/>
      <c r="S713" s="207"/>
      <c r="U713" s="207"/>
      <c r="V713" s="99"/>
      <c r="W713" s="99"/>
    </row>
    <row r="714" spans="1:23" s="8" customFormat="1" ht="70" hidden="1">
      <c r="A714" s="88"/>
      <c r="B714" s="88"/>
      <c r="C714" s="87"/>
      <c r="D714" s="87"/>
      <c r="E714" s="87"/>
      <c r="F714" s="87"/>
      <c r="G714" s="87"/>
      <c r="H714" s="87">
        <v>3</v>
      </c>
      <c r="I714" s="87">
        <v>365</v>
      </c>
      <c r="J714" s="87" t="s">
        <v>114</v>
      </c>
      <c r="K714" s="87" t="s">
        <v>78</v>
      </c>
      <c r="L714" s="11" t="s">
        <v>71</v>
      </c>
      <c r="M714" s="11">
        <v>1</v>
      </c>
      <c r="N714" s="11" t="s">
        <v>514</v>
      </c>
      <c r="O714" s="11">
        <v>2</v>
      </c>
      <c r="P714" s="11">
        <v>2</v>
      </c>
      <c r="Q714" s="270" t="s">
        <v>624</v>
      </c>
      <c r="R714" s="207"/>
      <c r="S714" s="207"/>
      <c r="U714" s="207"/>
      <c r="V714" s="99"/>
      <c r="W714" s="99"/>
    </row>
    <row r="715" spans="1:23" s="8" customFormat="1" hidden="1">
      <c r="A715" s="88"/>
      <c r="B715" s="88"/>
      <c r="C715" s="87"/>
      <c r="D715" s="87"/>
      <c r="E715" s="87"/>
      <c r="F715" s="87"/>
      <c r="G715" s="87"/>
      <c r="H715" s="87">
        <v>4</v>
      </c>
      <c r="I715" s="87">
        <v>364</v>
      </c>
      <c r="J715" s="87" t="s">
        <v>112</v>
      </c>
      <c r="K715" s="87" t="s">
        <v>78</v>
      </c>
      <c r="L715" s="11" t="s">
        <v>71</v>
      </c>
      <c r="M715" s="11">
        <v>1</v>
      </c>
      <c r="N715" s="11" t="s">
        <v>509</v>
      </c>
      <c r="O715" s="11">
        <v>1</v>
      </c>
      <c r="P715" s="11">
        <v>80</v>
      </c>
      <c r="Q715" s="89"/>
      <c r="R715" s="207"/>
      <c r="S715" s="207"/>
      <c r="U715" s="207"/>
      <c r="V715" s="99"/>
      <c r="W715" s="99"/>
    </row>
    <row r="716" spans="1:23" s="8" customFormat="1" ht="70" hidden="1">
      <c r="A716" s="88"/>
      <c r="B716" s="88"/>
      <c r="C716" s="87"/>
      <c r="D716" s="87"/>
      <c r="E716" s="87"/>
      <c r="F716" s="87"/>
      <c r="G716" s="87"/>
      <c r="H716" s="87">
        <v>5</v>
      </c>
      <c r="I716" s="87">
        <v>365</v>
      </c>
      <c r="J716" s="87" t="s">
        <v>114</v>
      </c>
      <c r="K716" s="87" t="s">
        <v>78</v>
      </c>
      <c r="L716" s="11" t="s">
        <v>71</v>
      </c>
      <c r="M716" s="11">
        <v>1</v>
      </c>
      <c r="N716" s="11" t="s">
        <v>514</v>
      </c>
      <c r="O716" s="11">
        <v>2</v>
      </c>
      <c r="P716" s="11">
        <v>2</v>
      </c>
      <c r="Q716" s="270" t="s">
        <v>624</v>
      </c>
      <c r="R716" s="207"/>
      <c r="S716" s="207"/>
      <c r="U716" s="207"/>
      <c r="V716" s="99"/>
      <c r="W716" s="99"/>
    </row>
    <row r="717" spans="1:23" s="8" customFormat="1" hidden="1">
      <c r="A717" s="88"/>
      <c r="B717" s="88"/>
      <c r="C717" s="87"/>
      <c r="D717" s="87"/>
      <c r="E717" s="87"/>
      <c r="F717" s="87"/>
      <c r="G717" s="87"/>
      <c r="H717" s="87">
        <v>6</v>
      </c>
      <c r="I717" s="87">
        <v>364</v>
      </c>
      <c r="J717" s="87" t="s">
        <v>112</v>
      </c>
      <c r="K717" s="87" t="s">
        <v>78</v>
      </c>
      <c r="L717" s="11" t="s">
        <v>71</v>
      </c>
      <c r="M717" s="11">
        <v>1</v>
      </c>
      <c r="N717" s="11" t="s">
        <v>509</v>
      </c>
      <c r="O717" s="11">
        <v>1</v>
      </c>
      <c r="P717" s="11">
        <v>80</v>
      </c>
      <c r="Q717" s="89"/>
      <c r="R717" s="207"/>
      <c r="S717" s="207"/>
      <c r="U717" s="207"/>
      <c r="V717" s="99"/>
      <c r="W717" s="99"/>
    </row>
    <row r="718" spans="1:23" s="8" customFormat="1" ht="70" hidden="1">
      <c r="A718" s="88"/>
      <c r="B718" s="88"/>
      <c r="C718" s="87"/>
      <c r="D718" s="87"/>
      <c r="E718" s="87"/>
      <c r="F718" s="87"/>
      <c r="G718" s="87"/>
      <c r="H718" s="87">
        <v>7</v>
      </c>
      <c r="I718" s="87">
        <v>365</v>
      </c>
      <c r="J718" s="87" t="s">
        <v>114</v>
      </c>
      <c r="K718" s="87" t="s">
        <v>78</v>
      </c>
      <c r="L718" s="11" t="s">
        <v>71</v>
      </c>
      <c r="M718" s="11">
        <v>1</v>
      </c>
      <c r="N718" s="11" t="s">
        <v>514</v>
      </c>
      <c r="O718" s="11">
        <v>2</v>
      </c>
      <c r="P718" s="11">
        <v>2</v>
      </c>
      <c r="Q718" s="270" t="s">
        <v>624</v>
      </c>
      <c r="R718" s="207"/>
      <c r="S718" s="207"/>
      <c r="U718" s="207"/>
      <c r="V718" s="99"/>
      <c r="W718" s="99"/>
    </row>
    <row r="719" spans="1:23" s="8" customFormat="1" hidden="1">
      <c r="A719" s="88"/>
      <c r="B719" s="88"/>
      <c r="C719" s="87"/>
      <c r="D719" s="87"/>
      <c r="E719" s="87"/>
      <c r="F719" s="87"/>
      <c r="G719" s="87"/>
      <c r="H719" s="87">
        <v>8</v>
      </c>
      <c r="I719" s="87">
        <v>364</v>
      </c>
      <c r="J719" s="87" t="s">
        <v>112</v>
      </c>
      <c r="K719" s="87" t="s">
        <v>78</v>
      </c>
      <c r="L719" s="11" t="s">
        <v>71</v>
      </c>
      <c r="M719" s="11">
        <v>1</v>
      </c>
      <c r="N719" s="11" t="s">
        <v>509</v>
      </c>
      <c r="O719" s="11">
        <v>1</v>
      </c>
      <c r="P719" s="11">
        <v>80</v>
      </c>
      <c r="Q719" s="89"/>
      <c r="R719" s="207"/>
      <c r="S719" s="207"/>
      <c r="U719" s="207"/>
      <c r="V719" s="99"/>
      <c r="W719" s="99"/>
    </row>
    <row r="720" spans="1:23" s="8" customFormat="1">
      <c r="A720" s="430" t="s">
        <v>508</v>
      </c>
      <c r="B720" s="431"/>
      <c r="C720" s="431"/>
      <c r="D720" s="431"/>
      <c r="E720" s="431"/>
      <c r="F720" s="431"/>
      <c r="G720" s="431"/>
      <c r="H720" s="431"/>
      <c r="I720" s="431"/>
      <c r="J720" s="431"/>
      <c r="K720" s="431"/>
      <c r="L720" s="431"/>
      <c r="M720" s="431"/>
      <c r="N720" s="431"/>
      <c r="O720" s="431"/>
      <c r="P720" s="431"/>
      <c r="Q720" s="431"/>
      <c r="R720" s="207"/>
      <c r="S720" s="207"/>
      <c r="U720" s="207"/>
      <c r="V720" s="99"/>
      <c r="W720" s="99"/>
    </row>
    <row r="721" spans="1:16384" s="8" customFormat="1" ht="70">
      <c r="A721" s="84"/>
      <c r="B721" s="84"/>
      <c r="C721" s="85" t="s">
        <v>555</v>
      </c>
      <c r="D721" s="85" t="s">
        <v>556</v>
      </c>
      <c r="E721" s="85"/>
      <c r="F721" s="85"/>
      <c r="G721" s="85"/>
      <c r="H721" s="85"/>
      <c r="I721" s="85"/>
      <c r="J721" s="85"/>
      <c r="K721" s="85" t="s">
        <v>66</v>
      </c>
      <c r="L721" s="75" t="s">
        <v>65</v>
      </c>
      <c r="M721" s="85">
        <v>1</v>
      </c>
      <c r="N721" s="85"/>
      <c r="O721" s="85"/>
      <c r="P721" s="85"/>
      <c r="Q721" s="389"/>
      <c r="R721" s="385" t="s">
        <v>2793</v>
      </c>
      <c r="S721" s="387" t="s">
        <v>2794</v>
      </c>
      <c r="T721" s="386"/>
      <c r="U721" s="207"/>
      <c r="V721" s="99"/>
      <c r="W721" s="99"/>
    </row>
    <row r="722" spans="1:16384" s="8" customFormat="1" ht="20" hidden="1">
      <c r="A722" s="423" t="s">
        <v>2795</v>
      </c>
      <c r="B722" s="424"/>
      <c r="C722" s="424"/>
      <c r="D722" s="424"/>
      <c r="E722" s="423" t="s">
        <v>2795</v>
      </c>
      <c r="F722" s="424"/>
      <c r="G722" s="424"/>
      <c r="H722" s="424"/>
      <c r="I722" s="423" t="s">
        <v>2795</v>
      </c>
      <c r="J722" s="424"/>
      <c r="K722" s="424"/>
      <c r="L722" s="424"/>
      <c r="M722" s="423" t="s">
        <v>2795</v>
      </c>
      <c r="N722" s="424"/>
      <c r="O722" s="424"/>
      <c r="P722" s="424"/>
      <c r="Q722" s="426" t="s">
        <v>2795</v>
      </c>
      <c r="R722" s="427"/>
      <c r="S722" s="427"/>
      <c r="T722" s="427"/>
      <c r="U722" s="423" t="s">
        <v>2795</v>
      </c>
      <c r="V722" s="424"/>
      <c r="W722" s="424"/>
      <c r="X722" s="424"/>
      <c r="Y722" s="423" t="s">
        <v>2795</v>
      </c>
      <c r="Z722" s="424"/>
      <c r="AA722" s="424"/>
      <c r="AB722" s="424"/>
      <c r="AC722" s="423" t="s">
        <v>2795</v>
      </c>
      <c r="AD722" s="424"/>
      <c r="AE722" s="424"/>
      <c r="AF722" s="424"/>
      <c r="AG722" s="423" t="s">
        <v>2795</v>
      </c>
      <c r="AH722" s="424"/>
      <c r="AI722" s="424"/>
      <c r="AJ722" s="424"/>
      <c r="AK722" s="423" t="s">
        <v>2795</v>
      </c>
      <c r="AL722" s="424"/>
      <c r="AM722" s="424"/>
      <c r="AN722" s="424"/>
      <c r="AO722" s="423" t="s">
        <v>2795</v>
      </c>
      <c r="AP722" s="424"/>
      <c r="AQ722" s="424"/>
      <c r="AR722" s="424"/>
      <c r="AS722" s="423" t="s">
        <v>2795</v>
      </c>
      <c r="AT722" s="424"/>
      <c r="AU722" s="424"/>
      <c r="AV722" s="424"/>
      <c r="AW722" s="423" t="s">
        <v>2795</v>
      </c>
      <c r="AX722" s="424"/>
      <c r="AY722" s="424"/>
      <c r="AZ722" s="424"/>
      <c r="BA722" s="423" t="s">
        <v>2795</v>
      </c>
      <c r="BB722" s="424"/>
      <c r="BC722" s="424"/>
      <c r="BD722" s="424"/>
      <c r="BE722" s="423" t="s">
        <v>2795</v>
      </c>
      <c r="BF722" s="424"/>
      <c r="BG722" s="424"/>
      <c r="BH722" s="424"/>
      <c r="BI722" s="423" t="s">
        <v>2795</v>
      </c>
      <c r="BJ722" s="424"/>
      <c r="BK722" s="424"/>
      <c r="BL722" s="424"/>
      <c r="BM722" s="423" t="s">
        <v>2795</v>
      </c>
      <c r="BN722" s="424"/>
      <c r="BO722" s="424"/>
      <c r="BP722" s="424"/>
      <c r="BQ722" s="423" t="s">
        <v>2795</v>
      </c>
      <c r="BR722" s="424"/>
      <c r="BS722" s="424"/>
      <c r="BT722" s="424"/>
      <c r="BU722" s="423" t="s">
        <v>2795</v>
      </c>
      <c r="BV722" s="424"/>
      <c r="BW722" s="424"/>
      <c r="BX722" s="424"/>
      <c r="BY722" s="423" t="s">
        <v>2795</v>
      </c>
      <c r="BZ722" s="424"/>
      <c r="CA722" s="424"/>
      <c r="CB722" s="424"/>
      <c r="CC722" s="423" t="s">
        <v>2795</v>
      </c>
      <c r="CD722" s="424"/>
      <c r="CE722" s="424"/>
      <c r="CF722" s="424"/>
      <c r="CG722" s="423" t="s">
        <v>2795</v>
      </c>
      <c r="CH722" s="424"/>
      <c r="CI722" s="424"/>
      <c r="CJ722" s="424"/>
      <c r="CK722" s="423" t="s">
        <v>2795</v>
      </c>
      <c r="CL722" s="424"/>
      <c r="CM722" s="424"/>
      <c r="CN722" s="424"/>
      <c r="CO722" s="423" t="s">
        <v>2795</v>
      </c>
      <c r="CP722" s="424"/>
      <c r="CQ722" s="424"/>
      <c r="CR722" s="424"/>
      <c r="CS722" s="423" t="s">
        <v>2795</v>
      </c>
      <c r="CT722" s="424"/>
      <c r="CU722" s="424"/>
      <c r="CV722" s="424"/>
      <c r="CW722" s="423" t="s">
        <v>2795</v>
      </c>
      <c r="CX722" s="424"/>
      <c r="CY722" s="424"/>
      <c r="CZ722" s="424"/>
      <c r="DA722" s="423" t="s">
        <v>2795</v>
      </c>
      <c r="DB722" s="424"/>
      <c r="DC722" s="424"/>
      <c r="DD722" s="424"/>
      <c r="DE722" s="423" t="s">
        <v>2795</v>
      </c>
      <c r="DF722" s="424"/>
      <c r="DG722" s="424"/>
      <c r="DH722" s="424"/>
      <c r="DI722" s="423" t="s">
        <v>2795</v>
      </c>
      <c r="DJ722" s="424"/>
      <c r="DK722" s="424"/>
      <c r="DL722" s="424"/>
      <c r="DM722" s="423" t="s">
        <v>2795</v>
      </c>
      <c r="DN722" s="424"/>
      <c r="DO722" s="424"/>
      <c r="DP722" s="424"/>
      <c r="DQ722" s="423" t="s">
        <v>2795</v>
      </c>
      <c r="DR722" s="424"/>
      <c r="DS722" s="424"/>
      <c r="DT722" s="424"/>
      <c r="DU722" s="423" t="s">
        <v>2795</v>
      </c>
      <c r="DV722" s="424"/>
      <c r="DW722" s="424"/>
      <c r="DX722" s="424"/>
      <c r="DY722" s="423" t="s">
        <v>2795</v>
      </c>
      <c r="DZ722" s="424"/>
      <c r="EA722" s="424"/>
      <c r="EB722" s="424"/>
      <c r="EC722" s="423" t="s">
        <v>2795</v>
      </c>
      <c r="ED722" s="424"/>
      <c r="EE722" s="424"/>
      <c r="EF722" s="424"/>
      <c r="EG722" s="423" t="s">
        <v>2795</v>
      </c>
      <c r="EH722" s="424"/>
      <c r="EI722" s="424"/>
      <c r="EJ722" s="424"/>
      <c r="EK722" s="423" t="s">
        <v>2795</v>
      </c>
      <c r="EL722" s="424"/>
      <c r="EM722" s="424"/>
      <c r="EN722" s="424"/>
      <c r="EO722" s="423" t="s">
        <v>2795</v>
      </c>
      <c r="EP722" s="424"/>
      <c r="EQ722" s="424"/>
      <c r="ER722" s="424"/>
      <c r="ES722" s="423" t="s">
        <v>2795</v>
      </c>
      <c r="ET722" s="424"/>
      <c r="EU722" s="424"/>
      <c r="EV722" s="424"/>
      <c r="EW722" s="423" t="s">
        <v>2795</v>
      </c>
      <c r="EX722" s="424"/>
      <c r="EY722" s="424"/>
      <c r="EZ722" s="424"/>
      <c r="FA722" s="423" t="s">
        <v>2795</v>
      </c>
      <c r="FB722" s="424"/>
      <c r="FC722" s="424"/>
      <c r="FD722" s="424"/>
      <c r="FE722" s="423" t="s">
        <v>2795</v>
      </c>
      <c r="FF722" s="424"/>
      <c r="FG722" s="424"/>
      <c r="FH722" s="424"/>
      <c r="FI722" s="423" t="s">
        <v>2795</v>
      </c>
      <c r="FJ722" s="424"/>
      <c r="FK722" s="424"/>
      <c r="FL722" s="424"/>
      <c r="FM722" s="423" t="s">
        <v>2795</v>
      </c>
      <c r="FN722" s="424"/>
      <c r="FO722" s="424"/>
      <c r="FP722" s="424"/>
      <c r="FQ722" s="423" t="s">
        <v>2795</v>
      </c>
      <c r="FR722" s="424"/>
      <c r="FS722" s="424"/>
      <c r="FT722" s="424"/>
      <c r="FU722" s="423" t="s">
        <v>2795</v>
      </c>
      <c r="FV722" s="424"/>
      <c r="FW722" s="424"/>
      <c r="FX722" s="424"/>
      <c r="FY722" s="423" t="s">
        <v>2795</v>
      </c>
      <c r="FZ722" s="424"/>
      <c r="GA722" s="424"/>
      <c r="GB722" s="424"/>
      <c r="GC722" s="423" t="s">
        <v>2795</v>
      </c>
      <c r="GD722" s="424"/>
      <c r="GE722" s="424"/>
      <c r="GF722" s="424"/>
      <c r="GG722" s="423" t="s">
        <v>2795</v>
      </c>
      <c r="GH722" s="424"/>
      <c r="GI722" s="424"/>
      <c r="GJ722" s="424"/>
      <c r="GK722" s="423" t="s">
        <v>2795</v>
      </c>
      <c r="GL722" s="424"/>
      <c r="GM722" s="424"/>
      <c r="GN722" s="424"/>
      <c r="GO722" s="423" t="s">
        <v>2795</v>
      </c>
      <c r="GP722" s="424"/>
      <c r="GQ722" s="424"/>
      <c r="GR722" s="424"/>
      <c r="GS722" s="423" t="s">
        <v>2795</v>
      </c>
      <c r="GT722" s="424"/>
      <c r="GU722" s="424"/>
      <c r="GV722" s="424"/>
      <c r="GW722" s="423" t="s">
        <v>2795</v>
      </c>
      <c r="GX722" s="424"/>
      <c r="GY722" s="424"/>
      <c r="GZ722" s="424"/>
      <c r="HA722" s="423" t="s">
        <v>2795</v>
      </c>
      <c r="HB722" s="424"/>
      <c r="HC722" s="424"/>
      <c r="HD722" s="424"/>
      <c r="HE722" s="423" t="s">
        <v>2795</v>
      </c>
      <c r="HF722" s="424"/>
      <c r="HG722" s="424"/>
      <c r="HH722" s="424"/>
      <c r="HI722" s="423" t="s">
        <v>2795</v>
      </c>
      <c r="HJ722" s="424"/>
      <c r="HK722" s="424"/>
      <c r="HL722" s="424"/>
      <c r="HM722" s="423" t="s">
        <v>2795</v>
      </c>
      <c r="HN722" s="424"/>
      <c r="HO722" s="424"/>
      <c r="HP722" s="424"/>
      <c r="HQ722" s="423" t="s">
        <v>2795</v>
      </c>
      <c r="HR722" s="424"/>
      <c r="HS722" s="424"/>
      <c r="HT722" s="424"/>
      <c r="HU722" s="423" t="s">
        <v>2795</v>
      </c>
      <c r="HV722" s="424"/>
      <c r="HW722" s="424"/>
      <c r="HX722" s="424"/>
      <c r="HY722" s="423" t="s">
        <v>2795</v>
      </c>
      <c r="HZ722" s="424"/>
      <c r="IA722" s="424"/>
      <c r="IB722" s="424"/>
      <c r="IC722" s="423" t="s">
        <v>2795</v>
      </c>
      <c r="ID722" s="424"/>
      <c r="IE722" s="424"/>
      <c r="IF722" s="424"/>
      <c r="IG722" s="423" t="s">
        <v>2795</v>
      </c>
      <c r="IH722" s="424"/>
      <c r="II722" s="424"/>
      <c r="IJ722" s="424"/>
      <c r="IK722" s="423" t="s">
        <v>2795</v>
      </c>
      <c r="IL722" s="424"/>
      <c r="IM722" s="424"/>
      <c r="IN722" s="424"/>
      <c r="IO722" s="423" t="s">
        <v>2795</v>
      </c>
      <c r="IP722" s="424"/>
      <c r="IQ722" s="424"/>
      <c r="IR722" s="424"/>
      <c r="IS722" s="423" t="s">
        <v>2795</v>
      </c>
      <c r="IT722" s="424"/>
      <c r="IU722" s="424"/>
      <c r="IV722" s="424"/>
      <c r="IW722" s="423" t="s">
        <v>2795</v>
      </c>
      <c r="IX722" s="424"/>
      <c r="IY722" s="424"/>
      <c r="IZ722" s="424"/>
      <c r="JA722" s="423" t="s">
        <v>2795</v>
      </c>
      <c r="JB722" s="424"/>
      <c r="JC722" s="424"/>
      <c r="JD722" s="424"/>
      <c r="JE722" s="423" t="s">
        <v>2795</v>
      </c>
      <c r="JF722" s="424"/>
      <c r="JG722" s="424"/>
      <c r="JH722" s="424"/>
      <c r="JI722" s="423" t="s">
        <v>2795</v>
      </c>
      <c r="JJ722" s="424"/>
      <c r="JK722" s="424"/>
      <c r="JL722" s="424"/>
      <c r="JM722" s="423" t="s">
        <v>2795</v>
      </c>
      <c r="JN722" s="424"/>
      <c r="JO722" s="424"/>
      <c r="JP722" s="424"/>
      <c r="JQ722" s="423" t="s">
        <v>2795</v>
      </c>
      <c r="JR722" s="424"/>
      <c r="JS722" s="424"/>
      <c r="JT722" s="424"/>
      <c r="JU722" s="423" t="s">
        <v>2795</v>
      </c>
      <c r="JV722" s="424"/>
      <c r="JW722" s="424"/>
      <c r="JX722" s="424"/>
      <c r="JY722" s="423" t="s">
        <v>2795</v>
      </c>
      <c r="JZ722" s="424"/>
      <c r="KA722" s="424"/>
      <c r="KB722" s="424"/>
      <c r="KC722" s="423" t="s">
        <v>2795</v>
      </c>
      <c r="KD722" s="424"/>
      <c r="KE722" s="424"/>
      <c r="KF722" s="424"/>
      <c r="KG722" s="423" t="s">
        <v>2795</v>
      </c>
      <c r="KH722" s="424"/>
      <c r="KI722" s="424"/>
      <c r="KJ722" s="424"/>
      <c r="KK722" s="423" t="s">
        <v>2795</v>
      </c>
      <c r="KL722" s="424"/>
      <c r="KM722" s="424"/>
      <c r="KN722" s="424"/>
      <c r="KO722" s="423" t="s">
        <v>2795</v>
      </c>
      <c r="KP722" s="424"/>
      <c r="KQ722" s="424"/>
      <c r="KR722" s="424"/>
      <c r="KS722" s="423" t="s">
        <v>2795</v>
      </c>
      <c r="KT722" s="424"/>
      <c r="KU722" s="424"/>
      <c r="KV722" s="424"/>
      <c r="KW722" s="423" t="s">
        <v>2795</v>
      </c>
      <c r="KX722" s="424"/>
      <c r="KY722" s="424"/>
      <c r="KZ722" s="424"/>
      <c r="LA722" s="423" t="s">
        <v>2795</v>
      </c>
      <c r="LB722" s="424"/>
      <c r="LC722" s="424"/>
      <c r="LD722" s="424"/>
      <c r="LE722" s="423" t="s">
        <v>2795</v>
      </c>
      <c r="LF722" s="424"/>
      <c r="LG722" s="424"/>
      <c r="LH722" s="424"/>
      <c r="LI722" s="423" t="s">
        <v>2795</v>
      </c>
      <c r="LJ722" s="424"/>
      <c r="LK722" s="424"/>
      <c r="LL722" s="424"/>
      <c r="LM722" s="423" t="s">
        <v>2795</v>
      </c>
      <c r="LN722" s="424"/>
      <c r="LO722" s="424"/>
      <c r="LP722" s="424"/>
      <c r="LQ722" s="423" t="s">
        <v>2795</v>
      </c>
      <c r="LR722" s="424"/>
      <c r="LS722" s="424"/>
      <c r="LT722" s="424"/>
      <c r="LU722" s="423" t="s">
        <v>2795</v>
      </c>
      <c r="LV722" s="424"/>
      <c r="LW722" s="424"/>
      <c r="LX722" s="424"/>
      <c r="LY722" s="423" t="s">
        <v>2795</v>
      </c>
      <c r="LZ722" s="424"/>
      <c r="MA722" s="424"/>
      <c r="MB722" s="424"/>
      <c r="MC722" s="423" t="s">
        <v>2795</v>
      </c>
      <c r="MD722" s="424"/>
      <c r="ME722" s="424"/>
      <c r="MF722" s="424"/>
      <c r="MG722" s="423" t="s">
        <v>2795</v>
      </c>
      <c r="MH722" s="424"/>
      <c r="MI722" s="424"/>
      <c r="MJ722" s="424"/>
      <c r="MK722" s="423" t="s">
        <v>2795</v>
      </c>
      <c r="ML722" s="424"/>
      <c r="MM722" s="424"/>
      <c r="MN722" s="424"/>
      <c r="MO722" s="423" t="s">
        <v>2795</v>
      </c>
      <c r="MP722" s="424"/>
      <c r="MQ722" s="424"/>
      <c r="MR722" s="424"/>
      <c r="MS722" s="423" t="s">
        <v>2795</v>
      </c>
      <c r="MT722" s="424"/>
      <c r="MU722" s="424"/>
      <c r="MV722" s="424"/>
      <c r="MW722" s="423" t="s">
        <v>2795</v>
      </c>
      <c r="MX722" s="424"/>
      <c r="MY722" s="424"/>
      <c r="MZ722" s="424"/>
      <c r="NA722" s="423" t="s">
        <v>2795</v>
      </c>
      <c r="NB722" s="424"/>
      <c r="NC722" s="424"/>
      <c r="ND722" s="424"/>
      <c r="NE722" s="423" t="s">
        <v>2795</v>
      </c>
      <c r="NF722" s="424"/>
      <c r="NG722" s="424"/>
      <c r="NH722" s="424"/>
      <c r="NI722" s="423" t="s">
        <v>2795</v>
      </c>
      <c r="NJ722" s="424"/>
      <c r="NK722" s="424"/>
      <c r="NL722" s="424"/>
      <c r="NM722" s="423" t="s">
        <v>2795</v>
      </c>
      <c r="NN722" s="424"/>
      <c r="NO722" s="424"/>
      <c r="NP722" s="424"/>
      <c r="NQ722" s="423" t="s">
        <v>2795</v>
      </c>
      <c r="NR722" s="424"/>
      <c r="NS722" s="424"/>
      <c r="NT722" s="424"/>
      <c r="NU722" s="423" t="s">
        <v>2795</v>
      </c>
      <c r="NV722" s="424"/>
      <c r="NW722" s="424"/>
      <c r="NX722" s="424"/>
      <c r="NY722" s="423" t="s">
        <v>2795</v>
      </c>
      <c r="NZ722" s="424"/>
      <c r="OA722" s="424"/>
      <c r="OB722" s="424"/>
      <c r="OC722" s="423" t="s">
        <v>2795</v>
      </c>
      <c r="OD722" s="424"/>
      <c r="OE722" s="424"/>
      <c r="OF722" s="424"/>
      <c r="OG722" s="423" t="s">
        <v>2795</v>
      </c>
      <c r="OH722" s="424"/>
      <c r="OI722" s="424"/>
      <c r="OJ722" s="424"/>
      <c r="OK722" s="423" t="s">
        <v>2795</v>
      </c>
      <c r="OL722" s="424"/>
      <c r="OM722" s="424"/>
      <c r="ON722" s="424"/>
      <c r="OO722" s="423" t="s">
        <v>2795</v>
      </c>
      <c r="OP722" s="424"/>
      <c r="OQ722" s="424"/>
      <c r="OR722" s="424"/>
      <c r="OS722" s="423" t="s">
        <v>2795</v>
      </c>
      <c r="OT722" s="424"/>
      <c r="OU722" s="424"/>
      <c r="OV722" s="424"/>
      <c r="OW722" s="423" t="s">
        <v>2795</v>
      </c>
      <c r="OX722" s="424"/>
      <c r="OY722" s="424"/>
      <c r="OZ722" s="424"/>
      <c r="PA722" s="423" t="s">
        <v>2795</v>
      </c>
      <c r="PB722" s="424"/>
      <c r="PC722" s="424"/>
      <c r="PD722" s="424"/>
      <c r="PE722" s="423" t="s">
        <v>2795</v>
      </c>
      <c r="PF722" s="424"/>
      <c r="PG722" s="424"/>
      <c r="PH722" s="424"/>
      <c r="PI722" s="423" t="s">
        <v>2795</v>
      </c>
      <c r="PJ722" s="424"/>
      <c r="PK722" s="424"/>
      <c r="PL722" s="424"/>
      <c r="PM722" s="423" t="s">
        <v>2795</v>
      </c>
      <c r="PN722" s="424"/>
      <c r="PO722" s="424"/>
      <c r="PP722" s="424"/>
      <c r="PQ722" s="423" t="s">
        <v>2795</v>
      </c>
      <c r="PR722" s="424"/>
      <c r="PS722" s="424"/>
      <c r="PT722" s="424"/>
      <c r="PU722" s="423" t="s">
        <v>2795</v>
      </c>
      <c r="PV722" s="424"/>
      <c r="PW722" s="424"/>
      <c r="PX722" s="424"/>
      <c r="PY722" s="423" t="s">
        <v>2795</v>
      </c>
      <c r="PZ722" s="424"/>
      <c r="QA722" s="424"/>
      <c r="QB722" s="424"/>
      <c r="QC722" s="423" t="s">
        <v>2795</v>
      </c>
      <c r="QD722" s="424"/>
      <c r="QE722" s="424"/>
      <c r="QF722" s="424"/>
      <c r="QG722" s="423" t="s">
        <v>2795</v>
      </c>
      <c r="QH722" s="424"/>
      <c r="QI722" s="424"/>
      <c r="QJ722" s="424"/>
      <c r="QK722" s="423" t="s">
        <v>2795</v>
      </c>
      <c r="QL722" s="424"/>
      <c r="QM722" s="424"/>
      <c r="QN722" s="424"/>
      <c r="QO722" s="423" t="s">
        <v>2795</v>
      </c>
      <c r="QP722" s="424"/>
      <c r="QQ722" s="424"/>
      <c r="QR722" s="424"/>
      <c r="QS722" s="423" t="s">
        <v>2795</v>
      </c>
      <c r="QT722" s="424"/>
      <c r="QU722" s="424"/>
      <c r="QV722" s="424"/>
      <c r="QW722" s="423" t="s">
        <v>2795</v>
      </c>
      <c r="QX722" s="424"/>
      <c r="QY722" s="424"/>
      <c r="QZ722" s="424"/>
      <c r="RA722" s="423" t="s">
        <v>2795</v>
      </c>
      <c r="RB722" s="424"/>
      <c r="RC722" s="424"/>
      <c r="RD722" s="424"/>
      <c r="RE722" s="423" t="s">
        <v>2795</v>
      </c>
      <c r="RF722" s="424"/>
      <c r="RG722" s="424"/>
      <c r="RH722" s="424"/>
      <c r="RI722" s="423" t="s">
        <v>2795</v>
      </c>
      <c r="RJ722" s="424"/>
      <c r="RK722" s="424"/>
      <c r="RL722" s="424"/>
      <c r="RM722" s="423" t="s">
        <v>2795</v>
      </c>
      <c r="RN722" s="424"/>
      <c r="RO722" s="424"/>
      <c r="RP722" s="424"/>
      <c r="RQ722" s="423" t="s">
        <v>2795</v>
      </c>
      <c r="RR722" s="424"/>
      <c r="RS722" s="424"/>
      <c r="RT722" s="424"/>
      <c r="RU722" s="423" t="s">
        <v>2795</v>
      </c>
      <c r="RV722" s="424"/>
      <c r="RW722" s="424"/>
      <c r="RX722" s="424"/>
      <c r="RY722" s="423" t="s">
        <v>2795</v>
      </c>
      <c r="RZ722" s="424"/>
      <c r="SA722" s="424"/>
      <c r="SB722" s="424"/>
      <c r="SC722" s="423" t="s">
        <v>2795</v>
      </c>
      <c r="SD722" s="424"/>
      <c r="SE722" s="424"/>
      <c r="SF722" s="424"/>
      <c r="SG722" s="423" t="s">
        <v>2795</v>
      </c>
      <c r="SH722" s="424"/>
      <c r="SI722" s="424"/>
      <c r="SJ722" s="424"/>
      <c r="SK722" s="423" t="s">
        <v>2795</v>
      </c>
      <c r="SL722" s="424"/>
      <c r="SM722" s="424"/>
      <c r="SN722" s="424"/>
      <c r="SO722" s="423" t="s">
        <v>2795</v>
      </c>
      <c r="SP722" s="424"/>
      <c r="SQ722" s="424"/>
      <c r="SR722" s="424"/>
      <c r="SS722" s="423" t="s">
        <v>2795</v>
      </c>
      <c r="ST722" s="424"/>
      <c r="SU722" s="424"/>
      <c r="SV722" s="424"/>
      <c r="SW722" s="423" t="s">
        <v>2795</v>
      </c>
      <c r="SX722" s="424"/>
      <c r="SY722" s="424"/>
      <c r="SZ722" s="424"/>
      <c r="TA722" s="423" t="s">
        <v>2795</v>
      </c>
      <c r="TB722" s="424"/>
      <c r="TC722" s="424"/>
      <c r="TD722" s="424"/>
      <c r="TE722" s="423" t="s">
        <v>2795</v>
      </c>
      <c r="TF722" s="424"/>
      <c r="TG722" s="424"/>
      <c r="TH722" s="424"/>
      <c r="TI722" s="423" t="s">
        <v>2795</v>
      </c>
      <c r="TJ722" s="424"/>
      <c r="TK722" s="424"/>
      <c r="TL722" s="424"/>
      <c r="TM722" s="423" t="s">
        <v>2795</v>
      </c>
      <c r="TN722" s="424"/>
      <c r="TO722" s="424"/>
      <c r="TP722" s="424"/>
      <c r="TQ722" s="423" t="s">
        <v>2795</v>
      </c>
      <c r="TR722" s="424"/>
      <c r="TS722" s="424"/>
      <c r="TT722" s="424"/>
      <c r="TU722" s="423" t="s">
        <v>2795</v>
      </c>
      <c r="TV722" s="424"/>
      <c r="TW722" s="424"/>
      <c r="TX722" s="424"/>
      <c r="TY722" s="423" t="s">
        <v>2795</v>
      </c>
      <c r="TZ722" s="424"/>
      <c r="UA722" s="424"/>
      <c r="UB722" s="424"/>
      <c r="UC722" s="423" t="s">
        <v>2795</v>
      </c>
      <c r="UD722" s="424"/>
      <c r="UE722" s="424"/>
      <c r="UF722" s="424"/>
      <c r="UG722" s="423" t="s">
        <v>2795</v>
      </c>
      <c r="UH722" s="424"/>
      <c r="UI722" s="424"/>
      <c r="UJ722" s="424"/>
      <c r="UK722" s="423" t="s">
        <v>2795</v>
      </c>
      <c r="UL722" s="424"/>
      <c r="UM722" s="424"/>
      <c r="UN722" s="424"/>
      <c r="UO722" s="423" t="s">
        <v>2795</v>
      </c>
      <c r="UP722" s="424"/>
      <c r="UQ722" s="424"/>
      <c r="UR722" s="424"/>
      <c r="US722" s="423" t="s">
        <v>2795</v>
      </c>
      <c r="UT722" s="424"/>
      <c r="UU722" s="424"/>
      <c r="UV722" s="424"/>
      <c r="UW722" s="423" t="s">
        <v>2795</v>
      </c>
      <c r="UX722" s="424"/>
      <c r="UY722" s="424"/>
      <c r="UZ722" s="424"/>
      <c r="VA722" s="423" t="s">
        <v>2795</v>
      </c>
      <c r="VB722" s="424"/>
      <c r="VC722" s="424"/>
      <c r="VD722" s="424"/>
      <c r="VE722" s="423" t="s">
        <v>2795</v>
      </c>
      <c r="VF722" s="424"/>
      <c r="VG722" s="424"/>
      <c r="VH722" s="424"/>
      <c r="VI722" s="423" t="s">
        <v>2795</v>
      </c>
      <c r="VJ722" s="424"/>
      <c r="VK722" s="424"/>
      <c r="VL722" s="424"/>
      <c r="VM722" s="423" t="s">
        <v>2795</v>
      </c>
      <c r="VN722" s="424"/>
      <c r="VO722" s="424"/>
      <c r="VP722" s="424"/>
      <c r="VQ722" s="423" t="s">
        <v>2795</v>
      </c>
      <c r="VR722" s="424"/>
      <c r="VS722" s="424"/>
      <c r="VT722" s="424"/>
      <c r="VU722" s="423" t="s">
        <v>2795</v>
      </c>
      <c r="VV722" s="424"/>
      <c r="VW722" s="424"/>
      <c r="VX722" s="424"/>
      <c r="VY722" s="423" t="s">
        <v>2795</v>
      </c>
      <c r="VZ722" s="424"/>
      <c r="WA722" s="424"/>
      <c r="WB722" s="424"/>
      <c r="WC722" s="423" t="s">
        <v>2795</v>
      </c>
      <c r="WD722" s="424"/>
      <c r="WE722" s="424"/>
      <c r="WF722" s="424"/>
      <c r="WG722" s="423" t="s">
        <v>2795</v>
      </c>
      <c r="WH722" s="424"/>
      <c r="WI722" s="424"/>
      <c r="WJ722" s="424"/>
      <c r="WK722" s="423" t="s">
        <v>2795</v>
      </c>
      <c r="WL722" s="424"/>
      <c r="WM722" s="424"/>
      <c r="WN722" s="424"/>
      <c r="WO722" s="423" t="s">
        <v>2795</v>
      </c>
      <c r="WP722" s="424"/>
      <c r="WQ722" s="424"/>
      <c r="WR722" s="424"/>
      <c r="WS722" s="423" t="s">
        <v>2795</v>
      </c>
      <c r="WT722" s="424"/>
      <c r="WU722" s="424"/>
      <c r="WV722" s="424"/>
      <c r="WW722" s="423" t="s">
        <v>2795</v>
      </c>
      <c r="WX722" s="424"/>
      <c r="WY722" s="424"/>
      <c r="WZ722" s="424"/>
      <c r="XA722" s="423" t="s">
        <v>2795</v>
      </c>
      <c r="XB722" s="424"/>
      <c r="XC722" s="424"/>
      <c r="XD722" s="424"/>
      <c r="XE722" s="423" t="s">
        <v>2795</v>
      </c>
      <c r="XF722" s="424"/>
      <c r="XG722" s="424"/>
      <c r="XH722" s="424"/>
      <c r="XI722" s="423" t="s">
        <v>2795</v>
      </c>
      <c r="XJ722" s="424"/>
      <c r="XK722" s="424"/>
      <c r="XL722" s="424"/>
      <c r="XM722" s="423" t="s">
        <v>2795</v>
      </c>
      <c r="XN722" s="424"/>
      <c r="XO722" s="424"/>
      <c r="XP722" s="424"/>
      <c r="XQ722" s="423" t="s">
        <v>2795</v>
      </c>
      <c r="XR722" s="424"/>
      <c r="XS722" s="424"/>
      <c r="XT722" s="424"/>
      <c r="XU722" s="423" t="s">
        <v>2795</v>
      </c>
      <c r="XV722" s="424"/>
      <c r="XW722" s="424"/>
      <c r="XX722" s="424"/>
      <c r="XY722" s="423" t="s">
        <v>2795</v>
      </c>
      <c r="XZ722" s="424"/>
      <c r="YA722" s="424"/>
      <c r="YB722" s="424"/>
      <c r="YC722" s="423" t="s">
        <v>2795</v>
      </c>
      <c r="YD722" s="424"/>
      <c r="YE722" s="424"/>
      <c r="YF722" s="424"/>
      <c r="YG722" s="423" t="s">
        <v>2795</v>
      </c>
      <c r="YH722" s="424"/>
      <c r="YI722" s="424"/>
      <c r="YJ722" s="424"/>
      <c r="YK722" s="423" t="s">
        <v>2795</v>
      </c>
      <c r="YL722" s="424"/>
      <c r="YM722" s="424"/>
      <c r="YN722" s="424"/>
      <c r="YO722" s="423" t="s">
        <v>2795</v>
      </c>
      <c r="YP722" s="424"/>
      <c r="YQ722" s="424"/>
      <c r="YR722" s="424"/>
      <c r="YS722" s="423" t="s">
        <v>2795</v>
      </c>
      <c r="YT722" s="424"/>
      <c r="YU722" s="424"/>
      <c r="YV722" s="424"/>
      <c r="YW722" s="423" t="s">
        <v>2795</v>
      </c>
      <c r="YX722" s="424"/>
      <c r="YY722" s="424"/>
      <c r="YZ722" s="424"/>
      <c r="ZA722" s="423" t="s">
        <v>2795</v>
      </c>
      <c r="ZB722" s="424"/>
      <c r="ZC722" s="424"/>
      <c r="ZD722" s="424"/>
      <c r="ZE722" s="423" t="s">
        <v>2795</v>
      </c>
      <c r="ZF722" s="424"/>
      <c r="ZG722" s="424"/>
      <c r="ZH722" s="424"/>
      <c r="ZI722" s="423" t="s">
        <v>2795</v>
      </c>
      <c r="ZJ722" s="424"/>
      <c r="ZK722" s="424"/>
      <c r="ZL722" s="424"/>
      <c r="ZM722" s="423" t="s">
        <v>2795</v>
      </c>
      <c r="ZN722" s="424"/>
      <c r="ZO722" s="424"/>
      <c r="ZP722" s="424"/>
      <c r="ZQ722" s="423" t="s">
        <v>2795</v>
      </c>
      <c r="ZR722" s="424"/>
      <c r="ZS722" s="424"/>
      <c r="ZT722" s="424"/>
      <c r="ZU722" s="423" t="s">
        <v>2795</v>
      </c>
      <c r="ZV722" s="424"/>
      <c r="ZW722" s="424"/>
      <c r="ZX722" s="424"/>
      <c r="ZY722" s="423" t="s">
        <v>2795</v>
      </c>
      <c r="ZZ722" s="424"/>
      <c r="AAA722" s="424"/>
      <c r="AAB722" s="424"/>
      <c r="AAC722" s="423" t="s">
        <v>2795</v>
      </c>
      <c r="AAD722" s="424"/>
      <c r="AAE722" s="424"/>
      <c r="AAF722" s="424"/>
      <c r="AAG722" s="423" t="s">
        <v>2795</v>
      </c>
      <c r="AAH722" s="424"/>
      <c r="AAI722" s="424"/>
      <c r="AAJ722" s="424"/>
      <c r="AAK722" s="423" t="s">
        <v>2795</v>
      </c>
      <c r="AAL722" s="424"/>
      <c r="AAM722" s="424"/>
      <c r="AAN722" s="424"/>
      <c r="AAO722" s="423" t="s">
        <v>2795</v>
      </c>
      <c r="AAP722" s="424"/>
      <c r="AAQ722" s="424"/>
      <c r="AAR722" s="424"/>
      <c r="AAS722" s="423" t="s">
        <v>2795</v>
      </c>
      <c r="AAT722" s="424"/>
      <c r="AAU722" s="424"/>
      <c r="AAV722" s="424"/>
      <c r="AAW722" s="423" t="s">
        <v>2795</v>
      </c>
      <c r="AAX722" s="424"/>
      <c r="AAY722" s="424"/>
      <c r="AAZ722" s="424"/>
      <c r="ABA722" s="423" t="s">
        <v>2795</v>
      </c>
      <c r="ABB722" s="424"/>
      <c r="ABC722" s="424"/>
      <c r="ABD722" s="424"/>
      <c r="ABE722" s="423" t="s">
        <v>2795</v>
      </c>
      <c r="ABF722" s="424"/>
      <c r="ABG722" s="424"/>
      <c r="ABH722" s="424"/>
      <c r="ABI722" s="423" t="s">
        <v>2795</v>
      </c>
      <c r="ABJ722" s="424"/>
      <c r="ABK722" s="424"/>
      <c r="ABL722" s="424"/>
      <c r="ABM722" s="423" t="s">
        <v>2795</v>
      </c>
      <c r="ABN722" s="424"/>
      <c r="ABO722" s="424"/>
      <c r="ABP722" s="424"/>
      <c r="ABQ722" s="423" t="s">
        <v>2795</v>
      </c>
      <c r="ABR722" s="424"/>
      <c r="ABS722" s="424"/>
      <c r="ABT722" s="424"/>
      <c r="ABU722" s="423" t="s">
        <v>2795</v>
      </c>
      <c r="ABV722" s="424"/>
      <c r="ABW722" s="424"/>
      <c r="ABX722" s="424"/>
      <c r="ABY722" s="423" t="s">
        <v>2795</v>
      </c>
      <c r="ABZ722" s="424"/>
      <c r="ACA722" s="424"/>
      <c r="ACB722" s="424"/>
      <c r="ACC722" s="423" t="s">
        <v>2795</v>
      </c>
      <c r="ACD722" s="424"/>
      <c r="ACE722" s="424"/>
      <c r="ACF722" s="424"/>
      <c r="ACG722" s="423" t="s">
        <v>2795</v>
      </c>
      <c r="ACH722" s="424"/>
      <c r="ACI722" s="424"/>
      <c r="ACJ722" s="424"/>
      <c r="ACK722" s="423" t="s">
        <v>2795</v>
      </c>
      <c r="ACL722" s="424"/>
      <c r="ACM722" s="424"/>
      <c r="ACN722" s="424"/>
      <c r="ACO722" s="423" t="s">
        <v>2795</v>
      </c>
      <c r="ACP722" s="424"/>
      <c r="ACQ722" s="424"/>
      <c r="ACR722" s="424"/>
      <c r="ACS722" s="423" t="s">
        <v>2795</v>
      </c>
      <c r="ACT722" s="424"/>
      <c r="ACU722" s="424"/>
      <c r="ACV722" s="424"/>
      <c r="ACW722" s="423" t="s">
        <v>2795</v>
      </c>
      <c r="ACX722" s="424"/>
      <c r="ACY722" s="424"/>
      <c r="ACZ722" s="424"/>
      <c r="ADA722" s="423" t="s">
        <v>2795</v>
      </c>
      <c r="ADB722" s="424"/>
      <c r="ADC722" s="424"/>
      <c r="ADD722" s="424"/>
      <c r="ADE722" s="423" t="s">
        <v>2795</v>
      </c>
      <c r="ADF722" s="424"/>
      <c r="ADG722" s="424"/>
      <c r="ADH722" s="424"/>
      <c r="ADI722" s="423" t="s">
        <v>2795</v>
      </c>
      <c r="ADJ722" s="424"/>
      <c r="ADK722" s="424"/>
      <c r="ADL722" s="424"/>
      <c r="ADM722" s="423" t="s">
        <v>2795</v>
      </c>
      <c r="ADN722" s="424"/>
      <c r="ADO722" s="424"/>
      <c r="ADP722" s="424"/>
      <c r="ADQ722" s="423" t="s">
        <v>2795</v>
      </c>
      <c r="ADR722" s="424"/>
      <c r="ADS722" s="424"/>
      <c r="ADT722" s="424"/>
      <c r="ADU722" s="423" t="s">
        <v>2795</v>
      </c>
      <c r="ADV722" s="424"/>
      <c r="ADW722" s="424"/>
      <c r="ADX722" s="424"/>
      <c r="ADY722" s="423" t="s">
        <v>2795</v>
      </c>
      <c r="ADZ722" s="424"/>
      <c r="AEA722" s="424"/>
      <c r="AEB722" s="424"/>
      <c r="AEC722" s="423" t="s">
        <v>2795</v>
      </c>
      <c r="AED722" s="424"/>
      <c r="AEE722" s="424"/>
      <c r="AEF722" s="424"/>
      <c r="AEG722" s="423" t="s">
        <v>2795</v>
      </c>
      <c r="AEH722" s="424"/>
      <c r="AEI722" s="424"/>
      <c r="AEJ722" s="424"/>
      <c r="AEK722" s="423" t="s">
        <v>2795</v>
      </c>
      <c r="AEL722" s="424"/>
      <c r="AEM722" s="424"/>
      <c r="AEN722" s="424"/>
      <c r="AEO722" s="423" t="s">
        <v>2795</v>
      </c>
      <c r="AEP722" s="424"/>
      <c r="AEQ722" s="424"/>
      <c r="AER722" s="424"/>
      <c r="AES722" s="423" t="s">
        <v>2795</v>
      </c>
      <c r="AET722" s="424"/>
      <c r="AEU722" s="424"/>
      <c r="AEV722" s="424"/>
      <c r="AEW722" s="423" t="s">
        <v>2795</v>
      </c>
      <c r="AEX722" s="424"/>
      <c r="AEY722" s="424"/>
      <c r="AEZ722" s="424"/>
      <c r="AFA722" s="423" t="s">
        <v>2795</v>
      </c>
      <c r="AFB722" s="424"/>
      <c r="AFC722" s="424"/>
      <c r="AFD722" s="424"/>
      <c r="AFE722" s="423" t="s">
        <v>2795</v>
      </c>
      <c r="AFF722" s="424"/>
      <c r="AFG722" s="424"/>
      <c r="AFH722" s="424"/>
      <c r="AFI722" s="423" t="s">
        <v>2795</v>
      </c>
      <c r="AFJ722" s="424"/>
      <c r="AFK722" s="424"/>
      <c r="AFL722" s="424"/>
      <c r="AFM722" s="423" t="s">
        <v>2795</v>
      </c>
      <c r="AFN722" s="424"/>
      <c r="AFO722" s="424"/>
      <c r="AFP722" s="424"/>
      <c r="AFQ722" s="423" t="s">
        <v>2795</v>
      </c>
      <c r="AFR722" s="424"/>
      <c r="AFS722" s="424"/>
      <c r="AFT722" s="424"/>
      <c r="AFU722" s="423" t="s">
        <v>2795</v>
      </c>
      <c r="AFV722" s="424"/>
      <c r="AFW722" s="424"/>
      <c r="AFX722" s="424"/>
      <c r="AFY722" s="423" t="s">
        <v>2795</v>
      </c>
      <c r="AFZ722" s="424"/>
      <c r="AGA722" s="424"/>
      <c r="AGB722" s="424"/>
      <c r="AGC722" s="423" t="s">
        <v>2795</v>
      </c>
      <c r="AGD722" s="424"/>
      <c r="AGE722" s="424"/>
      <c r="AGF722" s="424"/>
      <c r="AGG722" s="423" t="s">
        <v>2795</v>
      </c>
      <c r="AGH722" s="424"/>
      <c r="AGI722" s="424"/>
      <c r="AGJ722" s="424"/>
      <c r="AGK722" s="423" t="s">
        <v>2795</v>
      </c>
      <c r="AGL722" s="424"/>
      <c r="AGM722" s="424"/>
      <c r="AGN722" s="424"/>
      <c r="AGO722" s="423" t="s">
        <v>2795</v>
      </c>
      <c r="AGP722" s="424"/>
      <c r="AGQ722" s="424"/>
      <c r="AGR722" s="424"/>
      <c r="AGS722" s="423" t="s">
        <v>2795</v>
      </c>
      <c r="AGT722" s="424"/>
      <c r="AGU722" s="424"/>
      <c r="AGV722" s="424"/>
      <c r="AGW722" s="423" t="s">
        <v>2795</v>
      </c>
      <c r="AGX722" s="424"/>
      <c r="AGY722" s="424"/>
      <c r="AGZ722" s="424"/>
      <c r="AHA722" s="423" t="s">
        <v>2795</v>
      </c>
      <c r="AHB722" s="424"/>
      <c r="AHC722" s="424"/>
      <c r="AHD722" s="424"/>
      <c r="AHE722" s="423" t="s">
        <v>2795</v>
      </c>
      <c r="AHF722" s="424"/>
      <c r="AHG722" s="424"/>
      <c r="AHH722" s="424"/>
      <c r="AHI722" s="423" t="s">
        <v>2795</v>
      </c>
      <c r="AHJ722" s="424"/>
      <c r="AHK722" s="424"/>
      <c r="AHL722" s="424"/>
      <c r="AHM722" s="423" t="s">
        <v>2795</v>
      </c>
      <c r="AHN722" s="424"/>
      <c r="AHO722" s="424"/>
      <c r="AHP722" s="424"/>
      <c r="AHQ722" s="423" t="s">
        <v>2795</v>
      </c>
      <c r="AHR722" s="424"/>
      <c r="AHS722" s="424"/>
      <c r="AHT722" s="424"/>
      <c r="AHU722" s="423" t="s">
        <v>2795</v>
      </c>
      <c r="AHV722" s="424"/>
      <c r="AHW722" s="424"/>
      <c r="AHX722" s="424"/>
      <c r="AHY722" s="423" t="s">
        <v>2795</v>
      </c>
      <c r="AHZ722" s="424"/>
      <c r="AIA722" s="424"/>
      <c r="AIB722" s="424"/>
      <c r="AIC722" s="423" t="s">
        <v>2795</v>
      </c>
      <c r="AID722" s="424"/>
      <c r="AIE722" s="424"/>
      <c r="AIF722" s="424"/>
      <c r="AIG722" s="423" t="s">
        <v>2795</v>
      </c>
      <c r="AIH722" s="424"/>
      <c r="AII722" s="424"/>
      <c r="AIJ722" s="424"/>
      <c r="AIK722" s="423" t="s">
        <v>2795</v>
      </c>
      <c r="AIL722" s="424"/>
      <c r="AIM722" s="424"/>
      <c r="AIN722" s="424"/>
      <c r="AIO722" s="423" t="s">
        <v>2795</v>
      </c>
      <c r="AIP722" s="424"/>
      <c r="AIQ722" s="424"/>
      <c r="AIR722" s="424"/>
      <c r="AIS722" s="423" t="s">
        <v>2795</v>
      </c>
      <c r="AIT722" s="424"/>
      <c r="AIU722" s="424"/>
      <c r="AIV722" s="424"/>
      <c r="AIW722" s="423" t="s">
        <v>2795</v>
      </c>
      <c r="AIX722" s="424"/>
      <c r="AIY722" s="424"/>
      <c r="AIZ722" s="424"/>
      <c r="AJA722" s="423" t="s">
        <v>2795</v>
      </c>
      <c r="AJB722" s="424"/>
      <c r="AJC722" s="424"/>
      <c r="AJD722" s="424"/>
      <c r="AJE722" s="423" t="s">
        <v>2795</v>
      </c>
      <c r="AJF722" s="424"/>
      <c r="AJG722" s="424"/>
      <c r="AJH722" s="424"/>
      <c r="AJI722" s="423" t="s">
        <v>2795</v>
      </c>
      <c r="AJJ722" s="424"/>
      <c r="AJK722" s="424"/>
      <c r="AJL722" s="424"/>
      <c r="AJM722" s="423" t="s">
        <v>2795</v>
      </c>
      <c r="AJN722" s="424"/>
      <c r="AJO722" s="424"/>
      <c r="AJP722" s="424"/>
      <c r="AJQ722" s="423" t="s">
        <v>2795</v>
      </c>
      <c r="AJR722" s="424"/>
      <c r="AJS722" s="424"/>
      <c r="AJT722" s="424"/>
      <c r="AJU722" s="423" t="s">
        <v>2795</v>
      </c>
      <c r="AJV722" s="424"/>
      <c r="AJW722" s="424"/>
      <c r="AJX722" s="424"/>
      <c r="AJY722" s="423" t="s">
        <v>2795</v>
      </c>
      <c r="AJZ722" s="424"/>
      <c r="AKA722" s="424"/>
      <c r="AKB722" s="424"/>
      <c r="AKC722" s="423" t="s">
        <v>2795</v>
      </c>
      <c r="AKD722" s="424"/>
      <c r="AKE722" s="424"/>
      <c r="AKF722" s="424"/>
      <c r="AKG722" s="423" t="s">
        <v>2795</v>
      </c>
      <c r="AKH722" s="424"/>
      <c r="AKI722" s="424"/>
      <c r="AKJ722" s="424"/>
      <c r="AKK722" s="423" t="s">
        <v>2795</v>
      </c>
      <c r="AKL722" s="424"/>
      <c r="AKM722" s="424"/>
      <c r="AKN722" s="424"/>
      <c r="AKO722" s="423" t="s">
        <v>2795</v>
      </c>
      <c r="AKP722" s="424"/>
      <c r="AKQ722" s="424"/>
      <c r="AKR722" s="424"/>
      <c r="AKS722" s="423" t="s">
        <v>2795</v>
      </c>
      <c r="AKT722" s="424"/>
      <c r="AKU722" s="424"/>
      <c r="AKV722" s="424"/>
      <c r="AKW722" s="423" t="s">
        <v>2795</v>
      </c>
      <c r="AKX722" s="424"/>
      <c r="AKY722" s="424"/>
      <c r="AKZ722" s="424"/>
      <c r="ALA722" s="423" t="s">
        <v>2795</v>
      </c>
      <c r="ALB722" s="424"/>
      <c r="ALC722" s="424"/>
      <c r="ALD722" s="424"/>
      <c r="ALE722" s="423" t="s">
        <v>2795</v>
      </c>
      <c r="ALF722" s="424"/>
      <c r="ALG722" s="424"/>
      <c r="ALH722" s="424"/>
      <c r="ALI722" s="423" t="s">
        <v>2795</v>
      </c>
      <c r="ALJ722" s="424"/>
      <c r="ALK722" s="424"/>
      <c r="ALL722" s="424"/>
      <c r="ALM722" s="423" t="s">
        <v>2795</v>
      </c>
      <c r="ALN722" s="424"/>
      <c r="ALO722" s="424"/>
      <c r="ALP722" s="424"/>
      <c r="ALQ722" s="423" t="s">
        <v>2795</v>
      </c>
      <c r="ALR722" s="424"/>
      <c r="ALS722" s="424"/>
      <c r="ALT722" s="424"/>
      <c r="ALU722" s="423" t="s">
        <v>2795</v>
      </c>
      <c r="ALV722" s="424"/>
      <c r="ALW722" s="424"/>
      <c r="ALX722" s="424"/>
      <c r="ALY722" s="423" t="s">
        <v>2795</v>
      </c>
      <c r="ALZ722" s="424"/>
      <c r="AMA722" s="424"/>
      <c r="AMB722" s="424"/>
      <c r="AMC722" s="423" t="s">
        <v>2795</v>
      </c>
      <c r="AMD722" s="424"/>
      <c r="AME722" s="424"/>
      <c r="AMF722" s="424"/>
      <c r="AMG722" s="423" t="s">
        <v>2795</v>
      </c>
      <c r="AMH722" s="424"/>
      <c r="AMI722" s="424"/>
      <c r="AMJ722" s="424"/>
      <c r="AMK722" s="423" t="s">
        <v>2795</v>
      </c>
      <c r="AML722" s="424"/>
      <c r="AMM722" s="424"/>
      <c r="AMN722" s="424"/>
      <c r="AMO722" s="423" t="s">
        <v>2795</v>
      </c>
      <c r="AMP722" s="424"/>
      <c r="AMQ722" s="424"/>
      <c r="AMR722" s="424"/>
      <c r="AMS722" s="423" t="s">
        <v>2795</v>
      </c>
      <c r="AMT722" s="424"/>
      <c r="AMU722" s="424"/>
      <c r="AMV722" s="424"/>
      <c r="AMW722" s="423" t="s">
        <v>2795</v>
      </c>
      <c r="AMX722" s="424"/>
      <c r="AMY722" s="424"/>
      <c r="AMZ722" s="424"/>
      <c r="ANA722" s="423" t="s">
        <v>2795</v>
      </c>
      <c r="ANB722" s="424"/>
      <c r="ANC722" s="424"/>
      <c r="AND722" s="424"/>
      <c r="ANE722" s="423" t="s">
        <v>2795</v>
      </c>
      <c r="ANF722" s="424"/>
      <c r="ANG722" s="424"/>
      <c r="ANH722" s="424"/>
      <c r="ANI722" s="423" t="s">
        <v>2795</v>
      </c>
      <c r="ANJ722" s="424"/>
      <c r="ANK722" s="424"/>
      <c r="ANL722" s="424"/>
      <c r="ANM722" s="423" t="s">
        <v>2795</v>
      </c>
      <c r="ANN722" s="424"/>
      <c r="ANO722" s="424"/>
      <c r="ANP722" s="424"/>
      <c r="ANQ722" s="423" t="s">
        <v>2795</v>
      </c>
      <c r="ANR722" s="424"/>
      <c r="ANS722" s="424"/>
      <c r="ANT722" s="424"/>
      <c r="ANU722" s="423" t="s">
        <v>2795</v>
      </c>
      <c r="ANV722" s="424"/>
      <c r="ANW722" s="424"/>
      <c r="ANX722" s="424"/>
      <c r="ANY722" s="423" t="s">
        <v>2795</v>
      </c>
      <c r="ANZ722" s="424"/>
      <c r="AOA722" s="424"/>
      <c r="AOB722" s="424"/>
      <c r="AOC722" s="423" t="s">
        <v>2795</v>
      </c>
      <c r="AOD722" s="424"/>
      <c r="AOE722" s="424"/>
      <c r="AOF722" s="424"/>
      <c r="AOG722" s="423" t="s">
        <v>2795</v>
      </c>
      <c r="AOH722" s="424"/>
      <c r="AOI722" s="424"/>
      <c r="AOJ722" s="424"/>
      <c r="AOK722" s="423" t="s">
        <v>2795</v>
      </c>
      <c r="AOL722" s="424"/>
      <c r="AOM722" s="424"/>
      <c r="AON722" s="424"/>
      <c r="AOO722" s="423" t="s">
        <v>2795</v>
      </c>
      <c r="AOP722" s="424"/>
      <c r="AOQ722" s="424"/>
      <c r="AOR722" s="424"/>
      <c r="AOS722" s="423" t="s">
        <v>2795</v>
      </c>
      <c r="AOT722" s="424"/>
      <c r="AOU722" s="424"/>
      <c r="AOV722" s="424"/>
      <c r="AOW722" s="423" t="s">
        <v>2795</v>
      </c>
      <c r="AOX722" s="424"/>
      <c r="AOY722" s="424"/>
      <c r="AOZ722" s="424"/>
      <c r="APA722" s="423" t="s">
        <v>2795</v>
      </c>
      <c r="APB722" s="424"/>
      <c r="APC722" s="424"/>
      <c r="APD722" s="424"/>
      <c r="APE722" s="423" t="s">
        <v>2795</v>
      </c>
      <c r="APF722" s="424"/>
      <c r="APG722" s="424"/>
      <c r="APH722" s="424"/>
      <c r="API722" s="423" t="s">
        <v>2795</v>
      </c>
      <c r="APJ722" s="424"/>
      <c r="APK722" s="424"/>
      <c r="APL722" s="424"/>
      <c r="APM722" s="423" t="s">
        <v>2795</v>
      </c>
      <c r="APN722" s="424"/>
      <c r="APO722" s="424"/>
      <c r="APP722" s="424"/>
      <c r="APQ722" s="423" t="s">
        <v>2795</v>
      </c>
      <c r="APR722" s="424"/>
      <c r="APS722" s="424"/>
      <c r="APT722" s="424"/>
      <c r="APU722" s="423" t="s">
        <v>2795</v>
      </c>
      <c r="APV722" s="424"/>
      <c r="APW722" s="424"/>
      <c r="APX722" s="424"/>
      <c r="APY722" s="423" t="s">
        <v>2795</v>
      </c>
      <c r="APZ722" s="424"/>
      <c r="AQA722" s="424"/>
      <c r="AQB722" s="424"/>
      <c r="AQC722" s="423" t="s">
        <v>2795</v>
      </c>
      <c r="AQD722" s="424"/>
      <c r="AQE722" s="424"/>
      <c r="AQF722" s="424"/>
      <c r="AQG722" s="423" t="s">
        <v>2795</v>
      </c>
      <c r="AQH722" s="424"/>
      <c r="AQI722" s="424"/>
      <c r="AQJ722" s="424"/>
      <c r="AQK722" s="423" t="s">
        <v>2795</v>
      </c>
      <c r="AQL722" s="424"/>
      <c r="AQM722" s="424"/>
      <c r="AQN722" s="424"/>
      <c r="AQO722" s="423" t="s">
        <v>2795</v>
      </c>
      <c r="AQP722" s="424"/>
      <c r="AQQ722" s="424"/>
      <c r="AQR722" s="424"/>
      <c r="AQS722" s="423" t="s">
        <v>2795</v>
      </c>
      <c r="AQT722" s="424"/>
      <c r="AQU722" s="424"/>
      <c r="AQV722" s="424"/>
      <c r="AQW722" s="423" t="s">
        <v>2795</v>
      </c>
      <c r="AQX722" s="424"/>
      <c r="AQY722" s="424"/>
      <c r="AQZ722" s="424"/>
      <c r="ARA722" s="423" t="s">
        <v>2795</v>
      </c>
      <c r="ARB722" s="424"/>
      <c r="ARC722" s="424"/>
      <c r="ARD722" s="424"/>
      <c r="ARE722" s="423" t="s">
        <v>2795</v>
      </c>
      <c r="ARF722" s="424"/>
      <c r="ARG722" s="424"/>
      <c r="ARH722" s="424"/>
      <c r="ARI722" s="423" t="s">
        <v>2795</v>
      </c>
      <c r="ARJ722" s="424"/>
      <c r="ARK722" s="424"/>
      <c r="ARL722" s="424"/>
      <c r="ARM722" s="423" t="s">
        <v>2795</v>
      </c>
      <c r="ARN722" s="424"/>
      <c r="ARO722" s="424"/>
      <c r="ARP722" s="424"/>
      <c r="ARQ722" s="423" t="s">
        <v>2795</v>
      </c>
      <c r="ARR722" s="424"/>
      <c r="ARS722" s="424"/>
      <c r="ART722" s="424"/>
      <c r="ARU722" s="423" t="s">
        <v>2795</v>
      </c>
      <c r="ARV722" s="424"/>
      <c r="ARW722" s="424"/>
      <c r="ARX722" s="424"/>
      <c r="ARY722" s="423" t="s">
        <v>2795</v>
      </c>
      <c r="ARZ722" s="424"/>
      <c r="ASA722" s="424"/>
      <c r="ASB722" s="424"/>
      <c r="ASC722" s="423" t="s">
        <v>2795</v>
      </c>
      <c r="ASD722" s="424"/>
      <c r="ASE722" s="424"/>
      <c r="ASF722" s="424"/>
      <c r="ASG722" s="423" t="s">
        <v>2795</v>
      </c>
      <c r="ASH722" s="424"/>
      <c r="ASI722" s="424"/>
      <c r="ASJ722" s="424"/>
      <c r="ASK722" s="423" t="s">
        <v>2795</v>
      </c>
      <c r="ASL722" s="424"/>
      <c r="ASM722" s="424"/>
      <c r="ASN722" s="424"/>
      <c r="ASO722" s="423" t="s">
        <v>2795</v>
      </c>
      <c r="ASP722" s="424"/>
      <c r="ASQ722" s="424"/>
      <c r="ASR722" s="424"/>
      <c r="ASS722" s="423" t="s">
        <v>2795</v>
      </c>
      <c r="AST722" s="424"/>
      <c r="ASU722" s="424"/>
      <c r="ASV722" s="424"/>
      <c r="ASW722" s="423" t="s">
        <v>2795</v>
      </c>
      <c r="ASX722" s="424"/>
      <c r="ASY722" s="424"/>
      <c r="ASZ722" s="424"/>
      <c r="ATA722" s="423" t="s">
        <v>2795</v>
      </c>
      <c r="ATB722" s="424"/>
      <c r="ATC722" s="424"/>
      <c r="ATD722" s="424"/>
      <c r="ATE722" s="423" t="s">
        <v>2795</v>
      </c>
      <c r="ATF722" s="424"/>
      <c r="ATG722" s="424"/>
      <c r="ATH722" s="424"/>
      <c r="ATI722" s="423" t="s">
        <v>2795</v>
      </c>
      <c r="ATJ722" s="424"/>
      <c r="ATK722" s="424"/>
      <c r="ATL722" s="424"/>
      <c r="ATM722" s="423" t="s">
        <v>2795</v>
      </c>
      <c r="ATN722" s="424"/>
      <c r="ATO722" s="424"/>
      <c r="ATP722" s="424"/>
      <c r="ATQ722" s="423" t="s">
        <v>2795</v>
      </c>
      <c r="ATR722" s="424"/>
      <c r="ATS722" s="424"/>
      <c r="ATT722" s="424"/>
      <c r="ATU722" s="423" t="s">
        <v>2795</v>
      </c>
      <c r="ATV722" s="424"/>
      <c r="ATW722" s="424"/>
      <c r="ATX722" s="424"/>
      <c r="ATY722" s="423" t="s">
        <v>2795</v>
      </c>
      <c r="ATZ722" s="424"/>
      <c r="AUA722" s="424"/>
      <c r="AUB722" s="424"/>
      <c r="AUC722" s="423" t="s">
        <v>2795</v>
      </c>
      <c r="AUD722" s="424"/>
      <c r="AUE722" s="424"/>
      <c r="AUF722" s="424"/>
      <c r="AUG722" s="423" t="s">
        <v>2795</v>
      </c>
      <c r="AUH722" s="424"/>
      <c r="AUI722" s="424"/>
      <c r="AUJ722" s="424"/>
      <c r="AUK722" s="423" t="s">
        <v>2795</v>
      </c>
      <c r="AUL722" s="424"/>
      <c r="AUM722" s="424"/>
      <c r="AUN722" s="424"/>
      <c r="AUO722" s="423" t="s">
        <v>2795</v>
      </c>
      <c r="AUP722" s="424"/>
      <c r="AUQ722" s="424"/>
      <c r="AUR722" s="424"/>
      <c r="AUS722" s="423" t="s">
        <v>2795</v>
      </c>
      <c r="AUT722" s="424"/>
      <c r="AUU722" s="424"/>
      <c r="AUV722" s="424"/>
      <c r="AUW722" s="423" t="s">
        <v>2795</v>
      </c>
      <c r="AUX722" s="424"/>
      <c r="AUY722" s="424"/>
      <c r="AUZ722" s="424"/>
      <c r="AVA722" s="423" t="s">
        <v>2795</v>
      </c>
      <c r="AVB722" s="424"/>
      <c r="AVC722" s="424"/>
      <c r="AVD722" s="424"/>
      <c r="AVE722" s="423" t="s">
        <v>2795</v>
      </c>
      <c r="AVF722" s="424"/>
      <c r="AVG722" s="424"/>
      <c r="AVH722" s="424"/>
      <c r="AVI722" s="423" t="s">
        <v>2795</v>
      </c>
      <c r="AVJ722" s="424"/>
      <c r="AVK722" s="424"/>
      <c r="AVL722" s="424"/>
      <c r="AVM722" s="423" t="s">
        <v>2795</v>
      </c>
      <c r="AVN722" s="424"/>
      <c r="AVO722" s="424"/>
      <c r="AVP722" s="424"/>
      <c r="AVQ722" s="423" t="s">
        <v>2795</v>
      </c>
      <c r="AVR722" s="424"/>
      <c r="AVS722" s="424"/>
      <c r="AVT722" s="424"/>
      <c r="AVU722" s="423" t="s">
        <v>2795</v>
      </c>
      <c r="AVV722" s="424"/>
      <c r="AVW722" s="424"/>
      <c r="AVX722" s="424"/>
      <c r="AVY722" s="423" t="s">
        <v>2795</v>
      </c>
      <c r="AVZ722" s="424"/>
      <c r="AWA722" s="424"/>
      <c r="AWB722" s="424"/>
      <c r="AWC722" s="423" t="s">
        <v>2795</v>
      </c>
      <c r="AWD722" s="424"/>
      <c r="AWE722" s="424"/>
      <c r="AWF722" s="424"/>
      <c r="AWG722" s="423" t="s">
        <v>2795</v>
      </c>
      <c r="AWH722" s="424"/>
      <c r="AWI722" s="424"/>
      <c r="AWJ722" s="424"/>
      <c r="AWK722" s="423" t="s">
        <v>2795</v>
      </c>
      <c r="AWL722" s="424"/>
      <c r="AWM722" s="424"/>
      <c r="AWN722" s="424"/>
      <c r="AWO722" s="423" t="s">
        <v>2795</v>
      </c>
      <c r="AWP722" s="424"/>
      <c r="AWQ722" s="424"/>
      <c r="AWR722" s="424"/>
      <c r="AWS722" s="423" t="s">
        <v>2795</v>
      </c>
      <c r="AWT722" s="424"/>
      <c r="AWU722" s="424"/>
      <c r="AWV722" s="424"/>
      <c r="AWW722" s="423" t="s">
        <v>2795</v>
      </c>
      <c r="AWX722" s="424"/>
      <c r="AWY722" s="424"/>
      <c r="AWZ722" s="424"/>
      <c r="AXA722" s="423" t="s">
        <v>2795</v>
      </c>
      <c r="AXB722" s="424"/>
      <c r="AXC722" s="424"/>
      <c r="AXD722" s="424"/>
      <c r="AXE722" s="423" t="s">
        <v>2795</v>
      </c>
      <c r="AXF722" s="424"/>
      <c r="AXG722" s="424"/>
      <c r="AXH722" s="424"/>
      <c r="AXI722" s="423" t="s">
        <v>2795</v>
      </c>
      <c r="AXJ722" s="424"/>
      <c r="AXK722" s="424"/>
      <c r="AXL722" s="424"/>
      <c r="AXM722" s="423" t="s">
        <v>2795</v>
      </c>
      <c r="AXN722" s="424"/>
      <c r="AXO722" s="424"/>
      <c r="AXP722" s="424"/>
      <c r="AXQ722" s="423" t="s">
        <v>2795</v>
      </c>
      <c r="AXR722" s="424"/>
      <c r="AXS722" s="424"/>
      <c r="AXT722" s="424"/>
      <c r="AXU722" s="423" t="s">
        <v>2795</v>
      </c>
      <c r="AXV722" s="424"/>
      <c r="AXW722" s="424"/>
      <c r="AXX722" s="424"/>
      <c r="AXY722" s="423" t="s">
        <v>2795</v>
      </c>
      <c r="AXZ722" s="424"/>
      <c r="AYA722" s="424"/>
      <c r="AYB722" s="424"/>
      <c r="AYC722" s="423" t="s">
        <v>2795</v>
      </c>
      <c r="AYD722" s="424"/>
      <c r="AYE722" s="424"/>
      <c r="AYF722" s="424"/>
      <c r="AYG722" s="423" t="s">
        <v>2795</v>
      </c>
      <c r="AYH722" s="424"/>
      <c r="AYI722" s="424"/>
      <c r="AYJ722" s="424"/>
      <c r="AYK722" s="423" t="s">
        <v>2795</v>
      </c>
      <c r="AYL722" s="424"/>
      <c r="AYM722" s="424"/>
      <c r="AYN722" s="424"/>
      <c r="AYO722" s="423" t="s">
        <v>2795</v>
      </c>
      <c r="AYP722" s="424"/>
      <c r="AYQ722" s="424"/>
      <c r="AYR722" s="424"/>
      <c r="AYS722" s="423" t="s">
        <v>2795</v>
      </c>
      <c r="AYT722" s="424"/>
      <c r="AYU722" s="424"/>
      <c r="AYV722" s="424"/>
      <c r="AYW722" s="423" t="s">
        <v>2795</v>
      </c>
      <c r="AYX722" s="424"/>
      <c r="AYY722" s="424"/>
      <c r="AYZ722" s="424"/>
      <c r="AZA722" s="423" t="s">
        <v>2795</v>
      </c>
      <c r="AZB722" s="424"/>
      <c r="AZC722" s="424"/>
      <c r="AZD722" s="424"/>
      <c r="AZE722" s="423" t="s">
        <v>2795</v>
      </c>
      <c r="AZF722" s="424"/>
      <c r="AZG722" s="424"/>
      <c r="AZH722" s="424"/>
      <c r="AZI722" s="423" t="s">
        <v>2795</v>
      </c>
      <c r="AZJ722" s="424"/>
      <c r="AZK722" s="424"/>
      <c r="AZL722" s="424"/>
      <c r="AZM722" s="423" t="s">
        <v>2795</v>
      </c>
      <c r="AZN722" s="424"/>
      <c r="AZO722" s="424"/>
      <c r="AZP722" s="424"/>
      <c r="AZQ722" s="423" t="s">
        <v>2795</v>
      </c>
      <c r="AZR722" s="424"/>
      <c r="AZS722" s="424"/>
      <c r="AZT722" s="424"/>
      <c r="AZU722" s="423" t="s">
        <v>2795</v>
      </c>
      <c r="AZV722" s="424"/>
      <c r="AZW722" s="424"/>
      <c r="AZX722" s="424"/>
      <c r="AZY722" s="423" t="s">
        <v>2795</v>
      </c>
      <c r="AZZ722" s="424"/>
      <c r="BAA722" s="424"/>
      <c r="BAB722" s="424"/>
      <c r="BAC722" s="423" t="s">
        <v>2795</v>
      </c>
      <c r="BAD722" s="424"/>
      <c r="BAE722" s="424"/>
      <c r="BAF722" s="424"/>
      <c r="BAG722" s="423" t="s">
        <v>2795</v>
      </c>
      <c r="BAH722" s="424"/>
      <c r="BAI722" s="424"/>
      <c r="BAJ722" s="424"/>
      <c r="BAK722" s="423" t="s">
        <v>2795</v>
      </c>
      <c r="BAL722" s="424"/>
      <c r="BAM722" s="424"/>
      <c r="BAN722" s="424"/>
      <c r="BAO722" s="423" t="s">
        <v>2795</v>
      </c>
      <c r="BAP722" s="424"/>
      <c r="BAQ722" s="424"/>
      <c r="BAR722" s="424"/>
      <c r="BAS722" s="423" t="s">
        <v>2795</v>
      </c>
      <c r="BAT722" s="424"/>
      <c r="BAU722" s="424"/>
      <c r="BAV722" s="424"/>
      <c r="BAW722" s="423" t="s">
        <v>2795</v>
      </c>
      <c r="BAX722" s="424"/>
      <c r="BAY722" s="424"/>
      <c r="BAZ722" s="424"/>
      <c r="BBA722" s="423" t="s">
        <v>2795</v>
      </c>
      <c r="BBB722" s="424"/>
      <c r="BBC722" s="424"/>
      <c r="BBD722" s="424"/>
      <c r="BBE722" s="423" t="s">
        <v>2795</v>
      </c>
      <c r="BBF722" s="424"/>
      <c r="BBG722" s="424"/>
      <c r="BBH722" s="424"/>
      <c r="BBI722" s="423" t="s">
        <v>2795</v>
      </c>
      <c r="BBJ722" s="424"/>
      <c r="BBK722" s="424"/>
      <c r="BBL722" s="424"/>
      <c r="BBM722" s="423" t="s">
        <v>2795</v>
      </c>
      <c r="BBN722" s="424"/>
      <c r="BBO722" s="424"/>
      <c r="BBP722" s="424"/>
      <c r="BBQ722" s="423" t="s">
        <v>2795</v>
      </c>
      <c r="BBR722" s="424"/>
      <c r="BBS722" s="424"/>
      <c r="BBT722" s="424"/>
      <c r="BBU722" s="423" t="s">
        <v>2795</v>
      </c>
      <c r="BBV722" s="424"/>
      <c r="BBW722" s="424"/>
      <c r="BBX722" s="424"/>
      <c r="BBY722" s="423" t="s">
        <v>2795</v>
      </c>
      <c r="BBZ722" s="424"/>
      <c r="BCA722" s="424"/>
      <c r="BCB722" s="424"/>
      <c r="BCC722" s="423" t="s">
        <v>2795</v>
      </c>
      <c r="BCD722" s="424"/>
      <c r="BCE722" s="424"/>
      <c r="BCF722" s="424"/>
      <c r="BCG722" s="423" t="s">
        <v>2795</v>
      </c>
      <c r="BCH722" s="424"/>
      <c r="BCI722" s="424"/>
      <c r="BCJ722" s="424"/>
      <c r="BCK722" s="423" t="s">
        <v>2795</v>
      </c>
      <c r="BCL722" s="424"/>
      <c r="BCM722" s="424"/>
      <c r="BCN722" s="424"/>
      <c r="BCO722" s="423" t="s">
        <v>2795</v>
      </c>
      <c r="BCP722" s="424"/>
      <c r="BCQ722" s="424"/>
      <c r="BCR722" s="424"/>
      <c r="BCS722" s="423" t="s">
        <v>2795</v>
      </c>
      <c r="BCT722" s="424"/>
      <c r="BCU722" s="424"/>
      <c r="BCV722" s="424"/>
      <c r="BCW722" s="423" t="s">
        <v>2795</v>
      </c>
      <c r="BCX722" s="424"/>
      <c r="BCY722" s="424"/>
      <c r="BCZ722" s="424"/>
      <c r="BDA722" s="423" t="s">
        <v>2795</v>
      </c>
      <c r="BDB722" s="424"/>
      <c r="BDC722" s="424"/>
      <c r="BDD722" s="424"/>
      <c r="BDE722" s="423" t="s">
        <v>2795</v>
      </c>
      <c r="BDF722" s="424"/>
      <c r="BDG722" s="424"/>
      <c r="BDH722" s="424"/>
      <c r="BDI722" s="423" t="s">
        <v>2795</v>
      </c>
      <c r="BDJ722" s="424"/>
      <c r="BDK722" s="424"/>
      <c r="BDL722" s="424"/>
      <c r="BDM722" s="423" t="s">
        <v>2795</v>
      </c>
      <c r="BDN722" s="424"/>
      <c r="BDO722" s="424"/>
      <c r="BDP722" s="424"/>
      <c r="BDQ722" s="423" t="s">
        <v>2795</v>
      </c>
      <c r="BDR722" s="424"/>
      <c r="BDS722" s="424"/>
      <c r="BDT722" s="424"/>
      <c r="BDU722" s="423" t="s">
        <v>2795</v>
      </c>
      <c r="BDV722" s="424"/>
      <c r="BDW722" s="424"/>
      <c r="BDX722" s="424"/>
      <c r="BDY722" s="423" t="s">
        <v>2795</v>
      </c>
      <c r="BDZ722" s="424"/>
      <c r="BEA722" s="424"/>
      <c r="BEB722" s="424"/>
      <c r="BEC722" s="423" t="s">
        <v>2795</v>
      </c>
      <c r="BED722" s="424"/>
      <c r="BEE722" s="424"/>
      <c r="BEF722" s="424"/>
      <c r="BEG722" s="423" t="s">
        <v>2795</v>
      </c>
      <c r="BEH722" s="424"/>
      <c r="BEI722" s="424"/>
      <c r="BEJ722" s="424"/>
      <c r="BEK722" s="423" t="s">
        <v>2795</v>
      </c>
      <c r="BEL722" s="424"/>
      <c r="BEM722" s="424"/>
      <c r="BEN722" s="424"/>
      <c r="BEO722" s="423" t="s">
        <v>2795</v>
      </c>
      <c r="BEP722" s="424"/>
      <c r="BEQ722" s="424"/>
      <c r="BER722" s="424"/>
      <c r="BES722" s="423" t="s">
        <v>2795</v>
      </c>
      <c r="BET722" s="424"/>
      <c r="BEU722" s="424"/>
      <c r="BEV722" s="424"/>
      <c r="BEW722" s="423" t="s">
        <v>2795</v>
      </c>
      <c r="BEX722" s="424"/>
      <c r="BEY722" s="424"/>
      <c r="BEZ722" s="424"/>
      <c r="BFA722" s="423" t="s">
        <v>2795</v>
      </c>
      <c r="BFB722" s="424"/>
      <c r="BFC722" s="424"/>
      <c r="BFD722" s="424"/>
      <c r="BFE722" s="423" t="s">
        <v>2795</v>
      </c>
      <c r="BFF722" s="424"/>
      <c r="BFG722" s="424"/>
      <c r="BFH722" s="424"/>
      <c r="BFI722" s="423" t="s">
        <v>2795</v>
      </c>
      <c r="BFJ722" s="424"/>
      <c r="BFK722" s="424"/>
      <c r="BFL722" s="424"/>
      <c r="BFM722" s="423" t="s">
        <v>2795</v>
      </c>
      <c r="BFN722" s="424"/>
      <c r="BFO722" s="424"/>
      <c r="BFP722" s="424"/>
      <c r="BFQ722" s="423" t="s">
        <v>2795</v>
      </c>
      <c r="BFR722" s="424"/>
      <c r="BFS722" s="424"/>
      <c r="BFT722" s="424"/>
      <c r="BFU722" s="423" t="s">
        <v>2795</v>
      </c>
      <c r="BFV722" s="424"/>
      <c r="BFW722" s="424"/>
      <c r="BFX722" s="424"/>
      <c r="BFY722" s="423" t="s">
        <v>2795</v>
      </c>
      <c r="BFZ722" s="424"/>
      <c r="BGA722" s="424"/>
      <c r="BGB722" s="424"/>
      <c r="BGC722" s="423" t="s">
        <v>2795</v>
      </c>
      <c r="BGD722" s="424"/>
      <c r="BGE722" s="424"/>
      <c r="BGF722" s="424"/>
      <c r="BGG722" s="423" t="s">
        <v>2795</v>
      </c>
      <c r="BGH722" s="424"/>
      <c r="BGI722" s="424"/>
      <c r="BGJ722" s="424"/>
      <c r="BGK722" s="423" t="s">
        <v>2795</v>
      </c>
      <c r="BGL722" s="424"/>
      <c r="BGM722" s="424"/>
      <c r="BGN722" s="424"/>
      <c r="BGO722" s="423" t="s">
        <v>2795</v>
      </c>
      <c r="BGP722" s="424"/>
      <c r="BGQ722" s="424"/>
      <c r="BGR722" s="424"/>
      <c r="BGS722" s="423" t="s">
        <v>2795</v>
      </c>
      <c r="BGT722" s="424"/>
      <c r="BGU722" s="424"/>
      <c r="BGV722" s="424"/>
      <c r="BGW722" s="423" t="s">
        <v>2795</v>
      </c>
      <c r="BGX722" s="424"/>
      <c r="BGY722" s="424"/>
      <c r="BGZ722" s="424"/>
      <c r="BHA722" s="423" t="s">
        <v>2795</v>
      </c>
      <c r="BHB722" s="424"/>
      <c r="BHC722" s="424"/>
      <c r="BHD722" s="424"/>
      <c r="BHE722" s="423" t="s">
        <v>2795</v>
      </c>
      <c r="BHF722" s="424"/>
      <c r="BHG722" s="424"/>
      <c r="BHH722" s="424"/>
      <c r="BHI722" s="423" t="s">
        <v>2795</v>
      </c>
      <c r="BHJ722" s="424"/>
      <c r="BHK722" s="424"/>
      <c r="BHL722" s="424"/>
      <c r="BHM722" s="423" t="s">
        <v>2795</v>
      </c>
      <c r="BHN722" s="424"/>
      <c r="BHO722" s="424"/>
      <c r="BHP722" s="424"/>
      <c r="BHQ722" s="423" t="s">
        <v>2795</v>
      </c>
      <c r="BHR722" s="424"/>
      <c r="BHS722" s="424"/>
      <c r="BHT722" s="424"/>
      <c r="BHU722" s="423" t="s">
        <v>2795</v>
      </c>
      <c r="BHV722" s="424"/>
      <c r="BHW722" s="424"/>
      <c r="BHX722" s="424"/>
      <c r="BHY722" s="423" t="s">
        <v>2795</v>
      </c>
      <c r="BHZ722" s="424"/>
      <c r="BIA722" s="424"/>
      <c r="BIB722" s="424"/>
      <c r="BIC722" s="423" t="s">
        <v>2795</v>
      </c>
      <c r="BID722" s="424"/>
      <c r="BIE722" s="424"/>
      <c r="BIF722" s="424"/>
      <c r="BIG722" s="423" t="s">
        <v>2795</v>
      </c>
      <c r="BIH722" s="424"/>
      <c r="BII722" s="424"/>
      <c r="BIJ722" s="424"/>
      <c r="BIK722" s="423" t="s">
        <v>2795</v>
      </c>
      <c r="BIL722" s="424"/>
      <c r="BIM722" s="424"/>
      <c r="BIN722" s="424"/>
      <c r="BIO722" s="423" t="s">
        <v>2795</v>
      </c>
      <c r="BIP722" s="424"/>
      <c r="BIQ722" s="424"/>
      <c r="BIR722" s="424"/>
      <c r="BIS722" s="423" t="s">
        <v>2795</v>
      </c>
      <c r="BIT722" s="424"/>
      <c r="BIU722" s="424"/>
      <c r="BIV722" s="424"/>
      <c r="BIW722" s="423" t="s">
        <v>2795</v>
      </c>
      <c r="BIX722" s="424"/>
      <c r="BIY722" s="424"/>
      <c r="BIZ722" s="424"/>
      <c r="BJA722" s="423" t="s">
        <v>2795</v>
      </c>
      <c r="BJB722" s="424"/>
      <c r="BJC722" s="424"/>
      <c r="BJD722" s="424"/>
      <c r="BJE722" s="423" t="s">
        <v>2795</v>
      </c>
      <c r="BJF722" s="424"/>
      <c r="BJG722" s="424"/>
      <c r="BJH722" s="424"/>
      <c r="BJI722" s="423" t="s">
        <v>2795</v>
      </c>
      <c r="BJJ722" s="424"/>
      <c r="BJK722" s="424"/>
      <c r="BJL722" s="424"/>
      <c r="BJM722" s="423" t="s">
        <v>2795</v>
      </c>
      <c r="BJN722" s="424"/>
      <c r="BJO722" s="424"/>
      <c r="BJP722" s="424"/>
      <c r="BJQ722" s="423" t="s">
        <v>2795</v>
      </c>
      <c r="BJR722" s="424"/>
      <c r="BJS722" s="424"/>
      <c r="BJT722" s="424"/>
      <c r="BJU722" s="423" t="s">
        <v>2795</v>
      </c>
      <c r="BJV722" s="424"/>
      <c r="BJW722" s="424"/>
      <c r="BJX722" s="424"/>
      <c r="BJY722" s="423" t="s">
        <v>2795</v>
      </c>
      <c r="BJZ722" s="424"/>
      <c r="BKA722" s="424"/>
      <c r="BKB722" s="424"/>
      <c r="BKC722" s="423" t="s">
        <v>2795</v>
      </c>
      <c r="BKD722" s="424"/>
      <c r="BKE722" s="424"/>
      <c r="BKF722" s="424"/>
      <c r="BKG722" s="423" t="s">
        <v>2795</v>
      </c>
      <c r="BKH722" s="424"/>
      <c r="BKI722" s="424"/>
      <c r="BKJ722" s="424"/>
      <c r="BKK722" s="423" t="s">
        <v>2795</v>
      </c>
      <c r="BKL722" s="424"/>
      <c r="BKM722" s="424"/>
      <c r="BKN722" s="424"/>
      <c r="BKO722" s="423" t="s">
        <v>2795</v>
      </c>
      <c r="BKP722" s="424"/>
      <c r="BKQ722" s="424"/>
      <c r="BKR722" s="424"/>
      <c r="BKS722" s="423" t="s">
        <v>2795</v>
      </c>
      <c r="BKT722" s="424"/>
      <c r="BKU722" s="424"/>
      <c r="BKV722" s="424"/>
      <c r="BKW722" s="423" t="s">
        <v>2795</v>
      </c>
      <c r="BKX722" s="424"/>
      <c r="BKY722" s="424"/>
      <c r="BKZ722" s="424"/>
      <c r="BLA722" s="423" t="s">
        <v>2795</v>
      </c>
      <c r="BLB722" s="424"/>
      <c r="BLC722" s="424"/>
      <c r="BLD722" s="424"/>
      <c r="BLE722" s="423" t="s">
        <v>2795</v>
      </c>
      <c r="BLF722" s="424"/>
      <c r="BLG722" s="424"/>
      <c r="BLH722" s="424"/>
      <c r="BLI722" s="423" t="s">
        <v>2795</v>
      </c>
      <c r="BLJ722" s="424"/>
      <c r="BLK722" s="424"/>
      <c r="BLL722" s="424"/>
      <c r="BLM722" s="423" t="s">
        <v>2795</v>
      </c>
      <c r="BLN722" s="424"/>
      <c r="BLO722" s="424"/>
      <c r="BLP722" s="424"/>
      <c r="BLQ722" s="423" t="s">
        <v>2795</v>
      </c>
      <c r="BLR722" s="424"/>
      <c r="BLS722" s="424"/>
      <c r="BLT722" s="424"/>
      <c r="BLU722" s="423" t="s">
        <v>2795</v>
      </c>
      <c r="BLV722" s="424"/>
      <c r="BLW722" s="424"/>
      <c r="BLX722" s="424"/>
      <c r="BLY722" s="423" t="s">
        <v>2795</v>
      </c>
      <c r="BLZ722" s="424"/>
      <c r="BMA722" s="424"/>
      <c r="BMB722" s="424"/>
      <c r="BMC722" s="423" t="s">
        <v>2795</v>
      </c>
      <c r="BMD722" s="424"/>
      <c r="BME722" s="424"/>
      <c r="BMF722" s="424"/>
      <c r="BMG722" s="423" t="s">
        <v>2795</v>
      </c>
      <c r="BMH722" s="424"/>
      <c r="BMI722" s="424"/>
      <c r="BMJ722" s="424"/>
      <c r="BMK722" s="423" t="s">
        <v>2795</v>
      </c>
      <c r="BML722" s="424"/>
      <c r="BMM722" s="424"/>
      <c r="BMN722" s="424"/>
      <c r="BMO722" s="423" t="s">
        <v>2795</v>
      </c>
      <c r="BMP722" s="424"/>
      <c r="BMQ722" s="424"/>
      <c r="BMR722" s="424"/>
      <c r="BMS722" s="423" t="s">
        <v>2795</v>
      </c>
      <c r="BMT722" s="424"/>
      <c r="BMU722" s="424"/>
      <c r="BMV722" s="424"/>
      <c r="BMW722" s="423" t="s">
        <v>2795</v>
      </c>
      <c r="BMX722" s="424"/>
      <c r="BMY722" s="424"/>
      <c r="BMZ722" s="424"/>
      <c r="BNA722" s="423" t="s">
        <v>2795</v>
      </c>
      <c r="BNB722" s="424"/>
      <c r="BNC722" s="424"/>
      <c r="BND722" s="424"/>
      <c r="BNE722" s="423" t="s">
        <v>2795</v>
      </c>
      <c r="BNF722" s="424"/>
      <c r="BNG722" s="424"/>
      <c r="BNH722" s="424"/>
      <c r="BNI722" s="423" t="s">
        <v>2795</v>
      </c>
      <c r="BNJ722" s="424"/>
      <c r="BNK722" s="424"/>
      <c r="BNL722" s="424"/>
      <c r="BNM722" s="423" t="s">
        <v>2795</v>
      </c>
      <c r="BNN722" s="424"/>
      <c r="BNO722" s="424"/>
      <c r="BNP722" s="424"/>
      <c r="BNQ722" s="423" t="s">
        <v>2795</v>
      </c>
      <c r="BNR722" s="424"/>
      <c r="BNS722" s="424"/>
      <c r="BNT722" s="424"/>
      <c r="BNU722" s="423" t="s">
        <v>2795</v>
      </c>
      <c r="BNV722" s="424"/>
      <c r="BNW722" s="424"/>
      <c r="BNX722" s="424"/>
      <c r="BNY722" s="423" t="s">
        <v>2795</v>
      </c>
      <c r="BNZ722" s="424"/>
      <c r="BOA722" s="424"/>
      <c r="BOB722" s="424"/>
      <c r="BOC722" s="423" t="s">
        <v>2795</v>
      </c>
      <c r="BOD722" s="424"/>
      <c r="BOE722" s="424"/>
      <c r="BOF722" s="424"/>
      <c r="BOG722" s="423" t="s">
        <v>2795</v>
      </c>
      <c r="BOH722" s="424"/>
      <c r="BOI722" s="424"/>
      <c r="BOJ722" s="424"/>
      <c r="BOK722" s="423" t="s">
        <v>2795</v>
      </c>
      <c r="BOL722" s="424"/>
      <c r="BOM722" s="424"/>
      <c r="BON722" s="424"/>
      <c r="BOO722" s="423" t="s">
        <v>2795</v>
      </c>
      <c r="BOP722" s="424"/>
      <c r="BOQ722" s="424"/>
      <c r="BOR722" s="424"/>
      <c r="BOS722" s="423" t="s">
        <v>2795</v>
      </c>
      <c r="BOT722" s="424"/>
      <c r="BOU722" s="424"/>
      <c r="BOV722" s="424"/>
      <c r="BOW722" s="423" t="s">
        <v>2795</v>
      </c>
      <c r="BOX722" s="424"/>
      <c r="BOY722" s="424"/>
      <c r="BOZ722" s="424"/>
      <c r="BPA722" s="423" t="s">
        <v>2795</v>
      </c>
      <c r="BPB722" s="424"/>
      <c r="BPC722" s="424"/>
      <c r="BPD722" s="424"/>
      <c r="BPE722" s="423" t="s">
        <v>2795</v>
      </c>
      <c r="BPF722" s="424"/>
      <c r="BPG722" s="424"/>
      <c r="BPH722" s="424"/>
      <c r="BPI722" s="423" t="s">
        <v>2795</v>
      </c>
      <c r="BPJ722" s="424"/>
      <c r="BPK722" s="424"/>
      <c r="BPL722" s="424"/>
      <c r="BPM722" s="423" t="s">
        <v>2795</v>
      </c>
      <c r="BPN722" s="424"/>
      <c r="BPO722" s="424"/>
      <c r="BPP722" s="424"/>
      <c r="BPQ722" s="423" t="s">
        <v>2795</v>
      </c>
      <c r="BPR722" s="424"/>
      <c r="BPS722" s="424"/>
      <c r="BPT722" s="424"/>
      <c r="BPU722" s="423" t="s">
        <v>2795</v>
      </c>
      <c r="BPV722" s="424"/>
      <c r="BPW722" s="424"/>
      <c r="BPX722" s="424"/>
      <c r="BPY722" s="423" t="s">
        <v>2795</v>
      </c>
      <c r="BPZ722" s="424"/>
      <c r="BQA722" s="424"/>
      <c r="BQB722" s="424"/>
      <c r="BQC722" s="423" t="s">
        <v>2795</v>
      </c>
      <c r="BQD722" s="424"/>
      <c r="BQE722" s="424"/>
      <c r="BQF722" s="424"/>
      <c r="BQG722" s="423" t="s">
        <v>2795</v>
      </c>
      <c r="BQH722" s="424"/>
      <c r="BQI722" s="424"/>
      <c r="BQJ722" s="424"/>
      <c r="BQK722" s="423" t="s">
        <v>2795</v>
      </c>
      <c r="BQL722" s="424"/>
      <c r="BQM722" s="424"/>
      <c r="BQN722" s="424"/>
      <c r="BQO722" s="423" t="s">
        <v>2795</v>
      </c>
      <c r="BQP722" s="424"/>
      <c r="BQQ722" s="424"/>
      <c r="BQR722" s="424"/>
      <c r="BQS722" s="423" t="s">
        <v>2795</v>
      </c>
      <c r="BQT722" s="424"/>
      <c r="BQU722" s="424"/>
      <c r="BQV722" s="424"/>
      <c r="BQW722" s="423" t="s">
        <v>2795</v>
      </c>
      <c r="BQX722" s="424"/>
      <c r="BQY722" s="424"/>
      <c r="BQZ722" s="424"/>
      <c r="BRA722" s="423" t="s">
        <v>2795</v>
      </c>
      <c r="BRB722" s="424"/>
      <c r="BRC722" s="424"/>
      <c r="BRD722" s="424"/>
      <c r="BRE722" s="423" t="s">
        <v>2795</v>
      </c>
      <c r="BRF722" s="424"/>
      <c r="BRG722" s="424"/>
      <c r="BRH722" s="424"/>
      <c r="BRI722" s="423" t="s">
        <v>2795</v>
      </c>
      <c r="BRJ722" s="424"/>
      <c r="BRK722" s="424"/>
      <c r="BRL722" s="424"/>
      <c r="BRM722" s="423" t="s">
        <v>2795</v>
      </c>
      <c r="BRN722" s="424"/>
      <c r="BRO722" s="424"/>
      <c r="BRP722" s="424"/>
      <c r="BRQ722" s="423" t="s">
        <v>2795</v>
      </c>
      <c r="BRR722" s="424"/>
      <c r="BRS722" s="424"/>
      <c r="BRT722" s="424"/>
      <c r="BRU722" s="423" t="s">
        <v>2795</v>
      </c>
      <c r="BRV722" s="424"/>
      <c r="BRW722" s="424"/>
      <c r="BRX722" s="424"/>
      <c r="BRY722" s="423" t="s">
        <v>2795</v>
      </c>
      <c r="BRZ722" s="424"/>
      <c r="BSA722" s="424"/>
      <c r="BSB722" s="424"/>
      <c r="BSC722" s="423" t="s">
        <v>2795</v>
      </c>
      <c r="BSD722" s="424"/>
      <c r="BSE722" s="424"/>
      <c r="BSF722" s="424"/>
      <c r="BSG722" s="423" t="s">
        <v>2795</v>
      </c>
      <c r="BSH722" s="424"/>
      <c r="BSI722" s="424"/>
      <c r="BSJ722" s="424"/>
      <c r="BSK722" s="423" t="s">
        <v>2795</v>
      </c>
      <c r="BSL722" s="424"/>
      <c r="BSM722" s="424"/>
      <c r="BSN722" s="424"/>
      <c r="BSO722" s="423" t="s">
        <v>2795</v>
      </c>
      <c r="BSP722" s="424"/>
      <c r="BSQ722" s="424"/>
      <c r="BSR722" s="424"/>
      <c r="BSS722" s="423" t="s">
        <v>2795</v>
      </c>
      <c r="BST722" s="424"/>
      <c r="BSU722" s="424"/>
      <c r="BSV722" s="424"/>
      <c r="BSW722" s="423" t="s">
        <v>2795</v>
      </c>
      <c r="BSX722" s="424"/>
      <c r="BSY722" s="424"/>
      <c r="BSZ722" s="424"/>
      <c r="BTA722" s="423" t="s">
        <v>2795</v>
      </c>
      <c r="BTB722" s="424"/>
      <c r="BTC722" s="424"/>
      <c r="BTD722" s="424"/>
      <c r="BTE722" s="423" t="s">
        <v>2795</v>
      </c>
      <c r="BTF722" s="424"/>
      <c r="BTG722" s="424"/>
      <c r="BTH722" s="424"/>
      <c r="BTI722" s="423" t="s">
        <v>2795</v>
      </c>
      <c r="BTJ722" s="424"/>
      <c r="BTK722" s="424"/>
      <c r="BTL722" s="424"/>
      <c r="BTM722" s="423" t="s">
        <v>2795</v>
      </c>
      <c r="BTN722" s="424"/>
      <c r="BTO722" s="424"/>
      <c r="BTP722" s="424"/>
      <c r="BTQ722" s="423" t="s">
        <v>2795</v>
      </c>
      <c r="BTR722" s="424"/>
      <c r="BTS722" s="424"/>
      <c r="BTT722" s="424"/>
      <c r="BTU722" s="423" t="s">
        <v>2795</v>
      </c>
      <c r="BTV722" s="424"/>
      <c r="BTW722" s="424"/>
      <c r="BTX722" s="424"/>
      <c r="BTY722" s="423" t="s">
        <v>2795</v>
      </c>
      <c r="BTZ722" s="424"/>
      <c r="BUA722" s="424"/>
      <c r="BUB722" s="424"/>
      <c r="BUC722" s="423" t="s">
        <v>2795</v>
      </c>
      <c r="BUD722" s="424"/>
      <c r="BUE722" s="424"/>
      <c r="BUF722" s="424"/>
      <c r="BUG722" s="423" t="s">
        <v>2795</v>
      </c>
      <c r="BUH722" s="424"/>
      <c r="BUI722" s="424"/>
      <c r="BUJ722" s="424"/>
      <c r="BUK722" s="423" t="s">
        <v>2795</v>
      </c>
      <c r="BUL722" s="424"/>
      <c r="BUM722" s="424"/>
      <c r="BUN722" s="424"/>
      <c r="BUO722" s="423" t="s">
        <v>2795</v>
      </c>
      <c r="BUP722" s="424"/>
      <c r="BUQ722" s="424"/>
      <c r="BUR722" s="424"/>
      <c r="BUS722" s="423" t="s">
        <v>2795</v>
      </c>
      <c r="BUT722" s="424"/>
      <c r="BUU722" s="424"/>
      <c r="BUV722" s="424"/>
      <c r="BUW722" s="423" t="s">
        <v>2795</v>
      </c>
      <c r="BUX722" s="424"/>
      <c r="BUY722" s="424"/>
      <c r="BUZ722" s="424"/>
      <c r="BVA722" s="423" t="s">
        <v>2795</v>
      </c>
      <c r="BVB722" s="424"/>
      <c r="BVC722" s="424"/>
      <c r="BVD722" s="424"/>
      <c r="BVE722" s="423" t="s">
        <v>2795</v>
      </c>
      <c r="BVF722" s="424"/>
      <c r="BVG722" s="424"/>
      <c r="BVH722" s="424"/>
      <c r="BVI722" s="423" t="s">
        <v>2795</v>
      </c>
      <c r="BVJ722" s="424"/>
      <c r="BVK722" s="424"/>
      <c r="BVL722" s="424"/>
      <c r="BVM722" s="423" t="s">
        <v>2795</v>
      </c>
      <c r="BVN722" s="424"/>
      <c r="BVO722" s="424"/>
      <c r="BVP722" s="424"/>
      <c r="BVQ722" s="423" t="s">
        <v>2795</v>
      </c>
      <c r="BVR722" s="424"/>
      <c r="BVS722" s="424"/>
      <c r="BVT722" s="424"/>
      <c r="BVU722" s="423" t="s">
        <v>2795</v>
      </c>
      <c r="BVV722" s="424"/>
      <c r="BVW722" s="424"/>
      <c r="BVX722" s="424"/>
      <c r="BVY722" s="423" t="s">
        <v>2795</v>
      </c>
      <c r="BVZ722" s="424"/>
      <c r="BWA722" s="424"/>
      <c r="BWB722" s="424"/>
      <c r="BWC722" s="423" t="s">
        <v>2795</v>
      </c>
      <c r="BWD722" s="424"/>
      <c r="BWE722" s="424"/>
      <c r="BWF722" s="424"/>
      <c r="BWG722" s="423" t="s">
        <v>2795</v>
      </c>
      <c r="BWH722" s="424"/>
      <c r="BWI722" s="424"/>
      <c r="BWJ722" s="424"/>
      <c r="BWK722" s="423" t="s">
        <v>2795</v>
      </c>
      <c r="BWL722" s="424"/>
      <c r="BWM722" s="424"/>
      <c r="BWN722" s="424"/>
      <c r="BWO722" s="423" t="s">
        <v>2795</v>
      </c>
      <c r="BWP722" s="424"/>
      <c r="BWQ722" s="424"/>
      <c r="BWR722" s="424"/>
      <c r="BWS722" s="423" t="s">
        <v>2795</v>
      </c>
      <c r="BWT722" s="424"/>
      <c r="BWU722" s="424"/>
      <c r="BWV722" s="424"/>
      <c r="BWW722" s="423" t="s">
        <v>2795</v>
      </c>
      <c r="BWX722" s="424"/>
      <c r="BWY722" s="424"/>
      <c r="BWZ722" s="424"/>
      <c r="BXA722" s="423" t="s">
        <v>2795</v>
      </c>
      <c r="BXB722" s="424"/>
      <c r="BXC722" s="424"/>
      <c r="BXD722" s="424"/>
      <c r="BXE722" s="423" t="s">
        <v>2795</v>
      </c>
      <c r="BXF722" s="424"/>
      <c r="BXG722" s="424"/>
      <c r="BXH722" s="424"/>
      <c r="BXI722" s="423" t="s">
        <v>2795</v>
      </c>
      <c r="BXJ722" s="424"/>
      <c r="BXK722" s="424"/>
      <c r="BXL722" s="424"/>
      <c r="BXM722" s="423" t="s">
        <v>2795</v>
      </c>
      <c r="BXN722" s="424"/>
      <c r="BXO722" s="424"/>
      <c r="BXP722" s="424"/>
      <c r="BXQ722" s="423" t="s">
        <v>2795</v>
      </c>
      <c r="BXR722" s="424"/>
      <c r="BXS722" s="424"/>
      <c r="BXT722" s="424"/>
      <c r="BXU722" s="423" t="s">
        <v>2795</v>
      </c>
      <c r="BXV722" s="424"/>
      <c r="BXW722" s="424"/>
      <c r="BXX722" s="424"/>
      <c r="BXY722" s="423" t="s">
        <v>2795</v>
      </c>
      <c r="BXZ722" s="424"/>
      <c r="BYA722" s="424"/>
      <c r="BYB722" s="424"/>
      <c r="BYC722" s="423" t="s">
        <v>2795</v>
      </c>
      <c r="BYD722" s="424"/>
      <c r="BYE722" s="424"/>
      <c r="BYF722" s="424"/>
      <c r="BYG722" s="423" t="s">
        <v>2795</v>
      </c>
      <c r="BYH722" s="424"/>
      <c r="BYI722" s="424"/>
      <c r="BYJ722" s="424"/>
      <c r="BYK722" s="423" t="s">
        <v>2795</v>
      </c>
      <c r="BYL722" s="424"/>
      <c r="BYM722" s="424"/>
      <c r="BYN722" s="424"/>
      <c r="BYO722" s="423" t="s">
        <v>2795</v>
      </c>
      <c r="BYP722" s="424"/>
      <c r="BYQ722" s="424"/>
      <c r="BYR722" s="424"/>
      <c r="BYS722" s="423" t="s">
        <v>2795</v>
      </c>
      <c r="BYT722" s="424"/>
      <c r="BYU722" s="424"/>
      <c r="BYV722" s="424"/>
      <c r="BYW722" s="423" t="s">
        <v>2795</v>
      </c>
      <c r="BYX722" s="424"/>
      <c r="BYY722" s="424"/>
      <c r="BYZ722" s="424"/>
      <c r="BZA722" s="423" t="s">
        <v>2795</v>
      </c>
      <c r="BZB722" s="424"/>
      <c r="BZC722" s="424"/>
      <c r="BZD722" s="424"/>
      <c r="BZE722" s="423" t="s">
        <v>2795</v>
      </c>
      <c r="BZF722" s="424"/>
      <c r="BZG722" s="424"/>
      <c r="BZH722" s="424"/>
      <c r="BZI722" s="423" t="s">
        <v>2795</v>
      </c>
      <c r="BZJ722" s="424"/>
      <c r="BZK722" s="424"/>
      <c r="BZL722" s="424"/>
      <c r="BZM722" s="423" t="s">
        <v>2795</v>
      </c>
      <c r="BZN722" s="424"/>
      <c r="BZO722" s="424"/>
      <c r="BZP722" s="424"/>
      <c r="BZQ722" s="423" t="s">
        <v>2795</v>
      </c>
      <c r="BZR722" s="424"/>
      <c r="BZS722" s="424"/>
      <c r="BZT722" s="424"/>
      <c r="BZU722" s="423" t="s">
        <v>2795</v>
      </c>
      <c r="BZV722" s="424"/>
      <c r="BZW722" s="424"/>
      <c r="BZX722" s="424"/>
      <c r="BZY722" s="423" t="s">
        <v>2795</v>
      </c>
      <c r="BZZ722" s="424"/>
      <c r="CAA722" s="424"/>
      <c r="CAB722" s="424"/>
      <c r="CAC722" s="423" t="s">
        <v>2795</v>
      </c>
      <c r="CAD722" s="424"/>
      <c r="CAE722" s="424"/>
      <c r="CAF722" s="424"/>
      <c r="CAG722" s="423" t="s">
        <v>2795</v>
      </c>
      <c r="CAH722" s="424"/>
      <c r="CAI722" s="424"/>
      <c r="CAJ722" s="424"/>
      <c r="CAK722" s="423" t="s">
        <v>2795</v>
      </c>
      <c r="CAL722" s="424"/>
      <c r="CAM722" s="424"/>
      <c r="CAN722" s="424"/>
      <c r="CAO722" s="423" t="s">
        <v>2795</v>
      </c>
      <c r="CAP722" s="424"/>
      <c r="CAQ722" s="424"/>
      <c r="CAR722" s="424"/>
      <c r="CAS722" s="423" t="s">
        <v>2795</v>
      </c>
      <c r="CAT722" s="424"/>
      <c r="CAU722" s="424"/>
      <c r="CAV722" s="424"/>
      <c r="CAW722" s="423" t="s">
        <v>2795</v>
      </c>
      <c r="CAX722" s="424"/>
      <c r="CAY722" s="424"/>
      <c r="CAZ722" s="424"/>
      <c r="CBA722" s="423" t="s">
        <v>2795</v>
      </c>
      <c r="CBB722" s="424"/>
      <c r="CBC722" s="424"/>
      <c r="CBD722" s="424"/>
      <c r="CBE722" s="423" t="s">
        <v>2795</v>
      </c>
      <c r="CBF722" s="424"/>
      <c r="CBG722" s="424"/>
      <c r="CBH722" s="424"/>
      <c r="CBI722" s="423" t="s">
        <v>2795</v>
      </c>
      <c r="CBJ722" s="424"/>
      <c r="CBK722" s="424"/>
      <c r="CBL722" s="424"/>
      <c r="CBM722" s="423" t="s">
        <v>2795</v>
      </c>
      <c r="CBN722" s="424"/>
      <c r="CBO722" s="424"/>
      <c r="CBP722" s="424"/>
      <c r="CBQ722" s="423" t="s">
        <v>2795</v>
      </c>
      <c r="CBR722" s="424"/>
      <c r="CBS722" s="424"/>
      <c r="CBT722" s="424"/>
      <c r="CBU722" s="423" t="s">
        <v>2795</v>
      </c>
      <c r="CBV722" s="424"/>
      <c r="CBW722" s="424"/>
      <c r="CBX722" s="424"/>
      <c r="CBY722" s="423" t="s">
        <v>2795</v>
      </c>
      <c r="CBZ722" s="424"/>
      <c r="CCA722" s="424"/>
      <c r="CCB722" s="424"/>
      <c r="CCC722" s="423" t="s">
        <v>2795</v>
      </c>
      <c r="CCD722" s="424"/>
      <c r="CCE722" s="424"/>
      <c r="CCF722" s="424"/>
      <c r="CCG722" s="423" t="s">
        <v>2795</v>
      </c>
      <c r="CCH722" s="424"/>
      <c r="CCI722" s="424"/>
      <c r="CCJ722" s="424"/>
      <c r="CCK722" s="423" t="s">
        <v>2795</v>
      </c>
      <c r="CCL722" s="424"/>
      <c r="CCM722" s="424"/>
      <c r="CCN722" s="424"/>
      <c r="CCO722" s="423" t="s">
        <v>2795</v>
      </c>
      <c r="CCP722" s="424"/>
      <c r="CCQ722" s="424"/>
      <c r="CCR722" s="424"/>
      <c r="CCS722" s="423" t="s">
        <v>2795</v>
      </c>
      <c r="CCT722" s="424"/>
      <c r="CCU722" s="424"/>
      <c r="CCV722" s="424"/>
      <c r="CCW722" s="423" t="s">
        <v>2795</v>
      </c>
      <c r="CCX722" s="424"/>
      <c r="CCY722" s="424"/>
      <c r="CCZ722" s="424"/>
      <c r="CDA722" s="423" t="s">
        <v>2795</v>
      </c>
      <c r="CDB722" s="424"/>
      <c r="CDC722" s="424"/>
      <c r="CDD722" s="424"/>
      <c r="CDE722" s="423" t="s">
        <v>2795</v>
      </c>
      <c r="CDF722" s="424"/>
      <c r="CDG722" s="424"/>
      <c r="CDH722" s="424"/>
      <c r="CDI722" s="423" t="s">
        <v>2795</v>
      </c>
      <c r="CDJ722" s="424"/>
      <c r="CDK722" s="424"/>
      <c r="CDL722" s="424"/>
      <c r="CDM722" s="423" t="s">
        <v>2795</v>
      </c>
      <c r="CDN722" s="424"/>
      <c r="CDO722" s="424"/>
      <c r="CDP722" s="424"/>
      <c r="CDQ722" s="423" t="s">
        <v>2795</v>
      </c>
      <c r="CDR722" s="424"/>
      <c r="CDS722" s="424"/>
      <c r="CDT722" s="424"/>
      <c r="CDU722" s="423" t="s">
        <v>2795</v>
      </c>
      <c r="CDV722" s="424"/>
      <c r="CDW722" s="424"/>
      <c r="CDX722" s="424"/>
      <c r="CDY722" s="423" t="s">
        <v>2795</v>
      </c>
      <c r="CDZ722" s="424"/>
      <c r="CEA722" s="424"/>
      <c r="CEB722" s="424"/>
      <c r="CEC722" s="423" t="s">
        <v>2795</v>
      </c>
      <c r="CED722" s="424"/>
      <c r="CEE722" s="424"/>
      <c r="CEF722" s="424"/>
      <c r="CEG722" s="423" t="s">
        <v>2795</v>
      </c>
      <c r="CEH722" s="424"/>
      <c r="CEI722" s="424"/>
      <c r="CEJ722" s="424"/>
      <c r="CEK722" s="423" t="s">
        <v>2795</v>
      </c>
      <c r="CEL722" s="424"/>
      <c r="CEM722" s="424"/>
      <c r="CEN722" s="424"/>
      <c r="CEO722" s="423" t="s">
        <v>2795</v>
      </c>
      <c r="CEP722" s="424"/>
      <c r="CEQ722" s="424"/>
      <c r="CER722" s="424"/>
      <c r="CES722" s="423" t="s">
        <v>2795</v>
      </c>
      <c r="CET722" s="424"/>
      <c r="CEU722" s="424"/>
      <c r="CEV722" s="424"/>
      <c r="CEW722" s="423" t="s">
        <v>2795</v>
      </c>
      <c r="CEX722" s="424"/>
      <c r="CEY722" s="424"/>
      <c r="CEZ722" s="424"/>
      <c r="CFA722" s="423" t="s">
        <v>2795</v>
      </c>
      <c r="CFB722" s="424"/>
      <c r="CFC722" s="424"/>
      <c r="CFD722" s="424"/>
      <c r="CFE722" s="423" t="s">
        <v>2795</v>
      </c>
      <c r="CFF722" s="424"/>
      <c r="CFG722" s="424"/>
      <c r="CFH722" s="424"/>
      <c r="CFI722" s="423" t="s">
        <v>2795</v>
      </c>
      <c r="CFJ722" s="424"/>
      <c r="CFK722" s="424"/>
      <c r="CFL722" s="424"/>
      <c r="CFM722" s="423" t="s">
        <v>2795</v>
      </c>
      <c r="CFN722" s="424"/>
      <c r="CFO722" s="424"/>
      <c r="CFP722" s="424"/>
      <c r="CFQ722" s="423" t="s">
        <v>2795</v>
      </c>
      <c r="CFR722" s="424"/>
      <c r="CFS722" s="424"/>
      <c r="CFT722" s="424"/>
      <c r="CFU722" s="423" t="s">
        <v>2795</v>
      </c>
      <c r="CFV722" s="424"/>
      <c r="CFW722" s="424"/>
      <c r="CFX722" s="424"/>
      <c r="CFY722" s="423" t="s">
        <v>2795</v>
      </c>
      <c r="CFZ722" s="424"/>
      <c r="CGA722" s="424"/>
      <c r="CGB722" s="424"/>
      <c r="CGC722" s="423" t="s">
        <v>2795</v>
      </c>
      <c r="CGD722" s="424"/>
      <c r="CGE722" s="424"/>
      <c r="CGF722" s="424"/>
      <c r="CGG722" s="423" t="s">
        <v>2795</v>
      </c>
      <c r="CGH722" s="424"/>
      <c r="CGI722" s="424"/>
      <c r="CGJ722" s="424"/>
      <c r="CGK722" s="423" t="s">
        <v>2795</v>
      </c>
      <c r="CGL722" s="424"/>
      <c r="CGM722" s="424"/>
      <c r="CGN722" s="424"/>
      <c r="CGO722" s="423" t="s">
        <v>2795</v>
      </c>
      <c r="CGP722" s="424"/>
      <c r="CGQ722" s="424"/>
      <c r="CGR722" s="424"/>
      <c r="CGS722" s="423" t="s">
        <v>2795</v>
      </c>
      <c r="CGT722" s="424"/>
      <c r="CGU722" s="424"/>
      <c r="CGV722" s="424"/>
      <c r="CGW722" s="423" t="s">
        <v>2795</v>
      </c>
      <c r="CGX722" s="424"/>
      <c r="CGY722" s="424"/>
      <c r="CGZ722" s="424"/>
      <c r="CHA722" s="423" t="s">
        <v>2795</v>
      </c>
      <c r="CHB722" s="424"/>
      <c r="CHC722" s="424"/>
      <c r="CHD722" s="424"/>
      <c r="CHE722" s="423" t="s">
        <v>2795</v>
      </c>
      <c r="CHF722" s="424"/>
      <c r="CHG722" s="424"/>
      <c r="CHH722" s="424"/>
      <c r="CHI722" s="423" t="s">
        <v>2795</v>
      </c>
      <c r="CHJ722" s="424"/>
      <c r="CHK722" s="424"/>
      <c r="CHL722" s="424"/>
      <c r="CHM722" s="423" t="s">
        <v>2795</v>
      </c>
      <c r="CHN722" s="424"/>
      <c r="CHO722" s="424"/>
      <c r="CHP722" s="424"/>
      <c r="CHQ722" s="423" t="s">
        <v>2795</v>
      </c>
      <c r="CHR722" s="424"/>
      <c r="CHS722" s="424"/>
      <c r="CHT722" s="424"/>
      <c r="CHU722" s="423" t="s">
        <v>2795</v>
      </c>
      <c r="CHV722" s="424"/>
      <c r="CHW722" s="424"/>
      <c r="CHX722" s="424"/>
      <c r="CHY722" s="423" t="s">
        <v>2795</v>
      </c>
      <c r="CHZ722" s="424"/>
      <c r="CIA722" s="424"/>
      <c r="CIB722" s="424"/>
      <c r="CIC722" s="423" t="s">
        <v>2795</v>
      </c>
      <c r="CID722" s="424"/>
      <c r="CIE722" s="424"/>
      <c r="CIF722" s="424"/>
      <c r="CIG722" s="423" t="s">
        <v>2795</v>
      </c>
      <c r="CIH722" s="424"/>
      <c r="CII722" s="424"/>
      <c r="CIJ722" s="424"/>
      <c r="CIK722" s="423" t="s">
        <v>2795</v>
      </c>
      <c r="CIL722" s="424"/>
      <c r="CIM722" s="424"/>
      <c r="CIN722" s="424"/>
      <c r="CIO722" s="423" t="s">
        <v>2795</v>
      </c>
      <c r="CIP722" s="424"/>
      <c r="CIQ722" s="424"/>
      <c r="CIR722" s="424"/>
      <c r="CIS722" s="423" t="s">
        <v>2795</v>
      </c>
      <c r="CIT722" s="424"/>
      <c r="CIU722" s="424"/>
      <c r="CIV722" s="424"/>
      <c r="CIW722" s="423" t="s">
        <v>2795</v>
      </c>
      <c r="CIX722" s="424"/>
      <c r="CIY722" s="424"/>
      <c r="CIZ722" s="424"/>
      <c r="CJA722" s="423" t="s">
        <v>2795</v>
      </c>
      <c r="CJB722" s="424"/>
      <c r="CJC722" s="424"/>
      <c r="CJD722" s="424"/>
      <c r="CJE722" s="423" t="s">
        <v>2795</v>
      </c>
      <c r="CJF722" s="424"/>
      <c r="CJG722" s="424"/>
      <c r="CJH722" s="424"/>
      <c r="CJI722" s="423" t="s">
        <v>2795</v>
      </c>
      <c r="CJJ722" s="424"/>
      <c r="CJK722" s="424"/>
      <c r="CJL722" s="424"/>
      <c r="CJM722" s="423" t="s">
        <v>2795</v>
      </c>
      <c r="CJN722" s="424"/>
      <c r="CJO722" s="424"/>
      <c r="CJP722" s="424"/>
      <c r="CJQ722" s="423" t="s">
        <v>2795</v>
      </c>
      <c r="CJR722" s="424"/>
      <c r="CJS722" s="424"/>
      <c r="CJT722" s="424"/>
      <c r="CJU722" s="423" t="s">
        <v>2795</v>
      </c>
      <c r="CJV722" s="424"/>
      <c r="CJW722" s="424"/>
      <c r="CJX722" s="424"/>
      <c r="CJY722" s="423" t="s">
        <v>2795</v>
      </c>
      <c r="CJZ722" s="424"/>
      <c r="CKA722" s="424"/>
      <c r="CKB722" s="424"/>
      <c r="CKC722" s="423" t="s">
        <v>2795</v>
      </c>
      <c r="CKD722" s="424"/>
      <c r="CKE722" s="424"/>
      <c r="CKF722" s="424"/>
      <c r="CKG722" s="423" t="s">
        <v>2795</v>
      </c>
      <c r="CKH722" s="424"/>
      <c r="CKI722" s="424"/>
      <c r="CKJ722" s="424"/>
      <c r="CKK722" s="423" t="s">
        <v>2795</v>
      </c>
      <c r="CKL722" s="424"/>
      <c r="CKM722" s="424"/>
      <c r="CKN722" s="424"/>
      <c r="CKO722" s="423" t="s">
        <v>2795</v>
      </c>
      <c r="CKP722" s="424"/>
      <c r="CKQ722" s="424"/>
      <c r="CKR722" s="424"/>
      <c r="CKS722" s="423" t="s">
        <v>2795</v>
      </c>
      <c r="CKT722" s="424"/>
      <c r="CKU722" s="424"/>
      <c r="CKV722" s="424"/>
      <c r="CKW722" s="423" t="s">
        <v>2795</v>
      </c>
      <c r="CKX722" s="424"/>
      <c r="CKY722" s="424"/>
      <c r="CKZ722" s="424"/>
      <c r="CLA722" s="423" t="s">
        <v>2795</v>
      </c>
      <c r="CLB722" s="424"/>
      <c r="CLC722" s="424"/>
      <c r="CLD722" s="424"/>
      <c r="CLE722" s="423" t="s">
        <v>2795</v>
      </c>
      <c r="CLF722" s="424"/>
      <c r="CLG722" s="424"/>
      <c r="CLH722" s="424"/>
      <c r="CLI722" s="423" t="s">
        <v>2795</v>
      </c>
      <c r="CLJ722" s="424"/>
      <c r="CLK722" s="424"/>
      <c r="CLL722" s="424"/>
      <c r="CLM722" s="423" t="s">
        <v>2795</v>
      </c>
      <c r="CLN722" s="424"/>
      <c r="CLO722" s="424"/>
      <c r="CLP722" s="424"/>
      <c r="CLQ722" s="423" t="s">
        <v>2795</v>
      </c>
      <c r="CLR722" s="424"/>
      <c r="CLS722" s="424"/>
      <c r="CLT722" s="424"/>
      <c r="CLU722" s="423" t="s">
        <v>2795</v>
      </c>
      <c r="CLV722" s="424"/>
      <c r="CLW722" s="424"/>
      <c r="CLX722" s="424"/>
      <c r="CLY722" s="423" t="s">
        <v>2795</v>
      </c>
      <c r="CLZ722" s="424"/>
      <c r="CMA722" s="424"/>
      <c r="CMB722" s="424"/>
      <c r="CMC722" s="423" t="s">
        <v>2795</v>
      </c>
      <c r="CMD722" s="424"/>
      <c r="CME722" s="424"/>
      <c r="CMF722" s="424"/>
      <c r="CMG722" s="423" t="s">
        <v>2795</v>
      </c>
      <c r="CMH722" s="424"/>
      <c r="CMI722" s="424"/>
      <c r="CMJ722" s="424"/>
      <c r="CMK722" s="423" t="s">
        <v>2795</v>
      </c>
      <c r="CML722" s="424"/>
      <c r="CMM722" s="424"/>
      <c r="CMN722" s="424"/>
      <c r="CMO722" s="423" t="s">
        <v>2795</v>
      </c>
      <c r="CMP722" s="424"/>
      <c r="CMQ722" s="424"/>
      <c r="CMR722" s="424"/>
      <c r="CMS722" s="423" t="s">
        <v>2795</v>
      </c>
      <c r="CMT722" s="424"/>
      <c r="CMU722" s="424"/>
      <c r="CMV722" s="424"/>
      <c r="CMW722" s="423" t="s">
        <v>2795</v>
      </c>
      <c r="CMX722" s="424"/>
      <c r="CMY722" s="424"/>
      <c r="CMZ722" s="424"/>
      <c r="CNA722" s="423" t="s">
        <v>2795</v>
      </c>
      <c r="CNB722" s="424"/>
      <c r="CNC722" s="424"/>
      <c r="CND722" s="424"/>
      <c r="CNE722" s="423" t="s">
        <v>2795</v>
      </c>
      <c r="CNF722" s="424"/>
      <c r="CNG722" s="424"/>
      <c r="CNH722" s="424"/>
      <c r="CNI722" s="423" t="s">
        <v>2795</v>
      </c>
      <c r="CNJ722" s="424"/>
      <c r="CNK722" s="424"/>
      <c r="CNL722" s="424"/>
      <c r="CNM722" s="423" t="s">
        <v>2795</v>
      </c>
      <c r="CNN722" s="424"/>
      <c r="CNO722" s="424"/>
      <c r="CNP722" s="424"/>
      <c r="CNQ722" s="423" t="s">
        <v>2795</v>
      </c>
      <c r="CNR722" s="424"/>
      <c r="CNS722" s="424"/>
      <c r="CNT722" s="424"/>
      <c r="CNU722" s="423" t="s">
        <v>2795</v>
      </c>
      <c r="CNV722" s="424"/>
      <c r="CNW722" s="424"/>
      <c r="CNX722" s="424"/>
      <c r="CNY722" s="423" t="s">
        <v>2795</v>
      </c>
      <c r="CNZ722" s="424"/>
      <c r="COA722" s="424"/>
      <c r="COB722" s="424"/>
      <c r="COC722" s="423" t="s">
        <v>2795</v>
      </c>
      <c r="COD722" s="424"/>
      <c r="COE722" s="424"/>
      <c r="COF722" s="424"/>
      <c r="COG722" s="423" t="s">
        <v>2795</v>
      </c>
      <c r="COH722" s="424"/>
      <c r="COI722" s="424"/>
      <c r="COJ722" s="424"/>
      <c r="COK722" s="423" t="s">
        <v>2795</v>
      </c>
      <c r="COL722" s="424"/>
      <c r="COM722" s="424"/>
      <c r="CON722" s="424"/>
      <c r="COO722" s="423" t="s">
        <v>2795</v>
      </c>
      <c r="COP722" s="424"/>
      <c r="COQ722" s="424"/>
      <c r="COR722" s="424"/>
      <c r="COS722" s="423" t="s">
        <v>2795</v>
      </c>
      <c r="COT722" s="424"/>
      <c r="COU722" s="424"/>
      <c r="COV722" s="424"/>
      <c r="COW722" s="423" t="s">
        <v>2795</v>
      </c>
      <c r="COX722" s="424"/>
      <c r="COY722" s="424"/>
      <c r="COZ722" s="424"/>
      <c r="CPA722" s="423" t="s">
        <v>2795</v>
      </c>
      <c r="CPB722" s="424"/>
      <c r="CPC722" s="424"/>
      <c r="CPD722" s="424"/>
      <c r="CPE722" s="423" t="s">
        <v>2795</v>
      </c>
      <c r="CPF722" s="424"/>
      <c r="CPG722" s="424"/>
      <c r="CPH722" s="424"/>
      <c r="CPI722" s="423" t="s">
        <v>2795</v>
      </c>
      <c r="CPJ722" s="424"/>
      <c r="CPK722" s="424"/>
      <c r="CPL722" s="424"/>
      <c r="CPM722" s="423" t="s">
        <v>2795</v>
      </c>
      <c r="CPN722" s="424"/>
      <c r="CPO722" s="424"/>
      <c r="CPP722" s="424"/>
      <c r="CPQ722" s="423" t="s">
        <v>2795</v>
      </c>
      <c r="CPR722" s="424"/>
      <c r="CPS722" s="424"/>
      <c r="CPT722" s="424"/>
      <c r="CPU722" s="423" t="s">
        <v>2795</v>
      </c>
      <c r="CPV722" s="424"/>
      <c r="CPW722" s="424"/>
      <c r="CPX722" s="424"/>
      <c r="CPY722" s="423" t="s">
        <v>2795</v>
      </c>
      <c r="CPZ722" s="424"/>
      <c r="CQA722" s="424"/>
      <c r="CQB722" s="424"/>
      <c r="CQC722" s="423" t="s">
        <v>2795</v>
      </c>
      <c r="CQD722" s="424"/>
      <c r="CQE722" s="424"/>
      <c r="CQF722" s="424"/>
      <c r="CQG722" s="423" t="s">
        <v>2795</v>
      </c>
      <c r="CQH722" s="424"/>
      <c r="CQI722" s="424"/>
      <c r="CQJ722" s="424"/>
      <c r="CQK722" s="423" t="s">
        <v>2795</v>
      </c>
      <c r="CQL722" s="424"/>
      <c r="CQM722" s="424"/>
      <c r="CQN722" s="424"/>
      <c r="CQO722" s="423" t="s">
        <v>2795</v>
      </c>
      <c r="CQP722" s="424"/>
      <c r="CQQ722" s="424"/>
      <c r="CQR722" s="424"/>
      <c r="CQS722" s="423" t="s">
        <v>2795</v>
      </c>
      <c r="CQT722" s="424"/>
      <c r="CQU722" s="424"/>
      <c r="CQV722" s="424"/>
      <c r="CQW722" s="423" t="s">
        <v>2795</v>
      </c>
      <c r="CQX722" s="424"/>
      <c r="CQY722" s="424"/>
      <c r="CQZ722" s="424"/>
      <c r="CRA722" s="423" t="s">
        <v>2795</v>
      </c>
      <c r="CRB722" s="424"/>
      <c r="CRC722" s="424"/>
      <c r="CRD722" s="424"/>
      <c r="CRE722" s="423" t="s">
        <v>2795</v>
      </c>
      <c r="CRF722" s="424"/>
      <c r="CRG722" s="424"/>
      <c r="CRH722" s="424"/>
      <c r="CRI722" s="423" t="s">
        <v>2795</v>
      </c>
      <c r="CRJ722" s="424"/>
      <c r="CRK722" s="424"/>
      <c r="CRL722" s="424"/>
      <c r="CRM722" s="423" t="s">
        <v>2795</v>
      </c>
      <c r="CRN722" s="424"/>
      <c r="CRO722" s="424"/>
      <c r="CRP722" s="424"/>
      <c r="CRQ722" s="423" t="s">
        <v>2795</v>
      </c>
      <c r="CRR722" s="424"/>
      <c r="CRS722" s="424"/>
      <c r="CRT722" s="424"/>
      <c r="CRU722" s="423" t="s">
        <v>2795</v>
      </c>
      <c r="CRV722" s="424"/>
      <c r="CRW722" s="424"/>
      <c r="CRX722" s="424"/>
      <c r="CRY722" s="423" t="s">
        <v>2795</v>
      </c>
      <c r="CRZ722" s="424"/>
      <c r="CSA722" s="424"/>
      <c r="CSB722" s="424"/>
      <c r="CSC722" s="423" t="s">
        <v>2795</v>
      </c>
      <c r="CSD722" s="424"/>
      <c r="CSE722" s="424"/>
      <c r="CSF722" s="424"/>
      <c r="CSG722" s="423" t="s">
        <v>2795</v>
      </c>
      <c r="CSH722" s="424"/>
      <c r="CSI722" s="424"/>
      <c r="CSJ722" s="424"/>
      <c r="CSK722" s="423" t="s">
        <v>2795</v>
      </c>
      <c r="CSL722" s="424"/>
      <c r="CSM722" s="424"/>
      <c r="CSN722" s="424"/>
      <c r="CSO722" s="423" t="s">
        <v>2795</v>
      </c>
      <c r="CSP722" s="424"/>
      <c r="CSQ722" s="424"/>
      <c r="CSR722" s="424"/>
      <c r="CSS722" s="423" t="s">
        <v>2795</v>
      </c>
      <c r="CST722" s="424"/>
      <c r="CSU722" s="424"/>
      <c r="CSV722" s="424"/>
      <c r="CSW722" s="423" t="s">
        <v>2795</v>
      </c>
      <c r="CSX722" s="424"/>
      <c r="CSY722" s="424"/>
      <c r="CSZ722" s="424"/>
      <c r="CTA722" s="423" t="s">
        <v>2795</v>
      </c>
      <c r="CTB722" s="424"/>
      <c r="CTC722" s="424"/>
      <c r="CTD722" s="424"/>
      <c r="CTE722" s="423" t="s">
        <v>2795</v>
      </c>
      <c r="CTF722" s="424"/>
      <c r="CTG722" s="424"/>
      <c r="CTH722" s="424"/>
      <c r="CTI722" s="423" t="s">
        <v>2795</v>
      </c>
      <c r="CTJ722" s="424"/>
      <c r="CTK722" s="424"/>
      <c r="CTL722" s="424"/>
      <c r="CTM722" s="423" t="s">
        <v>2795</v>
      </c>
      <c r="CTN722" s="424"/>
      <c r="CTO722" s="424"/>
      <c r="CTP722" s="424"/>
      <c r="CTQ722" s="423" t="s">
        <v>2795</v>
      </c>
      <c r="CTR722" s="424"/>
      <c r="CTS722" s="424"/>
      <c r="CTT722" s="424"/>
      <c r="CTU722" s="423" t="s">
        <v>2795</v>
      </c>
      <c r="CTV722" s="424"/>
      <c r="CTW722" s="424"/>
      <c r="CTX722" s="424"/>
      <c r="CTY722" s="423" t="s">
        <v>2795</v>
      </c>
      <c r="CTZ722" s="424"/>
      <c r="CUA722" s="424"/>
      <c r="CUB722" s="424"/>
      <c r="CUC722" s="423" t="s">
        <v>2795</v>
      </c>
      <c r="CUD722" s="424"/>
      <c r="CUE722" s="424"/>
      <c r="CUF722" s="424"/>
      <c r="CUG722" s="423" t="s">
        <v>2795</v>
      </c>
      <c r="CUH722" s="424"/>
      <c r="CUI722" s="424"/>
      <c r="CUJ722" s="424"/>
      <c r="CUK722" s="423" t="s">
        <v>2795</v>
      </c>
      <c r="CUL722" s="424"/>
      <c r="CUM722" s="424"/>
      <c r="CUN722" s="424"/>
      <c r="CUO722" s="423" t="s">
        <v>2795</v>
      </c>
      <c r="CUP722" s="424"/>
      <c r="CUQ722" s="424"/>
      <c r="CUR722" s="424"/>
      <c r="CUS722" s="423" t="s">
        <v>2795</v>
      </c>
      <c r="CUT722" s="424"/>
      <c r="CUU722" s="424"/>
      <c r="CUV722" s="424"/>
      <c r="CUW722" s="423" t="s">
        <v>2795</v>
      </c>
      <c r="CUX722" s="424"/>
      <c r="CUY722" s="424"/>
      <c r="CUZ722" s="424"/>
      <c r="CVA722" s="423" t="s">
        <v>2795</v>
      </c>
      <c r="CVB722" s="424"/>
      <c r="CVC722" s="424"/>
      <c r="CVD722" s="424"/>
      <c r="CVE722" s="423" t="s">
        <v>2795</v>
      </c>
      <c r="CVF722" s="424"/>
      <c r="CVG722" s="424"/>
      <c r="CVH722" s="424"/>
      <c r="CVI722" s="423" t="s">
        <v>2795</v>
      </c>
      <c r="CVJ722" s="424"/>
      <c r="CVK722" s="424"/>
      <c r="CVL722" s="424"/>
      <c r="CVM722" s="423" t="s">
        <v>2795</v>
      </c>
      <c r="CVN722" s="424"/>
      <c r="CVO722" s="424"/>
      <c r="CVP722" s="424"/>
      <c r="CVQ722" s="423" t="s">
        <v>2795</v>
      </c>
      <c r="CVR722" s="424"/>
      <c r="CVS722" s="424"/>
      <c r="CVT722" s="424"/>
      <c r="CVU722" s="423" t="s">
        <v>2795</v>
      </c>
      <c r="CVV722" s="424"/>
      <c r="CVW722" s="424"/>
      <c r="CVX722" s="424"/>
      <c r="CVY722" s="423" t="s">
        <v>2795</v>
      </c>
      <c r="CVZ722" s="424"/>
      <c r="CWA722" s="424"/>
      <c r="CWB722" s="424"/>
      <c r="CWC722" s="423" t="s">
        <v>2795</v>
      </c>
      <c r="CWD722" s="424"/>
      <c r="CWE722" s="424"/>
      <c r="CWF722" s="424"/>
      <c r="CWG722" s="423" t="s">
        <v>2795</v>
      </c>
      <c r="CWH722" s="424"/>
      <c r="CWI722" s="424"/>
      <c r="CWJ722" s="424"/>
      <c r="CWK722" s="423" t="s">
        <v>2795</v>
      </c>
      <c r="CWL722" s="424"/>
      <c r="CWM722" s="424"/>
      <c r="CWN722" s="424"/>
      <c r="CWO722" s="423" t="s">
        <v>2795</v>
      </c>
      <c r="CWP722" s="424"/>
      <c r="CWQ722" s="424"/>
      <c r="CWR722" s="424"/>
      <c r="CWS722" s="423" t="s">
        <v>2795</v>
      </c>
      <c r="CWT722" s="424"/>
      <c r="CWU722" s="424"/>
      <c r="CWV722" s="424"/>
      <c r="CWW722" s="423" t="s">
        <v>2795</v>
      </c>
      <c r="CWX722" s="424"/>
      <c r="CWY722" s="424"/>
      <c r="CWZ722" s="424"/>
      <c r="CXA722" s="423" t="s">
        <v>2795</v>
      </c>
      <c r="CXB722" s="424"/>
      <c r="CXC722" s="424"/>
      <c r="CXD722" s="424"/>
      <c r="CXE722" s="423" t="s">
        <v>2795</v>
      </c>
      <c r="CXF722" s="424"/>
      <c r="CXG722" s="424"/>
      <c r="CXH722" s="424"/>
      <c r="CXI722" s="423" t="s">
        <v>2795</v>
      </c>
      <c r="CXJ722" s="424"/>
      <c r="CXK722" s="424"/>
      <c r="CXL722" s="424"/>
      <c r="CXM722" s="423" t="s">
        <v>2795</v>
      </c>
      <c r="CXN722" s="424"/>
      <c r="CXO722" s="424"/>
      <c r="CXP722" s="424"/>
      <c r="CXQ722" s="423" t="s">
        <v>2795</v>
      </c>
      <c r="CXR722" s="424"/>
      <c r="CXS722" s="424"/>
      <c r="CXT722" s="424"/>
      <c r="CXU722" s="423" t="s">
        <v>2795</v>
      </c>
      <c r="CXV722" s="424"/>
      <c r="CXW722" s="424"/>
      <c r="CXX722" s="424"/>
      <c r="CXY722" s="423" t="s">
        <v>2795</v>
      </c>
      <c r="CXZ722" s="424"/>
      <c r="CYA722" s="424"/>
      <c r="CYB722" s="424"/>
      <c r="CYC722" s="423" t="s">
        <v>2795</v>
      </c>
      <c r="CYD722" s="424"/>
      <c r="CYE722" s="424"/>
      <c r="CYF722" s="424"/>
      <c r="CYG722" s="423" t="s">
        <v>2795</v>
      </c>
      <c r="CYH722" s="424"/>
      <c r="CYI722" s="424"/>
      <c r="CYJ722" s="424"/>
      <c r="CYK722" s="423" t="s">
        <v>2795</v>
      </c>
      <c r="CYL722" s="424"/>
      <c r="CYM722" s="424"/>
      <c r="CYN722" s="424"/>
      <c r="CYO722" s="423" t="s">
        <v>2795</v>
      </c>
      <c r="CYP722" s="424"/>
      <c r="CYQ722" s="424"/>
      <c r="CYR722" s="424"/>
      <c r="CYS722" s="423" t="s">
        <v>2795</v>
      </c>
      <c r="CYT722" s="424"/>
      <c r="CYU722" s="424"/>
      <c r="CYV722" s="424"/>
      <c r="CYW722" s="423" t="s">
        <v>2795</v>
      </c>
      <c r="CYX722" s="424"/>
      <c r="CYY722" s="424"/>
      <c r="CYZ722" s="424"/>
      <c r="CZA722" s="423" t="s">
        <v>2795</v>
      </c>
      <c r="CZB722" s="424"/>
      <c r="CZC722" s="424"/>
      <c r="CZD722" s="424"/>
      <c r="CZE722" s="423" t="s">
        <v>2795</v>
      </c>
      <c r="CZF722" s="424"/>
      <c r="CZG722" s="424"/>
      <c r="CZH722" s="424"/>
      <c r="CZI722" s="423" t="s">
        <v>2795</v>
      </c>
      <c r="CZJ722" s="424"/>
      <c r="CZK722" s="424"/>
      <c r="CZL722" s="424"/>
      <c r="CZM722" s="423" t="s">
        <v>2795</v>
      </c>
      <c r="CZN722" s="424"/>
      <c r="CZO722" s="424"/>
      <c r="CZP722" s="424"/>
      <c r="CZQ722" s="423" t="s">
        <v>2795</v>
      </c>
      <c r="CZR722" s="424"/>
      <c r="CZS722" s="424"/>
      <c r="CZT722" s="424"/>
      <c r="CZU722" s="423" t="s">
        <v>2795</v>
      </c>
      <c r="CZV722" s="424"/>
      <c r="CZW722" s="424"/>
      <c r="CZX722" s="424"/>
      <c r="CZY722" s="423" t="s">
        <v>2795</v>
      </c>
      <c r="CZZ722" s="424"/>
      <c r="DAA722" s="424"/>
      <c r="DAB722" s="424"/>
      <c r="DAC722" s="423" t="s">
        <v>2795</v>
      </c>
      <c r="DAD722" s="424"/>
      <c r="DAE722" s="424"/>
      <c r="DAF722" s="424"/>
      <c r="DAG722" s="423" t="s">
        <v>2795</v>
      </c>
      <c r="DAH722" s="424"/>
      <c r="DAI722" s="424"/>
      <c r="DAJ722" s="424"/>
      <c r="DAK722" s="423" t="s">
        <v>2795</v>
      </c>
      <c r="DAL722" s="424"/>
      <c r="DAM722" s="424"/>
      <c r="DAN722" s="424"/>
      <c r="DAO722" s="423" t="s">
        <v>2795</v>
      </c>
      <c r="DAP722" s="424"/>
      <c r="DAQ722" s="424"/>
      <c r="DAR722" s="424"/>
      <c r="DAS722" s="423" t="s">
        <v>2795</v>
      </c>
      <c r="DAT722" s="424"/>
      <c r="DAU722" s="424"/>
      <c r="DAV722" s="424"/>
      <c r="DAW722" s="423" t="s">
        <v>2795</v>
      </c>
      <c r="DAX722" s="424"/>
      <c r="DAY722" s="424"/>
      <c r="DAZ722" s="424"/>
      <c r="DBA722" s="423" t="s">
        <v>2795</v>
      </c>
      <c r="DBB722" s="424"/>
      <c r="DBC722" s="424"/>
      <c r="DBD722" s="424"/>
      <c r="DBE722" s="423" t="s">
        <v>2795</v>
      </c>
      <c r="DBF722" s="424"/>
      <c r="DBG722" s="424"/>
      <c r="DBH722" s="424"/>
      <c r="DBI722" s="423" t="s">
        <v>2795</v>
      </c>
      <c r="DBJ722" s="424"/>
      <c r="DBK722" s="424"/>
      <c r="DBL722" s="424"/>
      <c r="DBM722" s="423" t="s">
        <v>2795</v>
      </c>
      <c r="DBN722" s="424"/>
      <c r="DBO722" s="424"/>
      <c r="DBP722" s="424"/>
      <c r="DBQ722" s="423" t="s">
        <v>2795</v>
      </c>
      <c r="DBR722" s="424"/>
      <c r="DBS722" s="424"/>
      <c r="DBT722" s="424"/>
      <c r="DBU722" s="423" t="s">
        <v>2795</v>
      </c>
      <c r="DBV722" s="424"/>
      <c r="DBW722" s="424"/>
      <c r="DBX722" s="424"/>
      <c r="DBY722" s="423" t="s">
        <v>2795</v>
      </c>
      <c r="DBZ722" s="424"/>
      <c r="DCA722" s="424"/>
      <c r="DCB722" s="424"/>
      <c r="DCC722" s="423" t="s">
        <v>2795</v>
      </c>
      <c r="DCD722" s="424"/>
      <c r="DCE722" s="424"/>
      <c r="DCF722" s="424"/>
      <c r="DCG722" s="423" t="s">
        <v>2795</v>
      </c>
      <c r="DCH722" s="424"/>
      <c r="DCI722" s="424"/>
      <c r="DCJ722" s="424"/>
      <c r="DCK722" s="423" t="s">
        <v>2795</v>
      </c>
      <c r="DCL722" s="424"/>
      <c r="DCM722" s="424"/>
      <c r="DCN722" s="424"/>
      <c r="DCO722" s="423" t="s">
        <v>2795</v>
      </c>
      <c r="DCP722" s="424"/>
      <c r="DCQ722" s="424"/>
      <c r="DCR722" s="424"/>
      <c r="DCS722" s="423" t="s">
        <v>2795</v>
      </c>
      <c r="DCT722" s="424"/>
      <c r="DCU722" s="424"/>
      <c r="DCV722" s="424"/>
      <c r="DCW722" s="423" t="s">
        <v>2795</v>
      </c>
      <c r="DCX722" s="424"/>
      <c r="DCY722" s="424"/>
      <c r="DCZ722" s="424"/>
      <c r="DDA722" s="423" t="s">
        <v>2795</v>
      </c>
      <c r="DDB722" s="424"/>
      <c r="DDC722" s="424"/>
      <c r="DDD722" s="424"/>
      <c r="DDE722" s="423" t="s">
        <v>2795</v>
      </c>
      <c r="DDF722" s="424"/>
      <c r="DDG722" s="424"/>
      <c r="DDH722" s="424"/>
      <c r="DDI722" s="423" t="s">
        <v>2795</v>
      </c>
      <c r="DDJ722" s="424"/>
      <c r="DDK722" s="424"/>
      <c r="DDL722" s="424"/>
      <c r="DDM722" s="423" t="s">
        <v>2795</v>
      </c>
      <c r="DDN722" s="424"/>
      <c r="DDO722" s="424"/>
      <c r="DDP722" s="424"/>
      <c r="DDQ722" s="423" t="s">
        <v>2795</v>
      </c>
      <c r="DDR722" s="424"/>
      <c r="DDS722" s="424"/>
      <c r="DDT722" s="424"/>
      <c r="DDU722" s="423" t="s">
        <v>2795</v>
      </c>
      <c r="DDV722" s="424"/>
      <c r="DDW722" s="424"/>
      <c r="DDX722" s="424"/>
      <c r="DDY722" s="423" t="s">
        <v>2795</v>
      </c>
      <c r="DDZ722" s="424"/>
      <c r="DEA722" s="424"/>
      <c r="DEB722" s="424"/>
      <c r="DEC722" s="423" t="s">
        <v>2795</v>
      </c>
      <c r="DED722" s="424"/>
      <c r="DEE722" s="424"/>
      <c r="DEF722" s="424"/>
      <c r="DEG722" s="423" t="s">
        <v>2795</v>
      </c>
      <c r="DEH722" s="424"/>
      <c r="DEI722" s="424"/>
      <c r="DEJ722" s="424"/>
      <c r="DEK722" s="423" t="s">
        <v>2795</v>
      </c>
      <c r="DEL722" s="424"/>
      <c r="DEM722" s="424"/>
      <c r="DEN722" s="424"/>
      <c r="DEO722" s="423" t="s">
        <v>2795</v>
      </c>
      <c r="DEP722" s="424"/>
      <c r="DEQ722" s="424"/>
      <c r="DER722" s="424"/>
      <c r="DES722" s="423" t="s">
        <v>2795</v>
      </c>
      <c r="DET722" s="424"/>
      <c r="DEU722" s="424"/>
      <c r="DEV722" s="424"/>
      <c r="DEW722" s="423" t="s">
        <v>2795</v>
      </c>
      <c r="DEX722" s="424"/>
      <c r="DEY722" s="424"/>
      <c r="DEZ722" s="424"/>
      <c r="DFA722" s="423" t="s">
        <v>2795</v>
      </c>
      <c r="DFB722" s="424"/>
      <c r="DFC722" s="424"/>
      <c r="DFD722" s="424"/>
      <c r="DFE722" s="423" t="s">
        <v>2795</v>
      </c>
      <c r="DFF722" s="424"/>
      <c r="DFG722" s="424"/>
      <c r="DFH722" s="424"/>
      <c r="DFI722" s="423" t="s">
        <v>2795</v>
      </c>
      <c r="DFJ722" s="424"/>
      <c r="DFK722" s="424"/>
      <c r="DFL722" s="424"/>
      <c r="DFM722" s="423" t="s">
        <v>2795</v>
      </c>
      <c r="DFN722" s="424"/>
      <c r="DFO722" s="424"/>
      <c r="DFP722" s="424"/>
      <c r="DFQ722" s="423" t="s">
        <v>2795</v>
      </c>
      <c r="DFR722" s="424"/>
      <c r="DFS722" s="424"/>
      <c r="DFT722" s="424"/>
      <c r="DFU722" s="423" t="s">
        <v>2795</v>
      </c>
      <c r="DFV722" s="424"/>
      <c r="DFW722" s="424"/>
      <c r="DFX722" s="424"/>
      <c r="DFY722" s="423" t="s">
        <v>2795</v>
      </c>
      <c r="DFZ722" s="424"/>
      <c r="DGA722" s="424"/>
      <c r="DGB722" s="424"/>
      <c r="DGC722" s="423" t="s">
        <v>2795</v>
      </c>
      <c r="DGD722" s="424"/>
      <c r="DGE722" s="424"/>
      <c r="DGF722" s="424"/>
      <c r="DGG722" s="423" t="s">
        <v>2795</v>
      </c>
      <c r="DGH722" s="424"/>
      <c r="DGI722" s="424"/>
      <c r="DGJ722" s="424"/>
      <c r="DGK722" s="423" t="s">
        <v>2795</v>
      </c>
      <c r="DGL722" s="424"/>
      <c r="DGM722" s="424"/>
      <c r="DGN722" s="424"/>
      <c r="DGO722" s="423" t="s">
        <v>2795</v>
      </c>
      <c r="DGP722" s="424"/>
      <c r="DGQ722" s="424"/>
      <c r="DGR722" s="424"/>
      <c r="DGS722" s="423" t="s">
        <v>2795</v>
      </c>
      <c r="DGT722" s="424"/>
      <c r="DGU722" s="424"/>
      <c r="DGV722" s="424"/>
      <c r="DGW722" s="423" t="s">
        <v>2795</v>
      </c>
      <c r="DGX722" s="424"/>
      <c r="DGY722" s="424"/>
      <c r="DGZ722" s="424"/>
      <c r="DHA722" s="423" t="s">
        <v>2795</v>
      </c>
      <c r="DHB722" s="424"/>
      <c r="DHC722" s="424"/>
      <c r="DHD722" s="424"/>
      <c r="DHE722" s="423" t="s">
        <v>2795</v>
      </c>
      <c r="DHF722" s="424"/>
      <c r="DHG722" s="424"/>
      <c r="DHH722" s="424"/>
      <c r="DHI722" s="423" t="s">
        <v>2795</v>
      </c>
      <c r="DHJ722" s="424"/>
      <c r="DHK722" s="424"/>
      <c r="DHL722" s="424"/>
      <c r="DHM722" s="423" t="s">
        <v>2795</v>
      </c>
      <c r="DHN722" s="424"/>
      <c r="DHO722" s="424"/>
      <c r="DHP722" s="424"/>
      <c r="DHQ722" s="423" t="s">
        <v>2795</v>
      </c>
      <c r="DHR722" s="424"/>
      <c r="DHS722" s="424"/>
      <c r="DHT722" s="424"/>
      <c r="DHU722" s="423" t="s">
        <v>2795</v>
      </c>
      <c r="DHV722" s="424"/>
      <c r="DHW722" s="424"/>
      <c r="DHX722" s="424"/>
      <c r="DHY722" s="423" t="s">
        <v>2795</v>
      </c>
      <c r="DHZ722" s="424"/>
      <c r="DIA722" s="424"/>
      <c r="DIB722" s="424"/>
      <c r="DIC722" s="423" t="s">
        <v>2795</v>
      </c>
      <c r="DID722" s="424"/>
      <c r="DIE722" s="424"/>
      <c r="DIF722" s="424"/>
      <c r="DIG722" s="423" t="s">
        <v>2795</v>
      </c>
      <c r="DIH722" s="424"/>
      <c r="DII722" s="424"/>
      <c r="DIJ722" s="424"/>
      <c r="DIK722" s="423" t="s">
        <v>2795</v>
      </c>
      <c r="DIL722" s="424"/>
      <c r="DIM722" s="424"/>
      <c r="DIN722" s="424"/>
      <c r="DIO722" s="423" t="s">
        <v>2795</v>
      </c>
      <c r="DIP722" s="424"/>
      <c r="DIQ722" s="424"/>
      <c r="DIR722" s="424"/>
      <c r="DIS722" s="423" t="s">
        <v>2795</v>
      </c>
      <c r="DIT722" s="424"/>
      <c r="DIU722" s="424"/>
      <c r="DIV722" s="424"/>
      <c r="DIW722" s="423" t="s">
        <v>2795</v>
      </c>
      <c r="DIX722" s="424"/>
      <c r="DIY722" s="424"/>
      <c r="DIZ722" s="424"/>
      <c r="DJA722" s="423" t="s">
        <v>2795</v>
      </c>
      <c r="DJB722" s="424"/>
      <c r="DJC722" s="424"/>
      <c r="DJD722" s="424"/>
      <c r="DJE722" s="423" t="s">
        <v>2795</v>
      </c>
      <c r="DJF722" s="424"/>
      <c r="DJG722" s="424"/>
      <c r="DJH722" s="424"/>
      <c r="DJI722" s="423" t="s">
        <v>2795</v>
      </c>
      <c r="DJJ722" s="424"/>
      <c r="DJK722" s="424"/>
      <c r="DJL722" s="424"/>
      <c r="DJM722" s="423" t="s">
        <v>2795</v>
      </c>
      <c r="DJN722" s="424"/>
      <c r="DJO722" s="424"/>
      <c r="DJP722" s="424"/>
      <c r="DJQ722" s="423" t="s">
        <v>2795</v>
      </c>
      <c r="DJR722" s="424"/>
      <c r="DJS722" s="424"/>
      <c r="DJT722" s="424"/>
      <c r="DJU722" s="423" t="s">
        <v>2795</v>
      </c>
      <c r="DJV722" s="424"/>
      <c r="DJW722" s="424"/>
      <c r="DJX722" s="424"/>
      <c r="DJY722" s="423" t="s">
        <v>2795</v>
      </c>
      <c r="DJZ722" s="424"/>
      <c r="DKA722" s="424"/>
      <c r="DKB722" s="424"/>
      <c r="DKC722" s="423" t="s">
        <v>2795</v>
      </c>
      <c r="DKD722" s="424"/>
      <c r="DKE722" s="424"/>
      <c r="DKF722" s="424"/>
      <c r="DKG722" s="423" t="s">
        <v>2795</v>
      </c>
      <c r="DKH722" s="424"/>
      <c r="DKI722" s="424"/>
      <c r="DKJ722" s="424"/>
      <c r="DKK722" s="423" t="s">
        <v>2795</v>
      </c>
      <c r="DKL722" s="424"/>
      <c r="DKM722" s="424"/>
      <c r="DKN722" s="424"/>
      <c r="DKO722" s="423" t="s">
        <v>2795</v>
      </c>
      <c r="DKP722" s="424"/>
      <c r="DKQ722" s="424"/>
      <c r="DKR722" s="424"/>
      <c r="DKS722" s="423" t="s">
        <v>2795</v>
      </c>
      <c r="DKT722" s="424"/>
      <c r="DKU722" s="424"/>
      <c r="DKV722" s="424"/>
      <c r="DKW722" s="423" t="s">
        <v>2795</v>
      </c>
      <c r="DKX722" s="424"/>
      <c r="DKY722" s="424"/>
      <c r="DKZ722" s="424"/>
      <c r="DLA722" s="423" t="s">
        <v>2795</v>
      </c>
      <c r="DLB722" s="424"/>
      <c r="DLC722" s="424"/>
      <c r="DLD722" s="424"/>
      <c r="DLE722" s="423" t="s">
        <v>2795</v>
      </c>
      <c r="DLF722" s="424"/>
      <c r="DLG722" s="424"/>
      <c r="DLH722" s="424"/>
      <c r="DLI722" s="423" t="s">
        <v>2795</v>
      </c>
      <c r="DLJ722" s="424"/>
      <c r="DLK722" s="424"/>
      <c r="DLL722" s="424"/>
      <c r="DLM722" s="423" t="s">
        <v>2795</v>
      </c>
      <c r="DLN722" s="424"/>
      <c r="DLO722" s="424"/>
      <c r="DLP722" s="424"/>
      <c r="DLQ722" s="423" t="s">
        <v>2795</v>
      </c>
      <c r="DLR722" s="424"/>
      <c r="DLS722" s="424"/>
      <c r="DLT722" s="424"/>
      <c r="DLU722" s="423" t="s">
        <v>2795</v>
      </c>
      <c r="DLV722" s="424"/>
      <c r="DLW722" s="424"/>
      <c r="DLX722" s="424"/>
      <c r="DLY722" s="423" t="s">
        <v>2795</v>
      </c>
      <c r="DLZ722" s="424"/>
      <c r="DMA722" s="424"/>
      <c r="DMB722" s="424"/>
      <c r="DMC722" s="423" t="s">
        <v>2795</v>
      </c>
      <c r="DMD722" s="424"/>
      <c r="DME722" s="424"/>
      <c r="DMF722" s="424"/>
      <c r="DMG722" s="423" t="s">
        <v>2795</v>
      </c>
      <c r="DMH722" s="424"/>
      <c r="DMI722" s="424"/>
      <c r="DMJ722" s="424"/>
      <c r="DMK722" s="423" t="s">
        <v>2795</v>
      </c>
      <c r="DML722" s="424"/>
      <c r="DMM722" s="424"/>
      <c r="DMN722" s="424"/>
      <c r="DMO722" s="423" t="s">
        <v>2795</v>
      </c>
      <c r="DMP722" s="424"/>
      <c r="DMQ722" s="424"/>
      <c r="DMR722" s="424"/>
      <c r="DMS722" s="423" t="s">
        <v>2795</v>
      </c>
      <c r="DMT722" s="424"/>
      <c r="DMU722" s="424"/>
      <c r="DMV722" s="424"/>
      <c r="DMW722" s="423" t="s">
        <v>2795</v>
      </c>
      <c r="DMX722" s="424"/>
      <c r="DMY722" s="424"/>
      <c r="DMZ722" s="424"/>
      <c r="DNA722" s="423" t="s">
        <v>2795</v>
      </c>
      <c r="DNB722" s="424"/>
      <c r="DNC722" s="424"/>
      <c r="DND722" s="424"/>
      <c r="DNE722" s="423" t="s">
        <v>2795</v>
      </c>
      <c r="DNF722" s="424"/>
      <c r="DNG722" s="424"/>
      <c r="DNH722" s="424"/>
      <c r="DNI722" s="423" t="s">
        <v>2795</v>
      </c>
      <c r="DNJ722" s="424"/>
      <c r="DNK722" s="424"/>
      <c r="DNL722" s="424"/>
      <c r="DNM722" s="423" t="s">
        <v>2795</v>
      </c>
      <c r="DNN722" s="424"/>
      <c r="DNO722" s="424"/>
      <c r="DNP722" s="424"/>
      <c r="DNQ722" s="423" t="s">
        <v>2795</v>
      </c>
      <c r="DNR722" s="424"/>
      <c r="DNS722" s="424"/>
      <c r="DNT722" s="424"/>
      <c r="DNU722" s="423" t="s">
        <v>2795</v>
      </c>
      <c r="DNV722" s="424"/>
      <c r="DNW722" s="424"/>
      <c r="DNX722" s="424"/>
      <c r="DNY722" s="423" t="s">
        <v>2795</v>
      </c>
      <c r="DNZ722" s="424"/>
      <c r="DOA722" s="424"/>
      <c r="DOB722" s="424"/>
      <c r="DOC722" s="423" t="s">
        <v>2795</v>
      </c>
      <c r="DOD722" s="424"/>
      <c r="DOE722" s="424"/>
      <c r="DOF722" s="424"/>
      <c r="DOG722" s="423" t="s">
        <v>2795</v>
      </c>
      <c r="DOH722" s="424"/>
      <c r="DOI722" s="424"/>
      <c r="DOJ722" s="424"/>
      <c r="DOK722" s="423" t="s">
        <v>2795</v>
      </c>
      <c r="DOL722" s="424"/>
      <c r="DOM722" s="424"/>
      <c r="DON722" s="424"/>
      <c r="DOO722" s="423" t="s">
        <v>2795</v>
      </c>
      <c r="DOP722" s="424"/>
      <c r="DOQ722" s="424"/>
      <c r="DOR722" s="424"/>
      <c r="DOS722" s="423" t="s">
        <v>2795</v>
      </c>
      <c r="DOT722" s="424"/>
      <c r="DOU722" s="424"/>
      <c r="DOV722" s="424"/>
      <c r="DOW722" s="423" t="s">
        <v>2795</v>
      </c>
      <c r="DOX722" s="424"/>
      <c r="DOY722" s="424"/>
      <c r="DOZ722" s="424"/>
      <c r="DPA722" s="423" t="s">
        <v>2795</v>
      </c>
      <c r="DPB722" s="424"/>
      <c r="DPC722" s="424"/>
      <c r="DPD722" s="424"/>
      <c r="DPE722" s="423" t="s">
        <v>2795</v>
      </c>
      <c r="DPF722" s="424"/>
      <c r="DPG722" s="424"/>
      <c r="DPH722" s="424"/>
      <c r="DPI722" s="423" t="s">
        <v>2795</v>
      </c>
      <c r="DPJ722" s="424"/>
      <c r="DPK722" s="424"/>
      <c r="DPL722" s="424"/>
      <c r="DPM722" s="423" t="s">
        <v>2795</v>
      </c>
      <c r="DPN722" s="424"/>
      <c r="DPO722" s="424"/>
      <c r="DPP722" s="424"/>
      <c r="DPQ722" s="423" t="s">
        <v>2795</v>
      </c>
      <c r="DPR722" s="424"/>
      <c r="DPS722" s="424"/>
      <c r="DPT722" s="424"/>
      <c r="DPU722" s="423" t="s">
        <v>2795</v>
      </c>
      <c r="DPV722" s="424"/>
      <c r="DPW722" s="424"/>
      <c r="DPX722" s="424"/>
      <c r="DPY722" s="423" t="s">
        <v>2795</v>
      </c>
      <c r="DPZ722" s="424"/>
      <c r="DQA722" s="424"/>
      <c r="DQB722" s="424"/>
      <c r="DQC722" s="423" t="s">
        <v>2795</v>
      </c>
      <c r="DQD722" s="424"/>
      <c r="DQE722" s="424"/>
      <c r="DQF722" s="424"/>
      <c r="DQG722" s="423" t="s">
        <v>2795</v>
      </c>
      <c r="DQH722" s="424"/>
      <c r="DQI722" s="424"/>
      <c r="DQJ722" s="424"/>
      <c r="DQK722" s="423" t="s">
        <v>2795</v>
      </c>
      <c r="DQL722" s="424"/>
      <c r="DQM722" s="424"/>
      <c r="DQN722" s="424"/>
      <c r="DQO722" s="423" t="s">
        <v>2795</v>
      </c>
      <c r="DQP722" s="424"/>
      <c r="DQQ722" s="424"/>
      <c r="DQR722" s="424"/>
      <c r="DQS722" s="423" t="s">
        <v>2795</v>
      </c>
      <c r="DQT722" s="424"/>
      <c r="DQU722" s="424"/>
      <c r="DQV722" s="424"/>
      <c r="DQW722" s="423" t="s">
        <v>2795</v>
      </c>
      <c r="DQX722" s="424"/>
      <c r="DQY722" s="424"/>
      <c r="DQZ722" s="424"/>
      <c r="DRA722" s="423" t="s">
        <v>2795</v>
      </c>
      <c r="DRB722" s="424"/>
      <c r="DRC722" s="424"/>
      <c r="DRD722" s="424"/>
      <c r="DRE722" s="423" t="s">
        <v>2795</v>
      </c>
      <c r="DRF722" s="424"/>
      <c r="DRG722" s="424"/>
      <c r="DRH722" s="424"/>
      <c r="DRI722" s="423" t="s">
        <v>2795</v>
      </c>
      <c r="DRJ722" s="424"/>
      <c r="DRK722" s="424"/>
      <c r="DRL722" s="424"/>
      <c r="DRM722" s="423" t="s">
        <v>2795</v>
      </c>
      <c r="DRN722" s="424"/>
      <c r="DRO722" s="424"/>
      <c r="DRP722" s="424"/>
      <c r="DRQ722" s="423" t="s">
        <v>2795</v>
      </c>
      <c r="DRR722" s="424"/>
      <c r="DRS722" s="424"/>
      <c r="DRT722" s="424"/>
      <c r="DRU722" s="423" t="s">
        <v>2795</v>
      </c>
      <c r="DRV722" s="424"/>
      <c r="DRW722" s="424"/>
      <c r="DRX722" s="424"/>
      <c r="DRY722" s="423" t="s">
        <v>2795</v>
      </c>
      <c r="DRZ722" s="424"/>
      <c r="DSA722" s="424"/>
      <c r="DSB722" s="424"/>
      <c r="DSC722" s="423" t="s">
        <v>2795</v>
      </c>
      <c r="DSD722" s="424"/>
      <c r="DSE722" s="424"/>
      <c r="DSF722" s="424"/>
      <c r="DSG722" s="423" t="s">
        <v>2795</v>
      </c>
      <c r="DSH722" s="424"/>
      <c r="DSI722" s="424"/>
      <c r="DSJ722" s="424"/>
      <c r="DSK722" s="423" t="s">
        <v>2795</v>
      </c>
      <c r="DSL722" s="424"/>
      <c r="DSM722" s="424"/>
      <c r="DSN722" s="424"/>
      <c r="DSO722" s="423" t="s">
        <v>2795</v>
      </c>
      <c r="DSP722" s="424"/>
      <c r="DSQ722" s="424"/>
      <c r="DSR722" s="424"/>
      <c r="DSS722" s="423" t="s">
        <v>2795</v>
      </c>
      <c r="DST722" s="424"/>
      <c r="DSU722" s="424"/>
      <c r="DSV722" s="424"/>
      <c r="DSW722" s="423" t="s">
        <v>2795</v>
      </c>
      <c r="DSX722" s="424"/>
      <c r="DSY722" s="424"/>
      <c r="DSZ722" s="424"/>
      <c r="DTA722" s="423" t="s">
        <v>2795</v>
      </c>
      <c r="DTB722" s="424"/>
      <c r="DTC722" s="424"/>
      <c r="DTD722" s="424"/>
      <c r="DTE722" s="423" t="s">
        <v>2795</v>
      </c>
      <c r="DTF722" s="424"/>
      <c r="DTG722" s="424"/>
      <c r="DTH722" s="424"/>
      <c r="DTI722" s="423" t="s">
        <v>2795</v>
      </c>
      <c r="DTJ722" s="424"/>
      <c r="DTK722" s="424"/>
      <c r="DTL722" s="424"/>
      <c r="DTM722" s="423" t="s">
        <v>2795</v>
      </c>
      <c r="DTN722" s="424"/>
      <c r="DTO722" s="424"/>
      <c r="DTP722" s="424"/>
      <c r="DTQ722" s="423" t="s">
        <v>2795</v>
      </c>
      <c r="DTR722" s="424"/>
      <c r="DTS722" s="424"/>
      <c r="DTT722" s="424"/>
      <c r="DTU722" s="423" t="s">
        <v>2795</v>
      </c>
      <c r="DTV722" s="424"/>
      <c r="DTW722" s="424"/>
      <c r="DTX722" s="424"/>
      <c r="DTY722" s="423" t="s">
        <v>2795</v>
      </c>
      <c r="DTZ722" s="424"/>
      <c r="DUA722" s="424"/>
      <c r="DUB722" s="424"/>
      <c r="DUC722" s="423" t="s">
        <v>2795</v>
      </c>
      <c r="DUD722" s="424"/>
      <c r="DUE722" s="424"/>
      <c r="DUF722" s="424"/>
      <c r="DUG722" s="423" t="s">
        <v>2795</v>
      </c>
      <c r="DUH722" s="424"/>
      <c r="DUI722" s="424"/>
      <c r="DUJ722" s="424"/>
      <c r="DUK722" s="423" t="s">
        <v>2795</v>
      </c>
      <c r="DUL722" s="424"/>
      <c r="DUM722" s="424"/>
      <c r="DUN722" s="424"/>
      <c r="DUO722" s="423" t="s">
        <v>2795</v>
      </c>
      <c r="DUP722" s="424"/>
      <c r="DUQ722" s="424"/>
      <c r="DUR722" s="424"/>
      <c r="DUS722" s="423" t="s">
        <v>2795</v>
      </c>
      <c r="DUT722" s="424"/>
      <c r="DUU722" s="424"/>
      <c r="DUV722" s="424"/>
      <c r="DUW722" s="423" t="s">
        <v>2795</v>
      </c>
      <c r="DUX722" s="424"/>
      <c r="DUY722" s="424"/>
      <c r="DUZ722" s="424"/>
      <c r="DVA722" s="423" t="s">
        <v>2795</v>
      </c>
      <c r="DVB722" s="424"/>
      <c r="DVC722" s="424"/>
      <c r="DVD722" s="424"/>
      <c r="DVE722" s="423" t="s">
        <v>2795</v>
      </c>
      <c r="DVF722" s="424"/>
      <c r="DVG722" s="424"/>
      <c r="DVH722" s="424"/>
      <c r="DVI722" s="423" t="s">
        <v>2795</v>
      </c>
      <c r="DVJ722" s="424"/>
      <c r="DVK722" s="424"/>
      <c r="DVL722" s="424"/>
      <c r="DVM722" s="423" t="s">
        <v>2795</v>
      </c>
      <c r="DVN722" s="424"/>
      <c r="DVO722" s="424"/>
      <c r="DVP722" s="424"/>
      <c r="DVQ722" s="423" t="s">
        <v>2795</v>
      </c>
      <c r="DVR722" s="424"/>
      <c r="DVS722" s="424"/>
      <c r="DVT722" s="424"/>
      <c r="DVU722" s="423" t="s">
        <v>2795</v>
      </c>
      <c r="DVV722" s="424"/>
      <c r="DVW722" s="424"/>
      <c r="DVX722" s="424"/>
      <c r="DVY722" s="423" t="s">
        <v>2795</v>
      </c>
      <c r="DVZ722" s="424"/>
      <c r="DWA722" s="424"/>
      <c r="DWB722" s="424"/>
      <c r="DWC722" s="423" t="s">
        <v>2795</v>
      </c>
      <c r="DWD722" s="424"/>
      <c r="DWE722" s="424"/>
      <c r="DWF722" s="424"/>
      <c r="DWG722" s="423" t="s">
        <v>2795</v>
      </c>
      <c r="DWH722" s="424"/>
      <c r="DWI722" s="424"/>
      <c r="DWJ722" s="424"/>
      <c r="DWK722" s="423" t="s">
        <v>2795</v>
      </c>
      <c r="DWL722" s="424"/>
      <c r="DWM722" s="424"/>
      <c r="DWN722" s="424"/>
      <c r="DWO722" s="423" t="s">
        <v>2795</v>
      </c>
      <c r="DWP722" s="424"/>
      <c r="DWQ722" s="424"/>
      <c r="DWR722" s="424"/>
      <c r="DWS722" s="423" t="s">
        <v>2795</v>
      </c>
      <c r="DWT722" s="424"/>
      <c r="DWU722" s="424"/>
      <c r="DWV722" s="424"/>
      <c r="DWW722" s="423" t="s">
        <v>2795</v>
      </c>
      <c r="DWX722" s="424"/>
      <c r="DWY722" s="424"/>
      <c r="DWZ722" s="424"/>
      <c r="DXA722" s="423" t="s">
        <v>2795</v>
      </c>
      <c r="DXB722" s="424"/>
      <c r="DXC722" s="424"/>
      <c r="DXD722" s="424"/>
      <c r="DXE722" s="423" t="s">
        <v>2795</v>
      </c>
      <c r="DXF722" s="424"/>
      <c r="DXG722" s="424"/>
      <c r="DXH722" s="424"/>
      <c r="DXI722" s="423" t="s">
        <v>2795</v>
      </c>
      <c r="DXJ722" s="424"/>
      <c r="DXK722" s="424"/>
      <c r="DXL722" s="424"/>
      <c r="DXM722" s="423" t="s">
        <v>2795</v>
      </c>
      <c r="DXN722" s="424"/>
      <c r="DXO722" s="424"/>
      <c r="DXP722" s="424"/>
      <c r="DXQ722" s="423" t="s">
        <v>2795</v>
      </c>
      <c r="DXR722" s="424"/>
      <c r="DXS722" s="424"/>
      <c r="DXT722" s="424"/>
      <c r="DXU722" s="423" t="s">
        <v>2795</v>
      </c>
      <c r="DXV722" s="424"/>
      <c r="DXW722" s="424"/>
      <c r="DXX722" s="424"/>
      <c r="DXY722" s="423" t="s">
        <v>2795</v>
      </c>
      <c r="DXZ722" s="424"/>
      <c r="DYA722" s="424"/>
      <c r="DYB722" s="424"/>
      <c r="DYC722" s="423" t="s">
        <v>2795</v>
      </c>
      <c r="DYD722" s="424"/>
      <c r="DYE722" s="424"/>
      <c r="DYF722" s="424"/>
      <c r="DYG722" s="423" t="s">
        <v>2795</v>
      </c>
      <c r="DYH722" s="424"/>
      <c r="DYI722" s="424"/>
      <c r="DYJ722" s="424"/>
      <c r="DYK722" s="423" t="s">
        <v>2795</v>
      </c>
      <c r="DYL722" s="424"/>
      <c r="DYM722" s="424"/>
      <c r="DYN722" s="424"/>
      <c r="DYO722" s="423" t="s">
        <v>2795</v>
      </c>
      <c r="DYP722" s="424"/>
      <c r="DYQ722" s="424"/>
      <c r="DYR722" s="424"/>
      <c r="DYS722" s="423" t="s">
        <v>2795</v>
      </c>
      <c r="DYT722" s="424"/>
      <c r="DYU722" s="424"/>
      <c r="DYV722" s="424"/>
      <c r="DYW722" s="423" t="s">
        <v>2795</v>
      </c>
      <c r="DYX722" s="424"/>
      <c r="DYY722" s="424"/>
      <c r="DYZ722" s="424"/>
      <c r="DZA722" s="423" t="s">
        <v>2795</v>
      </c>
      <c r="DZB722" s="424"/>
      <c r="DZC722" s="424"/>
      <c r="DZD722" s="424"/>
      <c r="DZE722" s="423" t="s">
        <v>2795</v>
      </c>
      <c r="DZF722" s="424"/>
      <c r="DZG722" s="424"/>
      <c r="DZH722" s="424"/>
      <c r="DZI722" s="423" t="s">
        <v>2795</v>
      </c>
      <c r="DZJ722" s="424"/>
      <c r="DZK722" s="424"/>
      <c r="DZL722" s="424"/>
      <c r="DZM722" s="423" t="s">
        <v>2795</v>
      </c>
      <c r="DZN722" s="424"/>
      <c r="DZO722" s="424"/>
      <c r="DZP722" s="424"/>
      <c r="DZQ722" s="423" t="s">
        <v>2795</v>
      </c>
      <c r="DZR722" s="424"/>
      <c r="DZS722" s="424"/>
      <c r="DZT722" s="424"/>
      <c r="DZU722" s="423" t="s">
        <v>2795</v>
      </c>
      <c r="DZV722" s="424"/>
      <c r="DZW722" s="424"/>
      <c r="DZX722" s="424"/>
      <c r="DZY722" s="423" t="s">
        <v>2795</v>
      </c>
      <c r="DZZ722" s="424"/>
      <c r="EAA722" s="424"/>
      <c r="EAB722" s="424"/>
      <c r="EAC722" s="423" t="s">
        <v>2795</v>
      </c>
      <c r="EAD722" s="424"/>
      <c r="EAE722" s="424"/>
      <c r="EAF722" s="424"/>
      <c r="EAG722" s="423" t="s">
        <v>2795</v>
      </c>
      <c r="EAH722" s="424"/>
      <c r="EAI722" s="424"/>
      <c r="EAJ722" s="424"/>
      <c r="EAK722" s="423" t="s">
        <v>2795</v>
      </c>
      <c r="EAL722" s="424"/>
      <c r="EAM722" s="424"/>
      <c r="EAN722" s="424"/>
      <c r="EAO722" s="423" t="s">
        <v>2795</v>
      </c>
      <c r="EAP722" s="424"/>
      <c r="EAQ722" s="424"/>
      <c r="EAR722" s="424"/>
      <c r="EAS722" s="423" t="s">
        <v>2795</v>
      </c>
      <c r="EAT722" s="424"/>
      <c r="EAU722" s="424"/>
      <c r="EAV722" s="424"/>
      <c r="EAW722" s="423" t="s">
        <v>2795</v>
      </c>
      <c r="EAX722" s="424"/>
      <c r="EAY722" s="424"/>
      <c r="EAZ722" s="424"/>
      <c r="EBA722" s="423" t="s">
        <v>2795</v>
      </c>
      <c r="EBB722" s="424"/>
      <c r="EBC722" s="424"/>
      <c r="EBD722" s="424"/>
      <c r="EBE722" s="423" t="s">
        <v>2795</v>
      </c>
      <c r="EBF722" s="424"/>
      <c r="EBG722" s="424"/>
      <c r="EBH722" s="424"/>
      <c r="EBI722" s="423" t="s">
        <v>2795</v>
      </c>
      <c r="EBJ722" s="424"/>
      <c r="EBK722" s="424"/>
      <c r="EBL722" s="424"/>
      <c r="EBM722" s="423" t="s">
        <v>2795</v>
      </c>
      <c r="EBN722" s="424"/>
      <c r="EBO722" s="424"/>
      <c r="EBP722" s="424"/>
      <c r="EBQ722" s="423" t="s">
        <v>2795</v>
      </c>
      <c r="EBR722" s="424"/>
      <c r="EBS722" s="424"/>
      <c r="EBT722" s="424"/>
      <c r="EBU722" s="423" t="s">
        <v>2795</v>
      </c>
      <c r="EBV722" s="424"/>
      <c r="EBW722" s="424"/>
      <c r="EBX722" s="424"/>
      <c r="EBY722" s="423" t="s">
        <v>2795</v>
      </c>
      <c r="EBZ722" s="424"/>
      <c r="ECA722" s="424"/>
      <c r="ECB722" s="424"/>
      <c r="ECC722" s="423" t="s">
        <v>2795</v>
      </c>
      <c r="ECD722" s="424"/>
      <c r="ECE722" s="424"/>
      <c r="ECF722" s="424"/>
      <c r="ECG722" s="423" t="s">
        <v>2795</v>
      </c>
      <c r="ECH722" s="424"/>
      <c r="ECI722" s="424"/>
      <c r="ECJ722" s="424"/>
      <c r="ECK722" s="423" t="s">
        <v>2795</v>
      </c>
      <c r="ECL722" s="424"/>
      <c r="ECM722" s="424"/>
      <c r="ECN722" s="424"/>
      <c r="ECO722" s="423" t="s">
        <v>2795</v>
      </c>
      <c r="ECP722" s="424"/>
      <c r="ECQ722" s="424"/>
      <c r="ECR722" s="424"/>
      <c r="ECS722" s="423" t="s">
        <v>2795</v>
      </c>
      <c r="ECT722" s="424"/>
      <c r="ECU722" s="424"/>
      <c r="ECV722" s="424"/>
      <c r="ECW722" s="423" t="s">
        <v>2795</v>
      </c>
      <c r="ECX722" s="424"/>
      <c r="ECY722" s="424"/>
      <c r="ECZ722" s="424"/>
      <c r="EDA722" s="423" t="s">
        <v>2795</v>
      </c>
      <c r="EDB722" s="424"/>
      <c r="EDC722" s="424"/>
      <c r="EDD722" s="424"/>
      <c r="EDE722" s="423" t="s">
        <v>2795</v>
      </c>
      <c r="EDF722" s="424"/>
      <c r="EDG722" s="424"/>
      <c r="EDH722" s="424"/>
      <c r="EDI722" s="423" t="s">
        <v>2795</v>
      </c>
      <c r="EDJ722" s="424"/>
      <c r="EDK722" s="424"/>
      <c r="EDL722" s="424"/>
      <c r="EDM722" s="423" t="s">
        <v>2795</v>
      </c>
      <c r="EDN722" s="424"/>
      <c r="EDO722" s="424"/>
      <c r="EDP722" s="424"/>
      <c r="EDQ722" s="423" t="s">
        <v>2795</v>
      </c>
      <c r="EDR722" s="424"/>
      <c r="EDS722" s="424"/>
      <c r="EDT722" s="424"/>
      <c r="EDU722" s="423" t="s">
        <v>2795</v>
      </c>
      <c r="EDV722" s="424"/>
      <c r="EDW722" s="424"/>
      <c r="EDX722" s="424"/>
      <c r="EDY722" s="423" t="s">
        <v>2795</v>
      </c>
      <c r="EDZ722" s="424"/>
      <c r="EEA722" s="424"/>
      <c r="EEB722" s="424"/>
      <c r="EEC722" s="423" t="s">
        <v>2795</v>
      </c>
      <c r="EED722" s="424"/>
      <c r="EEE722" s="424"/>
      <c r="EEF722" s="424"/>
      <c r="EEG722" s="423" t="s">
        <v>2795</v>
      </c>
      <c r="EEH722" s="424"/>
      <c r="EEI722" s="424"/>
      <c r="EEJ722" s="424"/>
      <c r="EEK722" s="423" t="s">
        <v>2795</v>
      </c>
      <c r="EEL722" s="424"/>
      <c r="EEM722" s="424"/>
      <c r="EEN722" s="424"/>
      <c r="EEO722" s="423" t="s">
        <v>2795</v>
      </c>
      <c r="EEP722" s="424"/>
      <c r="EEQ722" s="424"/>
      <c r="EER722" s="424"/>
      <c r="EES722" s="423" t="s">
        <v>2795</v>
      </c>
      <c r="EET722" s="424"/>
      <c r="EEU722" s="424"/>
      <c r="EEV722" s="424"/>
      <c r="EEW722" s="423" t="s">
        <v>2795</v>
      </c>
      <c r="EEX722" s="424"/>
      <c r="EEY722" s="424"/>
      <c r="EEZ722" s="424"/>
      <c r="EFA722" s="423" t="s">
        <v>2795</v>
      </c>
      <c r="EFB722" s="424"/>
      <c r="EFC722" s="424"/>
      <c r="EFD722" s="424"/>
      <c r="EFE722" s="423" t="s">
        <v>2795</v>
      </c>
      <c r="EFF722" s="424"/>
      <c r="EFG722" s="424"/>
      <c r="EFH722" s="424"/>
      <c r="EFI722" s="423" t="s">
        <v>2795</v>
      </c>
      <c r="EFJ722" s="424"/>
      <c r="EFK722" s="424"/>
      <c r="EFL722" s="424"/>
      <c r="EFM722" s="423" t="s">
        <v>2795</v>
      </c>
      <c r="EFN722" s="424"/>
      <c r="EFO722" s="424"/>
      <c r="EFP722" s="424"/>
      <c r="EFQ722" s="423" t="s">
        <v>2795</v>
      </c>
      <c r="EFR722" s="424"/>
      <c r="EFS722" s="424"/>
      <c r="EFT722" s="424"/>
      <c r="EFU722" s="423" t="s">
        <v>2795</v>
      </c>
      <c r="EFV722" s="424"/>
      <c r="EFW722" s="424"/>
      <c r="EFX722" s="424"/>
      <c r="EFY722" s="423" t="s">
        <v>2795</v>
      </c>
      <c r="EFZ722" s="424"/>
      <c r="EGA722" s="424"/>
      <c r="EGB722" s="424"/>
      <c r="EGC722" s="423" t="s">
        <v>2795</v>
      </c>
      <c r="EGD722" s="424"/>
      <c r="EGE722" s="424"/>
      <c r="EGF722" s="424"/>
      <c r="EGG722" s="423" t="s">
        <v>2795</v>
      </c>
      <c r="EGH722" s="424"/>
      <c r="EGI722" s="424"/>
      <c r="EGJ722" s="424"/>
      <c r="EGK722" s="423" t="s">
        <v>2795</v>
      </c>
      <c r="EGL722" s="424"/>
      <c r="EGM722" s="424"/>
      <c r="EGN722" s="424"/>
      <c r="EGO722" s="423" t="s">
        <v>2795</v>
      </c>
      <c r="EGP722" s="424"/>
      <c r="EGQ722" s="424"/>
      <c r="EGR722" s="424"/>
      <c r="EGS722" s="423" t="s">
        <v>2795</v>
      </c>
      <c r="EGT722" s="424"/>
      <c r="EGU722" s="424"/>
      <c r="EGV722" s="424"/>
      <c r="EGW722" s="423" t="s">
        <v>2795</v>
      </c>
      <c r="EGX722" s="424"/>
      <c r="EGY722" s="424"/>
      <c r="EGZ722" s="424"/>
      <c r="EHA722" s="423" t="s">
        <v>2795</v>
      </c>
      <c r="EHB722" s="424"/>
      <c r="EHC722" s="424"/>
      <c r="EHD722" s="424"/>
      <c r="EHE722" s="423" t="s">
        <v>2795</v>
      </c>
      <c r="EHF722" s="424"/>
      <c r="EHG722" s="424"/>
      <c r="EHH722" s="424"/>
      <c r="EHI722" s="423" t="s">
        <v>2795</v>
      </c>
      <c r="EHJ722" s="424"/>
      <c r="EHK722" s="424"/>
      <c r="EHL722" s="424"/>
      <c r="EHM722" s="423" t="s">
        <v>2795</v>
      </c>
      <c r="EHN722" s="424"/>
      <c r="EHO722" s="424"/>
      <c r="EHP722" s="424"/>
      <c r="EHQ722" s="423" t="s">
        <v>2795</v>
      </c>
      <c r="EHR722" s="424"/>
      <c r="EHS722" s="424"/>
      <c r="EHT722" s="424"/>
      <c r="EHU722" s="423" t="s">
        <v>2795</v>
      </c>
      <c r="EHV722" s="424"/>
      <c r="EHW722" s="424"/>
      <c r="EHX722" s="424"/>
      <c r="EHY722" s="423" t="s">
        <v>2795</v>
      </c>
      <c r="EHZ722" s="424"/>
      <c r="EIA722" s="424"/>
      <c r="EIB722" s="424"/>
      <c r="EIC722" s="423" t="s">
        <v>2795</v>
      </c>
      <c r="EID722" s="424"/>
      <c r="EIE722" s="424"/>
      <c r="EIF722" s="424"/>
      <c r="EIG722" s="423" t="s">
        <v>2795</v>
      </c>
      <c r="EIH722" s="424"/>
      <c r="EII722" s="424"/>
      <c r="EIJ722" s="424"/>
      <c r="EIK722" s="423" t="s">
        <v>2795</v>
      </c>
      <c r="EIL722" s="424"/>
      <c r="EIM722" s="424"/>
      <c r="EIN722" s="424"/>
      <c r="EIO722" s="423" t="s">
        <v>2795</v>
      </c>
      <c r="EIP722" s="424"/>
      <c r="EIQ722" s="424"/>
      <c r="EIR722" s="424"/>
      <c r="EIS722" s="423" t="s">
        <v>2795</v>
      </c>
      <c r="EIT722" s="424"/>
      <c r="EIU722" s="424"/>
      <c r="EIV722" s="424"/>
      <c r="EIW722" s="423" t="s">
        <v>2795</v>
      </c>
      <c r="EIX722" s="424"/>
      <c r="EIY722" s="424"/>
      <c r="EIZ722" s="424"/>
      <c r="EJA722" s="423" t="s">
        <v>2795</v>
      </c>
      <c r="EJB722" s="424"/>
      <c r="EJC722" s="424"/>
      <c r="EJD722" s="424"/>
      <c r="EJE722" s="423" t="s">
        <v>2795</v>
      </c>
      <c r="EJF722" s="424"/>
      <c r="EJG722" s="424"/>
      <c r="EJH722" s="424"/>
      <c r="EJI722" s="423" t="s">
        <v>2795</v>
      </c>
      <c r="EJJ722" s="424"/>
      <c r="EJK722" s="424"/>
      <c r="EJL722" s="424"/>
      <c r="EJM722" s="423" t="s">
        <v>2795</v>
      </c>
      <c r="EJN722" s="424"/>
      <c r="EJO722" s="424"/>
      <c r="EJP722" s="424"/>
      <c r="EJQ722" s="423" t="s">
        <v>2795</v>
      </c>
      <c r="EJR722" s="424"/>
      <c r="EJS722" s="424"/>
      <c r="EJT722" s="424"/>
      <c r="EJU722" s="423" t="s">
        <v>2795</v>
      </c>
      <c r="EJV722" s="424"/>
      <c r="EJW722" s="424"/>
      <c r="EJX722" s="424"/>
      <c r="EJY722" s="423" t="s">
        <v>2795</v>
      </c>
      <c r="EJZ722" s="424"/>
      <c r="EKA722" s="424"/>
      <c r="EKB722" s="424"/>
      <c r="EKC722" s="423" t="s">
        <v>2795</v>
      </c>
      <c r="EKD722" s="424"/>
      <c r="EKE722" s="424"/>
      <c r="EKF722" s="424"/>
      <c r="EKG722" s="423" t="s">
        <v>2795</v>
      </c>
      <c r="EKH722" s="424"/>
      <c r="EKI722" s="424"/>
      <c r="EKJ722" s="424"/>
      <c r="EKK722" s="423" t="s">
        <v>2795</v>
      </c>
      <c r="EKL722" s="424"/>
      <c r="EKM722" s="424"/>
      <c r="EKN722" s="424"/>
      <c r="EKO722" s="423" t="s">
        <v>2795</v>
      </c>
      <c r="EKP722" s="424"/>
      <c r="EKQ722" s="424"/>
      <c r="EKR722" s="424"/>
      <c r="EKS722" s="423" t="s">
        <v>2795</v>
      </c>
      <c r="EKT722" s="424"/>
      <c r="EKU722" s="424"/>
      <c r="EKV722" s="424"/>
      <c r="EKW722" s="423" t="s">
        <v>2795</v>
      </c>
      <c r="EKX722" s="424"/>
      <c r="EKY722" s="424"/>
      <c r="EKZ722" s="424"/>
      <c r="ELA722" s="423" t="s">
        <v>2795</v>
      </c>
      <c r="ELB722" s="424"/>
      <c r="ELC722" s="424"/>
      <c r="ELD722" s="424"/>
      <c r="ELE722" s="423" t="s">
        <v>2795</v>
      </c>
      <c r="ELF722" s="424"/>
      <c r="ELG722" s="424"/>
      <c r="ELH722" s="424"/>
      <c r="ELI722" s="423" t="s">
        <v>2795</v>
      </c>
      <c r="ELJ722" s="424"/>
      <c r="ELK722" s="424"/>
      <c r="ELL722" s="424"/>
      <c r="ELM722" s="423" t="s">
        <v>2795</v>
      </c>
      <c r="ELN722" s="424"/>
      <c r="ELO722" s="424"/>
      <c r="ELP722" s="424"/>
      <c r="ELQ722" s="423" t="s">
        <v>2795</v>
      </c>
      <c r="ELR722" s="424"/>
      <c r="ELS722" s="424"/>
      <c r="ELT722" s="424"/>
      <c r="ELU722" s="423" t="s">
        <v>2795</v>
      </c>
      <c r="ELV722" s="424"/>
      <c r="ELW722" s="424"/>
      <c r="ELX722" s="424"/>
      <c r="ELY722" s="423" t="s">
        <v>2795</v>
      </c>
      <c r="ELZ722" s="424"/>
      <c r="EMA722" s="424"/>
      <c r="EMB722" s="424"/>
      <c r="EMC722" s="423" t="s">
        <v>2795</v>
      </c>
      <c r="EMD722" s="424"/>
      <c r="EME722" s="424"/>
      <c r="EMF722" s="424"/>
      <c r="EMG722" s="423" t="s">
        <v>2795</v>
      </c>
      <c r="EMH722" s="424"/>
      <c r="EMI722" s="424"/>
      <c r="EMJ722" s="424"/>
      <c r="EMK722" s="423" t="s">
        <v>2795</v>
      </c>
      <c r="EML722" s="424"/>
      <c r="EMM722" s="424"/>
      <c r="EMN722" s="424"/>
      <c r="EMO722" s="423" t="s">
        <v>2795</v>
      </c>
      <c r="EMP722" s="424"/>
      <c r="EMQ722" s="424"/>
      <c r="EMR722" s="424"/>
      <c r="EMS722" s="423" t="s">
        <v>2795</v>
      </c>
      <c r="EMT722" s="424"/>
      <c r="EMU722" s="424"/>
      <c r="EMV722" s="424"/>
      <c r="EMW722" s="423" t="s">
        <v>2795</v>
      </c>
      <c r="EMX722" s="424"/>
      <c r="EMY722" s="424"/>
      <c r="EMZ722" s="424"/>
      <c r="ENA722" s="423" t="s">
        <v>2795</v>
      </c>
      <c r="ENB722" s="424"/>
      <c r="ENC722" s="424"/>
      <c r="END722" s="424"/>
      <c r="ENE722" s="423" t="s">
        <v>2795</v>
      </c>
      <c r="ENF722" s="424"/>
      <c r="ENG722" s="424"/>
      <c r="ENH722" s="424"/>
      <c r="ENI722" s="423" t="s">
        <v>2795</v>
      </c>
      <c r="ENJ722" s="424"/>
      <c r="ENK722" s="424"/>
      <c r="ENL722" s="424"/>
      <c r="ENM722" s="423" t="s">
        <v>2795</v>
      </c>
      <c r="ENN722" s="424"/>
      <c r="ENO722" s="424"/>
      <c r="ENP722" s="424"/>
      <c r="ENQ722" s="423" t="s">
        <v>2795</v>
      </c>
      <c r="ENR722" s="424"/>
      <c r="ENS722" s="424"/>
      <c r="ENT722" s="424"/>
      <c r="ENU722" s="423" t="s">
        <v>2795</v>
      </c>
      <c r="ENV722" s="424"/>
      <c r="ENW722" s="424"/>
      <c r="ENX722" s="424"/>
      <c r="ENY722" s="423" t="s">
        <v>2795</v>
      </c>
      <c r="ENZ722" s="424"/>
      <c r="EOA722" s="424"/>
      <c r="EOB722" s="424"/>
      <c r="EOC722" s="423" t="s">
        <v>2795</v>
      </c>
      <c r="EOD722" s="424"/>
      <c r="EOE722" s="424"/>
      <c r="EOF722" s="424"/>
      <c r="EOG722" s="423" t="s">
        <v>2795</v>
      </c>
      <c r="EOH722" s="424"/>
      <c r="EOI722" s="424"/>
      <c r="EOJ722" s="424"/>
      <c r="EOK722" s="423" t="s">
        <v>2795</v>
      </c>
      <c r="EOL722" s="424"/>
      <c r="EOM722" s="424"/>
      <c r="EON722" s="424"/>
      <c r="EOO722" s="423" t="s">
        <v>2795</v>
      </c>
      <c r="EOP722" s="424"/>
      <c r="EOQ722" s="424"/>
      <c r="EOR722" s="424"/>
      <c r="EOS722" s="423" t="s">
        <v>2795</v>
      </c>
      <c r="EOT722" s="424"/>
      <c r="EOU722" s="424"/>
      <c r="EOV722" s="424"/>
      <c r="EOW722" s="423" t="s">
        <v>2795</v>
      </c>
      <c r="EOX722" s="424"/>
      <c r="EOY722" s="424"/>
      <c r="EOZ722" s="424"/>
      <c r="EPA722" s="423" t="s">
        <v>2795</v>
      </c>
      <c r="EPB722" s="424"/>
      <c r="EPC722" s="424"/>
      <c r="EPD722" s="424"/>
      <c r="EPE722" s="423" t="s">
        <v>2795</v>
      </c>
      <c r="EPF722" s="424"/>
      <c r="EPG722" s="424"/>
      <c r="EPH722" s="424"/>
      <c r="EPI722" s="423" t="s">
        <v>2795</v>
      </c>
      <c r="EPJ722" s="424"/>
      <c r="EPK722" s="424"/>
      <c r="EPL722" s="424"/>
      <c r="EPM722" s="423" t="s">
        <v>2795</v>
      </c>
      <c r="EPN722" s="424"/>
      <c r="EPO722" s="424"/>
      <c r="EPP722" s="424"/>
      <c r="EPQ722" s="423" t="s">
        <v>2795</v>
      </c>
      <c r="EPR722" s="424"/>
      <c r="EPS722" s="424"/>
      <c r="EPT722" s="424"/>
      <c r="EPU722" s="423" t="s">
        <v>2795</v>
      </c>
      <c r="EPV722" s="424"/>
      <c r="EPW722" s="424"/>
      <c r="EPX722" s="424"/>
      <c r="EPY722" s="423" t="s">
        <v>2795</v>
      </c>
      <c r="EPZ722" s="424"/>
      <c r="EQA722" s="424"/>
      <c r="EQB722" s="424"/>
      <c r="EQC722" s="423" t="s">
        <v>2795</v>
      </c>
      <c r="EQD722" s="424"/>
      <c r="EQE722" s="424"/>
      <c r="EQF722" s="424"/>
      <c r="EQG722" s="423" t="s">
        <v>2795</v>
      </c>
      <c r="EQH722" s="424"/>
      <c r="EQI722" s="424"/>
      <c r="EQJ722" s="424"/>
      <c r="EQK722" s="423" t="s">
        <v>2795</v>
      </c>
      <c r="EQL722" s="424"/>
      <c r="EQM722" s="424"/>
      <c r="EQN722" s="424"/>
      <c r="EQO722" s="423" t="s">
        <v>2795</v>
      </c>
      <c r="EQP722" s="424"/>
      <c r="EQQ722" s="424"/>
      <c r="EQR722" s="424"/>
      <c r="EQS722" s="423" t="s">
        <v>2795</v>
      </c>
      <c r="EQT722" s="424"/>
      <c r="EQU722" s="424"/>
      <c r="EQV722" s="424"/>
      <c r="EQW722" s="423" t="s">
        <v>2795</v>
      </c>
      <c r="EQX722" s="424"/>
      <c r="EQY722" s="424"/>
      <c r="EQZ722" s="424"/>
      <c r="ERA722" s="423" t="s">
        <v>2795</v>
      </c>
      <c r="ERB722" s="424"/>
      <c r="ERC722" s="424"/>
      <c r="ERD722" s="424"/>
      <c r="ERE722" s="423" t="s">
        <v>2795</v>
      </c>
      <c r="ERF722" s="424"/>
      <c r="ERG722" s="424"/>
      <c r="ERH722" s="424"/>
      <c r="ERI722" s="423" t="s">
        <v>2795</v>
      </c>
      <c r="ERJ722" s="424"/>
      <c r="ERK722" s="424"/>
      <c r="ERL722" s="424"/>
      <c r="ERM722" s="423" t="s">
        <v>2795</v>
      </c>
      <c r="ERN722" s="424"/>
      <c r="ERO722" s="424"/>
      <c r="ERP722" s="424"/>
      <c r="ERQ722" s="423" t="s">
        <v>2795</v>
      </c>
      <c r="ERR722" s="424"/>
      <c r="ERS722" s="424"/>
      <c r="ERT722" s="424"/>
      <c r="ERU722" s="423" t="s">
        <v>2795</v>
      </c>
      <c r="ERV722" s="424"/>
      <c r="ERW722" s="424"/>
      <c r="ERX722" s="424"/>
      <c r="ERY722" s="423" t="s">
        <v>2795</v>
      </c>
      <c r="ERZ722" s="424"/>
      <c r="ESA722" s="424"/>
      <c r="ESB722" s="424"/>
      <c r="ESC722" s="423" t="s">
        <v>2795</v>
      </c>
      <c r="ESD722" s="424"/>
      <c r="ESE722" s="424"/>
      <c r="ESF722" s="424"/>
      <c r="ESG722" s="423" t="s">
        <v>2795</v>
      </c>
      <c r="ESH722" s="424"/>
      <c r="ESI722" s="424"/>
      <c r="ESJ722" s="424"/>
      <c r="ESK722" s="423" t="s">
        <v>2795</v>
      </c>
      <c r="ESL722" s="424"/>
      <c r="ESM722" s="424"/>
      <c r="ESN722" s="424"/>
      <c r="ESO722" s="423" t="s">
        <v>2795</v>
      </c>
      <c r="ESP722" s="424"/>
      <c r="ESQ722" s="424"/>
      <c r="ESR722" s="424"/>
      <c r="ESS722" s="423" t="s">
        <v>2795</v>
      </c>
      <c r="EST722" s="424"/>
      <c r="ESU722" s="424"/>
      <c r="ESV722" s="424"/>
      <c r="ESW722" s="423" t="s">
        <v>2795</v>
      </c>
      <c r="ESX722" s="424"/>
      <c r="ESY722" s="424"/>
      <c r="ESZ722" s="424"/>
      <c r="ETA722" s="423" t="s">
        <v>2795</v>
      </c>
      <c r="ETB722" s="424"/>
      <c r="ETC722" s="424"/>
      <c r="ETD722" s="424"/>
      <c r="ETE722" s="423" t="s">
        <v>2795</v>
      </c>
      <c r="ETF722" s="424"/>
      <c r="ETG722" s="424"/>
      <c r="ETH722" s="424"/>
      <c r="ETI722" s="423" t="s">
        <v>2795</v>
      </c>
      <c r="ETJ722" s="424"/>
      <c r="ETK722" s="424"/>
      <c r="ETL722" s="424"/>
      <c r="ETM722" s="423" t="s">
        <v>2795</v>
      </c>
      <c r="ETN722" s="424"/>
      <c r="ETO722" s="424"/>
      <c r="ETP722" s="424"/>
      <c r="ETQ722" s="423" t="s">
        <v>2795</v>
      </c>
      <c r="ETR722" s="424"/>
      <c r="ETS722" s="424"/>
      <c r="ETT722" s="424"/>
      <c r="ETU722" s="423" t="s">
        <v>2795</v>
      </c>
      <c r="ETV722" s="424"/>
      <c r="ETW722" s="424"/>
      <c r="ETX722" s="424"/>
      <c r="ETY722" s="423" t="s">
        <v>2795</v>
      </c>
      <c r="ETZ722" s="424"/>
      <c r="EUA722" s="424"/>
      <c r="EUB722" s="424"/>
      <c r="EUC722" s="423" t="s">
        <v>2795</v>
      </c>
      <c r="EUD722" s="424"/>
      <c r="EUE722" s="424"/>
      <c r="EUF722" s="424"/>
      <c r="EUG722" s="423" t="s">
        <v>2795</v>
      </c>
      <c r="EUH722" s="424"/>
      <c r="EUI722" s="424"/>
      <c r="EUJ722" s="424"/>
      <c r="EUK722" s="423" t="s">
        <v>2795</v>
      </c>
      <c r="EUL722" s="424"/>
      <c r="EUM722" s="424"/>
      <c r="EUN722" s="424"/>
      <c r="EUO722" s="423" t="s">
        <v>2795</v>
      </c>
      <c r="EUP722" s="424"/>
      <c r="EUQ722" s="424"/>
      <c r="EUR722" s="424"/>
      <c r="EUS722" s="423" t="s">
        <v>2795</v>
      </c>
      <c r="EUT722" s="424"/>
      <c r="EUU722" s="424"/>
      <c r="EUV722" s="424"/>
      <c r="EUW722" s="423" t="s">
        <v>2795</v>
      </c>
      <c r="EUX722" s="424"/>
      <c r="EUY722" s="424"/>
      <c r="EUZ722" s="424"/>
      <c r="EVA722" s="423" t="s">
        <v>2795</v>
      </c>
      <c r="EVB722" s="424"/>
      <c r="EVC722" s="424"/>
      <c r="EVD722" s="424"/>
      <c r="EVE722" s="423" t="s">
        <v>2795</v>
      </c>
      <c r="EVF722" s="424"/>
      <c r="EVG722" s="424"/>
      <c r="EVH722" s="424"/>
      <c r="EVI722" s="423" t="s">
        <v>2795</v>
      </c>
      <c r="EVJ722" s="424"/>
      <c r="EVK722" s="424"/>
      <c r="EVL722" s="424"/>
      <c r="EVM722" s="423" t="s">
        <v>2795</v>
      </c>
      <c r="EVN722" s="424"/>
      <c r="EVO722" s="424"/>
      <c r="EVP722" s="424"/>
      <c r="EVQ722" s="423" t="s">
        <v>2795</v>
      </c>
      <c r="EVR722" s="424"/>
      <c r="EVS722" s="424"/>
      <c r="EVT722" s="424"/>
      <c r="EVU722" s="423" t="s">
        <v>2795</v>
      </c>
      <c r="EVV722" s="424"/>
      <c r="EVW722" s="424"/>
      <c r="EVX722" s="424"/>
      <c r="EVY722" s="423" t="s">
        <v>2795</v>
      </c>
      <c r="EVZ722" s="424"/>
      <c r="EWA722" s="424"/>
      <c r="EWB722" s="424"/>
      <c r="EWC722" s="423" t="s">
        <v>2795</v>
      </c>
      <c r="EWD722" s="424"/>
      <c r="EWE722" s="424"/>
      <c r="EWF722" s="424"/>
      <c r="EWG722" s="423" t="s">
        <v>2795</v>
      </c>
      <c r="EWH722" s="424"/>
      <c r="EWI722" s="424"/>
      <c r="EWJ722" s="424"/>
      <c r="EWK722" s="423" t="s">
        <v>2795</v>
      </c>
      <c r="EWL722" s="424"/>
      <c r="EWM722" s="424"/>
      <c r="EWN722" s="424"/>
      <c r="EWO722" s="423" t="s">
        <v>2795</v>
      </c>
      <c r="EWP722" s="424"/>
      <c r="EWQ722" s="424"/>
      <c r="EWR722" s="424"/>
      <c r="EWS722" s="423" t="s">
        <v>2795</v>
      </c>
      <c r="EWT722" s="424"/>
      <c r="EWU722" s="424"/>
      <c r="EWV722" s="424"/>
      <c r="EWW722" s="423" t="s">
        <v>2795</v>
      </c>
      <c r="EWX722" s="424"/>
      <c r="EWY722" s="424"/>
      <c r="EWZ722" s="424"/>
      <c r="EXA722" s="423" t="s">
        <v>2795</v>
      </c>
      <c r="EXB722" s="424"/>
      <c r="EXC722" s="424"/>
      <c r="EXD722" s="424"/>
      <c r="EXE722" s="423" t="s">
        <v>2795</v>
      </c>
      <c r="EXF722" s="424"/>
      <c r="EXG722" s="424"/>
      <c r="EXH722" s="424"/>
      <c r="EXI722" s="423" t="s">
        <v>2795</v>
      </c>
      <c r="EXJ722" s="424"/>
      <c r="EXK722" s="424"/>
      <c r="EXL722" s="424"/>
      <c r="EXM722" s="423" t="s">
        <v>2795</v>
      </c>
      <c r="EXN722" s="424"/>
      <c r="EXO722" s="424"/>
      <c r="EXP722" s="424"/>
      <c r="EXQ722" s="423" t="s">
        <v>2795</v>
      </c>
      <c r="EXR722" s="424"/>
      <c r="EXS722" s="424"/>
      <c r="EXT722" s="424"/>
      <c r="EXU722" s="423" t="s">
        <v>2795</v>
      </c>
      <c r="EXV722" s="424"/>
      <c r="EXW722" s="424"/>
      <c r="EXX722" s="424"/>
      <c r="EXY722" s="423" t="s">
        <v>2795</v>
      </c>
      <c r="EXZ722" s="424"/>
      <c r="EYA722" s="424"/>
      <c r="EYB722" s="424"/>
      <c r="EYC722" s="423" t="s">
        <v>2795</v>
      </c>
      <c r="EYD722" s="424"/>
      <c r="EYE722" s="424"/>
      <c r="EYF722" s="424"/>
      <c r="EYG722" s="423" t="s">
        <v>2795</v>
      </c>
      <c r="EYH722" s="424"/>
      <c r="EYI722" s="424"/>
      <c r="EYJ722" s="424"/>
      <c r="EYK722" s="423" t="s">
        <v>2795</v>
      </c>
      <c r="EYL722" s="424"/>
      <c r="EYM722" s="424"/>
      <c r="EYN722" s="424"/>
      <c r="EYO722" s="423" t="s">
        <v>2795</v>
      </c>
      <c r="EYP722" s="424"/>
      <c r="EYQ722" s="424"/>
      <c r="EYR722" s="424"/>
      <c r="EYS722" s="423" t="s">
        <v>2795</v>
      </c>
      <c r="EYT722" s="424"/>
      <c r="EYU722" s="424"/>
      <c r="EYV722" s="424"/>
      <c r="EYW722" s="423" t="s">
        <v>2795</v>
      </c>
      <c r="EYX722" s="424"/>
      <c r="EYY722" s="424"/>
      <c r="EYZ722" s="424"/>
      <c r="EZA722" s="423" t="s">
        <v>2795</v>
      </c>
      <c r="EZB722" s="424"/>
      <c r="EZC722" s="424"/>
      <c r="EZD722" s="424"/>
      <c r="EZE722" s="423" t="s">
        <v>2795</v>
      </c>
      <c r="EZF722" s="424"/>
      <c r="EZG722" s="424"/>
      <c r="EZH722" s="424"/>
      <c r="EZI722" s="423" t="s">
        <v>2795</v>
      </c>
      <c r="EZJ722" s="424"/>
      <c r="EZK722" s="424"/>
      <c r="EZL722" s="424"/>
      <c r="EZM722" s="423" t="s">
        <v>2795</v>
      </c>
      <c r="EZN722" s="424"/>
      <c r="EZO722" s="424"/>
      <c r="EZP722" s="424"/>
      <c r="EZQ722" s="423" t="s">
        <v>2795</v>
      </c>
      <c r="EZR722" s="424"/>
      <c r="EZS722" s="424"/>
      <c r="EZT722" s="424"/>
      <c r="EZU722" s="423" t="s">
        <v>2795</v>
      </c>
      <c r="EZV722" s="424"/>
      <c r="EZW722" s="424"/>
      <c r="EZX722" s="424"/>
      <c r="EZY722" s="423" t="s">
        <v>2795</v>
      </c>
      <c r="EZZ722" s="424"/>
      <c r="FAA722" s="424"/>
      <c r="FAB722" s="424"/>
      <c r="FAC722" s="423" t="s">
        <v>2795</v>
      </c>
      <c r="FAD722" s="424"/>
      <c r="FAE722" s="424"/>
      <c r="FAF722" s="424"/>
      <c r="FAG722" s="423" t="s">
        <v>2795</v>
      </c>
      <c r="FAH722" s="424"/>
      <c r="FAI722" s="424"/>
      <c r="FAJ722" s="424"/>
      <c r="FAK722" s="423" t="s">
        <v>2795</v>
      </c>
      <c r="FAL722" s="424"/>
      <c r="FAM722" s="424"/>
      <c r="FAN722" s="424"/>
      <c r="FAO722" s="423" t="s">
        <v>2795</v>
      </c>
      <c r="FAP722" s="424"/>
      <c r="FAQ722" s="424"/>
      <c r="FAR722" s="424"/>
      <c r="FAS722" s="423" t="s">
        <v>2795</v>
      </c>
      <c r="FAT722" s="424"/>
      <c r="FAU722" s="424"/>
      <c r="FAV722" s="424"/>
      <c r="FAW722" s="423" t="s">
        <v>2795</v>
      </c>
      <c r="FAX722" s="424"/>
      <c r="FAY722" s="424"/>
      <c r="FAZ722" s="424"/>
      <c r="FBA722" s="423" t="s">
        <v>2795</v>
      </c>
      <c r="FBB722" s="424"/>
      <c r="FBC722" s="424"/>
      <c r="FBD722" s="424"/>
      <c r="FBE722" s="423" t="s">
        <v>2795</v>
      </c>
      <c r="FBF722" s="424"/>
      <c r="FBG722" s="424"/>
      <c r="FBH722" s="424"/>
      <c r="FBI722" s="423" t="s">
        <v>2795</v>
      </c>
      <c r="FBJ722" s="424"/>
      <c r="FBK722" s="424"/>
      <c r="FBL722" s="424"/>
      <c r="FBM722" s="423" t="s">
        <v>2795</v>
      </c>
      <c r="FBN722" s="424"/>
      <c r="FBO722" s="424"/>
      <c r="FBP722" s="424"/>
      <c r="FBQ722" s="423" t="s">
        <v>2795</v>
      </c>
      <c r="FBR722" s="424"/>
      <c r="FBS722" s="424"/>
      <c r="FBT722" s="424"/>
      <c r="FBU722" s="423" t="s">
        <v>2795</v>
      </c>
      <c r="FBV722" s="424"/>
      <c r="FBW722" s="424"/>
      <c r="FBX722" s="424"/>
      <c r="FBY722" s="423" t="s">
        <v>2795</v>
      </c>
      <c r="FBZ722" s="424"/>
      <c r="FCA722" s="424"/>
      <c r="FCB722" s="424"/>
      <c r="FCC722" s="423" t="s">
        <v>2795</v>
      </c>
      <c r="FCD722" s="424"/>
      <c r="FCE722" s="424"/>
      <c r="FCF722" s="424"/>
      <c r="FCG722" s="423" t="s">
        <v>2795</v>
      </c>
      <c r="FCH722" s="424"/>
      <c r="FCI722" s="424"/>
      <c r="FCJ722" s="424"/>
      <c r="FCK722" s="423" t="s">
        <v>2795</v>
      </c>
      <c r="FCL722" s="424"/>
      <c r="FCM722" s="424"/>
      <c r="FCN722" s="424"/>
      <c r="FCO722" s="423" t="s">
        <v>2795</v>
      </c>
      <c r="FCP722" s="424"/>
      <c r="FCQ722" s="424"/>
      <c r="FCR722" s="424"/>
      <c r="FCS722" s="423" t="s">
        <v>2795</v>
      </c>
      <c r="FCT722" s="424"/>
      <c r="FCU722" s="424"/>
      <c r="FCV722" s="424"/>
      <c r="FCW722" s="423" t="s">
        <v>2795</v>
      </c>
      <c r="FCX722" s="424"/>
      <c r="FCY722" s="424"/>
      <c r="FCZ722" s="424"/>
      <c r="FDA722" s="423" t="s">
        <v>2795</v>
      </c>
      <c r="FDB722" s="424"/>
      <c r="FDC722" s="424"/>
      <c r="FDD722" s="424"/>
      <c r="FDE722" s="423" t="s">
        <v>2795</v>
      </c>
      <c r="FDF722" s="424"/>
      <c r="FDG722" s="424"/>
      <c r="FDH722" s="424"/>
      <c r="FDI722" s="423" t="s">
        <v>2795</v>
      </c>
      <c r="FDJ722" s="424"/>
      <c r="FDK722" s="424"/>
      <c r="FDL722" s="424"/>
      <c r="FDM722" s="423" t="s">
        <v>2795</v>
      </c>
      <c r="FDN722" s="424"/>
      <c r="FDO722" s="424"/>
      <c r="FDP722" s="424"/>
      <c r="FDQ722" s="423" t="s">
        <v>2795</v>
      </c>
      <c r="FDR722" s="424"/>
      <c r="FDS722" s="424"/>
      <c r="FDT722" s="424"/>
      <c r="FDU722" s="423" t="s">
        <v>2795</v>
      </c>
      <c r="FDV722" s="424"/>
      <c r="FDW722" s="424"/>
      <c r="FDX722" s="424"/>
      <c r="FDY722" s="423" t="s">
        <v>2795</v>
      </c>
      <c r="FDZ722" s="424"/>
      <c r="FEA722" s="424"/>
      <c r="FEB722" s="424"/>
      <c r="FEC722" s="423" t="s">
        <v>2795</v>
      </c>
      <c r="FED722" s="424"/>
      <c r="FEE722" s="424"/>
      <c r="FEF722" s="424"/>
      <c r="FEG722" s="423" t="s">
        <v>2795</v>
      </c>
      <c r="FEH722" s="424"/>
      <c r="FEI722" s="424"/>
      <c r="FEJ722" s="424"/>
      <c r="FEK722" s="423" t="s">
        <v>2795</v>
      </c>
      <c r="FEL722" s="424"/>
      <c r="FEM722" s="424"/>
      <c r="FEN722" s="424"/>
      <c r="FEO722" s="423" t="s">
        <v>2795</v>
      </c>
      <c r="FEP722" s="424"/>
      <c r="FEQ722" s="424"/>
      <c r="FER722" s="424"/>
      <c r="FES722" s="423" t="s">
        <v>2795</v>
      </c>
      <c r="FET722" s="424"/>
      <c r="FEU722" s="424"/>
      <c r="FEV722" s="424"/>
      <c r="FEW722" s="423" t="s">
        <v>2795</v>
      </c>
      <c r="FEX722" s="424"/>
      <c r="FEY722" s="424"/>
      <c r="FEZ722" s="424"/>
      <c r="FFA722" s="423" t="s">
        <v>2795</v>
      </c>
      <c r="FFB722" s="424"/>
      <c r="FFC722" s="424"/>
      <c r="FFD722" s="424"/>
      <c r="FFE722" s="423" t="s">
        <v>2795</v>
      </c>
      <c r="FFF722" s="424"/>
      <c r="FFG722" s="424"/>
      <c r="FFH722" s="424"/>
      <c r="FFI722" s="423" t="s">
        <v>2795</v>
      </c>
      <c r="FFJ722" s="424"/>
      <c r="FFK722" s="424"/>
      <c r="FFL722" s="424"/>
      <c r="FFM722" s="423" t="s">
        <v>2795</v>
      </c>
      <c r="FFN722" s="424"/>
      <c r="FFO722" s="424"/>
      <c r="FFP722" s="424"/>
      <c r="FFQ722" s="423" t="s">
        <v>2795</v>
      </c>
      <c r="FFR722" s="424"/>
      <c r="FFS722" s="424"/>
      <c r="FFT722" s="424"/>
      <c r="FFU722" s="423" t="s">
        <v>2795</v>
      </c>
      <c r="FFV722" s="424"/>
      <c r="FFW722" s="424"/>
      <c r="FFX722" s="424"/>
      <c r="FFY722" s="423" t="s">
        <v>2795</v>
      </c>
      <c r="FFZ722" s="424"/>
      <c r="FGA722" s="424"/>
      <c r="FGB722" s="424"/>
      <c r="FGC722" s="423" t="s">
        <v>2795</v>
      </c>
      <c r="FGD722" s="424"/>
      <c r="FGE722" s="424"/>
      <c r="FGF722" s="424"/>
      <c r="FGG722" s="423" t="s">
        <v>2795</v>
      </c>
      <c r="FGH722" s="424"/>
      <c r="FGI722" s="424"/>
      <c r="FGJ722" s="424"/>
      <c r="FGK722" s="423" t="s">
        <v>2795</v>
      </c>
      <c r="FGL722" s="424"/>
      <c r="FGM722" s="424"/>
      <c r="FGN722" s="424"/>
      <c r="FGO722" s="423" t="s">
        <v>2795</v>
      </c>
      <c r="FGP722" s="424"/>
      <c r="FGQ722" s="424"/>
      <c r="FGR722" s="424"/>
      <c r="FGS722" s="423" t="s">
        <v>2795</v>
      </c>
      <c r="FGT722" s="424"/>
      <c r="FGU722" s="424"/>
      <c r="FGV722" s="424"/>
      <c r="FGW722" s="423" t="s">
        <v>2795</v>
      </c>
      <c r="FGX722" s="424"/>
      <c r="FGY722" s="424"/>
      <c r="FGZ722" s="424"/>
      <c r="FHA722" s="423" t="s">
        <v>2795</v>
      </c>
      <c r="FHB722" s="424"/>
      <c r="FHC722" s="424"/>
      <c r="FHD722" s="424"/>
      <c r="FHE722" s="423" t="s">
        <v>2795</v>
      </c>
      <c r="FHF722" s="424"/>
      <c r="FHG722" s="424"/>
      <c r="FHH722" s="424"/>
      <c r="FHI722" s="423" t="s">
        <v>2795</v>
      </c>
      <c r="FHJ722" s="424"/>
      <c r="FHK722" s="424"/>
      <c r="FHL722" s="424"/>
      <c r="FHM722" s="423" t="s">
        <v>2795</v>
      </c>
      <c r="FHN722" s="424"/>
      <c r="FHO722" s="424"/>
      <c r="FHP722" s="424"/>
      <c r="FHQ722" s="423" t="s">
        <v>2795</v>
      </c>
      <c r="FHR722" s="424"/>
      <c r="FHS722" s="424"/>
      <c r="FHT722" s="424"/>
      <c r="FHU722" s="423" t="s">
        <v>2795</v>
      </c>
      <c r="FHV722" s="424"/>
      <c r="FHW722" s="424"/>
      <c r="FHX722" s="424"/>
      <c r="FHY722" s="423" t="s">
        <v>2795</v>
      </c>
      <c r="FHZ722" s="424"/>
      <c r="FIA722" s="424"/>
      <c r="FIB722" s="424"/>
      <c r="FIC722" s="423" t="s">
        <v>2795</v>
      </c>
      <c r="FID722" s="424"/>
      <c r="FIE722" s="424"/>
      <c r="FIF722" s="424"/>
      <c r="FIG722" s="423" t="s">
        <v>2795</v>
      </c>
      <c r="FIH722" s="424"/>
      <c r="FII722" s="424"/>
      <c r="FIJ722" s="424"/>
      <c r="FIK722" s="423" t="s">
        <v>2795</v>
      </c>
      <c r="FIL722" s="424"/>
      <c r="FIM722" s="424"/>
      <c r="FIN722" s="424"/>
      <c r="FIO722" s="423" t="s">
        <v>2795</v>
      </c>
      <c r="FIP722" s="424"/>
      <c r="FIQ722" s="424"/>
      <c r="FIR722" s="424"/>
      <c r="FIS722" s="423" t="s">
        <v>2795</v>
      </c>
      <c r="FIT722" s="424"/>
      <c r="FIU722" s="424"/>
      <c r="FIV722" s="424"/>
      <c r="FIW722" s="423" t="s">
        <v>2795</v>
      </c>
      <c r="FIX722" s="424"/>
      <c r="FIY722" s="424"/>
      <c r="FIZ722" s="424"/>
      <c r="FJA722" s="423" t="s">
        <v>2795</v>
      </c>
      <c r="FJB722" s="424"/>
      <c r="FJC722" s="424"/>
      <c r="FJD722" s="424"/>
      <c r="FJE722" s="423" t="s">
        <v>2795</v>
      </c>
      <c r="FJF722" s="424"/>
      <c r="FJG722" s="424"/>
      <c r="FJH722" s="424"/>
      <c r="FJI722" s="423" t="s">
        <v>2795</v>
      </c>
      <c r="FJJ722" s="424"/>
      <c r="FJK722" s="424"/>
      <c r="FJL722" s="424"/>
      <c r="FJM722" s="423" t="s">
        <v>2795</v>
      </c>
      <c r="FJN722" s="424"/>
      <c r="FJO722" s="424"/>
      <c r="FJP722" s="424"/>
      <c r="FJQ722" s="423" t="s">
        <v>2795</v>
      </c>
      <c r="FJR722" s="424"/>
      <c r="FJS722" s="424"/>
      <c r="FJT722" s="424"/>
      <c r="FJU722" s="423" t="s">
        <v>2795</v>
      </c>
      <c r="FJV722" s="424"/>
      <c r="FJW722" s="424"/>
      <c r="FJX722" s="424"/>
      <c r="FJY722" s="423" t="s">
        <v>2795</v>
      </c>
      <c r="FJZ722" s="424"/>
      <c r="FKA722" s="424"/>
      <c r="FKB722" s="424"/>
      <c r="FKC722" s="423" t="s">
        <v>2795</v>
      </c>
      <c r="FKD722" s="424"/>
      <c r="FKE722" s="424"/>
      <c r="FKF722" s="424"/>
      <c r="FKG722" s="423" t="s">
        <v>2795</v>
      </c>
      <c r="FKH722" s="424"/>
      <c r="FKI722" s="424"/>
      <c r="FKJ722" s="424"/>
      <c r="FKK722" s="423" t="s">
        <v>2795</v>
      </c>
      <c r="FKL722" s="424"/>
      <c r="FKM722" s="424"/>
      <c r="FKN722" s="424"/>
      <c r="FKO722" s="423" t="s">
        <v>2795</v>
      </c>
      <c r="FKP722" s="424"/>
      <c r="FKQ722" s="424"/>
      <c r="FKR722" s="424"/>
      <c r="FKS722" s="423" t="s">
        <v>2795</v>
      </c>
      <c r="FKT722" s="424"/>
      <c r="FKU722" s="424"/>
      <c r="FKV722" s="424"/>
      <c r="FKW722" s="423" t="s">
        <v>2795</v>
      </c>
      <c r="FKX722" s="424"/>
      <c r="FKY722" s="424"/>
      <c r="FKZ722" s="424"/>
      <c r="FLA722" s="423" t="s">
        <v>2795</v>
      </c>
      <c r="FLB722" s="424"/>
      <c r="FLC722" s="424"/>
      <c r="FLD722" s="424"/>
      <c r="FLE722" s="423" t="s">
        <v>2795</v>
      </c>
      <c r="FLF722" s="424"/>
      <c r="FLG722" s="424"/>
      <c r="FLH722" s="424"/>
      <c r="FLI722" s="423" t="s">
        <v>2795</v>
      </c>
      <c r="FLJ722" s="424"/>
      <c r="FLK722" s="424"/>
      <c r="FLL722" s="424"/>
      <c r="FLM722" s="423" t="s">
        <v>2795</v>
      </c>
      <c r="FLN722" s="424"/>
      <c r="FLO722" s="424"/>
      <c r="FLP722" s="424"/>
      <c r="FLQ722" s="423" t="s">
        <v>2795</v>
      </c>
      <c r="FLR722" s="424"/>
      <c r="FLS722" s="424"/>
      <c r="FLT722" s="424"/>
      <c r="FLU722" s="423" t="s">
        <v>2795</v>
      </c>
      <c r="FLV722" s="424"/>
      <c r="FLW722" s="424"/>
      <c r="FLX722" s="424"/>
      <c r="FLY722" s="423" t="s">
        <v>2795</v>
      </c>
      <c r="FLZ722" s="424"/>
      <c r="FMA722" s="424"/>
      <c r="FMB722" s="424"/>
      <c r="FMC722" s="423" t="s">
        <v>2795</v>
      </c>
      <c r="FMD722" s="424"/>
      <c r="FME722" s="424"/>
      <c r="FMF722" s="424"/>
      <c r="FMG722" s="423" t="s">
        <v>2795</v>
      </c>
      <c r="FMH722" s="424"/>
      <c r="FMI722" s="424"/>
      <c r="FMJ722" s="424"/>
      <c r="FMK722" s="423" t="s">
        <v>2795</v>
      </c>
      <c r="FML722" s="424"/>
      <c r="FMM722" s="424"/>
      <c r="FMN722" s="424"/>
      <c r="FMO722" s="423" t="s">
        <v>2795</v>
      </c>
      <c r="FMP722" s="424"/>
      <c r="FMQ722" s="424"/>
      <c r="FMR722" s="424"/>
      <c r="FMS722" s="423" t="s">
        <v>2795</v>
      </c>
      <c r="FMT722" s="424"/>
      <c r="FMU722" s="424"/>
      <c r="FMV722" s="424"/>
      <c r="FMW722" s="423" t="s">
        <v>2795</v>
      </c>
      <c r="FMX722" s="424"/>
      <c r="FMY722" s="424"/>
      <c r="FMZ722" s="424"/>
      <c r="FNA722" s="423" t="s">
        <v>2795</v>
      </c>
      <c r="FNB722" s="424"/>
      <c r="FNC722" s="424"/>
      <c r="FND722" s="424"/>
      <c r="FNE722" s="423" t="s">
        <v>2795</v>
      </c>
      <c r="FNF722" s="424"/>
      <c r="FNG722" s="424"/>
      <c r="FNH722" s="424"/>
      <c r="FNI722" s="423" t="s">
        <v>2795</v>
      </c>
      <c r="FNJ722" s="424"/>
      <c r="FNK722" s="424"/>
      <c r="FNL722" s="424"/>
      <c r="FNM722" s="423" t="s">
        <v>2795</v>
      </c>
      <c r="FNN722" s="424"/>
      <c r="FNO722" s="424"/>
      <c r="FNP722" s="424"/>
      <c r="FNQ722" s="423" t="s">
        <v>2795</v>
      </c>
      <c r="FNR722" s="424"/>
      <c r="FNS722" s="424"/>
      <c r="FNT722" s="424"/>
      <c r="FNU722" s="423" t="s">
        <v>2795</v>
      </c>
      <c r="FNV722" s="424"/>
      <c r="FNW722" s="424"/>
      <c r="FNX722" s="424"/>
      <c r="FNY722" s="423" t="s">
        <v>2795</v>
      </c>
      <c r="FNZ722" s="424"/>
      <c r="FOA722" s="424"/>
      <c r="FOB722" s="424"/>
      <c r="FOC722" s="423" t="s">
        <v>2795</v>
      </c>
      <c r="FOD722" s="424"/>
      <c r="FOE722" s="424"/>
      <c r="FOF722" s="424"/>
      <c r="FOG722" s="423" t="s">
        <v>2795</v>
      </c>
      <c r="FOH722" s="424"/>
      <c r="FOI722" s="424"/>
      <c r="FOJ722" s="424"/>
      <c r="FOK722" s="423" t="s">
        <v>2795</v>
      </c>
      <c r="FOL722" s="424"/>
      <c r="FOM722" s="424"/>
      <c r="FON722" s="424"/>
      <c r="FOO722" s="423" t="s">
        <v>2795</v>
      </c>
      <c r="FOP722" s="424"/>
      <c r="FOQ722" s="424"/>
      <c r="FOR722" s="424"/>
      <c r="FOS722" s="423" t="s">
        <v>2795</v>
      </c>
      <c r="FOT722" s="424"/>
      <c r="FOU722" s="424"/>
      <c r="FOV722" s="424"/>
      <c r="FOW722" s="423" t="s">
        <v>2795</v>
      </c>
      <c r="FOX722" s="424"/>
      <c r="FOY722" s="424"/>
      <c r="FOZ722" s="424"/>
      <c r="FPA722" s="423" t="s">
        <v>2795</v>
      </c>
      <c r="FPB722" s="424"/>
      <c r="FPC722" s="424"/>
      <c r="FPD722" s="424"/>
      <c r="FPE722" s="423" t="s">
        <v>2795</v>
      </c>
      <c r="FPF722" s="424"/>
      <c r="FPG722" s="424"/>
      <c r="FPH722" s="424"/>
      <c r="FPI722" s="423" t="s">
        <v>2795</v>
      </c>
      <c r="FPJ722" s="424"/>
      <c r="FPK722" s="424"/>
      <c r="FPL722" s="424"/>
      <c r="FPM722" s="423" t="s">
        <v>2795</v>
      </c>
      <c r="FPN722" s="424"/>
      <c r="FPO722" s="424"/>
      <c r="FPP722" s="424"/>
      <c r="FPQ722" s="423" t="s">
        <v>2795</v>
      </c>
      <c r="FPR722" s="424"/>
      <c r="FPS722" s="424"/>
      <c r="FPT722" s="424"/>
      <c r="FPU722" s="423" t="s">
        <v>2795</v>
      </c>
      <c r="FPV722" s="424"/>
      <c r="FPW722" s="424"/>
      <c r="FPX722" s="424"/>
      <c r="FPY722" s="423" t="s">
        <v>2795</v>
      </c>
      <c r="FPZ722" s="424"/>
      <c r="FQA722" s="424"/>
      <c r="FQB722" s="424"/>
      <c r="FQC722" s="423" t="s">
        <v>2795</v>
      </c>
      <c r="FQD722" s="424"/>
      <c r="FQE722" s="424"/>
      <c r="FQF722" s="424"/>
      <c r="FQG722" s="423" t="s">
        <v>2795</v>
      </c>
      <c r="FQH722" s="424"/>
      <c r="FQI722" s="424"/>
      <c r="FQJ722" s="424"/>
      <c r="FQK722" s="423" t="s">
        <v>2795</v>
      </c>
      <c r="FQL722" s="424"/>
      <c r="FQM722" s="424"/>
      <c r="FQN722" s="424"/>
      <c r="FQO722" s="423" t="s">
        <v>2795</v>
      </c>
      <c r="FQP722" s="424"/>
      <c r="FQQ722" s="424"/>
      <c r="FQR722" s="424"/>
      <c r="FQS722" s="423" t="s">
        <v>2795</v>
      </c>
      <c r="FQT722" s="424"/>
      <c r="FQU722" s="424"/>
      <c r="FQV722" s="424"/>
      <c r="FQW722" s="423" t="s">
        <v>2795</v>
      </c>
      <c r="FQX722" s="424"/>
      <c r="FQY722" s="424"/>
      <c r="FQZ722" s="424"/>
      <c r="FRA722" s="423" t="s">
        <v>2795</v>
      </c>
      <c r="FRB722" s="424"/>
      <c r="FRC722" s="424"/>
      <c r="FRD722" s="424"/>
      <c r="FRE722" s="423" t="s">
        <v>2795</v>
      </c>
      <c r="FRF722" s="424"/>
      <c r="FRG722" s="424"/>
      <c r="FRH722" s="424"/>
      <c r="FRI722" s="423" t="s">
        <v>2795</v>
      </c>
      <c r="FRJ722" s="424"/>
      <c r="FRK722" s="424"/>
      <c r="FRL722" s="424"/>
      <c r="FRM722" s="423" t="s">
        <v>2795</v>
      </c>
      <c r="FRN722" s="424"/>
      <c r="FRO722" s="424"/>
      <c r="FRP722" s="424"/>
      <c r="FRQ722" s="423" t="s">
        <v>2795</v>
      </c>
      <c r="FRR722" s="424"/>
      <c r="FRS722" s="424"/>
      <c r="FRT722" s="424"/>
      <c r="FRU722" s="423" t="s">
        <v>2795</v>
      </c>
      <c r="FRV722" s="424"/>
      <c r="FRW722" s="424"/>
      <c r="FRX722" s="424"/>
      <c r="FRY722" s="423" t="s">
        <v>2795</v>
      </c>
      <c r="FRZ722" s="424"/>
      <c r="FSA722" s="424"/>
      <c r="FSB722" s="424"/>
      <c r="FSC722" s="423" t="s">
        <v>2795</v>
      </c>
      <c r="FSD722" s="424"/>
      <c r="FSE722" s="424"/>
      <c r="FSF722" s="424"/>
      <c r="FSG722" s="423" t="s">
        <v>2795</v>
      </c>
      <c r="FSH722" s="424"/>
      <c r="FSI722" s="424"/>
      <c r="FSJ722" s="424"/>
      <c r="FSK722" s="423" t="s">
        <v>2795</v>
      </c>
      <c r="FSL722" s="424"/>
      <c r="FSM722" s="424"/>
      <c r="FSN722" s="424"/>
      <c r="FSO722" s="423" t="s">
        <v>2795</v>
      </c>
      <c r="FSP722" s="424"/>
      <c r="FSQ722" s="424"/>
      <c r="FSR722" s="424"/>
      <c r="FSS722" s="423" t="s">
        <v>2795</v>
      </c>
      <c r="FST722" s="424"/>
      <c r="FSU722" s="424"/>
      <c r="FSV722" s="424"/>
      <c r="FSW722" s="423" t="s">
        <v>2795</v>
      </c>
      <c r="FSX722" s="424"/>
      <c r="FSY722" s="424"/>
      <c r="FSZ722" s="424"/>
      <c r="FTA722" s="423" t="s">
        <v>2795</v>
      </c>
      <c r="FTB722" s="424"/>
      <c r="FTC722" s="424"/>
      <c r="FTD722" s="424"/>
      <c r="FTE722" s="423" t="s">
        <v>2795</v>
      </c>
      <c r="FTF722" s="424"/>
      <c r="FTG722" s="424"/>
      <c r="FTH722" s="424"/>
      <c r="FTI722" s="423" t="s">
        <v>2795</v>
      </c>
      <c r="FTJ722" s="424"/>
      <c r="FTK722" s="424"/>
      <c r="FTL722" s="424"/>
      <c r="FTM722" s="423" t="s">
        <v>2795</v>
      </c>
      <c r="FTN722" s="424"/>
      <c r="FTO722" s="424"/>
      <c r="FTP722" s="424"/>
      <c r="FTQ722" s="423" t="s">
        <v>2795</v>
      </c>
      <c r="FTR722" s="424"/>
      <c r="FTS722" s="424"/>
      <c r="FTT722" s="424"/>
      <c r="FTU722" s="423" t="s">
        <v>2795</v>
      </c>
      <c r="FTV722" s="424"/>
      <c r="FTW722" s="424"/>
      <c r="FTX722" s="424"/>
      <c r="FTY722" s="423" t="s">
        <v>2795</v>
      </c>
      <c r="FTZ722" s="424"/>
      <c r="FUA722" s="424"/>
      <c r="FUB722" s="424"/>
      <c r="FUC722" s="423" t="s">
        <v>2795</v>
      </c>
      <c r="FUD722" s="424"/>
      <c r="FUE722" s="424"/>
      <c r="FUF722" s="424"/>
      <c r="FUG722" s="423" t="s">
        <v>2795</v>
      </c>
      <c r="FUH722" s="424"/>
      <c r="FUI722" s="424"/>
      <c r="FUJ722" s="424"/>
      <c r="FUK722" s="423" t="s">
        <v>2795</v>
      </c>
      <c r="FUL722" s="424"/>
      <c r="FUM722" s="424"/>
      <c r="FUN722" s="424"/>
      <c r="FUO722" s="423" t="s">
        <v>2795</v>
      </c>
      <c r="FUP722" s="424"/>
      <c r="FUQ722" s="424"/>
      <c r="FUR722" s="424"/>
      <c r="FUS722" s="423" t="s">
        <v>2795</v>
      </c>
      <c r="FUT722" s="424"/>
      <c r="FUU722" s="424"/>
      <c r="FUV722" s="424"/>
      <c r="FUW722" s="423" t="s">
        <v>2795</v>
      </c>
      <c r="FUX722" s="424"/>
      <c r="FUY722" s="424"/>
      <c r="FUZ722" s="424"/>
      <c r="FVA722" s="423" t="s">
        <v>2795</v>
      </c>
      <c r="FVB722" s="424"/>
      <c r="FVC722" s="424"/>
      <c r="FVD722" s="424"/>
      <c r="FVE722" s="423" t="s">
        <v>2795</v>
      </c>
      <c r="FVF722" s="424"/>
      <c r="FVG722" s="424"/>
      <c r="FVH722" s="424"/>
      <c r="FVI722" s="423" t="s">
        <v>2795</v>
      </c>
      <c r="FVJ722" s="424"/>
      <c r="FVK722" s="424"/>
      <c r="FVL722" s="424"/>
      <c r="FVM722" s="423" t="s">
        <v>2795</v>
      </c>
      <c r="FVN722" s="424"/>
      <c r="FVO722" s="424"/>
      <c r="FVP722" s="424"/>
      <c r="FVQ722" s="423" t="s">
        <v>2795</v>
      </c>
      <c r="FVR722" s="424"/>
      <c r="FVS722" s="424"/>
      <c r="FVT722" s="424"/>
      <c r="FVU722" s="423" t="s">
        <v>2795</v>
      </c>
      <c r="FVV722" s="424"/>
      <c r="FVW722" s="424"/>
      <c r="FVX722" s="424"/>
      <c r="FVY722" s="423" t="s">
        <v>2795</v>
      </c>
      <c r="FVZ722" s="424"/>
      <c r="FWA722" s="424"/>
      <c r="FWB722" s="424"/>
      <c r="FWC722" s="423" t="s">
        <v>2795</v>
      </c>
      <c r="FWD722" s="424"/>
      <c r="FWE722" s="424"/>
      <c r="FWF722" s="424"/>
      <c r="FWG722" s="423" t="s">
        <v>2795</v>
      </c>
      <c r="FWH722" s="424"/>
      <c r="FWI722" s="424"/>
      <c r="FWJ722" s="424"/>
      <c r="FWK722" s="423" t="s">
        <v>2795</v>
      </c>
      <c r="FWL722" s="424"/>
      <c r="FWM722" s="424"/>
      <c r="FWN722" s="424"/>
      <c r="FWO722" s="423" t="s">
        <v>2795</v>
      </c>
      <c r="FWP722" s="424"/>
      <c r="FWQ722" s="424"/>
      <c r="FWR722" s="424"/>
      <c r="FWS722" s="423" t="s">
        <v>2795</v>
      </c>
      <c r="FWT722" s="424"/>
      <c r="FWU722" s="424"/>
      <c r="FWV722" s="424"/>
      <c r="FWW722" s="423" t="s">
        <v>2795</v>
      </c>
      <c r="FWX722" s="424"/>
      <c r="FWY722" s="424"/>
      <c r="FWZ722" s="424"/>
      <c r="FXA722" s="423" t="s">
        <v>2795</v>
      </c>
      <c r="FXB722" s="424"/>
      <c r="FXC722" s="424"/>
      <c r="FXD722" s="424"/>
      <c r="FXE722" s="423" t="s">
        <v>2795</v>
      </c>
      <c r="FXF722" s="424"/>
      <c r="FXG722" s="424"/>
      <c r="FXH722" s="424"/>
      <c r="FXI722" s="423" t="s">
        <v>2795</v>
      </c>
      <c r="FXJ722" s="424"/>
      <c r="FXK722" s="424"/>
      <c r="FXL722" s="424"/>
      <c r="FXM722" s="423" t="s">
        <v>2795</v>
      </c>
      <c r="FXN722" s="424"/>
      <c r="FXO722" s="424"/>
      <c r="FXP722" s="424"/>
      <c r="FXQ722" s="423" t="s">
        <v>2795</v>
      </c>
      <c r="FXR722" s="424"/>
      <c r="FXS722" s="424"/>
      <c r="FXT722" s="424"/>
      <c r="FXU722" s="423" t="s">
        <v>2795</v>
      </c>
      <c r="FXV722" s="424"/>
      <c r="FXW722" s="424"/>
      <c r="FXX722" s="424"/>
      <c r="FXY722" s="423" t="s">
        <v>2795</v>
      </c>
      <c r="FXZ722" s="424"/>
      <c r="FYA722" s="424"/>
      <c r="FYB722" s="424"/>
      <c r="FYC722" s="423" t="s">
        <v>2795</v>
      </c>
      <c r="FYD722" s="424"/>
      <c r="FYE722" s="424"/>
      <c r="FYF722" s="424"/>
      <c r="FYG722" s="423" t="s">
        <v>2795</v>
      </c>
      <c r="FYH722" s="424"/>
      <c r="FYI722" s="424"/>
      <c r="FYJ722" s="424"/>
      <c r="FYK722" s="423" t="s">
        <v>2795</v>
      </c>
      <c r="FYL722" s="424"/>
      <c r="FYM722" s="424"/>
      <c r="FYN722" s="424"/>
      <c r="FYO722" s="423" t="s">
        <v>2795</v>
      </c>
      <c r="FYP722" s="424"/>
      <c r="FYQ722" s="424"/>
      <c r="FYR722" s="424"/>
      <c r="FYS722" s="423" t="s">
        <v>2795</v>
      </c>
      <c r="FYT722" s="424"/>
      <c r="FYU722" s="424"/>
      <c r="FYV722" s="424"/>
      <c r="FYW722" s="423" t="s">
        <v>2795</v>
      </c>
      <c r="FYX722" s="424"/>
      <c r="FYY722" s="424"/>
      <c r="FYZ722" s="424"/>
      <c r="FZA722" s="423" t="s">
        <v>2795</v>
      </c>
      <c r="FZB722" s="424"/>
      <c r="FZC722" s="424"/>
      <c r="FZD722" s="424"/>
      <c r="FZE722" s="423" t="s">
        <v>2795</v>
      </c>
      <c r="FZF722" s="424"/>
      <c r="FZG722" s="424"/>
      <c r="FZH722" s="424"/>
      <c r="FZI722" s="423" t="s">
        <v>2795</v>
      </c>
      <c r="FZJ722" s="424"/>
      <c r="FZK722" s="424"/>
      <c r="FZL722" s="424"/>
      <c r="FZM722" s="423" t="s">
        <v>2795</v>
      </c>
      <c r="FZN722" s="424"/>
      <c r="FZO722" s="424"/>
      <c r="FZP722" s="424"/>
      <c r="FZQ722" s="423" t="s">
        <v>2795</v>
      </c>
      <c r="FZR722" s="424"/>
      <c r="FZS722" s="424"/>
      <c r="FZT722" s="424"/>
      <c r="FZU722" s="423" t="s">
        <v>2795</v>
      </c>
      <c r="FZV722" s="424"/>
      <c r="FZW722" s="424"/>
      <c r="FZX722" s="424"/>
      <c r="FZY722" s="423" t="s">
        <v>2795</v>
      </c>
      <c r="FZZ722" s="424"/>
      <c r="GAA722" s="424"/>
      <c r="GAB722" s="424"/>
      <c r="GAC722" s="423" t="s">
        <v>2795</v>
      </c>
      <c r="GAD722" s="424"/>
      <c r="GAE722" s="424"/>
      <c r="GAF722" s="424"/>
      <c r="GAG722" s="423" t="s">
        <v>2795</v>
      </c>
      <c r="GAH722" s="424"/>
      <c r="GAI722" s="424"/>
      <c r="GAJ722" s="424"/>
      <c r="GAK722" s="423" t="s">
        <v>2795</v>
      </c>
      <c r="GAL722" s="424"/>
      <c r="GAM722" s="424"/>
      <c r="GAN722" s="424"/>
      <c r="GAO722" s="423" t="s">
        <v>2795</v>
      </c>
      <c r="GAP722" s="424"/>
      <c r="GAQ722" s="424"/>
      <c r="GAR722" s="424"/>
      <c r="GAS722" s="423" t="s">
        <v>2795</v>
      </c>
      <c r="GAT722" s="424"/>
      <c r="GAU722" s="424"/>
      <c r="GAV722" s="424"/>
      <c r="GAW722" s="423" t="s">
        <v>2795</v>
      </c>
      <c r="GAX722" s="424"/>
      <c r="GAY722" s="424"/>
      <c r="GAZ722" s="424"/>
      <c r="GBA722" s="423" t="s">
        <v>2795</v>
      </c>
      <c r="GBB722" s="424"/>
      <c r="GBC722" s="424"/>
      <c r="GBD722" s="424"/>
      <c r="GBE722" s="423" t="s">
        <v>2795</v>
      </c>
      <c r="GBF722" s="424"/>
      <c r="GBG722" s="424"/>
      <c r="GBH722" s="424"/>
      <c r="GBI722" s="423" t="s">
        <v>2795</v>
      </c>
      <c r="GBJ722" s="424"/>
      <c r="GBK722" s="424"/>
      <c r="GBL722" s="424"/>
      <c r="GBM722" s="423" t="s">
        <v>2795</v>
      </c>
      <c r="GBN722" s="424"/>
      <c r="GBO722" s="424"/>
      <c r="GBP722" s="424"/>
      <c r="GBQ722" s="423" t="s">
        <v>2795</v>
      </c>
      <c r="GBR722" s="424"/>
      <c r="GBS722" s="424"/>
      <c r="GBT722" s="424"/>
      <c r="GBU722" s="423" t="s">
        <v>2795</v>
      </c>
      <c r="GBV722" s="424"/>
      <c r="GBW722" s="424"/>
      <c r="GBX722" s="424"/>
      <c r="GBY722" s="423" t="s">
        <v>2795</v>
      </c>
      <c r="GBZ722" s="424"/>
      <c r="GCA722" s="424"/>
      <c r="GCB722" s="424"/>
      <c r="GCC722" s="423" t="s">
        <v>2795</v>
      </c>
      <c r="GCD722" s="424"/>
      <c r="GCE722" s="424"/>
      <c r="GCF722" s="424"/>
      <c r="GCG722" s="423" t="s">
        <v>2795</v>
      </c>
      <c r="GCH722" s="424"/>
      <c r="GCI722" s="424"/>
      <c r="GCJ722" s="424"/>
      <c r="GCK722" s="423" t="s">
        <v>2795</v>
      </c>
      <c r="GCL722" s="424"/>
      <c r="GCM722" s="424"/>
      <c r="GCN722" s="424"/>
      <c r="GCO722" s="423" t="s">
        <v>2795</v>
      </c>
      <c r="GCP722" s="424"/>
      <c r="GCQ722" s="424"/>
      <c r="GCR722" s="424"/>
      <c r="GCS722" s="423" t="s">
        <v>2795</v>
      </c>
      <c r="GCT722" s="424"/>
      <c r="GCU722" s="424"/>
      <c r="GCV722" s="424"/>
      <c r="GCW722" s="423" t="s">
        <v>2795</v>
      </c>
      <c r="GCX722" s="424"/>
      <c r="GCY722" s="424"/>
      <c r="GCZ722" s="424"/>
      <c r="GDA722" s="423" t="s">
        <v>2795</v>
      </c>
      <c r="GDB722" s="424"/>
      <c r="GDC722" s="424"/>
      <c r="GDD722" s="424"/>
      <c r="GDE722" s="423" t="s">
        <v>2795</v>
      </c>
      <c r="GDF722" s="424"/>
      <c r="GDG722" s="424"/>
      <c r="GDH722" s="424"/>
      <c r="GDI722" s="423" t="s">
        <v>2795</v>
      </c>
      <c r="GDJ722" s="424"/>
      <c r="GDK722" s="424"/>
      <c r="GDL722" s="424"/>
      <c r="GDM722" s="423" t="s">
        <v>2795</v>
      </c>
      <c r="GDN722" s="424"/>
      <c r="GDO722" s="424"/>
      <c r="GDP722" s="424"/>
      <c r="GDQ722" s="423" t="s">
        <v>2795</v>
      </c>
      <c r="GDR722" s="424"/>
      <c r="GDS722" s="424"/>
      <c r="GDT722" s="424"/>
      <c r="GDU722" s="423" t="s">
        <v>2795</v>
      </c>
      <c r="GDV722" s="424"/>
      <c r="GDW722" s="424"/>
      <c r="GDX722" s="424"/>
      <c r="GDY722" s="423" t="s">
        <v>2795</v>
      </c>
      <c r="GDZ722" s="424"/>
      <c r="GEA722" s="424"/>
      <c r="GEB722" s="424"/>
      <c r="GEC722" s="423" t="s">
        <v>2795</v>
      </c>
      <c r="GED722" s="424"/>
      <c r="GEE722" s="424"/>
      <c r="GEF722" s="424"/>
      <c r="GEG722" s="423" t="s">
        <v>2795</v>
      </c>
      <c r="GEH722" s="424"/>
      <c r="GEI722" s="424"/>
      <c r="GEJ722" s="424"/>
      <c r="GEK722" s="423" t="s">
        <v>2795</v>
      </c>
      <c r="GEL722" s="424"/>
      <c r="GEM722" s="424"/>
      <c r="GEN722" s="424"/>
      <c r="GEO722" s="423" t="s">
        <v>2795</v>
      </c>
      <c r="GEP722" s="424"/>
      <c r="GEQ722" s="424"/>
      <c r="GER722" s="424"/>
      <c r="GES722" s="423" t="s">
        <v>2795</v>
      </c>
      <c r="GET722" s="424"/>
      <c r="GEU722" s="424"/>
      <c r="GEV722" s="424"/>
      <c r="GEW722" s="423" t="s">
        <v>2795</v>
      </c>
      <c r="GEX722" s="424"/>
      <c r="GEY722" s="424"/>
      <c r="GEZ722" s="424"/>
      <c r="GFA722" s="423" t="s">
        <v>2795</v>
      </c>
      <c r="GFB722" s="424"/>
      <c r="GFC722" s="424"/>
      <c r="GFD722" s="424"/>
      <c r="GFE722" s="423" t="s">
        <v>2795</v>
      </c>
      <c r="GFF722" s="424"/>
      <c r="GFG722" s="424"/>
      <c r="GFH722" s="424"/>
      <c r="GFI722" s="423" t="s">
        <v>2795</v>
      </c>
      <c r="GFJ722" s="424"/>
      <c r="GFK722" s="424"/>
      <c r="GFL722" s="424"/>
      <c r="GFM722" s="423" t="s">
        <v>2795</v>
      </c>
      <c r="GFN722" s="424"/>
      <c r="GFO722" s="424"/>
      <c r="GFP722" s="424"/>
      <c r="GFQ722" s="423" t="s">
        <v>2795</v>
      </c>
      <c r="GFR722" s="424"/>
      <c r="GFS722" s="424"/>
      <c r="GFT722" s="424"/>
      <c r="GFU722" s="423" t="s">
        <v>2795</v>
      </c>
      <c r="GFV722" s="424"/>
      <c r="GFW722" s="424"/>
      <c r="GFX722" s="424"/>
      <c r="GFY722" s="423" t="s">
        <v>2795</v>
      </c>
      <c r="GFZ722" s="424"/>
      <c r="GGA722" s="424"/>
      <c r="GGB722" s="424"/>
      <c r="GGC722" s="423" t="s">
        <v>2795</v>
      </c>
      <c r="GGD722" s="424"/>
      <c r="GGE722" s="424"/>
      <c r="GGF722" s="424"/>
      <c r="GGG722" s="423" t="s">
        <v>2795</v>
      </c>
      <c r="GGH722" s="424"/>
      <c r="GGI722" s="424"/>
      <c r="GGJ722" s="424"/>
      <c r="GGK722" s="423" t="s">
        <v>2795</v>
      </c>
      <c r="GGL722" s="424"/>
      <c r="GGM722" s="424"/>
      <c r="GGN722" s="424"/>
      <c r="GGO722" s="423" t="s">
        <v>2795</v>
      </c>
      <c r="GGP722" s="424"/>
      <c r="GGQ722" s="424"/>
      <c r="GGR722" s="424"/>
      <c r="GGS722" s="423" t="s">
        <v>2795</v>
      </c>
      <c r="GGT722" s="424"/>
      <c r="GGU722" s="424"/>
      <c r="GGV722" s="424"/>
      <c r="GGW722" s="423" t="s">
        <v>2795</v>
      </c>
      <c r="GGX722" s="424"/>
      <c r="GGY722" s="424"/>
      <c r="GGZ722" s="424"/>
      <c r="GHA722" s="423" t="s">
        <v>2795</v>
      </c>
      <c r="GHB722" s="424"/>
      <c r="GHC722" s="424"/>
      <c r="GHD722" s="424"/>
      <c r="GHE722" s="423" t="s">
        <v>2795</v>
      </c>
      <c r="GHF722" s="424"/>
      <c r="GHG722" s="424"/>
      <c r="GHH722" s="424"/>
      <c r="GHI722" s="423" t="s">
        <v>2795</v>
      </c>
      <c r="GHJ722" s="424"/>
      <c r="GHK722" s="424"/>
      <c r="GHL722" s="424"/>
      <c r="GHM722" s="423" t="s">
        <v>2795</v>
      </c>
      <c r="GHN722" s="424"/>
      <c r="GHO722" s="424"/>
      <c r="GHP722" s="424"/>
      <c r="GHQ722" s="423" t="s">
        <v>2795</v>
      </c>
      <c r="GHR722" s="424"/>
      <c r="GHS722" s="424"/>
      <c r="GHT722" s="424"/>
      <c r="GHU722" s="423" t="s">
        <v>2795</v>
      </c>
      <c r="GHV722" s="424"/>
      <c r="GHW722" s="424"/>
      <c r="GHX722" s="424"/>
      <c r="GHY722" s="423" t="s">
        <v>2795</v>
      </c>
      <c r="GHZ722" s="424"/>
      <c r="GIA722" s="424"/>
      <c r="GIB722" s="424"/>
      <c r="GIC722" s="423" t="s">
        <v>2795</v>
      </c>
      <c r="GID722" s="424"/>
      <c r="GIE722" s="424"/>
      <c r="GIF722" s="424"/>
      <c r="GIG722" s="423" t="s">
        <v>2795</v>
      </c>
      <c r="GIH722" s="424"/>
      <c r="GII722" s="424"/>
      <c r="GIJ722" s="424"/>
      <c r="GIK722" s="423" t="s">
        <v>2795</v>
      </c>
      <c r="GIL722" s="424"/>
      <c r="GIM722" s="424"/>
      <c r="GIN722" s="424"/>
      <c r="GIO722" s="423" t="s">
        <v>2795</v>
      </c>
      <c r="GIP722" s="424"/>
      <c r="GIQ722" s="424"/>
      <c r="GIR722" s="424"/>
      <c r="GIS722" s="423" t="s">
        <v>2795</v>
      </c>
      <c r="GIT722" s="424"/>
      <c r="GIU722" s="424"/>
      <c r="GIV722" s="424"/>
      <c r="GIW722" s="423" t="s">
        <v>2795</v>
      </c>
      <c r="GIX722" s="424"/>
      <c r="GIY722" s="424"/>
      <c r="GIZ722" s="424"/>
      <c r="GJA722" s="423" t="s">
        <v>2795</v>
      </c>
      <c r="GJB722" s="424"/>
      <c r="GJC722" s="424"/>
      <c r="GJD722" s="424"/>
      <c r="GJE722" s="423" t="s">
        <v>2795</v>
      </c>
      <c r="GJF722" s="424"/>
      <c r="GJG722" s="424"/>
      <c r="GJH722" s="424"/>
      <c r="GJI722" s="423" t="s">
        <v>2795</v>
      </c>
      <c r="GJJ722" s="424"/>
      <c r="GJK722" s="424"/>
      <c r="GJL722" s="424"/>
      <c r="GJM722" s="423" t="s">
        <v>2795</v>
      </c>
      <c r="GJN722" s="424"/>
      <c r="GJO722" s="424"/>
      <c r="GJP722" s="424"/>
      <c r="GJQ722" s="423" t="s">
        <v>2795</v>
      </c>
      <c r="GJR722" s="424"/>
      <c r="GJS722" s="424"/>
      <c r="GJT722" s="424"/>
      <c r="GJU722" s="423" t="s">
        <v>2795</v>
      </c>
      <c r="GJV722" s="424"/>
      <c r="GJW722" s="424"/>
      <c r="GJX722" s="424"/>
      <c r="GJY722" s="423" t="s">
        <v>2795</v>
      </c>
      <c r="GJZ722" s="424"/>
      <c r="GKA722" s="424"/>
      <c r="GKB722" s="424"/>
      <c r="GKC722" s="423" t="s">
        <v>2795</v>
      </c>
      <c r="GKD722" s="424"/>
      <c r="GKE722" s="424"/>
      <c r="GKF722" s="424"/>
      <c r="GKG722" s="423" t="s">
        <v>2795</v>
      </c>
      <c r="GKH722" s="424"/>
      <c r="GKI722" s="424"/>
      <c r="GKJ722" s="424"/>
      <c r="GKK722" s="423" t="s">
        <v>2795</v>
      </c>
      <c r="GKL722" s="424"/>
      <c r="GKM722" s="424"/>
      <c r="GKN722" s="424"/>
      <c r="GKO722" s="423" t="s">
        <v>2795</v>
      </c>
      <c r="GKP722" s="424"/>
      <c r="GKQ722" s="424"/>
      <c r="GKR722" s="424"/>
      <c r="GKS722" s="423" t="s">
        <v>2795</v>
      </c>
      <c r="GKT722" s="424"/>
      <c r="GKU722" s="424"/>
      <c r="GKV722" s="424"/>
      <c r="GKW722" s="423" t="s">
        <v>2795</v>
      </c>
      <c r="GKX722" s="424"/>
      <c r="GKY722" s="424"/>
      <c r="GKZ722" s="424"/>
      <c r="GLA722" s="423" t="s">
        <v>2795</v>
      </c>
      <c r="GLB722" s="424"/>
      <c r="GLC722" s="424"/>
      <c r="GLD722" s="424"/>
      <c r="GLE722" s="423" t="s">
        <v>2795</v>
      </c>
      <c r="GLF722" s="424"/>
      <c r="GLG722" s="424"/>
      <c r="GLH722" s="424"/>
      <c r="GLI722" s="423" t="s">
        <v>2795</v>
      </c>
      <c r="GLJ722" s="424"/>
      <c r="GLK722" s="424"/>
      <c r="GLL722" s="424"/>
      <c r="GLM722" s="423" t="s">
        <v>2795</v>
      </c>
      <c r="GLN722" s="424"/>
      <c r="GLO722" s="424"/>
      <c r="GLP722" s="424"/>
      <c r="GLQ722" s="423" t="s">
        <v>2795</v>
      </c>
      <c r="GLR722" s="424"/>
      <c r="GLS722" s="424"/>
      <c r="GLT722" s="424"/>
      <c r="GLU722" s="423" t="s">
        <v>2795</v>
      </c>
      <c r="GLV722" s="424"/>
      <c r="GLW722" s="424"/>
      <c r="GLX722" s="424"/>
      <c r="GLY722" s="423" t="s">
        <v>2795</v>
      </c>
      <c r="GLZ722" s="424"/>
      <c r="GMA722" s="424"/>
      <c r="GMB722" s="424"/>
      <c r="GMC722" s="423" t="s">
        <v>2795</v>
      </c>
      <c r="GMD722" s="424"/>
      <c r="GME722" s="424"/>
      <c r="GMF722" s="424"/>
      <c r="GMG722" s="423" t="s">
        <v>2795</v>
      </c>
      <c r="GMH722" s="424"/>
      <c r="GMI722" s="424"/>
      <c r="GMJ722" s="424"/>
      <c r="GMK722" s="423" t="s">
        <v>2795</v>
      </c>
      <c r="GML722" s="424"/>
      <c r="GMM722" s="424"/>
      <c r="GMN722" s="424"/>
      <c r="GMO722" s="423" t="s">
        <v>2795</v>
      </c>
      <c r="GMP722" s="424"/>
      <c r="GMQ722" s="424"/>
      <c r="GMR722" s="424"/>
      <c r="GMS722" s="423" t="s">
        <v>2795</v>
      </c>
      <c r="GMT722" s="424"/>
      <c r="GMU722" s="424"/>
      <c r="GMV722" s="424"/>
      <c r="GMW722" s="423" t="s">
        <v>2795</v>
      </c>
      <c r="GMX722" s="424"/>
      <c r="GMY722" s="424"/>
      <c r="GMZ722" s="424"/>
      <c r="GNA722" s="423" t="s">
        <v>2795</v>
      </c>
      <c r="GNB722" s="424"/>
      <c r="GNC722" s="424"/>
      <c r="GND722" s="424"/>
      <c r="GNE722" s="423" t="s">
        <v>2795</v>
      </c>
      <c r="GNF722" s="424"/>
      <c r="GNG722" s="424"/>
      <c r="GNH722" s="424"/>
      <c r="GNI722" s="423" t="s">
        <v>2795</v>
      </c>
      <c r="GNJ722" s="424"/>
      <c r="GNK722" s="424"/>
      <c r="GNL722" s="424"/>
      <c r="GNM722" s="423" t="s">
        <v>2795</v>
      </c>
      <c r="GNN722" s="424"/>
      <c r="GNO722" s="424"/>
      <c r="GNP722" s="424"/>
      <c r="GNQ722" s="423" t="s">
        <v>2795</v>
      </c>
      <c r="GNR722" s="424"/>
      <c r="GNS722" s="424"/>
      <c r="GNT722" s="424"/>
      <c r="GNU722" s="423" t="s">
        <v>2795</v>
      </c>
      <c r="GNV722" s="424"/>
      <c r="GNW722" s="424"/>
      <c r="GNX722" s="424"/>
      <c r="GNY722" s="423" t="s">
        <v>2795</v>
      </c>
      <c r="GNZ722" s="424"/>
      <c r="GOA722" s="424"/>
      <c r="GOB722" s="424"/>
      <c r="GOC722" s="423" t="s">
        <v>2795</v>
      </c>
      <c r="GOD722" s="424"/>
      <c r="GOE722" s="424"/>
      <c r="GOF722" s="424"/>
      <c r="GOG722" s="423" t="s">
        <v>2795</v>
      </c>
      <c r="GOH722" s="424"/>
      <c r="GOI722" s="424"/>
      <c r="GOJ722" s="424"/>
      <c r="GOK722" s="423" t="s">
        <v>2795</v>
      </c>
      <c r="GOL722" s="424"/>
      <c r="GOM722" s="424"/>
      <c r="GON722" s="424"/>
      <c r="GOO722" s="423" t="s">
        <v>2795</v>
      </c>
      <c r="GOP722" s="424"/>
      <c r="GOQ722" s="424"/>
      <c r="GOR722" s="424"/>
      <c r="GOS722" s="423" t="s">
        <v>2795</v>
      </c>
      <c r="GOT722" s="424"/>
      <c r="GOU722" s="424"/>
      <c r="GOV722" s="424"/>
      <c r="GOW722" s="423" t="s">
        <v>2795</v>
      </c>
      <c r="GOX722" s="424"/>
      <c r="GOY722" s="424"/>
      <c r="GOZ722" s="424"/>
      <c r="GPA722" s="423" t="s">
        <v>2795</v>
      </c>
      <c r="GPB722" s="424"/>
      <c r="GPC722" s="424"/>
      <c r="GPD722" s="424"/>
      <c r="GPE722" s="423" t="s">
        <v>2795</v>
      </c>
      <c r="GPF722" s="424"/>
      <c r="GPG722" s="424"/>
      <c r="GPH722" s="424"/>
      <c r="GPI722" s="423" t="s">
        <v>2795</v>
      </c>
      <c r="GPJ722" s="424"/>
      <c r="GPK722" s="424"/>
      <c r="GPL722" s="424"/>
      <c r="GPM722" s="423" t="s">
        <v>2795</v>
      </c>
      <c r="GPN722" s="424"/>
      <c r="GPO722" s="424"/>
      <c r="GPP722" s="424"/>
      <c r="GPQ722" s="423" t="s">
        <v>2795</v>
      </c>
      <c r="GPR722" s="424"/>
      <c r="GPS722" s="424"/>
      <c r="GPT722" s="424"/>
      <c r="GPU722" s="423" t="s">
        <v>2795</v>
      </c>
      <c r="GPV722" s="424"/>
      <c r="GPW722" s="424"/>
      <c r="GPX722" s="424"/>
      <c r="GPY722" s="423" t="s">
        <v>2795</v>
      </c>
      <c r="GPZ722" s="424"/>
      <c r="GQA722" s="424"/>
      <c r="GQB722" s="424"/>
      <c r="GQC722" s="423" t="s">
        <v>2795</v>
      </c>
      <c r="GQD722" s="424"/>
      <c r="GQE722" s="424"/>
      <c r="GQF722" s="424"/>
      <c r="GQG722" s="423" t="s">
        <v>2795</v>
      </c>
      <c r="GQH722" s="424"/>
      <c r="GQI722" s="424"/>
      <c r="GQJ722" s="424"/>
      <c r="GQK722" s="423" t="s">
        <v>2795</v>
      </c>
      <c r="GQL722" s="424"/>
      <c r="GQM722" s="424"/>
      <c r="GQN722" s="424"/>
      <c r="GQO722" s="423" t="s">
        <v>2795</v>
      </c>
      <c r="GQP722" s="424"/>
      <c r="GQQ722" s="424"/>
      <c r="GQR722" s="424"/>
      <c r="GQS722" s="423" t="s">
        <v>2795</v>
      </c>
      <c r="GQT722" s="424"/>
      <c r="GQU722" s="424"/>
      <c r="GQV722" s="424"/>
      <c r="GQW722" s="423" t="s">
        <v>2795</v>
      </c>
      <c r="GQX722" s="424"/>
      <c r="GQY722" s="424"/>
      <c r="GQZ722" s="424"/>
      <c r="GRA722" s="423" t="s">
        <v>2795</v>
      </c>
      <c r="GRB722" s="424"/>
      <c r="GRC722" s="424"/>
      <c r="GRD722" s="424"/>
      <c r="GRE722" s="423" t="s">
        <v>2795</v>
      </c>
      <c r="GRF722" s="424"/>
      <c r="GRG722" s="424"/>
      <c r="GRH722" s="424"/>
      <c r="GRI722" s="423" t="s">
        <v>2795</v>
      </c>
      <c r="GRJ722" s="424"/>
      <c r="GRK722" s="424"/>
      <c r="GRL722" s="424"/>
      <c r="GRM722" s="423" t="s">
        <v>2795</v>
      </c>
      <c r="GRN722" s="424"/>
      <c r="GRO722" s="424"/>
      <c r="GRP722" s="424"/>
      <c r="GRQ722" s="423" t="s">
        <v>2795</v>
      </c>
      <c r="GRR722" s="424"/>
      <c r="GRS722" s="424"/>
      <c r="GRT722" s="424"/>
      <c r="GRU722" s="423" t="s">
        <v>2795</v>
      </c>
      <c r="GRV722" s="424"/>
      <c r="GRW722" s="424"/>
      <c r="GRX722" s="424"/>
      <c r="GRY722" s="423" t="s">
        <v>2795</v>
      </c>
      <c r="GRZ722" s="424"/>
      <c r="GSA722" s="424"/>
      <c r="GSB722" s="424"/>
      <c r="GSC722" s="423" t="s">
        <v>2795</v>
      </c>
      <c r="GSD722" s="424"/>
      <c r="GSE722" s="424"/>
      <c r="GSF722" s="424"/>
      <c r="GSG722" s="423" t="s">
        <v>2795</v>
      </c>
      <c r="GSH722" s="424"/>
      <c r="GSI722" s="424"/>
      <c r="GSJ722" s="424"/>
      <c r="GSK722" s="423" t="s">
        <v>2795</v>
      </c>
      <c r="GSL722" s="424"/>
      <c r="GSM722" s="424"/>
      <c r="GSN722" s="424"/>
      <c r="GSO722" s="423" t="s">
        <v>2795</v>
      </c>
      <c r="GSP722" s="424"/>
      <c r="GSQ722" s="424"/>
      <c r="GSR722" s="424"/>
      <c r="GSS722" s="423" t="s">
        <v>2795</v>
      </c>
      <c r="GST722" s="424"/>
      <c r="GSU722" s="424"/>
      <c r="GSV722" s="424"/>
      <c r="GSW722" s="423" t="s">
        <v>2795</v>
      </c>
      <c r="GSX722" s="424"/>
      <c r="GSY722" s="424"/>
      <c r="GSZ722" s="424"/>
      <c r="GTA722" s="423" t="s">
        <v>2795</v>
      </c>
      <c r="GTB722" s="424"/>
      <c r="GTC722" s="424"/>
      <c r="GTD722" s="424"/>
      <c r="GTE722" s="423" t="s">
        <v>2795</v>
      </c>
      <c r="GTF722" s="424"/>
      <c r="GTG722" s="424"/>
      <c r="GTH722" s="424"/>
      <c r="GTI722" s="423" t="s">
        <v>2795</v>
      </c>
      <c r="GTJ722" s="424"/>
      <c r="GTK722" s="424"/>
      <c r="GTL722" s="424"/>
      <c r="GTM722" s="423" t="s">
        <v>2795</v>
      </c>
      <c r="GTN722" s="424"/>
      <c r="GTO722" s="424"/>
      <c r="GTP722" s="424"/>
      <c r="GTQ722" s="423" t="s">
        <v>2795</v>
      </c>
      <c r="GTR722" s="424"/>
      <c r="GTS722" s="424"/>
      <c r="GTT722" s="424"/>
      <c r="GTU722" s="423" t="s">
        <v>2795</v>
      </c>
      <c r="GTV722" s="424"/>
      <c r="GTW722" s="424"/>
      <c r="GTX722" s="424"/>
      <c r="GTY722" s="423" t="s">
        <v>2795</v>
      </c>
      <c r="GTZ722" s="424"/>
      <c r="GUA722" s="424"/>
      <c r="GUB722" s="424"/>
      <c r="GUC722" s="423" t="s">
        <v>2795</v>
      </c>
      <c r="GUD722" s="424"/>
      <c r="GUE722" s="424"/>
      <c r="GUF722" s="424"/>
      <c r="GUG722" s="423" t="s">
        <v>2795</v>
      </c>
      <c r="GUH722" s="424"/>
      <c r="GUI722" s="424"/>
      <c r="GUJ722" s="424"/>
      <c r="GUK722" s="423" t="s">
        <v>2795</v>
      </c>
      <c r="GUL722" s="424"/>
      <c r="GUM722" s="424"/>
      <c r="GUN722" s="424"/>
      <c r="GUO722" s="423" t="s">
        <v>2795</v>
      </c>
      <c r="GUP722" s="424"/>
      <c r="GUQ722" s="424"/>
      <c r="GUR722" s="424"/>
      <c r="GUS722" s="423" t="s">
        <v>2795</v>
      </c>
      <c r="GUT722" s="424"/>
      <c r="GUU722" s="424"/>
      <c r="GUV722" s="424"/>
      <c r="GUW722" s="423" t="s">
        <v>2795</v>
      </c>
      <c r="GUX722" s="424"/>
      <c r="GUY722" s="424"/>
      <c r="GUZ722" s="424"/>
      <c r="GVA722" s="423" t="s">
        <v>2795</v>
      </c>
      <c r="GVB722" s="424"/>
      <c r="GVC722" s="424"/>
      <c r="GVD722" s="424"/>
      <c r="GVE722" s="423" t="s">
        <v>2795</v>
      </c>
      <c r="GVF722" s="424"/>
      <c r="GVG722" s="424"/>
      <c r="GVH722" s="424"/>
      <c r="GVI722" s="423" t="s">
        <v>2795</v>
      </c>
      <c r="GVJ722" s="424"/>
      <c r="GVK722" s="424"/>
      <c r="GVL722" s="424"/>
      <c r="GVM722" s="423" t="s">
        <v>2795</v>
      </c>
      <c r="GVN722" s="424"/>
      <c r="GVO722" s="424"/>
      <c r="GVP722" s="424"/>
      <c r="GVQ722" s="423" t="s">
        <v>2795</v>
      </c>
      <c r="GVR722" s="424"/>
      <c r="GVS722" s="424"/>
      <c r="GVT722" s="424"/>
      <c r="GVU722" s="423" t="s">
        <v>2795</v>
      </c>
      <c r="GVV722" s="424"/>
      <c r="GVW722" s="424"/>
      <c r="GVX722" s="424"/>
      <c r="GVY722" s="423" t="s">
        <v>2795</v>
      </c>
      <c r="GVZ722" s="424"/>
      <c r="GWA722" s="424"/>
      <c r="GWB722" s="424"/>
      <c r="GWC722" s="423" t="s">
        <v>2795</v>
      </c>
      <c r="GWD722" s="424"/>
      <c r="GWE722" s="424"/>
      <c r="GWF722" s="424"/>
      <c r="GWG722" s="423" t="s">
        <v>2795</v>
      </c>
      <c r="GWH722" s="424"/>
      <c r="GWI722" s="424"/>
      <c r="GWJ722" s="424"/>
      <c r="GWK722" s="423" t="s">
        <v>2795</v>
      </c>
      <c r="GWL722" s="424"/>
      <c r="GWM722" s="424"/>
      <c r="GWN722" s="424"/>
      <c r="GWO722" s="423" t="s">
        <v>2795</v>
      </c>
      <c r="GWP722" s="424"/>
      <c r="GWQ722" s="424"/>
      <c r="GWR722" s="424"/>
      <c r="GWS722" s="423" t="s">
        <v>2795</v>
      </c>
      <c r="GWT722" s="424"/>
      <c r="GWU722" s="424"/>
      <c r="GWV722" s="424"/>
      <c r="GWW722" s="423" t="s">
        <v>2795</v>
      </c>
      <c r="GWX722" s="424"/>
      <c r="GWY722" s="424"/>
      <c r="GWZ722" s="424"/>
      <c r="GXA722" s="423" t="s">
        <v>2795</v>
      </c>
      <c r="GXB722" s="424"/>
      <c r="GXC722" s="424"/>
      <c r="GXD722" s="424"/>
      <c r="GXE722" s="423" t="s">
        <v>2795</v>
      </c>
      <c r="GXF722" s="424"/>
      <c r="GXG722" s="424"/>
      <c r="GXH722" s="424"/>
      <c r="GXI722" s="423" t="s">
        <v>2795</v>
      </c>
      <c r="GXJ722" s="424"/>
      <c r="GXK722" s="424"/>
      <c r="GXL722" s="424"/>
      <c r="GXM722" s="423" t="s">
        <v>2795</v>
      </c>
      <c r="GXN722" s="424"/>
      <c r="GXO722" s="424"/>
      <c r="GXP722" s="424"/>
      <c r="GXQ722" s="423" t="s">
        <v>2795</v>
      </c>
      <c r="GXR722" s="424"/>
      <c r="GXS722" s="424"/>
      <c r="GXT722" s="424"/>
      <c r="GXU722" s="423" t="s">
        <v>2795</v>
      </c>
      <c r="GXV722" s="424"/>
      <c r="GXW722" s="424"/>
      <c r="GXX722" s="424"/>
      <c r="GXY722" s="423" t="s">
        <v>2795</v>
      </c>
      <c r="GXZ722" s="424"/>
      <c r="GYA722" s="424"/>
      <c r="GYB722" s="424"/>
      <c r="GYC722" s="423" t="s">
        <v>2795</v>
      </c>
      <c r="GYD722" s="424"/>
      <c r="GYE722" s="424"/>
      <c r="GYF722" s="424"/>
      <c r="GYG722" s="423" t="s">
        <v>2795</v>
      </c>
      <c r="GYH722" s="424"/>
      <c r="GYI722" s="424"/>
      <c r="GYJ722" s="424"/>
      <c r="GYK722" s="423" t="s">
        <v>2795</v>
      </c>
      <c r="GYL722" s="424"/>
      <c r="GYM722" s="424"/>
      <c r="GYN722" s="424"/>
      <c r="GYO722" s="423" t="s">
        <v>2795</v>
      </c>
      <c r="GYP722" s="424"/>
      <c r="GYQ722" s="424"/>
      <c r="GYR722" s="424"/>
      <c r="GYS722" s="423" t="s">
        <v>2795</v>
      </c>
      <c r="GYT722" s="424"/>
      <c r="GYU722" s="424"/>
      <c r="GYV722" s="424"/>
      <c r="GYW722" s="423" t="s">
        <v>2795</v>
      </c>
      <c r="GYX722" s="424"/>
      <c r="GYY722" s="424"/>
      <c r="GYZ722" s="424"/>
      <c r="GZA722" s="423" t="s">
        <v>2795</v>
      </c>
      <c r="GZB722" s="424"/>
      <c r="GZC722" s="424"/>
      <c r="GZD722" s="424"/>
      <c r="GZE722" s="423" t="s">
        <v>2795</v>
      </c>
      <c r="GZF722" s="424"/>
      <c r="GZG722" s="424"/>
      <c r="GZH722" s="424"/>
      <c r="GZI722" s="423" t="s">
        <v>2795</v>
      </c>
      <c r="GZJ722" s="424"/>
      <c r="GZK722" s="424"/>
      <c r="GZL722" s="424"/>
      <c r="GZM722" s="423" t="s">
        <v>2795</v>
      </c>
      <c r="GZN722" s="424"/>
      <c r="GZO722" s="424"/>
      <c r="GZP722" s="424"/>
      <c r="GZQ722" s="423" t="s">
        <v>2795</v>
      </c>
      <c r="GZR722" s="424"/>
      <c r="GZS722" s="424"/>
      <c r="GZT722" s="424"/>
      <c r="GZU722" s="423" t="s">
        <v>2795</v>
      </c>
      <c r="GZV722" s="424"/>
      <c r="GZW722" s="424"/>
      <c r="GZX722" s="424"/>
      <c r="GZY722" s="423" t="s">
        <v>2795</v>
      </c>
      <c r="GZZ722" s="424"/>
      <c r="HAA722" s="424"/>
      <c r="HAB722" s="424"/>
      <c r="HAC722" s="423" t="s">
        <v>2795</v>
      </c>
      <c r="HAD722" s="424"/>
      <c r="HAE722" s="424"/>
      <c r="HAF722" s="424"/>
      <c r="HAG722" s="423" t="s">
        <v>2795</v>
      </c>
      <c r="HAH722" s="424"/>
      <c r="HAI722" s="424"/>
      <c r="HAJ722" s="424"/>
      <c r="HAK722" s="423" t="s">
        <v>2795</v>
      </c>
      <c r="HAL722" s="424"/>
      <c r="HAM722" s="424"/>
      <c r="HAN722" s="424"/>
      <c r="HAO722" s="423" t="s">
        <v>2795</v>
      </c>
      <c r="HAP722" s="424"/>
      <c r="HAQ722" s="424"/>
      <c r="HAR722" s="424"/>
      <c r="HAS722" s="423" t="s">
        <v>2795</v>
      </c>
      <c r="HAT722" s="424"/>
      <c r="HAU722" s="424"/>
      <c r="HAV722" s="424"/>
      <c r="HAW722" s="423" t="s">
        <v>2795</v>
      </c>
      <c r="HAX722" s="424"/>
      <c r="HAY722" s="424"/>
      <c r="HAZ722" s="424"/>
      <c r="HBA722" s="423" t="s">
        <v>2795</v>
      </c>
      <c r="HBB722" s="424"/>
      <c r="HBC722" s="424"/>
      <c r="HBD722" s="424"/>
      <c r="HBE722" s="423" t="s">
        <v>2795</v>
      </c>
      <c r="HBF722" s="424"/>
      <c r="HBG722" s="424"/>
      <c r="HBH722" s="424"/>
      <c r="HBI722" s="423" t="s">
        <v>2795</v>
      </c>
      <c r="HBJ722" s="424"/>
      <c r="HBK722" s="424"/>
      <c r="HBL722" s="424"/>
      <c r="HBM722" s="423" t="s">
        <v>2795</v>
      </c>
      <c r="HBN722" s="424"/>
      <c r="HBO722" s="424"/>
      <c r="HBP722" s="424"/>
      <c r="HBQ722" s="423" t="s">
        <v>2795</v>
      </c>
      <c r="HBR722" s="424"/>
      <c r="HBS722" s="424"/>
      <c r="HBT722" s="424"/>
      <c r="HBU722" s="423" t="s">
        <v>2795</v>
      </c>
      <c r="HBV722" s="424"/>
      <c r="HBW722" s="424"/>
      <c r="HBX722" s="424"/>
      <c r="HBY722" s="423" t="s">
        <v>2795</v>
      </c>
      <c r="HBZ722" s="424"/>
      <c r="HCA722" s="424"/>
      <c r="HCB722" s="424"/>
      <c r="HCC722" s="423" t="s">
        <v>2795</v>
      </c>
      <c r="HCD722" s="424"/>
      <c r="HCE722" s="424"/>
      <c r="HCF722" s="424"/>
      <c r="HCG722" s="423" t="s">
        <v>2795</v>
      </c>
      <c r="HCH722" s="424"/>
      <c r="HCI722" s="424"/>
      <c r="HCJ722" s="424"/>
      <c r="HCK722" s="423" t="s">
        <v>2795</v>
      </c>
      <c r="HCL722" s="424"/>
      <c r="HCM722" s="424"/>
      <c r="HCN722" s="424"/>
      <c r="HCO722" s="423" t="s">
        <v>2795</v>
      </c>
      <c r="HCP722" s="424"/>
      <c r="HCQ722" s="424"/>
      <c r="HCR722" s="424"/>
      <c r="HCS722" s="423" t="s">
        <v>2795</v>
      </c>
      <c r="HCT722" s="424"/>
      <c r="HCU722" s="424"/>
      <c r="HCV722" s="424"/>
      <c r="HCW722" s="423" t="s">
        <v>2795</v>
      </c>
      <c r="HCX722" s="424"/>
      <c r="HCY722" s="424"/>
      <c r="HCZ722" s="424"/>
      <c r="HDA722" s="423" t="s">
        <v>2795</v>
      </c>
      <c r="HDB722" s="424"/>
      <c r="HDC722" s="424"/>
      <c r="HDD722" s="424"/>
      <c r="HDE722" s="423" t="s">
        <v>2795</v>
      </c>
      <c r="HDF722" s="424"/>
      <c r="HDG722" s="424"/>
      <c r="HDH722" s="424"/>
      <c r="HDI722" s="423" t="s">
        <v>2795</v>
      </c>
      <c r="HDJ722" s="424"/>
      <c r="HDK722" s="424"/>
      <c r="HDL722" s="424"/>
      <c r="HDM722" s="423" t="s">
        <v>2795</v>
      </c>
      <c r="HDN722" s="424"/>
      <c r="HDO722" s="424"/>
      <c r="HDP722" s="424"/>
      <c r="HDQ722" s="423" t="s">
        <v>2795</v>
      </c>
      <c r="HDR722" s="424"/>
      <c r="HDS722" s="424"/>
      <c r="HDT722" s="424"/>
      <c r="HDU722" s="423" t="s">
        <v>2795</v>
      </c>
      <c r="HDV722" s="424"/>
      <c r="HDW722" s="424"/>
      <c r="HDX722" s="424"/>
      <c r="HDY722" s="423" t="s">
        <v>2795</v>
      </c>
      <c r="HDZ722" s="424"/>
      <c r="HEA722" s="424"/>
      <c r="HEB722" s="424"/>
      <c r="HEC722" s="423" t="s">
        <v>2795</v>
      </c>
      <c r="HED722" s="424"/>
      <c r="HEE722" s="424"/>
      <c r="HEF722" s="424"/>
      <c r="HEG722" s="423" t="s">
        <v>2795</v>
      </c>
      <c r="HEH722" s="424"/>
      <c r="HEI722" s="424"/>
      <c r="HEJ722" s="424"/>
      <c r="HEK722" s="423" t="s">
        <v>2795</v>
      </c>
      <c r="HEL722" s="424"/>
      <c r="HEM722" s="424"/>
      <c r="HEN722" s="424"/>
      <c r="HEO722" s="423" t="s">
        <v>2795</v>
      </c>
      <c r="HEP722" s="424"/>
      <c r="HEQ722" s="424"/>
      <c r="HER722" s="424"/>
      <c r="HES722" s="423" t="s">
        <v>2795</v>
      </c>
      <c r="HET722" s="424"/>
      <c r="HEU722" s="424"/>
      <c r="HEV722" s="424"/>
      <c r="HEW722" s="423" t="s">
        <v>2795</v>
      </c>
      <c r="HEX722" s="424"/>
      <c r="HEY722" s="424"/>
      <c r="HEZ722" s="424"/>
      <c r="HFA722" s="423" t="s">
        <v>2795</v>
      </c>
      <c r="HFB722" s="424"/>
      <c r="HFC722" s="424"/>
      <c r="HFD722" s="424"/>
      <c r="HFE722" s="423" t="s">
        <v>2795</v>
      </c>
      <c r="HFF722" s="424"/>
      <c r="HFG722" s="424"/>
      <c r="HFH722" s="424"/>
      <c r="HFI722" s="423" t="s">
        <v>2795</v>
      </c>
      <c r="HFJ722" s="424"/>
      <c r="HFK722" s="424"/>
      <c r="HFL722" s="424"/>
      <c r="HFM722" s="423" t="s">
        <v>2795</v>
      </c>
      <c r="HFN722" s="424"/>
      <c r="HFO722" s="424"/>
      <c r="HFP722" s="424"/>
      <c r="HFQ722" s="423" t="s">
        <v>2795</v>
      </c>
      <c r="HFR722" s="424"/>
      <c r="HFS722" s="424"/>
      <c r="HFT722" s="424"/>
      <c r="HFU722" s="423" t="s">
        <v>2795</v>
      </c>
      <c r="HFV722" s="424"/>
      <c r="HFW722" s="424"/>
      <c r="HFX722" s="424"/>
      <c r="HFY722" s="423" t="s">
        <v>2795</v>
      </c>
      <c r="HFZ722" s="424"/>
      <c r="HGA722" s="424"/>
      <c r="HGB722" s="424"/>
      <c r="HGC722" s="423" t="s">
        <v>2795</v>
      </c>
      <c r="HGD722" s="424"/>
      <c r="HGE722" s="424"/>
      <c r="HGF722" s="424"/>
      <c r="HGG722" s="423" t="s">
        <v>2795</v>
      </c>
      <c r="HGH722" s="424"/>
      <c r="HGI722" s="424"/>
      <c r="HGJ722" s="424"/>
      <c r="HGK722" s="423" t="s">
        <v>2795</v>
      </c>
      <c r="HGL722" s="424"/>
      <c r="HGM722" s="424"/>
      <c r="HGN722" s="424"/>
      <c r="HGO722" s="423" t="s">
        <v>2795</v>
      </c>
      <c r="HGP722" s="424"/>
      <c r="HGQ722" s="424"/>
      <c r="HGR722" s="424"/>
      <c r="HGS722" s="423" t="s">
        <v>2795</v>
      </c>
      <c r="HGT722" s="424"/>
      <c r="HGU722" s="424"/>
      <c r="HGV722" s="424"/>
      <c r="HGW722" s="423" t="s">
        <v>2795</v>
      </c>
      <c r="HGX722" s="424"/>
      <c r="HGY722" s="424"/>
      <c r="HGZ722" s="424"/>
      <c r="HHA722" s="423" t="s">
        <v>2795</v>
      </c>
      <c r="HHB722" s="424"/>
      <c r="HHC722" s="424"/>
      <c r="HHD722" s="424"/>
      <c r="HHE722" s="423" t="s">
        <v>2795</v>
      </c>
      <c r="HHF722" s="424"/>
      <c r="HHG722" s="424"/>
      <c r="HHH722" s="424"/>
      <c r="HHI722" s="423" t="s">
        <v>2795</v>
      </c>
      <c r="HHJ722" s="424"/>
      <c r="HHK722" s="424"/>
      <c r="HHL722" s="424"/>
      <c r="HHM722" s="423" t="s">
        <v>2795</v>
      </c>
      <c r="HHN722" s="424"/>
      <c r="HHO722" s="424"/>
      <c r="HHP722" s="424"/>
      <c r="HHQ722" s="423" t="s">
        <v>2795</v>
      </c>
      <c r="HHR722" s="424"/>
      <c r="HHS722" s="424"/>
      <c r="HHT722" s="424"/>
      <c r="HHU722" s="423" t="s">
        <v>2795</v>
      </c>
      <c r="HHV722" s="424"/>
      <c r="HHW722" s="424"/>
      <c r="HHX722" s="424"/>
      <c r="HHY722" s="423" t="s">
        <v>2795</v>
      </c>
      <c r="HHZ722" s="424"/>
      <c r="HIA722" s="424"/>
      <c r="HIB722" s="424"/>
      <c r="HIC722" s="423" t="s">
        <v>2795</v>
      </c>
      <c r="HID722" s="424"/>
      <c r="HIE722" s="424"/>
      <c r="HIF722" s="424"/>
      <c r="HIG722" s="423" t="s">
        <v>2795</v>
      </c>
      <c r="HIH722" s="424"/>
      <c r="HII722" s="424"/>
      <c r="HIJ722" s="424"/>
      <c r="HIK722" s="423" t="s">
        <v>2795</v>
      </c>
      <c r="HIL722" s="424"/>
      <c r="HIM722" s="424"/>
      <c r="HIN722" s="424"/>
      <c r="HIO722" s="423" t="s">
        <v>2795</v>
      </c>
      <c r="HIP722" s="424"/>
      <c r="HIQ722" s="424"/>
      <c r="HIR722" s="424"/>
      <c r="HIS722" s="423" t="s">
        <v>2795</v>
      </c>
      <c r="HIT722" s="424"/>
      <c r="HIU722" s="424"/>
      <c r="HIV722" s="424"/>
      <c r="HIW722" s="423" t="s">
        <v>2795</v>
      </c>
      <c r="HIX722" s="424"/>
      <c r="HIY722" s="424"/>
      <c r="HIZ722" s="424"/>
      <c r="HJA722" s="423" t="s">
        <v>2795</v>
      </c>
      <c r="HJB722" s="424"/>
      <c r="HJC722" s="424"/>
      <c r="HJD722" s="424"/>
      <c r="HJE722" s="423" t="s">
        <v>2795</v>
      </c>
      <c r="HJF722" s="424"/>
      <c r="HJG722" s="424"/>
      <c r="HJH722" s="424"/>
      <c r="HJI722" s="423" t="s">
        <v>2795</v>
      </c>
      <c r="HJJ722" s="424"/>
      <c r="HJK722" s="424"/>
      <c r="HJL722" s="424"/>
      <c r="HJM722" s="423" t="s">
        <v>2795</v>
      </c>
      <c r="HJN722" s="424"/>
      <c r="HJO722" s="424"/>
      <c r="HJP722" s="424"/>
      <c r="HJQ722" s="423" t="s">
        <v>2795</v>
      </c>
      <c r="HJR722" s="424"/>
      <c r="HJS722" s="424"/>
      <c r="HJT722" s="424"/>
      <c r="HJU722" s="423" t="s">
        <v>2795</v>
      </c>
      <c r="HJV722" s="424"/>
      <c r="HJW722" s="424"/>
      <c r="HJX722" s="424"/>
      <c r="HJY722" s="423" t="s">
        <v>2795</v>
      </c>
      <c r="HJZ722" s="424"/>
      <c r="HKA722" s="424"/>
      <c r="HKB722" s="424"/>
      <c r="HKC722" s="423" t="s">
        <v>2795</v>
      </c>
      <c r="HKD722" s="424"/>
      <c r="HKE722" s="424"/>
      <c r="HKF722" s="424"/>
      <c r="HKG722" s="423" t="s">
        <v>2795</v>
      </c>
      <c r="HKH722" s="424"/>
      <c r="HKI722" s="424"/>
      <c r="HKJ722" s="424"/>
      <c r="HKK722" s="423" t="s">
        <v>2795</v>
      </c>
      <c r="HKL722" s="424"/>
      <c r="HKM722" s="424"/>
      <c r="HKN722" s="424"/>
      <c r="HKO722" s="423" t="s">
        <v>2795</v>
      </c>
      <c r="HKP722" s="424"/>
      <c r="HKQ722" s="424"/>
      <c r="HKR722" s="424"/>
      <c r="HKS722" s="423" t="s">
        <v>2795</v>
      </c>
      <c r="HKT722" s="424"/>
      <c r="HKU722" s="424"/>
      <c r="HKV722" s="424"/>
      <c r="HKW722" s="423" t="s">
        <v>2795</v>
      </c>
      <c r="HKX722" s="424"/>
      <c r="HKY722" s="424"/>
      <c r="HKZ722" s="424"/>
      <c r="HLA722" s="423" t="s">
        <v>2795</v>
      </c>
      <c r="HLB722" s="424"/>
      <c r="HLC722" s="424"/>
      <c r="HLD722" s="424"/>
      <c r="HLE722" s="423" t="s">
        <v>2795</v>
      </c>
      <c r="HLF722" s="424"/>
      <c r="HLG722" s="424"/>
      <c r="HLH722" s="424"/>
      <c r="HLI722" s="423" t="s">
        <v>2795</v>
      </c>
      <c r="HLJ722" s="424"/>
      <c r="HLK722" s="424"/>
      <c r="HLL722" s="424"/>
      <c r="HLM722" s="423" t="s">
        <v>2795</v>
      </c>
      <c r="HLN722" s="424"/>
      <c r="HLO722" s="424"/>
      <c r="HLP722" s="424"/>
      <c r="HLQ722" s="423" t="s">
        <v>2795</v>
      </c>
      <c r="HLR722" s="424"/>
      <c r="HLS722" s="424"/>
      <c r="HLT722" s="424"/>
      <c r="HLU722" s="423" t="s">
        <v>2795</v>
      </c>
      <c r="HLV722" s="424"/>
      <c r="HLW722" s="424"/>
      <c r="HLX722" s="424"/>
      <c r="HLY722" s="423" t="s">
        <v>2795</v>
      </c>
      <c r="HLZ722" s="424"/>
      <c r="HMA722" s="424"/>
      <c r="HMB722" s="424"/>
      <c r="HMC722" s="423" t="s">
        <v>2795</v>
      </c>
      <c r="HMD722" s="424"/>
      <c r="HME722" s="424"/>
      <c r="HMF722" s="424"/>
      <c r="HMG722" s="423" t="s">
        <v>2795</v>
      </c>
      <c r="HMH722" s="424"/>
      <c r="HMI722" s="424"/>
      <c r="HMJ722" s="424"/>
      <c r="HMK722" s="423" t="s">
        <v>2795</v>
      </c>
      <c r="HML722" s="424"/>
      <c r="HMM722" s="424"/>
      <c r="HMN722" s="424"/>
      <c r="HMO722" s="423" t="s">
        <v>2795</v>
      </c>
      <c r="HMP722" s="424"/>
      <c r="HMQ722" s="424"/>
      <c r="HMR722" s="424"/>
      <c r="HMS722" s="423" t="s">
        <v>2795</v>
      </c>
      <c r="HMT722" s="424"/>
      <c r="HMU722" s="424"/>
      <c r="HMV722" s="424"/>
      <c r="HMW722" s="423" t="s">
        <v>2795</v>
      </c>
      <c r="HMX722" s="424"/>
      <c r="HMY722" s="424"/>
      <c r="HMZ722" s="424"/>
      <c r="HNA722" s="423" t="s">
        <v>2795</v>
      </c>
      <c r="HNB722" s="424"/>
      <c r="HNC722" s="424"/>
      <c r="HND722" s="424"/>
      <c r="HNE722" s="423" t="s">
        <v>2795</v>
      </c>
      <c r="HNF722" s="424"/>
      <c r="HNG722" s="424"/>
      <c r="HNH722" s="424"/>
      <c r="HNI722" s="423" t="s">
        <v>2795</v>
      </c>
      <c r="HNJ722" s="424"/>
      <c r="HNK722" s="424"/>
      <c r="HNL722" s="424"/>
      <c r="HNM722" s="423" t="s">
        <v>2795</v>
      </c>
      <c r="HNN722" s="424"/>
      <c r="HNO722" s="424"/>
      <c r="HNP722" s="424"/>
      <c r="HNQ722" s="423" t="s">
        <v>2795</v>
      </c>
      <c r="HNR722" s="424"/>
      <c r="HNS722" s="424"/>
      <c r="HNT722" s="424"/>
      <c r="HNU722" s="423" t="s">
        <v>2795</v>
      </c>
      <c r="HNV722" s="424"/>
      <c r="HNW722" s="424"/>
      <c r="HNX722" s="424"/>
      <c r="HNY722" s="423" t="s">
        <v>2795</v>
      </c>
      <c r="HNZ722" s="424"/>
      <c r="HOA722" s="424"/>
      <c r="HOB722" s="424"/>
      <c r="HOC722" s="423" t="s">
        <v>2795</v>
      </c>
      <c r="HOD722" s="424"/>
      <c r="HOE722" s="424"/>
      <c r="HOF722" s="424"/>
      <c r="HOG722" s="423" t="s">
        <v>2795</v>
      </c>
      <c r="HOH722" s="424"/>
      <c r="HOI722" s="424"/>
      <c r="HOJ722" s="424"/>
      <c r="HOK722" s="423" t="s">
        <v>2795</v>
      </c>
      <c r="HOL722" s="424"/>
      <c r="HOM722" s="424"/>
      <c r="HON722" s="424"/>
      <c r="HOO722" s="423" t="s">
        <v>2795</v>
      </c>
      <c r="HOP722" s="424"/>
      <c r="HOQ722" s="424"/>
      <c r="HOR722" s="424"/>
      <c r="HOS722" s="423" t="s">
        <v>2795</v>
      </c>
      <c r="HOT722" s="424"/>
      <c r="HOU722" s="424"/>
      <c r="HOV722" s="424"/>
      <c r="HOW722" s="423" t="s">
        <v>2795</v>
      </c>
      <c r="HOX722" s="424"/>
      <c r="HOY722" s="424"/>
      <c r="HOZ722" s="424"/>
      <c r="HPA722" s="423" t="s">
        <v>2795</v>
      </c>
      <c r="HPB722" s="424"/>
      <c r="HPC722" s="424"/>
      <c r="HPD722" s="424"/>
      <c r="HPE722" s="423" t="s">
        <v>2795</v>
      </c>
      <c r="HPF722" s="424"/>
      <c r="HPG722" s="424"/>
      <c r="HPH722" s="424"/>
      <c r="HPI722" s="423" t="s">
        <v>2795</v>
      </c>
      <c r="HPJ722" s="424"/>
      <c r="HPK722" s="424"/>
      <c r="HPL722" s="424"/>
      <c r="HPM722" s="423" t="s">
        <v>2795</v>
      </c>
      <c r="HPN722" s="424"/>
      <c r="HPO722" s="424"/>
      <c r="HPP722" s="424"/>
      <c r="HPQ722" s="423" t="s">
        <v>2795</v>
      </c>
      <c r="HPR722" s="424"/>
      <c r="HPS722" s="424"/>
      <c r="HPT722" s="424"/>
      <c r="HPU722" s="423" t="s">
        <v>2795</v>
      </c>
      <c r="HPV722" s="424"/>
      <c r="HPW722" s="424"/>
      <c r="HPX722" s="424"/>
      <c r="HPY722" s="423" t="s">
        <v>2795</v>
      </c>
      <c r="HPZ722" s="424"/>
      <c r="HQA722" s="424"/>
      <c r="HQB722" s="424"/>
      <c r="HQC722" s="423" t="s">
        <v>2795</v>
      </c>
      <c r="HQD722" s="424"/>
      <c r="HQE722" s="424"/>
      <c r="HQF722" s="424"/>
      <c r="HQG722" s="423" t="s">
        <v>2795</v>
      </c>
      <c r="HQH722" s="424"/>
      <c r="HQI722" s="424"/>
      <c r="HQJ722" s="424"/>
      <c r="HQK722" s="423" t="s">
        <v>2795</v>
      </c>
      <c r="HQL722" s="424"/>
      <c r="HQM722" s="424"/>
      <c r="HQN722" s="424"/>
      <c r="HQO722" s="423" t="s">
        <v>2795</v>
      </c>
      <c r="HQP722" s="424"/>
      <c r="HQQ722" s="424"/>
      <c r="HQR722" s="424"/>
      <c r="HQS722" s="423" t="s">
        <v>2795</v>
      </c>
      <c r="HQT722" s="424"/>
      <c r="HQU722" s="424"/>
      <c r="HQV722" s="424"/>
      <c r="HQW722" s="423" t="s">
        <v>2795</v>
      </c>
      <c r="HQX722" s="424"/>
      <c r="HQY722" s="424"/>
      <c r="HQZ722" s="424"/>
      <c r="HRA722" s="423" t="s">
        <v>2795</v>
      </c>
      <c r="HRB722" s="424"/>
      <c r="HRC722" s="424"/>
      <c r="HRD722" s="424"/>
      <c r="HRE722" s="423" t="s">
        <v>2795</v>
      </c>
      <c r="HRF722" s="424"/>
      <c r="HRG722" s="424"/>
      <c r="HRH722" s="424"/>
      <c r="HRI722" s="423" t="s">
        <v>2795</v>
      </c>
      <c r="HRJ722" s="424"/>
      <c r="HRK722" s="424"/>
      <c r="HRL722" s="424"/>
      <c r="HRM722" s="423" t="s">
        <v>2795</v>
      </c>
      <c r="HRN722" s="424"/>
      <c r="HRO722" s="424"/>
      <c r="HRP722" s="424"/>
      <c r="HRQ722" s="423" t="s">
        <v>2795</v>
      </c>
      <c r="HRR722" s="424"/>
      <c r="HRS722" s="424"/>
      <c r="HRT722" s="424"/>
      <c r="HRU722" s="423" t="s">
        <v>2795</v>
      </c>
      <c r="HRV722" s="424"/>
      <c r="HRW722" s="424"/>
      <c r="HRX722" s="424"/>
      <c r="HRY722" s="423" t="s">
        <v>2795</v>
      </c>
      <c r="HRZ722" s="424"/>
      <c r="HSA722" s="424"/>
      <c r="HSB722" s="424"/>
      <c r="HSC722" s="423" t="s">
        <v>2795</v>
      </c>
      <c r="HSD722" s="424"/>
      <c r="HSE722" s="424"/>
      <c r="HSF722" s="424"/>
      <c r="HSG722" s="423" t="s">
        <v>2795</v>
      </c>
      <c r="HSH722" s="424"/>
      <c r="HSI722" s="424"/>
      <c r="HSJ722" s="424"/>
      <c r="HSK722" s="423" t="s">
        <v>2795</v>
      </c>
      <c r="HSL722" s="424"/>
      <c r="HSM722" s="424"/>
      <c r="HSN722" s="424"/>
      <c r="HSO722" s="423" t="s">
        <v>2795</v>
      </c>
      <c r="HSP722" s="424"/>
      <c r="HSQ722" s="424"/>
      <c r="HSR722" s="424"/>
      <c r="HSS722" s="423" t="s">
        <v>2795</v>
      </c>
      <c r="HST722" s="424"/>
      <c r="HSU722" s="424"/>
      <c r="HSV722" s="424"/>
      <c r="HSW722" s="423" t="s">
        <v>2795</v>
      </c>
      <c r="HSX722" s="424"/>
      <c r="HSY722" s="424"/>
      <c r="HSZ722" s="424"/>
      <c r="HTA722" s="423" t="s">
        <v>2795</v>
      </c>
      <c r="HTB722" s="424"/>
      <c r="HTC722" s="424"/>
      <c r="HTD722" s="424"/>
      <c r="HTE722" s="423" t="s">
        <v>2795</v>
      </c>
      <c r="HTF722" s="424"/>
      <c r="HTG722" s="424"/>
      <c r="HTH722" s="424"/>
      <c r="HTI722" s="423" t="s">
        <v>2795</v>
      </c>
      <c r="HTJ722" s="424"/>
      <c r="HTK722" s="424"/>
      <c r="HTL722" s="424"/>
      <c r="HTM722" s="423" t="s">
        <v>2795</v>
      </c>
      <c r="HTN722" s="424"/>
      <c r="HTO722" s="424"/>
      <c r="HTP722" s="424"/>
      <c r="HTQ722" s="423" t="s">
        <v>2795</v>
      </c>
      <c r="HTR722" s="424"/>
      <c r="HTS722" s="424"/>
      <c r="HTT722" s="424"/>
      <c r="HTU722" s="423" t="s">
        <v>2795</v>
      </c>
      <c r="HTV722" s="424"/>
      <c r="HTW722" s="424"/>
      <c r="HTX722" s="424"/>
      <c r="HTY722" s="423" t="s">
        <v>2795</v>
      </c>
      <c r="HTZ722" s="424"/>
      <c r="HUA722" s="424"/>
      <c r="HUB722" s="424"/>
      <c r="HUC722" s="423" t="s">
        <v>2795</v>
      </c>
      <c r="HUD722" s="424"/>
      <c r="HUE722" s="424"/>
      <c r="HUF722" s="424"/>
      <c r="HUG722" s="423" t="s">
        <v>2795</v>
      </c>
      <c r="HUH722" s="424"/>
      <c r="HUI722" s="424"/>
      <c r="HUJ722" s="424"/>
      <c r="HUK722" s="423" t="s">
        <v>2795</v>
      </c>
      <c r="HUL722" s="424"/>
      <c r="HUM722" s="424"/>
      <c r="HUN722" s="424"/>
      <c r="HUO722" s="423" t="s">
        <v>2795</v>
      </c>
      <c r="HUP722" s="424"/>
      <c r="HUQ722" s="424"/>
      <c r="HUR722" s="424"/>
      <c r="HUS722" s="423" t="s">
        <v>2795</v>
      </c>
      <c r="HUT722" s="424"/>
      <c r="HUU722" s="424"/>
      <c r="HUV722" s="424"/>
      <c r="HUW722" s="423" t="s">
        <v>2795</v>
      </c>
      <c r="HUX722" s="424"/>
      <c r="HUY722" s="424"/>
      <c r="HUZ722" s="424"/>
      <c r="HVA722" s="423" t="s">
        <v>2795</v>
      </c>
      <c r="HVB722" s="424"/>
      <c r="HVC722" s="424"/>
      <c r="HVD722" s="424"/>
      <c r="HVE722" s="423" t="s">
        <v>2795</v>
      </c>
      <c r="HVF722" s="424"/>
      <c r="HVG722" s="424"/>
      <c r="HVH722" s="424"/>
      <c r="HVI722" s="423" t="s">
        <v>2795</v>
      </c>
      <c r="HVJ722" s="424"/>
      <c r="HVK722" s="424"/>
      <c r="HVL722" s="424"/>
      <c r="HVM722" s="423" t="s">
        <v>2795</v>
      </c>
      <c r="HVN722" s="424"/>
      <c r="HVO722" s="424"/>
      <c r="HVP722" s="424"/>
      <c r="HVQ722" s="423" t="s">
        <v>2795</v>
      </c>
      <c r="HVR722" s="424"/>
      <c r="HVS722" s="424"/>
      <c r="HVT722" s="424"/>
      <c r="HVU722" s="423" t="s">
        <v>2795</v>
      </c>
      <c r="HVV722" s="424"/>
      <c r="HVW722" s="424"/>
      <c r="HVX722" s="424"/>
      <c r="HVY722" s="423" t="s">
        <v>2795</v>
      </c>
      <c r="HVZ722" s="424"/>
      <c r="HWA722" s="424"/>
      <c r="HWB722" s="424"/>
      <c r="HWC722" s="423" t="s">
        <v>2795</v>
      </c>
      <c r="HWD722" s="424"/>
      <c r="HWE722" s="424"/>
      <c r="HWF722" s="424"/>
      <c r="HWG722" s="423" t="s">
        <v>2795</v>
      </c>
      <c r="HWH722" s="424"/>
      <c r="HWI722" s="424"/>
      <c r="HWJ722" s="424"/>
      <c r="HWK722" s="423" t="s">
        <v>2795</v>
      </c>
      <c r="HWL722" s="424"/>
      <c r="HWM722" s="424"/>
      <c r="HWN722" s="424"/>
      <c r="HWO722" s="423" t="s">
        <v>2795</v>
      </c>
      <c r="HWP722" s="424"/>
      <c r="HWQ722" s="424"/>
      <c r="HWR722" s="424"/>
      <c r="HWS722" s="423" t="s">
        <v>2795</v>
      </c>
      <c r="HWT722" s="424"/>
      <c r="HWU722" s="424"/>
      <c r="HWV722" s="424"/>
      <c r="HWW722" s="423" t="s">
        <v>2795</v>
      </c>
      <c r="HWX722" s="424"/>
      <c r="HWY722" s="424"/>
      <c r="HWZ722" s="424"/>
      <c r="HXA722" s="423" t="s">
        <v>2795</v>
      </c>
      <c r="HXB722" s="424"/>
      <c r="HXC722" s="424"/>
      <c r="HXD722" s="424"/>
      <c r="HXE722" s="423" t="s">
        <v>2795</v>
      </c>
      <c r="HXF722" s="424"/>
      <c r="HXG722" s="424"/>
      <c r="HXH722" s="424"/>
      <c r="HXI722" s="423" t="s">
        <v>2795</v>
      </c>
      <c r="HXJ722" s="424"/>
      <c r="HXK722" s="424"/>
      <c r="HXL722" s="424"/>
      <c r="HXM722" s="423" t="s">
        <v>2795</v>
      </c>
      <c r="HXN722" s="424"/>
      <c r="HXO722" s="424"/>
      <c r="HXP722" s="424"/>
      <c r="HXQ722" s="423" t="s">
        <v>2795</v>
      </c>
      <c r="HXR722" s="424"/>
      <c r="HXS722" s="424"/>
      <c r="HXT722" s="424"/>
      <c r="HXU722" s="423" t="s">
        <v>2795</v>
      </c>
      <c r="HXV722" s="424"/>
      <c r="HXW722" s="424"/>
      <c r="HXX722" s="424"/>
      <c r="HXY722" s="423" t="s">
        <v>2795</v>
      </c>
      <c r="HXZ722" s="424"/>
      <c r="HYA722" s="424"/>
      <c r="HYB722" s="424"/>
      <c r="HYC722" s="423" t="s">
        <v>2795</v>
      </c>
      <c r="HYD722" s="424"/>
      <c r="HYE722" s="424"/>
      <c r="HYF722" s="424"/>
      <c r="HYG722" s="423" t="s">
        <v>2795</v>
      </c>
      <c r="HYH722" s="424"/>
      <c r="HYI722" s="424"/>
      <c r="HYJ722" s="424"/>
      <c r="HYK722" s="423" t="s">
        <v>2795</v>
      </c>
      <c r="HYL722" s="424"/>
      <c r="HYM722" s="424"/>
      <c r="HYN722" s="424"/>
      <c r="HYO722" s="423" t="s">
        <v>2795</v>
      </c>
      <c r="HYP722" s="424"/>
      <c r="HYQ722" s="424"/>
      <c r="HYR722" s="424"/>
      <c r="HYS722" s="423" t="s">
        <v>2795</v>
      </c>
      <c r="HYT722" s="424"/>
      <c r="HYU722" s="424"/>
      <c r="HYV722" s="424"/>
      <c r="HYW722" s="423" t="s">
        <v>2795</v>
      </c>
      <c r="HYX722" s="424"/>
      <c r="HYY722" s="424"/>
      <c r="HYZ722" s="424"/>
      <c r="HZA722" s="423" t="s">
        <v>2795</v>
      </c>
      <c r="HZB722" s="424"/>
      <c r="HZC722" s="424"/>
      <c r="HZD722" s="424"/>
      <c r="HZE722" s="423" t="s">
        <v>2795</v>
      </c>
      <c r="HZF722" s="424"/>
      <c r="HZG722" s="424"/>
      <c r="HZH722" s="424"/>
      <c r="HZI722" s="423" t="s">
        <v>2795</v>
      </c>
      <c r="HZJ722" s="424"/>
      <c r="HZK722" s="424"/>
      <c r="HZL722" s="424"/>
      <c r="HZM722" s="423" t="s">
        <v>2795</v>
      </c>
      <c r="HZN722" s="424"/>
      <c r="HZO722" s="424"/>
      <c r="HZP722" s="424"/>
      <c r="HZQ722" s="423" t="s">
        <v>2795</v>
      </c>
      <c r="HZR722" s="424"/>
      <c r="HZS722" s="424"/>
      <c r="HZT722" s="424"/>
      <c r="HZU722" s="423" t="s">
        <v>2795</v>
      </c>
      <c r="HZV722" s="424"/>
      <c r="HZW722" s="424"/>
      <c r="HZX722" s="424"/>
      <c r="HZY722" s="423" t="s">
        <v>2795</v>
      </c>
      <c r="HZZ722" s="424"/>
      <c r="IAA722" s="424"/>
      <c r="IAB722" s="424"/>
      <c r="IAC722" s="423" t="s">
        <v>2795</v>
      </c>
      <c r="IAD722" s="424"/>
      <c r="IAE722" s="424"/>
      <c r="IAF722" s="424"/>
      <c r="IAG722" s="423" t="s">
        <v>2795</v>
      </c>
      <c r="IAH722" s="424"/>
      <c r="IAI722" s="424"/>
      <c r="IAJ722" s="424"/>
      <c r="IAK722" s="423" t="s">
        <v>2795</v>
      </c>
      <c r="IAL722" s="424"/>
      <c r="IAM722" s="424"/>
      <c r="IAN722" s="424"/>
      <c r="IAO722" s="423" t="s">
        <v>2795</v>
      </c>
      <c r="IAP722" s="424"/>
      <c r="IAQ722" s="424"/>
      <c r="IAR722" s="424"/>
      <c r="IAS722" s="423" t="s">
        <v>2795</v>
      </c>
      <c r="IAT722" s="424"/>
      <c r="IAU722" s="424"/>
      <c r="IAV722" s="424"/>
      <c r="IAW722" s="423" t="s">
        <v>2795</v>
      </c>
      <c r="IAX722" s="424"/>
      <c r="IAY722" s="424"/>
      <c r="IAZ722" s="424"/>
      <c r="IBA722" s="423" t="s">
        <v>2795</v>
      </c>
      <c r="IBB722" s="424"/>
      <c r="IBC722" s="424"/>
      <c r="IBD722" s="424"/>
      <c r="IBE722" s="423" t="s">
        <v>2795</v>
      </c>
      <c r="IBF722" s="424"/>
      <c r="IBG722" s="424"/>
      <c r="IBH722" s="424"/>
      <c r="IBI722" s="423" t="s">
        <v>2795</v>
      </c>
      <c r="IBJ722" s="424"/>
      <c r="IBK722" s="424"/>
      <c r="IBL722" s="424"/>
      <c r="IBM722" s="423" t="s">
        <v>2795</v>
      </c>
      <c r="IBN722" s="424"/>
      <c r="IBO722" s="424"/>
      <c r="IBP722" s="424"/>
      <c r="IBQ722" s="423" t="s">
        <v>2795</v>
      </c>
      <c r="IBR722" s="424"/>
      <c r="IBS722" s="424"/>
      <c r="IBT722" s="424"/>
      <c r="IBU722" s="423" t="s">
        <v>2795</v>
      </c>
      <c r="IBV722" s="424"/>
      <c r="IBW722" s="424"/>
      <c r="IBX722" s="424"/>
      <c r="IBY722" s="423" t="s">
        <v>2795</v>
      </c>
      <c r="IBZ722" s="424"/>
      <c r="ICA722" s="424"/>
      <c r="ICB722" s="424"/>
      <c r="ICC722" s="423" t="s">
        <v>2795</v>
      </c>
      <c r="ICD722" s="424"/>
      <c r="ICE722" s="424"/>
      <c r="ICF722" s="424"/>
      <c r="ICG722" s="423" t="s">
        <v>2795</v>
      </c>
      <c r="ICH722" s="424"/>
      <c r="ICI722" s="424"/>
      <c r="ICJ722" s="424"/>
      <c r="ICK722" s="423" t="s">
        <v>2795</v>
      </c>
      <c r="ICL722" s="424"/>
      <c r="ICM722" s="424"/>
      <c r="ICN722" s="424"/>
      <c r="ICO722" s="423" t="s">
        <v>2795</v>
      </c>
      <c r="ICP722" s="424"/>
      <c r="ICQ722" s="424"/>
      <c r="ICR722" s="424"/>
      <c r="ICS722" s="423" t="s">
        <v>2795</v>
      </c>
      <c r="ICT722" s="424"/>
      <c r="ICU722" s="424"/>
      <c r="ICV722" s="424"/>
      <c r="ICW722" s="423" t="s">
        <v>2795</v>
      </c>
      <c r="ICX722" s="424"/>
      <c r="ICY722" s="424"/>
      <c r="ICZ722" s="424"/>
      <c r="IDA722" s="423" t="s">
        <v>2795</v>
      </c>
      <c r="IDB722" s="424"/>
      <c r="IDC722" s="424"/>
      <c r="IDD722" s="424"/>
      <c r="IDE722" s="423" t="s">
        <v>2795</v>
      </c>
      <c r="IDF722" s="424"/>
      <c r="IDG722" s="424"/>
      <c r="IDH722" s="424"/>
      <c r="IDI722" s="423" t="s">
        <v>2795</v>
      </c>
      <c r="IDJ722" s="424"/>
      <c r="IDK722" s="424"/>
      <c r="IDL722" s="424"/>
      <c r="IDM722" s="423" t="s">
        <v>2795</v>
      </c>
      <c r="IDN722" s="424"/>
      <c r="IDO722" s="424"/>
      <c r="IDP722" s="424"/>
      <c r="IDQ722" s="423" t="s">
        <v>2795</v>
      </c>
      <c r="IDR722" s="424"/>
      <c r="IDS722" s="424"/>
      <c r="IDT722" s="424"/>
      <c r="IDU722" s="423" t="s">
        <v>2795</v>
      </c>
      <c r="IDV722" s="424"/>
      <c r="IDW722" s="424"/>
      <c r="IDX722" s="424"/>
      <c r="IDY722" s="423" t="s">
        <v>2795</v>
      </c>
      <c r="IDZ722" s="424"/>
      <c r="IEA722" s="424"/>
      <c r="IEB722" s="424"/>
      <c r="IEC722" s="423" t="s">
        <v>2795</v>
      </c>
      <c r="IED722" s="424"/>
      <c r="IEE722" s="424"/>
      <c r="IEF722" s="424"/>
      <c r="IEG722" s="423" t="s">
        <v>2795</v>
      </c>
      <c r="IEH722" s="424"/>
      <c r="IEI722" s="424"/>
      <c r="IEJ722" s="424"/>
      <c r="IEK722" s="423" t="s">
        <v>2795</v>
      </c>
      <c r="IEL722" s="424"/>
      <c r="IEM722" s="424"/>
      <c r="IEN722" s="424"/>
      <c r="IEO722" s="423" t="s">
        <v>2795</v>
      </c>
      <c r="IEP722" s="424"/>
      <c r="IEQ722" s="424"/>
      <c r="IER722" s="424"/>
      <c r="IES722" s="423" t="s">
        <v>2795</v>
      </c>
      <c r="IET722" s="424"/>
      <c r="IEU722" s="424"/>
      <c r="IEV722" s="424"/>
      <c r="IEW722" s="423" t="s">
        <v>2795</v>
      </c>
      <c r="IEX722" s="424"/>
      <c r="IEY722" s="424"/>
      <c r="IEZ722" s="424"/>
      <c r="IFA722" s="423" t="s">
        <v>2795</v>
      </c>
      <c r="IFB722" s="424"/>
      <c r="IFC722" s="424"/>
      <c r="IFD722" s="424"/>
      <c r="IFE722" s="423" t="s">
        <v>2795</v>
      </c>
      <c r="IFF722" s="424"/>
      <c r="IFG722" s="424"/>
      <c r="IFH722" s="424"/>
      <c r="IFI722" s="423" t="s">
        <v>2795</v>
      </c>
      <c r="IFJ722" s="424"/>
      <c r="IFK722" s="424"/>
      <c r="IFL722" s="424"/>
      <c r="IFM722" s="423" t="s">
        <v>2795</v>
      </c>
      <c r="IFN722" s="424"/>
      <c r="IFO722" s="424"/>
      <c r="IFP722" s="424"/>
      <c r="IFQ722" s="423" t="s">
        <v>2795</v>
      </c>
      <c r="IFR722" s="424"/>
      <c r="IFS722" s="424"/>
      <c r="IFT722" s="424"/>
      <c r="IFU722" s="423" t="s">
        <v>2795</v>
      </c>
      <c r="IFV722" s="424"/>
      <c r="IFW722" s="424"/>
      <c r="IFX722" s="424"/>
      <c r="IFY722" s="423" t="s">
        <v>2795</v>
      </c>
      <c r="IFZ722" s="424"/>
      <c r="IGA722" s="424"/>
      <c r="IGB722" s="424"/>
      <c r="IGC722" s="423" t="s">
        <v>2795</v>
      </c>
      <c r="IGD722" s="424"/>
      <c r="IGE722" s="424"/>
      <c r="IGF722" s="424"/>
      <c r="IGG722" s="423" t="s">
        <v>2795</v>
      </c>
      <c r="IGH722" s="424"/>
      <c r="IGI722" s="424"/>
      <c r="IGJ722" s="424"/>
      <c r="IGK722" s="423" t="s">
        <v>2795</v>
      </c>
      <c r="IGL722" s="424"/>
      <c r="IGM722" s="424"/>
      <c r="IGN722" s="424"/>
      <c r="IGO722" s="423" t="s">
        <v>2795</v>
      </c>
      <c r="IGP722" s="424"/>
      <c r="IGQ722" s="424"/>
      <c r="IGR722" s="424"/>
      <c r="IGS722" s="423" t="s">
        <v>2795</v>
      </c>
      <c r="IGT722" s="424"/>
      <c r="IGU722" s="424"/>
      <c r="IGV722" s="424"/>
      <c r="IGW722" s="423" t="s">
        <v>2795</v>
      </c>
      <c r="IGX722" s="424"/>
      <c r="IGY722" s="424"/>
      <c r="IGZ722" s="424"/>
      <c r="IHA722" s="423" t="s">
        <v>2795</v>
      </c>
      <c r="IHB722" s="424"/>
      <c r="IHC722" s="424"/>
      <c r="IHD722" s="424"/>
      <c r="IHE722" s="423" t="s">
        <v>2795</v>
      </c>
      <c r="IHF722" s="424"/>
      <c r="IHG722" s="424"/>
      <c r="IHH722" s="424"/>
      <c r="IHI722" s="423" t="s">
        <v>2795</v>
      </c>
      <c r="IHJ722" s="424"/>
      <c r="IHK722" s="424"/>
      <c r="IHL722" s="424"/>
      <c r="IHM722" s="423" t="s">
        <v>2795</v>
      </c>
      <c r="IHN722" s="424"/>
      <c r="IHO722" s="424"/>
      <c r="IHP722" s="424"/>
      <c r="IHQ722" s="423" t="s">
        <v>2795</v>
      </c>
      <c r="IHR722" s="424"/>
      <c r="IHS722" s="424"/>
      <c r="IHT722" s="424"/>
      <c r="IHU722" s="423" t="s">
        <v>2795</v>
      </c>
      <c r="IHV722" s="424"/>
      <c r="IHW722" s="424"/>
      <c r="IHX722" s="424"/>
      <c r="IHY722" s="423" t="s">
        <v>2795</v>
      </c>
      <c r="IHZ722" s="424"/>
      <c r="IIA722" s="424"/>
      <c r="IIB722" s="424"/>
      <c r="IIC722" s="423" t="s">
        <v>2795</v>
      </c>
      <c r="IID722" s="424"/>
      <c r="IIE722" s="424"/>
      <c r="IIF722" s="424"/>
      <c r="IIG722" s="423" t="s">
        <v>2795</v>
      </c>
      <c r="IIH722" s="424"/>
      <c r="III722" s="424"/>
      <c r="IIJ722" s="424"/>
      <c r="IIK722" s="423" t="s">
        <v>2795</v>
      </c>
      <c r="IIL722" s="424"/>
      <c r="IIM722" s="424"/>
      <c r="IIN722" s="424"/>
      <c r="IIO722" s="423" t="s">
        <v>2795</v>
      </c>
      <c r="IIP722" s="424"/>
      <c r="IIQ722" s="424"/>
      <c r="IIR722" s="424"/>
      <c r="IIS722" s="423" t="s">
        <v>2795</v>
      </c>
      <c r="IIT722" s="424"/>
      <c r="IIU722" s="424"/>
      <c r="IIV722" s="424"/>
      <c r="IIW722" s="423" t="s">
        <v>2795</v>
      </c>
      <c r="IIX722" s="424"/>
      <c r="IIY722" s="424"/>
      <c r="IIZ722" s="424"/>
      <c r="IJA722" s="423" t="s">
        <v>2795</v>
      </c>
      <c r="IJB722" s="424"/>
      <c r="IJC722" s="424"/>
      <c r="IJD722" s="424"/>
      <c r="IJE722" s="423" t="s">
        <v>2795</v>
      </c>
      <c r="IJF722" s="424"/>
      <c r="IJG722" s="424"/>
      <c r="IJH722" s="424"/>
      <c r="IJI722" s="423" t="s">
        <v>2795</v>
      </c>
      <c r="IJJ722" s="424"/>
      <c r="IJK722" s="424"/>
      <c r="IJL722" s="424"/>
      <c r="IJM722" s="423" t="s">
        <v>2795</v>
      </c>
      <c r="IJN722" s="424"/>
      <c r="IJO722" s="424"/>
      <c r="IJP722" s="424"/>
      <c r="IJQ722" s="423" t="s">
        <v>2795</v>
      </c>
      <c r="IJR722" s="424"/>
      <c r="IJS722" s="424"/>
      <c r="IJT722" s="424"/>
      <c r="IJU722" s="423" t="s">
        <v>2795</v>
      </c>
      <c r="IJV722" s="424"/>
      <c r="IJW722" s="424"/>
      <c r="IJX722" s="424"/>
      <c r="IJY722" s="423" t="s">
        <v>2795</v>
      </c>
      <c r="IJZ722" s="424"/>
      <c r="IKA722" s="424"/>
      <c r="IKB722" s="424"/>
      <c r="IKC722" s="423" t="s">
        <v>2795</v>
      </c>
      <c r="IKD722" s="424"/>
      <c r="IKE722" s="424"/>
      <c r="IKF722" s="424"/>
      <c r="IKG722" s="423" t="s">
        <v>2795</v>
      </c>
      <c r="IKH722" s="424"/>
      <c r="IKI722" s="424"/>
      <c r="IKJ722" s="424"/>
      <c r="IKK722" s="423" t="s">
        <v>2795</v>
      </c>
      <c r="IKL722" s="424"/>
      <c r="IKM722" s="424"/>
      <c r="IKN722" s="424"/>
      <c r="IKO722" s="423" t="s">
        <v>2795</v>
      </c>
      <c r="IKP722" s="424"/>
      <c r="IKQ722" s="424"/>
      <c r="IKR722" s="424"/>
      <c r="IKS722" s="423" t="s">
        <v>2795</v>
      </c>
      <c r="IKT722" s="424"/>
      <c r="IKU722" s="424"/>
      <c r="IKV722" s="424"/>
      <c r="IKW722" s="423" t="s">
        <v>2795</v>
      </c>
      <c r="IKX722" s="424"/>
      <c r="IKY722" s="424"/>
      <c r="IKZ722" s="424"/>
      <c r="ILA722" s="423" t="s">
        <v>2795</v>
      </c>
      <c r="ILB722" s="424"/>
      <c r="ILC722" s="424"/>
      <c r="ILD722" s="424"/>
      <c r="ILE722" s="423" t="s">
        <v>2795</v>
      </c>
      <c r="ILF722" s="424"/>
      <c r="ILG722" s="424"/>
      <c r="ILH722" s="424"/>
      <c r="ILI722" s="423" t="s">
        <v>2795</v>
      </c>
      <c r="ILJ722" s="424"/>
      <c r="ILK722" s="424"/>
      <c r="ILL722" s="424"/>
      <c r="ILM722" s="423" t="s">
        <v>2795</v>
      </c>
      <c r="ILN722" s="424"/>
      <c r="ILO722" s="424"/>
      <c r="ILP722" s="424"/>
      <c r="ILQ722" s="423" t="s">
        <v>2795</v>
      </c>
      <c r="ILR722" s="424"/>
      <c r="ILS722" s="424"/>
      <c r="ILT722" s="424"/>
      <c r="ILU722" s="423" t="s">
        <v>2795</v>
      </c>
      <c r="ILV722" s="424"/>
      <c r="ILW722" s="424"/>
      <c r="ILX722" s="424"/>
      <c r="ILY722" s="423" t="s">
        <v>2795</v>
      </c>
      <c r="ILZ722" s="424"/>
      <c r="IMA722" s="424"/>
      <c r="IMB722" s="424"/>
      <c r="IMC722" s="423" t="s">
        <v>2795</v>
      </c>
      <c r="IMD722" s="424"/>
      <c r="IME722" s="424"/>
      <c r="IMF722" s="424"/>
      <c r="IMG722" s="423" t="s">
        <v>2795</v>
      </c>
      <c r="IMH722" s="424"/>
      <c r="IMI722" s="424"/>
      <c r="IMJ722" s="424"/>
      <c r="IMK722" s="423" t="s">
        <v>2795</v>
      </c>
      <c r="IML722" s="424"/>
      <c r="IMM722" s="424"/>
      <c r="IMN722" s="424"/>
      <c r="IMO722" s="423" t="s">
        <v>2795</v>
      </c>
      <c r="IMP722" s="424"/>
      <c r="IMQ722" s="424"/>
      <c r="IMR722" s="424"/>
      <c r="IMS722" s="423" t="s">
        <v>2795</v>
      </c>
      <c r="IMT722" s="424"/>
      <c r="IMU722" s="424"/>
      <c r="IMV722" s="424"/>
      <c r="IMW722" s="423" t="s">
        <v>2795</v>
      </c>
      <c r="IMX722" s="424"/>
      <c r="IMY722" s="424"/>
      <c r="IMZ722" s="424"/>
      <c r="INA722" s="423" t="s">
        <v>2795</v>
      </c>
      <c r="INB722" s="424"/>
      <c r="INC722" s="424"/>
      <c r="IND722" s="424"/>
      <c r="INE722" s="423" t="s">
        <v>2795</v>
      </c>
      <c r="INF722" s="424"/>
      <c r="ING722" s="424"/>
      <c r="INH722" s="424"/>
      <c r="INI722" s="423" t="s">
        <v>2795</v>
      </c>
      <c r="INJ722" s="424"/>
      <c r="INK722" s="424"/>
      <c r="INL722" s="424"/>
      <c r="INM722" s="423" t="s">
        <v>2795</v>
      </c>
      <c r="INN722" s="424"/>
      <c r="INO722" s="424"/>
      <c r="INP722" s="424"/>
      <c r="INQ722" s="423" t="s">
        <v>2795</v>
      </c>
      <c r="INR722" s="424"/>
      <c r="INS722" s="424"/>
      <c r="INT722" s="424"/>
      <c r="INU722" s="423" t="s">
        <v>2795</v>
      </c>
      <c r="INV722" s="424"/>
      <c r="INW722" s="424"/>
      <c r="INX722" s="424"/>
      <c r="INY722" s="423" t="s">
        <v>2795</v>
      </c>
      <c r="INZ722" s="424"/>
      <c r="IOA722" s="424"/>
      <c r="IOB722" s="424"/>
      <c r="IOC722" s="423" t="s">
        <v>2795</v>
      </c>
      <c r="IOD722" s="424"/>
      <c r="IOE722" s="424"/>
      <c r="IOF722" s="424"/>
      <c r="IOG722" s="423" t="s">
        <v>2795</v>
      </c>
      <c r="IOH722" s="424"/>
      <c r="IOI722" s="424"/>
      <c r="IOJ722" s="424"/>
      <c r="IOK722" s="423" t="s">
        <v>2795</v>
      </c>
      <c r="IOL722" s="424"/>
      <c r="IOM722" s="424"/>
      <c r="ION722" s="424"/>
      <c r="IOO722" s="423" t="s">
        <v>2795</v>
      </c>
      <c r="IOP722" s="424"/>
      <c r="IOQ722" s="424"/>
      <c r="IOR722" s="424"/>
      <c r="IOS722" s="423" t="s">
        <v>2795</v>
      </c>
      <c r="IOT722" s="424"/>
      <c r="IOU722" s="424"/>
      <c r="IOV722" s="424"/>
      <c r="IOW722" s="423" t="s">
        <v>2795</v>
      </c>
      <c r="IOX722" s="424"/>
      <c r="IOY722" s="424"/>
      <c r="IOZ722" s="424"/>
      <c r="IPA722" s="423" t="s">
        <v>2795</v>
      </c>
      <c r="IPB722" s="424"/>
      <c r="IPC722" s="424"/>
      <c r="IPD722" s="424"/>
      <c r="IPE722" s="423" t="s">
        <v>2795</v>
      </c>
      <c r="IPF722" s="424"/>
      <c r="IPG722" s="424"/>
      <c r="IPH722" s="424"/>
      <c r="IPI722" s="423" t="s">
        <v>2795</v>
      </c>
      <c r="IPJ722" s="424"/>
      <c r="IPK722" s="424"/>
      <c r="IPL722" s="424"/>
      <c r="IPM722" s="423" t="s">
        <v>2795</v>
      </c>
      <c r="IPN722" s="424"/>
      <c r="IPO722" s="424"/>
      <c r="IPP722" s="424"/>
      <c r="IPQ722" s="423" t="s">
        <v>2795</v>
      </c>
      <c r="IPR722" s="424"/>
      <c r="IPS722" s="424"/>
      <c r="IPT722" s="424"/>
      <c r="IPU722" s="423" t="s">
        <v>2795</v>
      </c>
      <c r="IPV722" s="424"/>
      <c r="IPW722" s="424"/>
      <c r="IPX722" s="424"/>
      <c r="IPY722" s="423" t="s">
        <v>2795</v>
      </c>
      <c r="IPZ722" s="424"/>
      <c r="IQA722" s="424"/>
      <c r="IQB722" s="424"/>
      <c r="IQC722" s="423" t="s">
        <v>2795</v>
      </c>
      <c r="IQD722" s="424"/>
      <c r="IQE722" s="424"/>
      <c r="IQF722" s="424"/>
      <c r="IQG722" s="423" t="s">
        <v>2795</v>
      </c>
      <c r="IQH722" s="424"/>
      <c r="IQI722" s="424"/>
      <c r="IQJ722" s="424"/>
      <c r="IQK722" s="423" t="s">
        <v>2795</v>
      </c>
      <c r="IQL722" s="424"/>
      <c r="IQM722" s="424"/>
      <c r="IQN722" s="424"/>
      <c r="IQO722" s="423" t="s">
        <v>2795</v>
      </c>
      <c r="IQP722" s="424"/>
      <c r="IQQ722" s="424"/>
      <c r="IQR722" s="424"/>
      <c r="IQS722" s="423" t="s">
        <v>2795</v>
      </c>
      <c r="IQT722" s="424"/>
      <c r="IQU722" s="424"/>
      <c r="IQV722" s="424"/>
      <c r="IQW722" s="423" t="s">
        <v>2795</v>
      </c>
      <c r="IQX722" s="424"/>
      <c r="IQY722" s="424"/>
      <c r="IQZ722" s="424"/>
      <c r="IRA722" s="423" t="s">
        <v>2795</v>
      </c>
      <c r="IRB722" s="424"/>
      <c r="IRC722" s="424"/>
      <c r="IRD722" s="424"/>
      <c r="IRE722" s="423" t="s">
        <v>2795</v>
      </c>
      <c r="IRF722" s="424"/>
      <c r="IRG722" s="424"/>
      <c r="IRH722" s="424"/>
      <c r="IRI722" s="423" t="s">
        <v>2795</v>
      </c>
      <c r="IRJ722" s="424"/>
      <c r="IRK722" s="424"/>
      <c r="IRL722" s="424"/>
      <c r="IRM722" s="423" t="s">
        <v>2795</v>
      </c>
      <c r="IRN722" s="424"/>
      <c r="IRO722" s="424"/>
      <c r="IRP722" s="424"/>
      <c r="IRQ722" s="423" t="s">
        <v>2795</v>
      </c>
      <c r="IRR722" s="424"/>
      <c r="IRS722" s="424"/>
      <c r="IRT722" s="424"/>
      <c r="IRU722" s="423" t="s">
        <v>2795</v>
      </c>
      <c r="IRV722" s="424"/>
      <c r="IRW722" s="424"/>
      <c r="IRX722" s="424"/>
      <c r="IRY722" s="423" t="s">
        <v>2795</v>
      </c>
      <c r="IRZ722" s="424"/>
      <c r="ISA722" s="424"/>
      <c r="ISB722" s="424"/>
      <c r="ISC722" s="423" t="s">
        <v>2795</v>
      </c>
      <c r="ISD722" s="424"/>
      <c r="ISE722" s="424"/>
      <c r="ISF722" s="424"/>
      <c r="ISG722" s="423" t="s">
        <v>2795</v>
      </c>
      <c r="ISH722" s="424"/>
      <c r="ISI722" s="424"/>
      <c r="ISJ722" s="424"/>
      <c r="ISK722" s="423" t="s">
        <v>2795</v>
      </c>
      <c r="ISL722" s="424"/>
      <c r="ISM722" s="424"/>
      <c r="ISN722" s="424"/>
      <c r="ISO722" s="423" t="s">
        <v>2795</v>
      </c>
      <c r="ISP722" s="424"/>
      <c r="ISQ722" s="424"/>
      <c r="ISR722" s="424"/>
      <c r="ISS722" s="423" t="s">
        <v>2795</v>
      </c>
      <c r="IST722" s="424"/>
      <c r="ISU722" s="424"/>
      <c r="ISV722" s="424"/>
      <c r="ISW722" s="423" t="s">
        <v>2795</v>
      </c>
      <c r="ISX722" s="424"/>
      <c r="ISY722" s="424"/>
      <c r="ISZ722" s="424"/>
      <c r="ITA722" s="423" t="s">
        <v>2795</v>
      </c>
      <c r="ITB722" s="424"/>
      <c r="ITC722" s="424"/>
      <c r="ITD722" s="424"/>
      <c r="ITE722" s="423" t="s">
        <v>2795</v>
      </c>
      <c r="ITF722" s="424"/>
      <c r="ITG722" s="424"/>
      <c r="ITH722" s="424"/>
      <c r="ITI722" s="423" t="s">
        <v>2795</v>
      </c>
      <c r="ITJ722" s="424"/>
      <c r="ITK722" s="424"/>
      <c r="ITL722" s="424"/>
      <c r="ITM722" s="423" t="s">
        <v>2795</v>
      </c>
      <c r="ITN722" s="424"/>
      <c r="ITO722" s="424"/>
      <c r="ITP722" s="424"/>
      <c r="ITQ722" s="423" t="s">
        <v>2795</v>
      </c>
      <c r="ITR722" s="424"/>
      <c r="ITS722" s="424"/>
      <c r="ITT722" s="424"/>
      <c r="ITU722" s="423" t="s">
        <v>2795</v>
      </c>
      <c r="ITV722" s="424"/>
      <c r="ITW722" s="424"/>
      <c r="ITX722" s="424"/>
      <c r="ITY722" s="423" t="s">
        <v>2795</v>
      </c>
      <c r="ITZ722" s="424"/>
      <c r="IUA722" s="424"/>
      <c r="IUB722" s="424"/>
      <c r="IUC722" s="423" t="s">
        <v>2795</v>
      </c>
      <c r="IUD722" s="424"/>
      <c r="IUE722" s="424"/>
      <c r="IUF722" s="424"/>
      <c r="IUG722" s="423" t="s">
        <v>2795</v>
      </c>
      <c r="IUH722" s="424"/>
      <c r="IUI722" s="424"/>
      <c r="IUJ722" s="424"/>
      <c r="IUK722" s="423" t="s">
        <v>2795</v>
      </c>
      <c r="IUL722" s="424"/>
      <c r="IUM722" s="424"/>
      <c r="IUN722" s="424"/>
      <c r="IUO722" s="423" t="s">
        <v>2795</v>
      </c>
      <c r="IUP722" s="424"/>
      <c r="IUQ722" s="424"/>
      <c r="IUR722" s="424"/>
      <c r="IUS722" s="423" t="s">
        <v>2795</v>
      </c>
      <c r="IUT722" s="424"/>
      <c r="IUU722" s="424"/>
      <c r="IUV722" s="424"/>
      <c r="IUW722" s="423" t="s">
        <v>2795</v>
      </c>
      <c r="IUX722" s="424"/>
      <c r="IUY722" s="424"/>
      <c r="IUZ722" s="424"/>
      <c r="IVA722" s="423" t="s">
        <v>2795</v>
      </c>
      <c r="IVB722" s="424"/>
      <c r="IVC722" s="424"/>
      <c r="IVD722" s="424"/>
      <c r="IVE722" s="423" t="s">
        <v>2795</v>
      </c>
      <c r="IVF722" s="424"/>
      <c r="IVG722" s="424"/>
      <c r="IVH722" s="424"/>
      <c r="IVI722" s="423" t="s">
        <v>2795</v>
      </c>
      <c r="IVJ722" s="424"/>
      <c r="IVK722" s="424"/>
      <c r="IVL722" s="424"/>
      <c r="IVM722" s="423" t="s">
        <v>2795</v>
      </c>
      <c r="IVN722" s="424"/>
      <c r="IVO722" s="424"/>
      <c r="IVP722" s="424"/>
      <c r="IVQ722" s="423" t="s">
        <v>2795</v>
      </c>
      <c r="IVR722" s="424"/>
      <c r="IVS722" s="424"/>
      <c r="IVT722" s="424"/>
      <c r="IVU722" s="423" t="s">
        <v>2795</v>
      </c>
      <c r="IVV722" s="424"/>
      <c r="IVW722" s="424"/>
      <c r="IVX722" s="424"/>
      <c r="IVY722" s="423" t="s">
        <v>2795</v>
      </c>
      <c r="IVZ722" s="424"/>
      <c r="IWA722" s="424"/>
      <c r="IWB722" s="424"/>
      <c r="IWC722" s="423" t="s">
        <v>2795</v>
      </c>
      <c r="IWD722" s="424"/>
      <c r="IWE722" s="424"/>
      <c r="IWF722" s="424"/>
      <c r="IWG722" s="423" t="s">
        <v>2795</v>
      </c>
      <c r="IWH722" s="424"/>
      <c r="IWI722" s="424"/>
      <c r="IWJ722" s="424"/>
      <c r="IWK722" s="423" t="s">
        <v>2795</v>
      </c>
      <c r="IWL722" s="424"/>
      <c r="IWM722" s="424"/>
      <c r="IWN722" s="424"/>
      <c r="IWO722" s="423" t="s">
        <v>2795</v>
      </c>
      <c r="IWP722" s="424"/>
      <c r="IWQ722" s="424"/>
      <c r="IWR722" s="424"/>
      <c r="IWS722" s="423" t="s">
        <v>2795</v>
      </c>
      <c r="IWT722" s="424"/>
      <c r="IWU722" s="424"/>
      <c r="IWV722" s="424"/>
      <c r="IWW722" s="423" t="s">
        <v>2795</v>
      </c>
      <c r="IWX722" s="424"/>
      <c r="IWY722" s="424"/>
      <c r="IWZ722" s="424"/>
      <c r="IXA722" s="423" t="s">
        <v>2795</v>
      </c>
      <c r="IXB722" s="424"/>
      <c r="IXC722" s="424"/>
      <c r="IXD722" s="424"/>
      <c r="IXE722" s="423" t="s">
        <v>2795</v>
      </c>
      <c r="IXF722" s="424"/>
      <c r="IXG722" s="424"/>
      <c r="IXH722" s="424"/>
      <c r="IXI722" s="423" t="s">
        <v>2795</v>
      </c>
      <c r="IXJ722" s="424"/>
      <c r="IXK722" s="424"/>
      <c r="IXL722" s="424"/>
      <c r="IXM722" s="423" t="s">
        <v>2795</v>
      </c>
      <c r="IXN722" s="424"/>
      <c r="IXO722" s="424"/>
      <c r="IXP722" s="424"/>
      <c r="IXQ722" s="423" t="s">
        <v>2795</v>
      </c>
      <c r="IXR722" s="424"/>
      <c r="IXS722" s="424"/>
      <c r="IXT722" s="424"/>
      <c r="IXU722" s="423" t="s">
        <v>2795</v>
      </c>
      <c r="IXV722" s="424"/>
      <c r="IXW722" s="424"/>
      <c r="IXX722" s="424"/>
      <c r="IXY722" s="423" t="s">
        <v>2795</v>
      </c>
      <c r="IXZ722" s="424"/>
      <c r="IYA722" s="424"/>
      <c r="IYB722" s="424"/>
      <c r="IYC722" s="423" t="s">
        <v>2795</v>
      </c>
      <c r="IYD722" s="424"/>
      <c r="IYE722" s="424"/>
      <c r="IYF722" s="424"/>
      <c r="IYG722" s="423" t="s">
        <v>2795</v>
      </c>
      <c r="IYH722" s="424"/>
      <c r="IYI722" s="424"/>
      <c r="IYJ722" s="424"/>
      <c r="IYK722" s="423" t="s">
        <v>2795</v>
      </c>
      <c r="IYL722" s="424"/>
      <c r="IYM722" s="424"/>
      <c r="IYN722" s="424"/>
      <c r="IYO722" s="423" t="s">
        <v>2795</v>
      </c>
      <c r="IYP722" s="424"/>
      <c r="IYQ722" s="424"/>
      <c r="IYR722" s="424"/>
      <c r="IYS722" s="423" t="s">
        <v>2795</v>
      </c>
      <c r="IYT722" s="424"/>
      <c r="IYU722" s="424"/>
      <c r="IYV722" s="424"/>
      <c r="IYW722" s="423" t="s">
        <v>2795</v>
      </c>
      <c r="IYX722" s="424"/>
      <c r="IYY722" s="424"/>
      <c r="IYZ722" s="424"/>
      <c r="IZA722" s="423" t="s">
        <v>2795</v>
      </c>
      <c r="IZB722" s="424"/>
      <c r="IZC722" s="424"/>
      <c r="IZD722" s="424"/>
      <c r="IZE722" s="423" t="s">
        <v>2795</v>
      </c>
      <c r="IZF722" s="424"/>
      <c r="IZG722" s="424"/>
      <c r="IZH722" s="424"/>
      <c r="IZI722" s="423" t="s">
        <v>2795</v>
      </c>
      <c r="IZJ722" s="424"/>
      <c r="IZK722" s="424"/>
      <c r="IZL722" s="424"/>
      <c r="IZM722" s="423" t="s">
        <v>2795</v>
      </c>
      <c r="IZN722" s="424"/>
      <c r="IZO722" s="424"/>
      <c r="IZP722" s="424"/>
      <c r="IZQ722" s="423" t="s">
        <v>2795</v>
      </c>
      <c r="IZR722" s="424"/>
      <c r="IZS722" s="424"/>
      <c r="IZT722" s="424"/>
      <c r="IZU722" s="423" t="s">
        <v>2795</v>
      </c>
      <c r="IZV722" s="424"/>
      <c r="IZW722" s="424"/>
      <c r="IZX722" s="424"/>
      <c r="IZY722" s="423" t="s">
        <v>2795</v>
      </c>
      <c r="IZZ722" s="424"/>
      <c r="JAA722" s="424"/>
      <c r="JAB722" s="424"/>
      <c r="JAC722" s="423" t="s">
        <v>2795</v>
      </c>
      <c r="JAD722" s="424"/>
      <c r="JAE722" s="424"/>
      <c r="JAF722" s="424"/>
      <c r="JAG722" s="423" t="s">
        <v>2795</v>
      </c>
      <c r="JAH722" s="424"/>
      <c r="JAI722" s="424"/>
      <c r="JAJ722" s="424"/>
      <c r="JAK722" s="423" t="s">
        <v>2795</v>
      </c>
      <c r="JAL722" s="424"/>
      <c r="JAM722" s="424"/>
      <c r="JAN722" s="424"/>
      <c r="JAO722" s="423" t="s">
        <v>2795</v>
      </c>
      <c r="JAP722" s="424"/>
      <c r="JAQ722" s="424"/>
      <c r="JAR722" s="424"/>
      <c r="JAS722" s="423" t="s">
        <v>2795</v>
      </c>
      <c r="JAT722" s="424"/>
      <c r="JAU722" s="424"/>
      <c r="JAV722" s="424"/>
      <c r="JAW722" s="423" t="s">
        <v>2795</v>
      </c>
      <c r="JAX722" s="424"/>
      <c r="JAY722" s="424"/>
      <c r="JAZ722" s="424"/>
      <c r="JBA722" s="423" t="s">
        <v>2795</v>
      </c>
      <c r="JBB722" s="424"/>
      <c r="JBC722" s="424"/>
      <c r="JBD722" s="424"/>
      <c r="JBE722" s="423" t="s">
        <v>2795</v>
      </c>
      <c r="JBF722" s="424"/>
      <c r="JBG722" s="424"/>
      <c r="JBH722" s="424"/>
      <c r="JBI722" s="423" t="s">
        <v>2795</v>
      </c>
      <c r="JBJ722" s="424"/>
      <c r="JBK722" s="424"/>
      <c r="JBL722" s="424"/>
      <c r="JBM722" s="423" t="s">
        <v>2795</v>
      </c>
      <c r="JBN722" s="424"/>
      <c r="JBO722" s="424"/>
      <c r="JBP722" s="424"/>
      <c r="JBQ722" s="423" t="s">
        <v>2795</v>
      </c>
      <c r="JBR722" s="424"/>
      <c r="JBS722" s="424"/>
      <c r="JBT722" s="424"/>
      <c r="JBU722" s="423" t="s">
        <v>2795</v>
      </c>
      <c r="JBV722" s="424"/>
      <c r="JBW722" s="424"/>
      <c r="JBX722" s="424"/>
      <c r="JBY722" s="423" t="s">
        <v>2795</v>
      </c>
      <c r="JBZ722" s="424"/>
      <c r="JCA722" s="424"/>
      <c r="JCB722" s="424"/>
      <c r="JCC722" s="423" t="s">
        <v>2795</v>
      </c>
      <c r="JCD722" s="424"/>
      <c r="JCE722" s="424"/>
      <c r="JCF722" s="424"/>
      <c r="JCG722" s="423" t="s">
        <v>2795</v>
      </c>
      <c r="JCH722" s="424"/>
      <c r="JCI722" s="424"/>
      <c r="JCJ722" s="424"/>
      <c r="JCK722" s="423" t="s">
        <v>2795</v>
      </c>
      <c r="JCL722" s="424"/>
      <c r="JCM722" s="424"/>
      <c r="JCN722" s="424"/>
      <c r="JCO722" s="423" t="s">
        <v>2795</v>
      </c>
      <c r="JCP722" s="424"/>
      <c r="JCQ722" s="424"/>
      <c r="JCR722" s="424"/>
      <c r="JCS722" s="423" t="s">
        <v>2795</v>
      </c>
      <c r="JCT722" s="424"/>
      <c r="JCU722" s="424"/>
      <c r="JCV722" s="424"/>
      <c r="JCW722" s="423" t="s">
        <v>2795</v>
      </c>
      <c r="JCX722" s="424"/>
      <c r="JCY722" s="424"/>
      <c r="JCZ722" s="424"/>
      <c r="JDA722" s="423" t="s">
        <v>2795</v>
      </c>
      <c r="JDB722" s="424"/>
      <c r="JDC722" s="424"/>
      <c r="JDD722" s="424"/>
      <c r="JDE722" s="423" t="s">
        <v>2795</v>
      </c>
      <c r="JDF722" s="424"/>
      <c r="JDG722" s="424"/>
      <c r="JDH722" s="424"/>
      <c r="JDI722" s="423" t="s">
        <v>2795</v>
      </c>
      <c r="JDJ722" s="424"/>
      <c r="JDK722" s="424"/>
      <c r="JDL722" s="424"/>
      <c r="JDM722" s="423" t="s">
        <v>2795</v>
      </c>
      <c r="JDN722" s="424"/>
      <c r="JDO722" s="424"/>
      <c r="JDP722" s="424"/>
      <c r="JDQ722" s="423" t="s">
        <v>2795</v>
      </c>
      <c r="JDR722" s="424"/>
      <c r="JDS722" s="424"/>
      <c r="JDT722" s="424"/>
      <c r="JDU722" s="423" t="s">
        <v>2795</v>
      </c>
      <c r="JDV722" s="424"/>
      <c r="JDW722" s="424"/>
      <c r="JDX722" s="424"/>
      <c r="JDY722" s="423" t="s">
        <v>2795</v>
      </c>
      <c r="JDZ722" s="424"/>
      <c r="JEA722" s="424"/>
      <c r="JEB722" s="424"/>
      <c r="JEC722" s="423" t="s">
        <v>2795</v>
      </c>
      <c r="JED722" s="424"/>
      <c r="JEE722" s="424"/>
      <c r="JEF722" s="424"/>
      <c r="JEG722" s="423" t="s">
        <v>2795</v>
      </c>
      <c r="JEH722" s="424"/>
      <c r="JEI722" s="424"/>
      <c r="JEJ722" s="424"/>
      <c r="JEK722" s="423" t="s">
        <v>2795</v>
      </c>
      <c r="JEL722" s="424"/>
      <c r="JEM722" s="424"/>
      <c r="JEN722" s="424"/>
      <c r="JEO722" s="423" t="s">
        <v>2795</v>
      </c>
      <c r="JEP722" s="424"/>
      <c r="JEQ722" s="424"/>
      <c r="JER722" s="424"/>
      <c r="JES722" s="423" t="s">
        <v>2795</v>
      </c>
      <c r="JET722" s="424"/>
      <c r="JEU722" s="424"/>
      <c r="JEV722" s="424"/>
      <c r="JEW722" s="423" t="s">
        <v>2795</v>
      </c>
      <c r="JEX722" s="424"/>
      <c r="JEY722" s="424"/>
      <c r="JEZ722" s="424"/>
      <c r="JFA722" s="423" t="s">
        <v>2795</v>
      </c>
      <c r="JFB722" s="424"/>
      <c r="JFC722" s="424"/>
      <c r="JFD722" s="424"/>
      <c r="JFE722" s="423" t="s">
        <v>2795</v>
      </c>
      <c r="JFF722" s="424"/>
      <c r="JFG722" s="424"/>
      <c r="JFH722" s="424"/>
      <c r="JFI722" s="423" t="s">
        <v>2795</v>
      </c>
      <c r="JFJ722" s="424"/>
      <c r="JFK722" s="424"/>
      <c r="JFL722" s="424"/>
      <c r="JFM722" s="423" t="s">
        <v>2795</v>
      </c>
      <c r="JFN722" s="424"/>
      <c r="JFO722" s="424"/>
      <c r="JFP722" s="424"/>
      <c r="JFQ722" s="423" t="s">
        <v>2795</v>
      </c>
      <c r="JFR722" s="424"/>
      <c r="JFS722" s="424"/>
      <c r="JFT722" s="424"/>
      <c r="JFU722" s="423" t="s">
        <v>2795</v>
      </c>
      <c r="JFV722" s="424"/>
      <c r="JFW722" s="424"/>
      <c r="JFX722" s="424"/>
      <c r="JFY722" s="423" t="s">
        <v>2795</v>
      </c>
      <c r="JFZ722" s="424"/>
      <c r="JGA722" s="424"/>
      <c r="JGB722" s="424"/>
      <c r="JGC722" s="423" t="s">
        <v>2795</v>
      </c>
      <c r="JGD722" s="424"/>
      <c r="JGE722" s="424"/>
      <c r="JGF722" s="424"/>
      <c r="JGG722" s="423" t="s">
        <v>2795</v>
      </c>
      <c r="JGH722" s="424"/>
      <c r="JGI722" s="424"/>
      <c r="JGJ722" s="424"/>
      <c r="JGK722" s="423" t="s">
        <v>2795</v>
      </c>
      <c r="JGL722" s="424"/>
      <c r="JGM722" s="424"/>
      <c r="JGN722" s="424"/>
      <c r="JGO722" s="423" t="s">
        <v>2795</v>
      </c>
      <c r="JGP722" s="424"/>
      <c r="JGQ722" s="424"/>
      <c r="JGR722" s="424"/>
      <c r="JGS722" s="423" t="s">
        <v>2795</v>
      </c>
      <c r="JGT722" s="424"/>
      <c r="JGU722" s="424"/>
      <c r="JGV722" s="424"/>
      <c r="JGW722" s="423" t="s">
        <v>2795</v>
      </c>
      <c r="JGX722" s="424"/>
      <c r="JGY722" s="424"/>
      <c r="JGZ722" s="424"/>
      <c r="JHA722" s="423" t="s">
        <v>2795</v>
      </c>
      <c r="JHB722" s="424"/>
      <c r="JHC722" s="424"/>
      <c r="JHD722" s="424"/>
      <c r="JHE722" s="423" t="s">
        <v>2795</v>
      </c>
      <c r="JHF722" s="424"/>
      <c r="JHG722" s="424"/>
      <c r="JHH722" s="424"/>
      <c r="JHI722" s="423" t="s">
        <v>2795</v>
      </c>
      <c r="JHJ722" s="424"/>
      <c r="JHK722" s="424"/>
      <c r="JHL722" s="424"/>
      <c r="JHM722" s="423" t="s">
        <v>2795</v>
      </c>
      <c r="JHN722" s="424"/>
      <c r="JHO722" s="424"/>
      <c r="JHP722" s="424"/>
      <c r="JHQ722" s="423" t="s">
        <v>2795</v>
      </c>
      <c r="JHR722" s="424"/>
      <c r="JHS722" s="424"/>
      <c r="JHT722" s="424"/>
      <c r="JHU722" s="423" t="s">
        <v>2795</v>
      </c>
      <c r="JHV722" s="424"/>
      <c r="JHW722" s="424"/>
      <c r="JHX722" s="424"/>
      <c r="JHY722" s="423" t="s">
        <v>2795</v>
      </c>
      <c r="JHZ722" s="424"/>
      <c r="JIA722" s="424"/>
      <c r="JIB722" s="424"/>
      <c r="JIC722" s="423" t="s">
        <v>2795</v>
      </c>
      <c r="JID722" s="424"/>
      <c r="JIE722" s="424"/>
      <c r="JIF722" s="424"/>
      <c r="JIG722" s="423" t="s">
        <v>2795</v>
      </c>
      <c r="JIH722" s="424"/>
      <c r="JII722" s="424"/>
      <c r="JIJ722" s="424"/>
      <c r="JIK722" s="423" t="s">
        <v>2795</v>
      </c>
      <c r="JIL722" s="424"/>
      <c r="JIM722" s="424"/>
      <c r="JIN722" s="424"/>
      <c r="JIO722" s="423" t="s">
        <v>2795</v>
      </c>
      <c r="JIP722" s="424"/>
      <c r="JIQ722" s="424"/>
      <c r="JIR722" s="424"/>
      <c r="JIS722" s="423" t="s">
        <v>2795</v>
      </c>
      <c r="JIT722" s="424"/>
      <c r="JIU722" s="424"/>
      <c r="JIV722" s="424"/>
      <c r="JIW722" s="423" t="s">
        <v>2795</v>
      </c>
      <c r="JIX722" s="424"/>
      <c r="JIY722" s="424"/>
      <c r="JIZ722" s="424"/>
      <c r="JJA722" s="423" t="s">
        <v>2795</v>
      </c>
      <c r="JJB722" s="424"/>
      <c r="JJC722" s="424"/>
      <c r="JJD722" s="424"/>
      <c r="JJE722" s="423" t="s">
        <v>2795</v>
      </c>
      <c r="JJF722" s="424"/>
      <c r="JJG722" s="424"/>
      <c r="JJH722" s="424"/>
      <c r="JJI722" s="423" t="s">
        <v>2795</v>
      </c>
      <c r="JJJ722" s="424"/>
      <c r="JJK722" s="424"/>
      <c r="JJL722" s="424"/>
      <c r="JJM722" s="423" t="s">
        <v>2795</v>
      </c>
      <c r="JJN722" s="424"/>
      <c r="JJO722" s="424"/>
      <c r="JJP722" s="424"/>
      <c r="JJQ722" s="423" t="s">
        <v>2795</v>
      </c>
      <c r="JJR722" s="424"/>
      <c r="JJS722" s="424"/>
      <c r="JJT722" s="424"/>
      <c r="JJU722" s="423" t="s">
        <v>2795</v>
      </c>
      <c r="JJV722" s="424"/>
      <c r="JJW722" s="424"/>
      <c r="JJX722" s="424"/>
      <c r="JJY722" s="423" t="s">
        <v>2795</v>
      </c>
      <c r="JJZ722" s="424"/>
      <c r="JKA722" s="424"/>
      <c r="JKB722" s="424"/>
      <c r="JKC722" s="423" t="s">
        <v>2795</v>
      </c>
      <c r="JKD722" s="424"/>
      <c r="JKE722" s="424"/>
      <c r="JKF722" s="424"/>
      <c r="JKG722" s="423" t="s">
        <v>2795</v>
      </c>
      <c r="JKH722" s="424"/>
      <c r="JKI722" s="424"/>
      <c r="JKJ722" s="424"/>
      <c r="JKK722" s="423" t="s">
        <v>2795</v>
      </c>
      <c r="JKL722" s="424"/>
      <c r="JKM722" s="424"/>
      <c r="JKN722" s="424"/>
      <c r="JKO722" s="423" t="s">
        <v>2795</v>
      </c>
      <c r="JKP722" s="424"/>
      <c r="JKQ722" s="424"/>
      <c r="JKR722" s="424"/>
      <c r="JKS722" s="423" t="s">
        <v>2795</v>
      </c>
      <c r="JKT722" s="424"/>
      <c r="JKU722" s="424"/>
      <c r="JKV722" s="424"/>
      <c r="JKW722" s="423" t="s">
        <v>2795</v>
      </c>
      <c r="JKX722" s="424"/>
      <c r="JKY722" s="424"/>
      <c r="JKZ722" s="424"/>
      <c r="JLA722" s="423" t="s">
        <v>2795</v>
      </c>
      <c r="JLB722" s="424"/>
      <c r="JLC722" s="424"/>
      <c r="JLD722" s="424"/>
      <c r="JLE722" s="423" t="s">
        <v>2795</v>
      </c>
      <c r="JLF722" s="424"/>
      <c r="JLG722" s="424"/>
      <c r="JLH722" s="424"/>
      <c r="JLI722" s="423" t="s">
        <v>2795</v>
      </c>
      <c r="JLJ722" s="424"/>
      <c r="JLK722" s="424"/>
      <c r="JLL722" s="424"/>
      <c r="JLM722" s="423" t="s">
        <v>2795</v>
      </c>
      <c r="JLN722" s="424"/>
      <c r="JLO722" s="424"/>
      <c r="JLP722" s="424"/>
      <c r="JLQ722" s="423" t="s">
        <v>2795</v>
      </c>
      <c r="JLR722" s="424"/>
      <c r="JLS722" s="424"/>
      <c r="JLT722" s="424"/>
      <c r="JLU722" s="423" t="s">
        <v>2795</v>
      </c>
      <c r="JLV722" s="424"/>
      <c r="JLW722" s="424"/>
      <c r="JLX722" s="424"/>
      <c r="JLY722" s="423" t="s">
        <v>2795</v>
      </c>
      <c r="JLZ722" s="424"/>
      <c r="JMA722" s="424"/>
      <c r="JMB722" s="424"/>
      <c r="JMC722" s="423" t="s">
        <v>2795</v>
      </c>
      <c r="JMD722" s="424"/>
      <c r="JME722" s="424"/>
      <c r="JMF722" s="424"/>
      <c r="JMG722" s="423" t="s">
        <v>2795</v>
      </c>
      <c r="JMH722" s="424"/>
      <c r="JMI722" s="424"/>
      <c r="JMJ722" s="424"/>
      <c r="JMK722" s="423" t="s">
        <v>2795</v>
      </c>
      <c r="JML722" s="424"/>
      <c r="JMM722" s="424"/>
      <c r="JMN722" s="424"/>
      <c r="JMO722" s="423" t="s">
        <v>2795</v>
      </c>
      <c r="JMP722" s="424"/>
      <c r="JMQ722" s="424"/>
      <c r="JMR722" s="424"/>
      <c r="JMS722" s="423" t="s">
        <v>2795</v>
      </c>
      <c r="JMT722" s="424"/>
      <c r="JMU722" s="424"/>
      <c r="JMV722" s="424"/>
      <c r="JMW722" s="423" t="s">
        <v>2795</v>
      </c>
      <c r="JMX722" s="424"/>
      <c r="JMY722" s="424"/>
      <c r="JMZ722" s="424"/>
      <c r="JNA722" s="423" t="s">
        <v>2795</v>
      </c>
      <c r="JNB722" s="424"/>
      <c r="JNC722" s="424"/>
      <c r="JND722" s="424"/>
      <c r="JNE722" s="423" t="s">
        <v>2795</v>
      </c>
      <c r="JNF722" s="424"/>
      <c r="JNG722" s="424"/>
      <c r="JNH722" s="424"/>
      <c r="JNI722" s="423" t="s">
        <v>2795</v>
      </c>
      <c r="JNJ722" s="424"/>
      <c r="JNK722" s="424"/>
      <c r="JNL722" s="424"/>
      <c r="JNM722" s="423" t="s">
        <v>2795</v>
      </c>
      <c r="JNN722" s="424"/>
      <c r="JNO722" s="424"/>
      <c r="JNP722" s="424"/>
      <c r="JNQ722" s="423" t="s">
        <v>2795</v>
      </c>
      <c r="JNR722" s="424"/>
      <c r="JNS722" s="424"/>
      <c r="JNT722" s="424"/>
      <c r="JNU722" s="423" t="s">
        <v>2795</v>
      </c>
      <c r="JNV722" s="424"/>
      <c r="JNW722" s="424"/>
      <c r="JNX722" s="424"/>
      <c r="JNY722" s="423" t="s">
        <v>2795</v>
      </c>
      <c r="JNZ722" s="424"/>
      <c r="JOA722" s="424"/>
      <c r="JOB722" s="424"/>
      <c r="JOC722" s="423" t="s">
        <v>2795</v>
      </c>
      <c r="JOD722" s="424"/>
      <c r="JOE722" s="424"/>
      <c r="JOF722" s="424"/>
      <c r="JOG722" s="423" t="s">
        <v>2795</v>
      </c>
      <c r="JOH722" s="424"/>
      <c r="JOI722" s="424"/>
      <c r="JOJ722" s="424"/>
      <c r="JOK722" s="423" t="s">
        <v>2795</v>
      </c>
      <c r="JOL722" s="424"/>
      <c r="JOM722" s="424"/>
      <c r="JON722" s="424"/>
      <c r="JOO722" s="423" t="s">
        <v>2795</v>
      </c>
      <c r="JOP722" s="424"/>
      <c r="JOQ722" s="424"/>
      <c r="JOR722" s="424"/>
      <c r="JOS722" s="423" t="s">
        <v>2795</v>
      </c>
      <c r="JOT722" s="424"/>
      <c r="JOU722" s="424"/>
      <c r="JOV722" s="424"/>
      <c r="JOW722" s="423" t="s">
        <v>2795</v>
      </c>
      <c r="JOX722" s="424"/>
      <c r="JOY722" s="424"/>
      <c r="JOZ722" s="424"/>
      <c r="JPA722" s="423" t="s">
        <v>2795</v>
      </c>
      <c r="JPB722" s="424"/>
      <c r="JPC722" s="424"/>
      <c r="JPD722" s="424"/>
      <c r="JPE722" s="423" t="s">
        <v>2795</v>
      </c>
      <c r="JPF722" s="424"/>
      <c r="JPG722" s="424"/>
      <c r="JPH722" s="424"/>
      <c r="JPI722" s="423" t="s">
        <v>2795</v>
      </c>
      <c r="JPJ722" s="424"/>
      <c r="JPK722" s="424"/>
      <c r="JPL722" s="424"/>
      <c r="JPM722" s="423" t="s">
        <v>2795</v>
      </c>
      <c r="JPN722" s="424"/>
      <c r="JPO722" s="424"/>
      <c r="JPP722" s="424"/>
      <c r="JPQ722" s="423" t="s">
        <v>2795</v>
      </c>
      <c r="JPR722" s="424"/>
      <c r="JPS722" s="424"/>
      <c r="JPT722" s="424"/>
      <c r="JPU722" s="423" t="s">
        <v>2795</v>
      </c>
      <c r="JPV722" s="424"/>
      <c r="JPW722" s="424"/>
      <c r="JPX722" s="424"/>
      <c r="JPY722" s="423" t="s">
        <v>2795</v>
      </c>
      <c r="JPZ722" s="424"/>
      <c r="JQA722" s="424"/>
      <c r="JQB722" s="424"/>
      <c r="JQC722" s="423" t="s">
        <v>2795</v>
      </c>
      <c r="JQD722" s="424"/>
      <c r="JQE722" s="424"/>
      <c r="JQF722" s="424"/>
      <c r="JQG722" s="423" t="s">
        <v>2795</v>
      </c>
      <c r="JQH722" s="424"/>
      <c r="JQI722" s="424"/>
      <c r="JQJ722" s="424"/>
      <c r="JQK722" s="423" t="s">
        <v>2795</v>
      </c>
      <c r="JQL722" s="424"/>
      <c r="JQM722" s="424"/>
      <c r="JQN722" s="424"/>
      <c r="JQO722" s="423" t="s">
        <v>2795</v>
      </c>
      <c r="JQP722" s="424"/>
      <c r="JQQ722" s="424"/>
      <c r="JQR722" s="424"/>
      <c r="JQS722" s="423" t="s">
        <v>2795</v>
      </c>
      <c r="JQT722" s="424"/>
      <c r="JQU722" s="424"/>
      <c r="JQV722" s="424"/>
      <c r="JQW722" s="423" t="s">
        <v>2795</v>
      </c>
      <c r="JQX722" s="424"/>
      <c r="JQY722" s="424"/>
      <c r="JQZ722" s="424"/>
      <c r="JRA722" s="423" t="s">
        <v>2795</v>
      </c>
      <c r="JRB722" s="424"/>
      <c r="JRC722" s="424"/>
      <c r="JRD722" s="424"/>
      <c r="JRE722" s="423" t="s">
        <v>2795</v>
      </c>
      <c r="JRF722" s="424"/>
      <c r="JRG722" s="424"/>
      <c r="JRH722" s="424"/>
      <c r="JRI722" s="423" t="s">
        <v>2795</v>
      </c>
      <c r="JRJ722" s="424"/>
      <c r="JRK722" s="424"/>
      <c r="JRL722" s="424"/>
      <c r="JRM722" s="423" t="s">
        <v>2795</v>
      </c>
      <c r="JRN722" s="424"/>
      <c r="JRO722" s="424"/>
      <c r="JRP722" s="424"/>
      <c r="JRQ722" s="423" t="s">
        <v>2795</v>
      </c>
      <c r="JRR722" s="424"/>
      <c r="JRS722" s="424"/>
      <c r="JRT722" s="424"/>
      <c r="JRU722" s="423" t="s">
        <v>2795</v>
      </c>
      <c r="JRV722" s="424"/>
      <c r="JRW722" s="424"/>
      <c r="JRX722" s="424"/>
      <c r="JRY722" s="423" t="s">
        <v>2795</v>
      </c>
      <c r="JRZ722" s="424"/>
      <c r="JSA722" s="424"/>
      <c r="JSB722" s="424"/>
      <c r="JSC722" s="423" t="s">
        <v>2795</v>
      </c>
      <c r="JSD722" s="424"/>
      <c r="JSE722" s="424"/>
      <c r="JSF722" s="424"/>
      <c r="JSG722" s="423" t="s">
        <v>2795</v>
      </c>
      <c r="JSH722" s="424"/>
      <c r="JSI722" s="424"/>
      <c r="JSJ722" s="424"/>
      <c r="JSK722" s="423" t="s">
        <v>2795</v>
      </c>
      <c r="JSL722" s="424"/>
      <c r="JSM722" s="424"/>
      <c r="JSN722" s="424"/>
      <c r="JSO722" s="423" t="s">
        <v>2795</v>
      </c>
      <c r="JSP722" s="424"/>
      <c r="JSQ722" s="424"/>
      <c r="JSR722" s="424"/>
      <c r="JSS722" s="423" t="s">
        <v>2795</v>
      </c>
      <c r="JST722" s="424"/>
      <c r="JSU722" s="424"/>
      <c r="JSV722" s="424"/>
      <c r="JSW722" s="423" t="s">
        <v>2795</v>
      </c>
      <c r="JSX722" s="424"/>
      <c r="JSY722" s="424"/>
      <c r="JSZ722" s="424"/>
      <c r="JTA722" s="423" t="s">
        <v>2795</v>
      </c>
      <c r="JTB722" s="424"/>
      <c r="JTC722" s="424"/>
      <c r="JTD722" s="424"/>
      <c r="JTE722" s="423" t="s">
        <v>2795</v>
      </c>
      <c r="JTF722" s="424"/>
      <c r="JTG722" s="424"/>
      <c r="JTH722" s="424"/>
      <c r="JTI722" s="423" t="s">
        <v>2795</v>
      </c>
      <c r="JTJ722" s="424"/>
      <c r="JTK722" s="424"/>
      <c r="JTL722" s="424"/>
      <c r="JTM722" s="423" t="s">
        <v>2795</v>
      </c>
      <c r="JTN722" s="424"/>
      <c r="JTO722" s="424"/>
      <c r="JTP722" s="424"/>
      <c r="JTQ722" s="423" t="s">
        <v>2795</v>
      </c>
      <c r="JTR722" s="424"/>
      <c r="JTS722" s="424"/>
      <c r="JTT722" s="424"/>
      <c r="JTU722" s="423" t="s">
        <v>2795</v>
      </c>
      <c r="JTV722" s="424"/>
      <c r="JTW722" s="424"/>
      <c r="JTX722" s="424"/>
      <c r="JTY722" s="423" t="s">
        <v>2795</v>
      </c>
      <c r="JTZ722" s="424"/>
      <c r="JUA722" s="424"/>
      <c r="JUB722" s="424"/>
      <c r="JUC722" s="423" t="s">
        <v>2795</v>
      </c>
      <c r="JUD722" s="424"/>
      <c r="JUE722" s="424"/>
      <c r="JUF722" s="424"/>
      <c r="JUG722" s="423" t="s">
        <v>2795</v>
      </c>
      <c r="JUH722" s="424"/>
      <c r="JUI722" s="424"/>
      <c r="JUJ722" s="424"/>
      <c r="JUK722" s="423" t="s">
        <v>2795</v>
      </c>
      <c r="JUL722" s="424"/>
      <c r="JUM722" s="424"/>
      <c r="JUN722" s="424"/>
      <c r="JUO722" s="423" t="s">
        <v>2795</v>
      </c>
      <c r="JUP722" s="424"/>
      <c r="JUQ722" s="424"/>
      <c r="JUR722" s="424"/>
      <c r="JUS722" s="423" t="s">
        <v>2795</v>
      </c>
      <c r="JUT722" s="424"/>
      <c r="JUU722" s="424"/>
      <c r="JUV722" s="424"/>
      <c r="JUW722" s="423" t="s">
        <v>2795</v>
      </c>
      <c r="JUX722" s="424"/>
      <c r="JUY722" s="424"/>
      <c r="JUZ722" s="424"/>
      <c r="JVA722" s="423" t="s">
        <v>2795</v>
      </c>
      <c r="JVB722" s="424"/>
      <c r="JVC722" s="424"/>
      <c r="JVD722" s="424"/>
      <c r="JVE722" s="423" t="s">
        <v>2795</v>
      </c>
      <c r="JVF722" s="424"/>
      <c r="JVG722" s="424"/>
      <c r="JVH722" s="424"/>
      <c r="JVI722" s="423" t="s">
        <v>2795</v>
      </c>
      <c r="JVJ722" s="424"/>
      <c r="JVK722" s="424"/>
      <c r="JVL722" s="424"/>
      <c r="JVM722" s="423" t="s">
        <v>2795</v>
      </c>
      <c r="JVN722" s="424"/>
      <c r="JVO722" s="424"/>
      <c r="JVP722" s="424"/>
      <c r="JVQ722" s="423" t="s">
        <v>2795</v>
      </c>
      <c r="JVR722" s="424"/>
      <c r="JVS722" s="424"/>
      <c r="JVT722" s="424"/>
      <c r="JVU722" s="423" t="s">
        <v>2795</v>
      </c>
      <c r="JVV722" s="424"/>
      <c r="JVW722" s="424"/>
      <c r="JVX722" s="424"/>
      <c r="JVY722" s="423" t="s">
        <v>2795</v>
      </c>
      <c r="JVZ722" s="424"/>
      <c r="JWA722" s="424"/>
      <c r="JWB722" s="424"/>
      <c r="JWC722" s="423" t="s">
        <v>2795</v>
      </c>
      <c r="JWD722" s="424"/>
      <c r="JWE722" s="424"/>
      <c r="JWF722" s="424"/>
      <c r="JWG722" s="423" t="s">
        <v>2795</v>
      </c>
      <c r="JWH722" s="424"/>
      <c r="JWI722" s="424"/>
      <c r="JWJ722" s="424"/>
      <c r="JWK722" s="423" t="s">
        <v>2795</v>
      </c>
      <c r="JWL722" s="424"/>
      <c r="JWM722" s="424"/>
      <c r="JWN722" s="424"/>
      <c r="JWO722" s="423" t="s">
        <v>2795</v>
      </c>
      <c r="JWP722" s="424"/>
      <c r="JWQ722" s="424"/>
      <c r="JWR722" s="424"/>
      <c r="JWS722" s="423" t="s">
        <v>2795</v>
      </c>
      <c r="JWT722" s="424"/>
      <c r="JWU722" s="424"/>
      <c r="JWV722" s="424"/>
      <c r="JWW722" s="423" t="s">
        <v>2795</v>
      </c>
      <c r="JWX722" s="424"/>
      <c r="JWY722" s="424"/>
      <c r="JWZ722" s="424"/>
      <c r="JXA722" s="423" t="s">
        <v>2795</v>
      </c>
      <c r="JXB722" s="424"/>
      <c r="JXC722" s="424"/>
      <c r="JXD722" s="424"/>
      <c r="JXE722" s="423" t="s">
        <v>2795</v>
      </c>
      <c r="JXF722" s="424"/>
      <c r="JXG722" s="424"/>
      <c r="JXH722" s="424"/>
      <c r="JXI722" s="423" t="s">
        <v>2795</v>
      </c>
      <c r="JXJ722" s="424"/>
      <c r="JXK722" s="424"/>
      <c r="JXL722" s="424"/>
      <c r="JXM722" s="423" t="s">
        <v>2795</v>
      </c>
      <c r="JXN722" s="424"/>
      <c r="JXO722" s="424"/>
      <c r="JXP722" s="424"/>
      <c r="JXQ722" s="423" t="s">
        <v>2795</v>
      </c>
      <c r="JXR722" s="424"/>
      <c r="JXS722" s="424"/>
      <c r="JXT722" s="424"/>
      <c r="JXU722" s="423" t="s">
        <v>2795</v>
      </c>
      <c r="JXV722" s="424"/>
      <c r="JXW722" s="424"/>
      <c r="JXX722" s="424"/>
      <c r="JXY722" s="423" t="s">
        <v>2795</v>
      </c>
      <c r="JXZ722" s="424"/>
      <c r="JYA722" s="424"/>
      <c r="JYB722" s="424"/>
      <c r="JYC722" s="423" t="s">
        <v>2795</v>
      </c>
      <c r="JYD722" s="424"/>
      <c r="JYE722" s="424"/>
      <c r="JYF722" s="424"/>
      <c r="JYG722" s="423" t="s">
        <v>2795</v>
      </c>
      <c r="JYH722" s="424"/>
      <c r="JYI722" s="424"/>
      <c r="JYJ722" s="424"/>
      <c r="JYK722" s="423" t="s">
        <v>2795</v>
      </c>
      <c r="JYL722" s="424"/>
      <c r="JYM722" s="424"/>
      <c r="JYN722" s="424"/>
      <c r="JYO722" s="423" t="s">
        <v>2795</v>
      </c>
      <c r="JYP722" s="424"/>
      <c r="JYQ722" s="424"/>
      <c r="JYR722" s="424"/>
      <c r="JYS722" s="423" t="s">
        <v>2795</v>
      </c>
      <c r="JYT722" s="424"/>
      <c r="JYU722" s="424"/>
      <c r="JYV722" s="424"/>
      <c r="JYW722" s="423" t="s">
        <v>2795</v>
      </c>
      <c r="JYX722" s="424"/>
      <c r="JYY722" s="424"/>
      <c r="JYZ722" s="424"/>
      <c r="JZA722" s="423" t="s">
        <v>2795</v>
      </c>
      <c r="JZB722" s="424"/>
      <c r="JZC722" s="424"/>
      <c r="JZD722" s="424"/>
      <c r="JZE722" s="423" t="s">
        <v>2795</v>
      </c>
      <c r="JZF722" s="424"/>
      <c r="JZG722" s="424"/>
      <c r="JZH722" s="424"/>
      <c r="JZI722" s="423" t="s">
        <v>2795</v>
      </c>
      <c r="JZJ722" s="424"/>
      <c r="JZK722" s="424"/>
      <c r="JZL722" s="424"/>
      <c r="JZM722" s="423" t="s">
        <v>2795</v>
      </c>
      <c r="JZN722" s="424"/>
      <c r="JZO722" s="424"/>
      <c r="JZP722" s="424"/>
      <c r="JZQ722" s="423" t="s">
        <v>2795</v>
      </c>
      <c r="JZR722" s="424"/>
      <c r="JZS722" s="424"/>
      <c r="JZT722" s="424"/>
      <c r="JZU722" s="423" t="s">
        <v>2795</v>
      </c>
      <c r="JZV722" s="424"/>
      <c r="JZW722" s="424"/>
      <c r="JZX722" s="424"/>
      <c r="JZY722" s="423" t="s">
        <v>2795</v>
      </c>
      <c r="JZZ722" s="424"/>
      <c r="KAA722" s="424"/>
      <c r="KAB722" s="424"/>
      <c r="KAC722" s="423" t="s">
        <v>2795</v>
      </c>
      <c r="KAD722" s="424"/>
      <c r="KAE722" s="424"/>
      <c r="KAF722" s="424"/>
      <c r="KAG722" s="423" t="s">
        <v>2795</v>
      </c>
      <c r="KAH722" s="424"/>
      <c r="KAI722" s="424"/>
      <c r="KAJ722" s="424"/>
      <c r="KAK722" s="423" t="s">
        <v>2795</v>
      </c>
      <c r="KAL722" s="424"/>
      <c r="KAM722" s="424"/>
      <c r="KAN722" s="424"/>
      <c r="KAO722" s="423" t="s">
        <v>2795</v>
      </c>
      <c r="KAP722" s="424"/>
      <c r="KAQ722" s="424"/>
      <c r="KAR722" s="424"/>
      <c r="KAS722" s="423" t="s">
        <v>2795</v>
      </c>
      <c r="KAT722" s="424"/>
      <c r="KAU722" s="424"/>
      <c r="KAV722" s="424"/>
      <c r="KAW722" s="423" t="s">
        <v>2795</v>
      </c>
      <c r="KAX722" s="424"/>
      <c r="KAY722" s="424"/>
      <c r="KAZ722" s="424"/>
      <c r="KBA722" s="423" t="s">
        <v>2795</v>
      </c>
      <c r="KBB722" s="424"/>
      <c r="KBC722" s="424"/>
      <c r="KBD722" s="424"/>
      <c r="KBE722" s="423" t="s">
        <v>2795</v>
      </c>
      <c r="KBF722" s="424"/>
      <c r="KBG722" s="424"/>
      <c r="KBH722" s="424"/>
      <c r="KBI722" s="423" t="s">
        <v>2795</v>
      </c>
      <c r="KBJ722" s="424"/>
      <c r="KBK722" s="424"/>
      <c r="KBL722" s="424"/>
      <c r="KBM722" s="423" t="s">
        <v>2795</v>
      </c>
      <c r="KBN722" s="424"/>
      <c r="KBO722" s="424"/>
      <c r="KBP722" s="424"/>
      <c r="KBQ722" s="423" t="s">
        <v>2795</v>
      </c>
      <c r="KBR722" s="424"/>
      <c r="KBS722" s="424"/>
      <c r="KBT722" s="424"/>
      <c r="KBU722" s="423" t="s">
        <v>2795</v>
      </c>
      <c r="KBV722" s="424"/>
      <c r="KBW722" s="424"/>
      <c r="KBX722" s="424"/>
      <c r="KBY722" s="423" t="s">
        <v>2795</v>
      </c>
      <c r="KBZ722" s="424"/>
      <c r="KCA722" s="424"/>
      <c r="KCB722" s="424"/>
      <c r="KCC722" s="423" t="s">
        <v>2795</v>
      </c>
      <c r="KCD722" s="424"/>
      <c r="KCE722" s="424"/>
      <c r="KCF722" s="424"/>
      <c r="KCG722" s="423" t="s">
        <v>2795</v>
      </c>
      <c r="KCH722" s="424"/>
      <c r="KCI722" s="424"/>
      <c r="KCJ722" s="424"/>
      <c r="KCK722" s="423" t="s">
        <v>2795</v>
      </c>
      <c r="KCL722" s="424"/>
      <c r="KCM722" s="424"/>
      <c r="KCN722" s="424"/>
      <c r="KCO722" s="423" t="s">
        <v>2795</v>
      </c>
      <c r="KCP722" s="424"/>
      <c r="KCQ722" s="424"/>
      <c r="KCR722" s="424"/>
      <c r="KCS722" s="423" t="s">
        <v>2795</v>
      </c>
      <c r="KCT722" s="424"/>
      <c r="KCU722" s="424"/>
      <c r="KCV722" s="424"/>
      <c r="KCW722" s="423" t="s">
        <v>2795</v>
      </c>
      <c r="KCX722" s="424"/>
      <c r="KCY722" s="424"/>
      <c r="KCZ722" s="424"/>
      <c r="KDA722" s="423" t="s">
        <v>2795</v>
      </c>
      <c r="KDB722" s="424"/>
      <c r="KDC722" s="424"/>
      <c r="KDD722" s="424"/>
      <c r="KDE722" s="423" t="s">
        <v>2795</v>
      </c>
      <c r="KDF722" s="424"/>
      <c r="KDG722" s="424"/>
      <c r="KDH722" s="424"/>
      <c r="KDI722" s="423" t="s">
        <v>2795</v>
      </c>
      <c r="KDJ722" s="424"/>
      <c r="KDK722" s="424"/>
      <c r="KDL722" s="424"/>
      <c r="KDM722" s="423" t="s">
        <v>2795</v>
      </c>
      <c r="KDN722" s="424"/>
      <c r="KDO722" s="424"/>
      <c r="KDP722" s="424"/>
      <c r="KDQ722" s="423" t="s">
        <v>2795</v>
      </c>
      <c r="KDR722" s="424"/>
      <c r="KDS722" s="424"/>
      <c r="KDT722" s="424"/>
      <c r="KDU722" s="423" t="s">
        <v>2795</v>
      </c>
      <c r="KDV722" s="424"/>
      <c r="KDW722" s="424"/>
      <c r="KDX722" s="424"/>
      <c r="KDY722" s="423" t="s">
        <v>2795</v>
      </c>
      <c r="KDZ722" s="424"/>
      <c r="KEA722" s="424"/>
      <c r="KEB722" s="424"/>
      <c r="KEC722" s="423" t="s">
        <v>2795</v>
      </c>
      <c r="KED722" s="424"/>
      <c r="KEE722" s="424"/>
      <c r="KEF722" s="424"/>
      <c r="KEG722" s="423" t="s">
        <v>2795</v>
      </c>
      <c r="KEH722" s="424"/>
      <c r="KEI722" s="424"/>
      <c r="KEJ722" s="424"/>
      <c r="KEK722" s="423" t="s">
        <v>2795</v>
      </c>
      <c r="KEL722" s="424"/>
      <c r="KEM722" s="424"/>
      <c r="KEN722" s="424"/>
      <c r="KEO722" s="423" t="s">
        <v>2795</v>
      </c>
      <c r="KEP722" s="424"/>
      <c r="KEQ722" s="424"/>
      <c r="KER722" s="424"/>
      <c r="KES722" s="423" t="s">
        <v>2795</v>
      </c>
      <c r="KET722" s="424"/>
      <c r="KEU722" s="424"/>
      <c r="KEV722" s="424"/>
      <c r="KEW722" s="423" t="s">
        <v>2795</v>
      </c>
      <c r="KEX722" s="424"/>
      <c r="KEY722" s="424"/>
      <c r="KEZ722" s="424"/>
      <c r="KFA722" s="423" t="s">
        <v>2795</v>
      </c>
      <c r="KFB722" s="424"/>
      <c r="KFC722" s="424"/>
      <c r="KFD722" s="424"/>
      <c r="KFE722" s="423" t="s">
        <v>2795</v>
      </c>
      <c r="KFF722" s="424"/>
      <c r="KFG722" s="424"/>
      <c r="KFH722" s="424"/>
      <c r="KFI722" s="423" t="s">
        <v>2795</v>
      </c>
      <c r="KFJ722" s="424"/>
      <c r="KFK722" s="424"/>
      <c r="KFL722" s="424"/>
      <c r="KFM722" s="423" t="s">
        <v>2795</v>
      </c>
      <c r="KFN722" s="424"/>
      <c r="KFO722" s="424"/>
      <c r="KFP722" s="424"/>
      <c r="KFQ722" s="423" t="s">
        <v>2795</v>
      </c>
      <c r="KFR722" s="424"/>
      <c r="KFS722" s="424"/>
      <c r="KFT722" s="424"/>
      <c r="KFU722" s="423" t="s">
        <v>2795</v>
      </c>
      <c r="KFV722" s="424"/>
      <c r="KFW722" s="424"/>
      <c r="KFX722" s="424"/>
      <c r="KFY722" s="423" t="s">
        <v>2795</v>
      </c>
      <c r="KFZ722" s="424"/>
      <c r="KGA722" s="424"/>
      <c r="KGB722" s="424"/>
      <c r="KGC722" s="423" t="s">
        <v>2795</v>
      </c>
      <c r="KGD722" s="424"/>
      <c r="KGE722" s="424"/>
      <c r="KGF722" s="424"/>
      <c r="KGG722" s="423" t="s">
        <v>2795</v>
      </c>
      <c r="KGH722" s="424"/>
      <c r="KGI722" s="424"/>
      <c r="KGJ722" s="424"/>
      <c r="KGK722" s="423" t="s">
        <v>2795</v>
      </c>
      <c r="KGL722" s="424"/>
      <c r="KGM722" s="424"/>
      <c r="KGN722" s="424"/>
      <c r="KGO722" s="423" t="s">
        <v>2795</v>
      </c>
      <c r="KGP722" s="424"/>
      <c r="KGQ722" s="424"/>
      <c r="KGR722" s="424"/>
      <c r="KGS722" s="423" t="s">
        <v>2795</v>
      </c>
      <c r="KGT722" s="424"/>
      <c r="KGU722" s="424"/>
      <c r="KGV722" s="424"/>
      <c r="KGW722" s="423" t="s">
        <v>2795</v>
      </c>
      <c r="KGX722" s="424"/>
      <c r="KGY722" s="424"/>
      <c r="KGZ722" s="424"/>
      <c r="KHA722" s="423" t="s">
        <v>2795</v>
      </c>
      <c r="KHB722" s="424"/>
      <c r="KHC722" s="424"/>
      <c r="KHD722" s="424"/>
      <c r="KHE722" s="423" t="s">
        <v>2795</v>
      </c>
      <c r="KHF722" s="424"/>
      <c r="KHG722" s="424"/>
      <c r="KHH722" s="424"/>
      <c r="KHI722" s="423" t="s">
        <v>2795</v>
      </c>
      <c r="KHJ722" s="424"/>
      <c r="KHK722" s="424"/>
      <c r="KHL722" s="424"/>
      <c r="KHM722" s="423" t="s">
        <v>2795</v>
      </c>
      <c r="KHN722" s="424"/>
      <c r="KHO722" s="424"/>
      <c r="KHP722" s="424"/>
      <c r="KHQ722" s="423" t="s">
        <v>2795</v>
      </c>
      <c r="KHR722" s="424"/>
      <c r="KHS722" s="424"/>
      <c r="KHT722" s="424"/>
      <c r="KHU722" s="423" t="s">
        <v>2795</v>
      </c>
      <c r="KHV722" s="424"/>
      <c r="KHW722" s="424"/>
      <c r="KHX722" s="424"/>
      <c r="KHY722" s="423" t="s">
        <v>2795</v>
      </c>
      <c r="KHZ722" s="424"/>
      <c r="KIA722" s="424"/>
      <c r="KIB722" s="424"/>
      <c r="KIC722" s="423" t="s">
        <v>2795</v>
      </c>
      <c r="KID722" s="424"/>
      <c r="KIE722" s="424"/>
      <c r="KIF722" s="424"/>
      <c r="KIG722" s="423" t="s">
        <v>2795</v>
      </c>
      <c r="KIH722" s="424"/>
      <c r="KII722" s="424"/>
      <c r="KIJ722" s="424"/>
      <c r="KIK722" s="423" t="s">
        <v>2795</v>
      </c>
      <c r="KIL722" s="424"/>
      <c r="KIM722" s="424"/>
      <c r="KIN722" s="424"/>
      <c r="KIO722" s="423" t="s">
        <v>2795</v>
      </c>
      <c r="KIP722" s="424"/>
      <c r="KIQ722" s="424"/>
      <c r="KIR722" s="424"/>
      <c r="KIS722" s="423" t="s">
        <v>2795</v>
      </c>
      <c r="KIT722" s="424"/>
      <c r="KIU722" s="424"/>
      <c r="KIV722" s="424"/>
      <c r="KIW722" s="423" t="s">
        <v>2795</v>
      </c>
      <c r="KIX722" s="424"/>
      <c r="KIY722" s="424"/>
      <c r="KIZ722" s="424"/>
      <c r="KJA722" s="423" t="s">
        <v>2795</v>
      </c>
      <c r="KJB722" s="424"/>
      <c r="KJC722" s="424"/>
      <c r="KJD722" s="424"/>
      <c r="KJE722" s="423" t="s">
        <v>2795</v>
      </c>
      <c r="KJF722" s="424"/>
      <c r="KJG722" s="424"/>
      <c r="KJH722" s="424"/>
      <c r="KJI722" s="423" t="s">
        <v>2795</v>
      </c>
      <c r="KJJ722" s="424"/>
      <c r="KJK722" s="424"/>
      <c r="KJL722" s="424"/>
      <c r="KJM722" s="423" t="s">
        <v>2795</v>
      </c>
      <c r="KJN722" s="424"/>
      <c r="KJO722" s="424"/>
      <c r="KJP722" s="424"/>
      <c r="KJQ722" s="423" t="s">
        <v>2795</v>
      </c>
      <c r="KJR722" s="424"/>
      <c r="KJS722" s="424"/>
      <c r="KJT722" s="424"/>
      <c r="KJU722" s="423" t="s">
        <v>2795</v>
      </c>
      <c r="KJV722" s="424"/>
      <c r="KJW722" s="424"/>
      <c r="KJX722" s="424"/>
      <c r="KJY722" s="423" t="s">
        <v>2795</v>
      </c>
      <c r="KJZ722" s="424"/>
      <c r="KKA722" s="424"/>
      <c r="KKB722" s="424"/>
      <c r="KKC722" s="423" t="s">
        <v>2795</v>
      </c>
      <c r="KKD722" s="424"/>
      <c r="KKE722" s="424"/>
      <c r="KKF722" s="424"/>
      <c r="KKG722" s="423" t="s">
        <v>2795</v>
      </c>
      <c r="KKH722" s="424"/>
      <c r="KKI722" s="424"/>
      <c r="KKJ722" s="424"/>
      <c r="KKK722" s="423" t="s">
        <v>2795</v>
      </c>
      <c r="KKL722" s="424"/>
      <c r="KKM722" s="424"/>
      <c r="KKN722" s="424"/>
      <c r="KKO722" s="423" t="s">
        <v>2795</v>
      </c>
      <c r="KKP722" s="424"/>
      <c r="KKQ722" s="424"/>
      <c r="KKR722" s="424"/>
      <c r="KKS722" s="423" t="s">
        <v>2795</v>
      </c>
      <c r="KKT722" s="424"/>
      <c r="KKU722" s="424"/>
      <c r="KKV722" s="424"/>
      <c r="KKW722" s="423" t="s">
        <v>2795</v>
      </c>
      <c r="KKX722" s="424"/>
      <c r="KKY722" s="424"/>
      <c r="KKZ722" s="424"/>
      <c r="KLA722" s="423" t="s">
        <v>2795</v>
      </c>
      <c r="KLB722" s="424"/>
      <c r="KLC722" s="424"/>
      <c r="KLD722" s="424"/>
      <c r="KLE722" s="423" t="s">
        <v>2795</v>
      </c>
      <c r="KLF722" s="424"/>
      <c r="KLG722" s="424"/>
      <c r="KLH722" s="424"/>
      <c r="KLI722" s="423" t="s">
        <v>2795</v>
      </c>
      <c r="KLJ722" s="424"/>
      <c r="KLK722" s="424"/>
      <c r="KLL722" s="424"/>
      <c r="KLM722" s="423" t="s">
        <v>2795</v>
      </c>
      <c r="KLN722" s="424"/>
      <c r="KLO722" s="424"/>
      <c r="KLP722" s="424"/>
      <c r="KLQ722" s="423" t="s">
        <v>2795</v>
      </c>
      <c r="KLR722" s="424"/>
      <c r="KLS722" s="424"/>
      <c r="KLT722" s="424"/>
      <c r="KLU722" s="423" t="s">
        <v>2795</v>
      </c>
      <c r="KLV722" s="424"/>
      <c r="KLW722" s="424"/>
      <c r="KLX722" s="424"/>
      <c r="KLY722" s="423" t="s">
        <v>2795</v>
      </c>
      <c r="KLZ722" s="424"/>
      <c r="KMA722" s="424"/>
      <c r="KMB722" s="424"/>
      <c r="KMC722" s="423" t="s">
        <v>2795</v>
      </c>
      <c r="KMD722" s="424"/>
      <c r="KME722" s="424"/>
      <c r="KMF722" s="424"/>
      <c r="KMG722" s="423" t="s">
        <v>2795</v>
      </c>
      <c r="KMH722" s="424"/>
      <c r="KMI722" s="424"/>
      <c r="KMJ722" s="424"/>
      <c r="KMK722" s="423" t="s">
        <v>2795</v>
      </c>
      <c r="KML722" s="424"/>
      <c r="KMM722" s="424"/>
      <c r="KMN722" s="424"/>
      <c r="KMO722" s="423" t="s">
        <v>2795</v>
      </c>
      <c r="KMP722" s="424"/>
      <c r="KMQ722" s="424"/>
      <c r="KMR722" s="424"/>
      <c r="KMS722" s="423" t="s">
        <v>2795</v>
      </c>
      <c r="KMT722" s="424"/>
      <c r="KMU722" s="424"/>
      <c r="KMV722" s="424"/>
      <c r="KMW722" s="423" t="s">
        <v>2795</v>
      </c>
      <c r="KMX722" s="424"/>
      <c r="KMY722" s="424"/>
      <c r="KMZ722" s="424"/>
      <c r="KNA722" s="423" t="s">
        <v>2795</v>
      </c>
      <c r="KNB722" s="424"/>
      <c r="KNC722" s="424"/>
      <c r="KND722" s="424"/>
      <c r="KNE722" s="423" t="s">
        <v>2795</v>
      </c>
      <c r="KNF722" s="424"/>
      <c r="KNG722" s="424"/>
      <c r="KNH722" s="424"/>
      <c r="KNI722" s="423" t="s">
        <v>2795</v>
      </c>
      <c r="KNJ722" s="424"/>
      <c r="KNK722" s="424"/>
      <c r="KNL722" s="424"/>
      <c r="KNM722" s="423" t="s">
        <v>2795</v>
      </c>
      <c r="KNN722" s="424"/>
      <c r="KNO722" s="424"/>
      <c r="KNP722" s="424"/>
      <c r="KNQ722" s="423" t="s">
        <v>2795</v>
      </c>
      <c r="KNR722" s="424"/>
      <c r="KNS722" s="424"/>
      <c r="KNT722" s="424"/>
      <c r="KNU722" s="423" t="s">
        <v>2795</v>
      </c>
      <c r="KNV722" s="424"/>
      <c r="KNW722" s="424"/>
      <c r="KNX722" s="424"/>
      <c r="KNY722" s="423" t="s">
        <v>2795</v>
      </c>
      <c r="KNZ722" s="424"/>
      <c r="KOA722" s="424"/>
      <c r="KOB722" s="424"/>
      <c r="KOC722" s="423" t="s">
        <v>2795</v>
      </c>
      <c r="KOD722" s="424"/>
      <c r="KOE722" s="424"/>
      <c r="KOF722" s="424"/>
      <c r="KOG722" s="423" t="s">
        <v>2795</v>
      </c>
      <c r="KOH722" s="424"/>
      <c r="KOI722" s="424"/>
      <c r="KOJ722" s="424"/>
      <c r="KOK722" s="423" t="s">
        <v>2795</v>
      </c>
      <c r="KOL722" s="424"/>
      <c r="KOM722" s="424"/>
      <c r="KON722" s="424"/>
      <c r="KOO722" s="423" t="s">
        <v>2795</v>
      </c>
      <c r="KOP722" s="424"/>
      <c r="KOQ722" s="424"/>
      <c r="KOR722" s="424"/>
      <c r="KOS722" s="423" t="s">
        <v>2795</v>
      </c>
      <c r="KOT722" s="424"/>
      <c r="KOU722" s="424"/>
      <c r="KOV722" s="424"/>
      <c r="KOW722" s="423" t="s">
        <v>2795</v>
      </c>
      <c r="KOX722" s="424"/>
      <c r="KOY722" s="424"/>
      <c r="KOZ722" s="424"/>
      <c r="KPA722" s="423" t="s">
        <v>2795</v>
      </c>
      <c r="KPB722" s="424"/>
      <c r="KPC722" s="424"/>
      <c r="KPD722" s="424"/>
      <c r="KPE722" s="423" t="s">
        <v>2795</v>
      </c>
      <c r="KPF722" s="424"/>
      <c r="KPG722" s="424"/>
      <c r="KPH722" s="424"/>
      <c r="KPI722" s="423" t="s">
        <v>2795</v>
      </c>
      <c r="KPJ722" s="424"/>
      <c r="KPK722" s="424"/>
      <c r="KPL722" s="424"/>
      <c r="KPM722" s="423" t="s">
        <v>2795</v>
      </c>
      <c r="KPN722" s="424"/>
      <c r="KPO722" s="424"/>
      <c r="KPP722" s="424"/>
      <c r="KPQ722" s="423" t="s">
        <v>2795</v>
      </c>
      <c r="KPR722" s="424"/>
      <c r="KPS722" s="424"/>
      <c r="KPT722" s="424"/>
      <c r="KPU722" s="423" t="s">
        <v>2795</v>
      </c>
      <c r="KPV722" s="424"/>
      <c r="KPW722" s="424"/>
      <c r="KPX722" s="424"/>
      <c r="KPY722" s="423" t="s">
        <v>2795</v>
      </c>
      <c r="KPZ722" s="424"/>
      <c r="KQA722" s="424"/>
      <c r="KQB722" s="424"/>
      <c r="KQC722" s="423" t="s">
        <v>2795</v>
      </c>
      <c r="KQD722" s="424"/>
      <c r="KQE722" s="424"/>
      <c r="KQF722" s="424"/>
      <c r="KQG722" s="423" t="s">
        <v>2795</v>
      </c>
      <c r="KQH722" s="424"/>
      <c r="KQI722" s="424"/>
      <c r="KQJ722" s="424"/>
      <c r="KQK722" s="423" t="s">
        <v>2795</v>
      </c>
      <c r="KQL722" s="424"/>
      <c r="KQM722" s="424"/>
      <c r="KQN722" s="424"/>
      <c r="KQO722" s="423" t="s">
        <v>2795</v>
      </c>
      <c r="KQP722" s="424"/>
      <c r="KQQ722" s="424"/>
      <c r="KQR722" s="424"/>
      <c r="KQS722" s="423" t="s">
        <v>2795</v>
      </c>
      <c r="KQT722" s="424"/>
      <c r="KQU722" s="424"/>
      <c r="KQV722" s="424"/>
      <c r="KQW722" s="423" t="s">
        <v>2795</v>
      </c>
      <c r="KQX722" s="424"/>
      <c r="KQY722" s="424"/>
      <c r="KQZ722" s="424"/>
      <c r="KRA722" s="423" t="s">
        <v>2795</v>
      </c>
      <c r="KRB722" s="424"/>
      <c r="KRC722" s="424"/>
      <c r="KRD722" s="424"/>
      <c r="KRE722" s="423" t="s">
        <v>2795</v>
      </c>
      <c r="KRF722" s="424"/>
      <c r="KRG722" s="424"/>
      <c r="KRH722" s="424"/>
      <c r="KRI722" s="423" t="s">
        <v>2795</v>
      </c>
      <c r="KRJ722" s="424"/>
      <c r="KRK722" s="424"/>
      <c r="KRL722" s="424"/>
      <c r="KRM722" s="423" t="s">
        <v>2795</v>
      </c>
      <c r="KRN722" s="424"/>
      <c r="KRO722" s="424"/>
      <c r="KRP722" s="424"/>
      <c r="KRQ722" s="423" t="s">
        <v>2795</v>
      </c>
      <c r="KRR722" s="424"/>
      <c r="KRS722" s="424"/>
      <c r="KRT722" s="424"/>
      <c r="KRU722" s="423" t="s">
        <v>2795</v>
      </c>
      <c r="KRV722" s="424"/>
      <c r="KRW722" s="424"/>
      <c r="KRX722" s="424"/>
      <c r="KRY722" s="423" t="s">
        <v>2795</v>
      </c>
      <c r="KRZ722" s="424"/>
      <c r="KSA722" s="424"/>
      <c r="KSB722" s="424"/>
      <c r="KSC722" s="423" t="s">
        <v>2795</v>
      </c>
      <c r="KSD722" s="424"/>
      <c r="KSE722" s="424"/>
      <c r="KSF722" s="424"/>
      <c r="KSG722" s="423" t="s">
        <v>2795</v>
      </c>
      <c r="KSH722" s="424"/>
      <c r="KSI722" s="424"/>
      <c r="KSJ722" s="424"/>
      <c r="KSK722" s="423" t="s">
        <v>2795</v>
      </c>
      <c r="KSL722" s="424"/>
      <c r="KSM722" s="424"/>
      <c r="KSN722" s="424"/>
      <c r="KSO722" s="423" t="s">
        <v>2795</v>
      </c>
      <c r="KSP722" s="424"/>
      <c r="KSQ722" s="424"/>
      <c r="KSR722" s="424"/>
      <c r="KSS722" s="423" t="s">
        <v>2795</v>
      </c>
      <c r="KST722" s="424"/>
      <c r="KSU722" s="424"/>
      <c r="KSV722" s="424"/>
      <c r="KSW722" s="423" t="s">
        <v>2795</v>
      </c>
      <c r="KSX722" s="424"/>
      <c r="KSY722" s="424"/>
      <c r="KSZ722" s="424"/>
      <c r="KTA722" s="423" t="s">
        <v>2795</v>
      </c>
      <c r="KTB722" s="424"/>
      <c r="KTC722" s="424"/>
      <c r="KTD722" s="424"/>
      <c r="KTE722" s="423" t="s">
        <v>2795</v>
      </c>
      <c r="KTF722" s="424"/>
      <c r="KTG722" s="424"/>
      <c r="KTH722" s="424"/>
      <c r="KTI722" s="423" t="s">
        <v>2795</v>
      </c>
      <c r="KTJ722" s="424"/>
      <c r="KTK722" s="424"/>
      <c r="KTL722" s="424"/>
      <c r="KTM722" s="423" t="s">
        <v>2795</v>
      </c>
      <c r="KTN722" s="424"/>
      <c r="KTO722" s="424"/>
      <c r="KTP722" s="424"/>
      <c r="KTQ722" s="423" t="s">
        <v>2795</v>
      </c>
      <c r="KTR722" s="424"/>
      <c r="KTS722" s="424"/>
      <c r="KTT722" s="424"/>
      <c r="KTU722" s="423" t="s">
        <v>2795</v>
      </c>
      <c r="KTV722" s="424"/>
      <c r="KTW722" s="424"/>
      <c r="KTX722" s="424"/>
      <c r="KTY722" s="423" t="s">
        <v>2795</v>
      </c>
      <c r="KTZ722" s="424"/>
      <c r="KUA722" s="424"/>
      <c r="KUB722" s="424"/>
      <c r="KUC722" s="423" t="s">
        <v>2795</v>
      </c>
      <c r="KUD722" s="424"/>
      <c r="KUE722" s="424"/>
      <c r="KUF722" s="424"/>
      <c r="KUG722" s="423" t="s">
        <v>2795</v>
      </c>
      <c r="KUH722" s="424"/>
      <c r="KUI722" s="424"/>
      <c r="KUJ722" s="424"/>
      <c r="KUK722" s="423" t="s">
        <v>2795</v>
      </c>
      <c r="KUL722" s="424"/>
      <c r="KUM722" s="424"/>
      <c r="KUN722" s="424"/>
      <c r="KUO722" s="423" t="s">
        <v>2795</v>
      </c>
      <c r="KUP722" s="424"/>
      <c r="KUQ722" s="424"/>
      <c r="KUR722" s="424"/>
      <c r="KUS722" s="423" t="s">
        <v>2795</v>
      </c>
      <c r="KUT722" s="424"/>
      <c r="KUU722" s="424"/>
      <c r="KUV722" s="424"/>
      <c r="KUW722" s="423" t="s">
        <v>2795</v>
      </c>
      <c r="KUX722" s="424"/>
      <c r="KUY722" s="424"/>
      <c r="KUZ722" s="424"/>
      <c r="KVA722" s="423" t="s">
        <v>2795</v>
      </c>
      <c r="KVB722" s="424"/>
      <c r="KVC722" s="424"/>
      <c r="KVD722" s="424"/>
      <c r="KVE722" s="423" t="s">
        <v>2795</v>
      </c>
      <c r="KVF722" s="424"/>
      <c r="KVG722" s="424"/>
      <c r="KVH722" s="424"/>
      <c r="KVI722" s="423" t="s">
        <v>2795</v>
      </c>
      <c r="KVJ722" s="424"/>
      <c r="KVK722" s="424"/>
      <c r="KVL722" s="424"/>
      <c r="KVM722" s="423" t="s">
        <v>2795</v>
      </c>
      <c r="KVN722" s="424"/>
      <c r="KVO722" s="424"/>
      <c r="KVP722" s="424"/>
      <c r="KVQ722" s="423" t="s">
        <v>2795</v>
      </c>
      <c r="KVR722" s="424"/>
      <c r="KVS722" s="424"/>
      <c r="KVT722" s="424"/>
      <c r="KVU722" s="423" t="s">
        <v>2795</v>
      </c>
      <c r="KVV722" s="424"/>
      <c r="KVW722" s="424"/>
      <c r="KVX722" s="424"/>
      <c r="KVY722" s="423" t="s">
        <v>2795</v>
      </c>
      <c r="KVZ722" s="424"/>
      <c r="KWA722" s="424"/>
      <c r="KWB722" s="424"/>
      <c r="KWC722" s="423" t="s">
        <v>2795</v>
      </c>
      <c r="KWD722" s="424"/>
      <c r="KWE722" s="424"/>
      <c r="KWF722" s="424"/>
      <c r="KWG722" s="423" t="s">
        <v>2795</v>
      </c>
      <c r="KWH722" s="424"/>
      <c r="KWI722" s="424"/>
      <c r="KWJ722" s="424"/>
      <c r="KWK722" s="423" t="s">
        <v>2795</v>
      </c>
      <c r="KWL722" s="424"/>
      <c r="KWM722" s="424"/>
      <c r="KWN722" s="424"/>
      <c r="KWO722" s="423" t="s">
        <v>2795</v>
      </c>
      <c r="KWP722" s="424"/>
      <c r="KWQ722" s="424"/>
      <c r="KWR722" s="424"/>
      <c r="KWS722" s="423" t="s">
        <v>2795</v>
      </c>
      <c r="KWT722" s="424"/>
      <c r="KWU722" s="424"/>
      <c r="KWV722" s="424"/>
      <c r="KWW722" s="423" t="s">
        <v>2795</v>
      </c>
      <c r="KWX722" s="424"/>
      <c r="KWY722" s="424"/>
      <c r="KWZ722" s="424"/>
      <c r="KXA722" s="423" t="s">
        <v>2795</v>
      </c>
      <c r="KXB722" s="424"/>
      <c r="KXC722" s="424"/>
      <c r="KXD722" s="424"/>
      <c r="KXE722" s="423" t="s">
        <v>2795</v>
      </c>
      <c r="KXF722" s="424"/>
      <c r="KXG722" s="424"/>
      <c r="KXH722" s="424"/>
      <c r="KXI722" s="423" t="s">
        <v>2795</v>
      </c>
      <c r="KXJ722" s="424"/>
      <c r="KXK722" s="424"/>
      <c r="KXL722" s="424"/>
      <c r="KXM722" s="423" t="s">
        <v>2795</v>
      </c>
      <c r="KXN722" s="424"/>
      <c r="KXO722" s="424"/>
      <c r="KXP722" s="424"/>
      <c r="KXQ722" s="423" t="s">
        <v>2795</v>
      </c>
      <c r="KXR722" s="424"/>
      <c r="KXS722" s="424"/>
      <c r="KXT722" s="424"/>
      <c r="KXU722" s="423" t="s">
        <v>2795</v>
      </c>
      <c r="KXV722" s="424"/>
      <c r="KXW722" s="424"/>
      <c r="KXX722" s="424"/>
      <c r="KXY722" s="423" t="s">
        <v>2795</v>
      </c>
      <c r="KXZ722" s="424"/>
      <c r="KYA722" s="424"/>
      <c r="KYB722" s="424"/>
      <c r="KYC722" s="423" t="s">
        <v>2795</v>
      </c>
      <c r="KYD722" s="424"/>
      <c r="KYE722" s="424"/>
      <c r="KYF722" s="424"/>
      <c r="KYG722" s="423" t="s">
        <v>2795</v>
      </c>
      <c r="KYH722" s="424"/>
      <c r="KYI722" s="424"/>
      <c r="KYJ722" s="424"/>
      <c r="KYK722" s="423" t="s">
        <v>2795</v>
      </c>
      <c r="KYL722" s="424"/>
      <c r="KYM722" s="424"/>
      <c r="KYN722" s="424"/>
      <c r="KYO722" s="423" t="s">
        <v>2795</v>
      </c>
      <c r="KYP722" s="424"/>
      <c r="KYQ722" s="424"/>
      <c r="KYR722" s="424"/>
      <c r="KYS722" s="423" t="s">
        <v>2795</v>
      </c>
      <c r="KYT722" s="424"/>
      <c r="KYU722" s="424"/>
      <c r="KYV722" s="424"/>
      <c r="KYW722" s="423" t="s">
        <v>2795</v>
      </c>
      <c r="KYX722" s="424"/>
      <c r="KYY722" s="424"/>
      <c r="KYZ722" s="424"/>
      <c r="KZA722" s="423" t="s">
        <v>2795</v>
      </c>
      <c r="KZB722" s="424"/>
      <c r="KZC722" s="424"/>
      <c r="KZD722" s="424"/>
      <c r="KZE722" s="423" t="s">
        <v>2795</v>
      </c>
      <c r="KZF722" s="424"/>
      <c r="KZG722" s="424"/>
      <c r="KZH722" s="424"/>
      <c r="KZI722" s="423" t="s">
        <v>2795</v>
      </c>
      <c r="KZJ722" s="424"/>
      <c r="KZK722" s="424"/>
      <c r="KZL722" s="424"/>
      <c r="KZM722" s="423" t="s">
        <v>2795</v>
      </c>
      <c r="KZN722" s="424"/>
      <c r="KZO722" s="424"/>
      <c r="KZP722" s="424"/>
      <c r="KZQ722" s="423" t="s">
        <v>2795</v>
      </c>
      <c r="KZR722" s="424"/>
      <c r="KZS722" s="424"/>
      <c r="KZT722" s="424"/>
      <c r="KZU722" s="423" t="s">
        <v>2795</v>
      </c>
      <c r="KZV722" s="424"/>
      <c r="KZW722" s="424"/>
      <c r="KZX722" s="424"/>
      <c r="KZY722" s="423" t="s">
        <v>2795</v>
      </c>
      <c r="KZZ722" s="424"/>
      <c r="LAA722" s="424"/>
      <c r="LAB722" s="424"/>
      <c r="LAC722" s="423" t="s">
        <v>2795</v>
      </c>
      <c r="LAD722" s="424"/>
      <c r="LAE722" s="424"/>
      <c r="LAF722" s="424"/>
      <c r="LAG722" s="423" t="s">
        <v>2795</v>
      </c>
      <c r="LAH722" s="424"/>
      <c r="LAI722" s="424"/>
      <c r="LAJ722" s="424"/>
      <c r="LAK722" s="423" t="s">
        <v>2795</v>
      </c>
      <c r="LAL722" s="424"/>
      <c r="LAM722" s="424"/>
      <c r="LAN722" s="424"/>
      <c r="LAO722" s="423" t="s">
        <v>2795</v>
      </c>
      <c r="LAP722" s="424"/>
      <c r="LAQ722" s="424"/>
      <c r="LAR722" s="424"/>
      <c r="LAS722" s="423" t="s">
        <v>2795</v>
      </c>
      <c r="LAT722" s="424"/>
      <c r="LAU722" s="424"/>
      <c r="LAV722" s="424"/>
      <c r="LAW722" s="423" t="s">
        <v>2795</v>
      </c>
      <c r="LAX722" s="424"/>
      <c r="LAY722" s="424"/>
      <c r="LAZ722" s="424"/>
      <c r="LBA722" s="423" t="s">
        <v>2795</v>
      </c>
      <c r="LBB722" s="424"/>
      <c r="LBC722" s="424"/>
      <c r="LBD722" s="424"/>
      <c r="LBE722" s="423" t="s">
        <v>2795</v>
      </c>
      <c r="LBF722" s="424"/>
      <c r="LBG722" s="424"/>
      <c r="LBH722" s="424"/>
      <c r="LBI722" s="423" t="s">
        <v>2795</v>
      </c>
      <c r="LBJ722" s="424"/>
      <c r="LBK722" s="424"/>
      <c r="LBL722" s="424"/>
      <c r="LBM722" s="423" t="s">
        <v>2795</v>
      </c>
      <c r="LBN722" s="424"/>
      <c r="LBO722" s="424"/>
      <c r="LBP722" s="424"/>
      <c r="LBQ722" s="423" t="s">
        <v>2795</v>
      </c>
      <c r="LBR722" s="424"/>
      <c r="LBS722" s="424"/>
      <c r="LBT722" s="424"/>
      <c r="LBU722" s="423" t="s">
        <v>2795</v>
      </c>
      <c r="LBV722" s="424"/>
      <c r="LBW722" s="424"/>
      <c r="LBX722" s="424"/>
      <c r="LBY722" s="423" t="s">
        <v>2795</v>
      </c>
      <c r="LBZ722" s="424"/>
      <c r="LCA722" s="424"/>
      <c r="LCB722" s="424"/>
      <c r="LCC722" s="423" t="s">
        <v>2795</v>
      </c>
      <c r="LCD722" s="424"/>
      <c r="LCE722" s="424"/>
      <c r="LCF722" s="424"/>
      <c r="LCG722" s="423" t="s">
        <v>2795</v>
      </c>
      <c r="LCH722" s="424"/>
      <c r="LCI722" s="424"/>
      <c r="LCJ722" s="424"/>
      <c r="LCK722" s="423" t="s">
        <v>2795</v>
      </c>
      <c r="LCL722" s="424"/>
      <c r="LCM722" s="424"/>
      <c r="LCN722" s="424"/>
      <c r="LCO722" s="423" t="s">
        <v>2795</v>
      </c>
      <c r="LCP722" s="424"/>
      <c r="LCQ722" s="424"/>
      <c r="LCR722" s="424"/>
      <c r="LCS722" s="423" t="s">
        <v>2795</v>
      </c>
      <c r="LCT722" s="424"/>
      <c r="LCU722" s="424"/>
      <c r="LCV722" s="424"/>
      <c r="LCW722" s="423" t="s">
        <v>2795</v>
      </c>
      <c r="LCX722" s="424"/>
      <c r="LCY722" s="424"/>
      <c r="LCZ722" s="424"/>
      <c r="LDA722" s="423" t="s">
        <v>2795</v>
      </c>
      <c r="LDB722" s="424"/>
      <c r="LDC722" s="424"/>
      <c r="LDD722" s="424"/>
      <c r="LDE722" s="423" t="s">
        <v>2795</v>
      </c>
      <c r="LDF722" s="424"/>
      <c r="LDG722" s="424"/>
      <c r="LDH722" s="424"/>
      <c r="LDI722" s="423" t="s">
        <v>2795</v>
      </c>
      <c r="LDJ722" s="424"/>
      <c r="LDK722" s="424"/>
      <c r="LDL722" s="424"/>
      <c r="LDM722" s="423" t="s">
        <v>2795</v>
      </c>
      <c r="LDN722" s="424"/>
      <c r="LDO722" s="424"/>
      <c r="LDP722" s="424"/>
      <c r="LDQ722" s="423" t="s">
        <v>2795</v>
      </c>
      <c r="LDR722" s="424"/>
      <c r="LDS722" s="424"/>
      <c r="LDT722" s="424"/>
      <c r="LDU722" s="423" t="s">
        <v>2795</v>
      </c>
      <c r="LDV722" s="424"/>
      <c r="LDW722" s="424"/>
      <c r="LDX722" s="424"/>
      <c r="LDY722" s="423" t="s">
        <v>2795</v>
      </c>
      <c r="LDZ722" s="424"/>
      <c r="LEA722" s="424"/>
      <c r="LEB722" s="424"/>
      <c r="LEC722" s="423" t="s">
        <v>2795</v>
      </c>
      <c r="LED722" s="424"/>
      <c r="LEE722" s="424"/>
      <c r="LEF722" s="424"/>
      <c r="LEG722" s="423" t="s">
        <v>2795</v>
      </c>
      <c r="LEH722" s="424"/>
      <c r="LEI722" s="424"/>
      <c r="LEJ722" s="424"/>
      <c r="LEK722" s="423" t="s">
        <v>2795</v>
      </c>
      <c r="LEL722" s="424"/>
      <c r="LEM722" s="424"/>
      <c r="LEN722" s="424"/>
      <c r="LEO722" s="423" t="s">
        <v>2795</v>
      </c>
      <c r="LEP722" s="424"/>
      <c r="LEQ722" s="424"/>
      <c r="LER722" s="424"/>
      <c r="LES722" s="423" t="s">
        <v>2795</v>
      </c>
      <c r="LET722" s="424"/>
      <c r="LEU722" s="424"/>
      <c r="LEV722" s="424"/>
      <c r="LEW722" s="423" t="s">
        <v>2795</v>
      </c>
      <c r="LEX722" s="424"/>
      <c r="LEY722" s="424"/>
      <c r="LEZ722" s="424"/>
      <c r="LFA722" s="423" t="s">
        <v>2795</v>
      </c>
      <c r="LFB722" s="424"/>
      <c r="LFC722" s="424"/>
      <c r="LFD722" s="424"/>
      <c r="LFE722" s="423" t="s">
        <v>2795</v>
      </c>
      <c r="LFF722" s="424"/>
      <c r="LFG722" s="424"/>
      <c r="LFH722" s="424"/>
      <c r="LFI722" s="423" t="s">
        <v>2795</v>
      </c>
      <c r="LFJ722" s="424"/>
      <c r="LFK722" s="424"/>
      <c r="LFL722" s="424"/>
      <c r="LFM722" s="423" t="s">
        <v>2795</v>
      </c>
      <c r="LFN722" s="424"/>
      <c r="LFO722" s="424"/>
      <c r="LFP722" s="424"/>
      <c r="LFQ722" s="423" t="s">
        <v>2795</v>
      </c>
      <c r="LFR722" s="424"/>
      <c r="LFS722" s="424"/>
      <c r="LFT722" s="424"/>
      <c r="LFU722" s="423" t="s">
        <v>2795</v>
      </c>
      <c r="LFV722" s="424"/>
      <c r="LFW722" s="424"/>
      <c r="LFX722" s="424"/>
      <c r="LFY722" s="423" t="s">
        <v>2795</v>
      </c>
      <c r="LFZ722" s="424"/>
      <c r="LGA722" s="424"/>
      <c r="LGB722" s="424"/>
      <c r="LGC722" s="423" t="s">
        <v>2795</v>
      </c>
      <c r="LGD722" s="424"/>
      <c r="LGE722" s="424"/>
      <c r="LGF722" s="424"/>
      <c r="LGG722" s="423" t="s">
        <v>2795</v>
      </c>
      <c r="LGH722" s="424"/>
      <c r="LGI722" s="424"/>
      <c r="LGJ722" s="424"/>
      <c r="LGK722" s="423" t="s">
        <v>2795</v>
      </c>
      <c r="LGL722" s="424"/>
      <c r="LGM722" s="424"/>
      <c r="LGN722" s="424"/>
      <c r="LGO722" s="423" t="s">
        <v>2795</v>
      </c>
      <c r="LGP722" s="424"/>
      <c r="LGQ722" s="424"/>
      <c r="LGR722" s="424"/>
      <c r="LGS722" s="423" t="s">
        <v>2795</v>
      </c>
      <c r="LGT722" s="424"/>
      <c r="LGU722" s="424"/>
      <c r="LGV722" s="424"/>
      <c r="LGW722" s="423" t="s">
        <v>2795</v>
      </c>
      <c r="LGX722" s="424"/>
      <c r="LGY722" s="424"/>
      <c r="LGZ722" s="424"/>
      <c r="LHA722" s="423" t="s">
        <v>2795</v>
      </c>
      <c r="LHB722" s="424"/>
      <c r="LHC722" s="424"/>
      <c r="LHD722" s="424"/>
      <c r="LHE722" s="423" t="s">
        <v>2795</v>
      </c>
      <c r="LHF722" s="424"/>
      <c r="LHG722" s="424"/>
      <c r="LHH722" s="424"/>
      <c r="LHI722" s="423" t="s">
        <v>2795</v>
      </c>
      <c r="LHJ722" s="424"/>
      <c r="LHK722" s="424"/>
      <c r="LHL722" s="424"/>
      <c r="LHM722" s="423" t="s">
        <v>2795</v>
      </c>
      <c r="LHN722" s="424"/>
      <c r="LHO722" s="424"/>
      <c r="LHP722" s="424"/>
      <c r="LHQ722" s="423" t="s">
        <v>2795</v>
      </c>
      <c r="LHR722" s="424"/>
      <c r="LHS722" s="424"/>
      <c r="LHT722" s="424"/>
      <c r="LHU722" s="423" t="s">
        <v>2795</v>
      </c>
      <c r="LHV722" s="424"/>
      <c r="LHW722" s="424"/>
      <c r="LHX722" s="424"/>
      <c r="LHY722" s="423" t="s">
        <v>2795</v>
      </c>
      <c r="LHZ722" s="424"/>
      <c r="LIA722" s="424"/>
      <c r="LIB722" s="424"/>
      <c r="LIC722" s="423" t="s">
        <v>2795</v>
      </c>
      <c r="LID722" s="424"/>
      <c r="LIE722" s="424"/>
      <c r="LIF722" s="424"/>
      <c r="LIG722" s="423" t="s">
        <v>2795</v>
      </c>
      <c r="LIH722" s="424"/>
      <c r="LII722" s="424"/>
      <c r="LIJ722" s="424"/>
      <c r="LIK722" s="423" t="s">
        <v>2795</v>
      </c>
      <c r="LIL722" s="424"/>
      <c r="LIM722" s="424"/>
      <c r="LIN722" s="424"/>
      <c r="LIO722" s="423" t="s">
        <v>2795</v>
      </c>
      <c r="LIP722" s="424"/>
      <c r="LIQ722" s="424"/>
      <c r="LIR722" s="424"/>
      <c r="LIS722" s="423" t="s">
        <v>2795</v>
      </c>
      <c r="LIT722" s="424"/>
      <c r="LIU722" s="424"/>
      <c r="LIV722" s="424"/>
      <c r="LIW722" s="423" t="s">
        <v>2795</v>
      </c>
      <c r="LIX722" s="424"/>
      <c r="LIY722" s="424"/>
      <c r="LIZ722" s="424"/>
      <c r="LJA722" s="423" t="s">
        <v>2795</v>
      </c>
      <c r="LJB722" s="424"/>
      <c r="LJC722" s="424"/>
      <c r="LJD722" s="424"/>
      <c r="LJE722" s="423" t="s">
        <v>2795</v>
      </c>
      <c r="LJF722" s="424"/>
      <c r="LJG722" s="424"/>
      <c r="LJH722" s="424"/>
      <c r="LJI722" s="423" t="s">
        <v>2795</v>
      </c>
      <c r="LJJ722" s="424"/>
      <c r="LJK722" s="424"/>
      <c r="LJL722" s="424"/>
      <c r="LJM722" s="423" t="s">
        <v>2795</v>
      </c>
      <c r="LJN722" s="424"/>
      <c r="LJO722" s="424"/>
      <c r="LJP722" s="424"/>
      <c r="LJQ722" s="423" t="s">
        <v>2795</v>
      </c>
      <c r="LJR722" s="424"/>
      <c r="LJS722" s="424"/>
      <c r="LJT722" s="424"/>
      <c r="LJU722" s="423" t="s">
        <v>2795</v>
      </c>
      <c r="LJV722" s="424"/>
      <c r="LJW722" s="424"/>
      <c r="LJX722" s="424"/>
      <c r="LJY722" s="423" t="s">
        <v>2795</v>
      </c>
      <c r="LJZ722" s="424"/>
      <c r="LKA722" s="424"/>
      <c r="LKB722" s="424"/>
      <c r="LKC722" s="423" t="s">
        <v>2795</v>
      </c>
      <c r="LKD722" s="424"/>
      <c r="LKE722" s="424"/>
      <c r="LKF722" s="424"/>
      <c r="LKG722" s="423" t="s">
        <v>2795</v>
      </c>
      <c r="LKH722" s="424"/>
      <c r="LKI722" s="424"/>
      <c r="LKJ722" s="424"/>
      <c r="LKK722" s="423" t="s">
        <v>2795</v>
      </c>
      <c r="LKL722" s="424"/>
      <c r="LKM722" s="424"/>
      <c r="LKN722" s="424"/>
      <c r="LKO722" s="423" t="s">
        <v>2795</v>
      </c>
      <c r="LKP722" s="424"/>
      <c r="LKQ722" s="424"/>
      <c r="LKR722" s="424"/>
      <c r="LKS722" s="423" t="s">
        <v>2795</v>
      </c>
      <c r="LKT722" s="424"/>
      <c r="LKU722" s="424"/>
      <c r="LKV722" s="424"/>
      <c r="LKW722" s="423" t="s">
        <v>2795</v>
      </c>
      <c r="LKX722" s="424"/>
      <c r="LKY722" s="424"/>
      <c r="LKZ722" s="424"/>
      <c r="LLA722" s="423" t="s">
        <v>2795</v>
      </c>
      <c r="LLB722" s="424"/>
      <c r="LLC722" s="424"/>
      <c r="LLD722" s="424"/>
      <c r="LLE722" s="423" t="s">
        <v>2795</v>
      </c>
      <c r="LLF722" s="424"/>
      <c r="LLG722" s="424"/>
      <c r="LLH722" s="424"/>
      <c r="LLI722" s="423" t="s">
        <v>2795</v>
      </c>
      <c r="LLJ722" s="424"/>
      <c r="LLK722" s="424"/>
      <c r="LLL722" s="424"/>
      <c r="LLM722" s="423" t="s">
        <v>2795</v>
      </c>
      <c r="LLN722" s="424"/>
      <c r="LLO722" s="424"/>
      <c r="LLP722" s="424"/>
      <c r="LLQ722" s="423" t="s">
        <v>2795</v>
      </c>
      <c r="LLR722" s="424"/>
      <c r="LLS722" s="424"/>
      <c r="LLT722" s="424"/>
      <c r="LLU722" s="423" t="s">
        <v>2795</v>
      </c>
      <c r="LLV722" s="424"/>
      <c r="LLW722" s="424"/>
      <c r="LLX722" s="424"/>
      <c r="LLY722" s="423" t="s">
        <v>2795</v>
      </c>
      <c r="LLZ722" s="424"/>
      <c r="LMA722" s="424"/>
      <c r="LMB722" s="424"/>
      <c r="LMC722" s="423" t="s">
        <v>2795</v>
      </c>
      <c r="LMD722" s="424"/>
      <c r="LME722" s="424"/>
      <c r="LMF722" s="424"/>
      <c r="LMG722" s="423" t="s">
        <v>2795</v>
      </c>
      <c r="LMH722" s="424"/>
      <c r="LMI722" s="424"/>
      <c r="LMJ722" s="424"/>
      <c r="LMK722" s="423" t="s">
        <v>2795</v>
      </c>
      <c r="LML722" s="424"/>
      <c r="LMM722" s="424"/>
      <c r="LMN722" s="424"/>
      <c r="LMO722" s="423" t="s">
        <v>2795</v>
      </c>
      <c r="LMP722" s="424"/>
      <c r="LMQ722" s="424"/>
      <c r="LMR722" s="424"/>
      <c r="LMS722" s="423" t="s">
        <v>2795</v>
      </c>
      <c r="LMT722" s="424"/>
      <c r="LMU722" s="424"/>
      <c r="LMV722" s="424"/>
      <c r="LMW722" s="423" t="s">
        <v>2795</v>
      </c>
      <c r="LMX722" s="424"/>
      <c r="LMY722" s="424"/>
      <c r="LMZ722" s="424"/>
      <c r="LNA722" s="423" t="s">
        <v>2795</v>
      </c>
      <c r="LNB722" s="424"/>
      <c r="LNC722" s="424"/>
      <c r="LND722" s="424"/>
      <c r="LNE722" s="423" t="s">
        <v>2795</v>
      </c>
      <c r="LNF722" s="424"/>
      <c r="LNG722" s="424"/>
      <c r="LNH722" s="424"/>
      <c r="LNI722" s="423" t="s">
        <v>2795</v>
      </c>
      <c r="LNJ722" s="424"/>
      <c r="LNK722" s="424"/>
      <c r="LNL722" s="424"/>
      <c r="LNM722" s="423" t="s">
        <v>2795</v>
      </c>
      <c r="LNN722" s="424"/>
      <c r="LNO722" s="424"/>
      <c r="LNP722" s="424"/>
      <c r="LNQ722" s="423" t="s">
        <v>2795</v>
      </c>
      <c r="LNR722" s="424"/>
      <c r="LNS722" s="424"/>
      <c r="LNT722" s="424"/>
      <c r="LNU722" s="423" t="s">
        <v>2795</v>
      </c>
      <c r="LNV722" s="424"/>
      <c r="LNW722" s="424"/>
      <c r="LNX722" s="424"/>
      <c r="LNY722" s="423" t="s">
        <v>2795</v>
      </c>
      <c r="LNZ722" s="424"/>
      <c r="LOA722" s="424"/>
      <c r="LOB722" s="424"/>
      <c r="LOC722" s="423" t="s">
        <v>2795</v>
      </c>
      <c r="LOD722" s="424"/>
      <c r="LOE722" s="424"/>
      <c r="LOF722" s="424"/>
      <c r="LOG722" s="423" t="s">
        <v>2795</v>
      </c>
      <c r="LOH722" s="424"/>
      <c r="LOI722" s="424"/>
      <c r="LOJ722" s="424"/>
      <c r="LOK722" s="423" t="s">
        <v>2795</v>
      </c>
      <c r="LOL722" s="424"/>
      <c r="LOM722" s="424"/>
      <c r="LON722" s="424"/>
      <c r="LOO722" s="423" t="s">
        <v>2795</v>
      </c>
      <c r="LOP722" s="424"/>
      <c r="LOQ722" s="424"/>
      <c r="LOR722" s="424"/>
      <c r="LOS722" s="423" t="s">
        <v>2795</v>
      </c>
      <c r="LOT722" s="424"/>
      <c r="LOU722" s="424"/>
      <c r="LOV722" s="424"/>
      <c r="LOW722" s="423" t="s">
        <v>2795</v>
      </c>
      <c r="LOX722" s="424"/>
      <c r="LOY722" s="424"/>
      <c r="LOZ722" s="424"/>
      <c r="LPA722" s="423" t="s">
        <v>2795</v>
      </c>
      <c r="LPB722" s="424"/>
      <c r="LPC722" s="424"/>
      <c r="LPD722" s="424"/>
      <c r="LPE722" s="423" t="s">
        <v>2795</v>
      </c>
      <c r="LPF722" s="424"/>
      <c r="LPG722" s="424"/>
      <c r="LPH722" s="424"/>
      <c r="LPI722" s="423" t="s">
        <v>2795</v>
      </c>
      <c r="LPJ722" s="424"/>
      <c r="LPK722" s="424"/>
      <c r="LPL722" s="424"/>
      <c r="LPM722" s="423" t="s">
        <v>2795</v>
      </c>
      <c r="LPN722" s="424"/>
      <c r="LPO722" s="424"/>
      <c r="LPP722" s="424"/>
      <c r="LPQ722" s="423" t="s">
        <v>2795</v>
      </c>
      <c r="LPR722" s="424"/>
      <c r="LPS722" s="424"/>
      <c r="LPT722" s="424"/>
      <c r="LPU722" s="423" t="s">
        <v>2795</v>
      </c>
      <c r="LPV722" s="424"/>
      <c r="LPW722" s="424"/>
      <c r="LPX722" s="424"/>
      <c r="LPY722" s="423" t="s">
        <v>2795</v>
      </c>
      <c r="LPZ722" s="424"/>
      <c r="LQA722" s="424"/>
      <c r="LQB722" s="424"/>
      <c r="LQC722" s="423" t="s">
        <v>2795</v>
      </c>
      <c r="LQD722" s="424"/>
      <c r="LQE722" s="424"/>
      <c r="LQF722" s="424"/>
      <c r="LQG722" s="423" t="s">
        <v>2795</v>
      </c>
      <c r="LQH722" s="424"/>
      <c r="LQI722" s="424"/>
      <c r="LQJ722" s="424"/>
      <c r="LQK722" s="423" t="s">
        <v>2795</v>
      </c>
      <c r="LQL722" s="424"/>
      <c r="LQM722" s="424"/>
      <c r="LQN722" s="424"/>
      <c r="LQO722" s="423" t="s">
        <v>2795</v>
      </c>
      <c r="LQP722" s="424"/>
      <c r="LQQ722" s="424"/>
      <c r="LQR722" s="424"/>
      <c r="LQS722" s="423" t="s">
        <v>2795</v>
      </c>
      <c r="LQT722" s="424"/>
      <c r="LQU722" s="424"/>
      <c r="LQV722" s="424"/>
      <c r="LQW722" s="423" t="s">
        <v>2795</v>
      </c>
      <c r="LQX722" s="424"/>
      <c r="LQY722" s="424"/>
      <c r="LQZ722" s="424"/>
      <c r="LRA722" s="423" t="s">
        <v>2795</v>
      </c>
      <c r="LRB722" s="424"/>
      <c r="LRC722" s="424"/>
      <c r="LRD722" s="424"/>
      <c r="LRE722" s="423" t="s">
        <v>2795</v>
      </c>
      <c r="LRF722" s="424"/>
      <c r="LRG722" s="424"/>
      <c r="LRH722" s="424"/>
      <c r="LRI722" s="423" t="s">
        <v>2795</v>
      </c>
      <c r="LRJ722" s="424"/>
      <c r="LRK722" s="424"/>
      <c r="LRL722" s="424"/>
      <c r="LRM722" s="423" t="s">
        <v>2795</v>
      </c>
      <c r="LRN722" s="424"/>
      <c r="LRO722" s="424"/>
      <c r="LRP722" s="424"/>
      <c r="LRQ722" s="423" t="s">
        <v>2795</v>
      </c>
      <c r="LRR722" s="424"/>
      <c r="LRS722" s="424"/>
      <c r="LRT722" s="424"/>
      <c r="LRU722" s="423" t="s">
        <v>2795</v>
      </c>
      <c r="LRV722" s="424"/>
      <c r="LRW722" s="424"/>
      <c r="LRX722" s="424"/>
      <c r="LRY722" s="423" t="s">
        <v>2795</v>
      </c>
      <c r="LRZ722" s="424"/>
      <c r="LSA722" s="424"/>
      <c r="LSB722" s="424"/>
      <c r="LSC722" s="423" t="s">
        <v>2795</v>
      </c>
      <c r="LSD722" s="424"/>
      <c r="LSE722" s="424"/>
      <c r="LSF722" s="424"/>
      <c r="LSG722" s="423" t="s">
        <v>2795</v>
      </c>
      <c r="LSH722" s="424"/>
      <c r="LSI722" s="424"/>
      <c r="LSJ722" s="424"/>
      <c r="LSK722" s="423" t="s">
        <v>2795</v>
      </c>
      <c r="LSL722" s="424"/>
      <c r="LSM722" s="424"/>
      <c r="LSN722" s="424"/>
      <c r="LSO722" s="423" t="s">
        <v>2795</v>
      </c>
      <c r="LSP722" s="424"/>
      <c r="LSQ722" s="424"/>
      <c r="LSR722" s="424"/>
      <c r="LSS722" s="423" t="s">
        <v>2795</v>
      </c>
      <c r="LST722" s="424"/>
      <c r="LSU722" s="424"/>
      <c r="LSV722" s="424"/>
      <c r="LSW722" s="423" t="s">
        <v>2795</v>
      </c>
      <c r="LSX722" s="424"/>
      <c r="LSY722" s="424"/>
      <c r="LSZ722" s="424"/>
      <c r="LTA722" s="423" t="s">
        <v>2795</v>
      </c>
      <c r="LTB722" s="424"/>
      <c r="LTC722" s="424"/>
      <c r="LTD722" s="424"/>
      <c r="LTE722" s="423" t="s">
        <v>2795</v>
      </c>
      <c r="LTF722" s="424"/>
      <c r="LTG722" s="424"/>
      <c r="LTH722" s="424"/>
      <c r="LTI722" s="423" t="s">
        <v>2795</v>
      </c>
      <c r="LTJ722" s="424"/>
      <c r="LTK722" s="424"/>
      <c r="LTL722" s="424"/>
      <c r="LTM722" s="423" t="s">
        <v>2795</v>
      </c>
      <c r="LTN722" s="424"/>
      <c r="LTO722" s="424"/>
      <c r="LTP722" s="424"/>
      <c r="LTQ722" s="423" t="s">
        <v>2795</v>
      </c>
      <c r="LTR722" s="424"/>
      <c r="LTS722" s="424"/>
      <c r="LTT722" s="424"/>
      <c r="LTU722" s="423" t="s">
        <v>2795</v>
      </c>
      <c r="LTV722" s="424"/>
      <c r="LTW722" s="424"/>
      <c r="LTX722" s="424"/>
      <c r="LTY722" s="423" t="s">
        <v>2795</v>
      </c>
      <c r="LTZ722" s="424"/>
      <c r="LUA722" s="424"/>
      <c r="LUB722" s="424"/>
      <c r="LUC722" s="423" t="s">
        <v>2795</v>
      </c>
      <c r="LUD722" s="424"/>
      <c r="LUE722" s="424"/>
      <c r="LUF722" s="424"/>
      <c r="LUG722" s="423" t="s">
        <v>2795</v>
      </c>
      <c r="LUH722" s="424"/>
      <c r="LUI722" s="424"/>
      <c r="LUJ722" s="424"/>
      <c r="LUK722" s="423" t="s">
        <v>2795</v>
      </c>
      <c r="LUL722" s="424"/>
      <c r="LUM722" s="424"/>
      <c r="LUN722" s="424"/>
      <c r="LUO722" s="423" t="s">
        <v>2795</v>
      </c>
      <c r="LUP722" s="424"/>
      <c r="LUQ722" s="424"/>
      <c r="LUR722" s="424"/>
      <c r="LUS722" s="423" t="s">
        <v>2795</v>
      </c>
      <c r="LUT722" s="424"/>
      <c r="LUU722" s="424"/>
      <c r="LUV722" s="424"/>
      <c r="LUW722" s="423" t="s">
        <v>2795</v>
      </c>
      <c r="LUX722" s="424"/>
      <c r="LUY722" s="424"/>
      <c r="LUZ722" s="424"/>
      <c r="LVA722" s="423" t="s">
        <v>2795</v>
      </c>
      <c r="LVB722" s="424"/>
      <c r="LVC722" s="424"/>
      <c r="LVD722" s="424"/>
      <c r="LVE722" s="423" t="s">
        <v>2795</v>
      </c>
      <c r="LVF722" s="424"/>
      <c r="LVG722" s="424"/>
      <c r="LVH722" s="424"/>
      <c r="LVI722" s="423" t="s">
        <v>2795</v>
      </c>
      <c r="LVJ722" s="424"/>
      <c r="LVK722" s="424"/>
      <c r="LVL722" s="424"/>
      <c r="LVM722" s="423" t="s">
        <v>2795</v>
      </c>
      <c r="LVN722" s="424"/>
      <c r="LVO722" s="424"/>
      <c r="LVP722" s="424"/>
      <c r="LVQ722" s="423" t="s">
        <v>2795</v>
      </c>
      <c r="LVR722" s="424"/>
      <c r="LVS722" s="424"/>
      <c r="LVT722" s="424"/>
      <c r="LVU722" s="423" t="s">
        <v>2795</v>
      </c>
      <c r="LVV722" s="424"/>
      <c r="LVW722" s="424"/>
      <c r="LVX722" s="424"/>
      <c r="LVY722" s="423" t="s">
        <v>2795</v>
      </c>
      <c r="LVZ722" s="424"/>
      <c r="LWA722" s="424"/>
      <c r="LWB722" s="424"/>
      <c r="LWC722" s="423" t="s">
        <v>2795</v>
      </c>
      <c r="LWD722" s="424"/>
      <c r="LWE722" s="424"/>
      <c r="LWF722" s="424"/>
      <c r="LWG722" s="423" t="s">
        <v>2795</v>
      </c>
      <c r="LWH722" s="424"/>
      <c r="LWI722" s="424"/>
      <c r="LWJ722" s="424"/>
      <c r="LWK722" s="423" t="s">
        <v>2795</v>
      </c>
      <c r="LWL722" s="424"/>
      <c r="LWM722" s="424"/>
      <c r="LWN722" s="424"/>
      <c r="LWO722" s="423" t="s">
        <v>2795</v>
      </c>
      <c r="LWP722" s="424"/>
      <c r="LWQ722" s="424"/>
      <c r="LWR722" s="424"/>
      <c r="LWS722" s="423" t="s">
        <v>2795</v>
      </c>
      <c r="LWT722" s="424"/>
      <c r="LWU722" s="424"/>
      <c r="LWV722" s="424"/>
      <c r="LWW722" s="423" t="s">
        <v>2795</v>
      </c>
      <c r="LWX722" s="424"/>
      <c r="LWY722" s="424"/>
      <c r="LWZ722" s="424"/>
      <c r="LXA722" s="423" t="s">
        <v>2795</v>
      </c>
      <c r="LXB722" s="424"/>
      <c r="LXC722" s="424"/>
      <c r="LXD722" s="424"/>
      <c r="LXE722" s="423" t="s">
        <v>2795</v>
      </c>
      <c r="LXF722" s="424"/>
      <c r="LXG722" s="424"/>
      <c r="LXH722" s="424"/>
      <c r="LXI722" s="423" t="s">
        <v>2795</v>
      </c>
      <c r="LXJ722" s="424"/>
      <c r="LXK722" s="424"/>
      <c r="LXL722" s="424"/>
      <c r="LXM722" s="423" t="s">
        <v>2795</v>
      </c>
      <c r="LXN722" s="424"/>
      <c r="LXO722" s="424"/>
      <c r="LXP722" s="424"/>
      <c r="LXQ722" s="423" t="s">
        <v>2795</v>
      </c>
      <c r="LXR722" s="424"/>
      <c r="LXS722" s="424"/>
      <c r="LXT722" s="424"/>
      <c r="LXU722" s="423" t="s">
        <v>2795</v>
      </c>
      <c r="LXV722" s="424"/>
      <c r="LXW722" s="424"/>
      <c r="LXX722" s="424"/>
      <c r="LXY722" s="423" t="s">
        <v>2795</v>
      </c>
      <c r="LXZ722" s="424"/>
      <c r="LYA722" s="424"/>
      <c r="LYB722" s="424"/>
      <c r="LYC722" s="423" t="s">
        <v>2795</v>
      </c>
      <c r="LYD722" s="424"/>
      <c r="LYE722" s="424"/>
      <c r="LYF722" s="424"/>
      <c r="LYG722" s="423" t="s">
        <v>2795</v>
      </c>
      <c r="LYH722" s="424"/>
      <c r="LYI722" s="424"/>
      <c r="LYJ722" s="424"/>
      <c r="LYK722" s="423" t="s">
        <v>2795</v>
      </c>
      <c r="LYL722" s="424"/>
      <c r="LYM722" s="424"/>
      <c r="LYN722" s="424"/>
      <c r="LYO722" s="423" t="s">
        <v>2795</v>
      </c>
      <c r="LYP722" s="424"/>
      <c r="LYQ722" s="424"/>
      <c r="LYR722" s="424"/>
      <c r="LYS722" s="423" t="s">
        <v>2795</v>
      </c>
      <c r="LYT722" s="424"/>
      <c r="LYU722" s="424"/>
      <c r="LYV722" s="424"/>
      <c r="LYW722" s="423" t="s">
        <v>2795</v>
      </c>
      <c r="LYX722" s="424"/>
      <c r="LYY722" s="424"/>
      <c r="LYZ722" s="424"/>
      <c r="LZA722" s="423" t="s">
        <v>2795</v>
      </c>
      <c r="LZB722" s="424"/>
      <c r="LZC722" s="424"/>
      <c r="LZD722" s="424"/>
      <c r="LZE722" s="423" t="s">
        <v>2795</v>
      </c>
      <c r="LZF722" s="424"/>
      <c r="LZG722" s="424"/>
      <c r="LZH722" s="424"/>
      <c r="LZI722" s="423" t="s">
        <v>2795</v>
      </c>
      <c r="LZJ722" s="424"/>
      <c r="LZK722" s="424"/>
      <c r="LZL722" s="424"/>
      <c r="LZM722" s="423" t="s">
        <v>2795</v>
      </c>
      <c r="LZN722" s="424"/>
      <c r="LZO722" s="424"/>
      <c r="LZP722" s="424"/>
      <c r="LZQ722" s="423" t="s">
        <v>2795</v>
      </c>
      <c r="LZR722" s="424"/>
      <c r="LZS722" s="424"/>
      <c r="LZT722" s="424"/>
      <c r="LZU722" s="423" t="s">
        <v>2795</v>
      </c>
      <c r="LZV722" s="424"/>
      <c r="LZW722" s="424"/>
      <c r="LZX722" s="424"/>
      <c r="LZY722" s="423" t="s">
        <v>2795</v>
      </c>
      <c r="LZZ722" s="424"/>
      <c r="MAA722" s="424"/>
      <c r="MAB722" s="424"/>
      <c r="MAC722" s="423" t="s">
        <v>2795</v>
      </c>
      <c r="MAD722" s="424"/>
      <c r="MAE722" s="424"/>
      <c r="MAF722" s="424"/>
      <c r="MAG722" s="423" t="s">
        <v>2795</v>
      </c>
      <c r="MAH722" s="424"/>
      <c r="MAI722" s="424"/>
      <c r="MAJ722" s="424"/>
      <c r="MAK722" s="423" t="s">
        <v>2795</v>
      </c>
      <c r="MAL722" s="424"/>
      <c r="MAM722" s="424"/>
      <c r="MAN722" s="424"/>
      <c r="MAO722" s="423" t="s">
        <v>2795</v>
      </c>
      <c r="MAP722" s="424"/>
      <c r="MAQ722" s="424"/>
      <c r="MAR722" s="424"/>
      <c r="MAS722" s="423" t="s">
        <v>2795</v>
      </c>
      <c r="MAT722" s="424"/>
      <c r="MAU722" s="424"/>
      <c r="MAV722" s="424"/>
      <c r="MAW722" s="423" t="s">
        <v>2795</v>
      </c>
      <c r="MAX722" s="424"/>
      <c r="MAY722" s="424"/>
      <c r="MAZ722" s="424"/>
      <c r="MBA722" s="423" t="s">
        <v>2795</v>
      </c>
      <c r="MBB722" s="424"/>
      <c r="MBC722" s="424"/>
      <c r="MBD722" s="424"/>
      <c r="MBE722" s="423" t="s">
        <v>2795</v>
      </c>
      <c r="MBF722" s="424"/>
      <c r="MBG722" s="424"/>
      <c r="MBH722" s="424"/>
      <c r="MBI722" s="423" t="s">
        <v>2795</v>
      </c>
      <c r="MBJ722" s="424"/>
      <c r="MBK722" s="424"/>
      <c r="MBL722" s="424"/>
      <c r="MBM722" s="423" t="s">
        <v>2795</v>
      </c>
      <c r="MBN722" s="424"/>
      <c r="MBO722" s="424"/>
      <c r="MBP722" s="424"/>
      <c r="MBQ722" s="423" t="s">
        <v>2795</v>
      </c>
      <c r="MBR722" s="424"/>
      <c r="MBS722" s="424"/>
      <c r="MBT722" s="424"/>
      <c r="MBU722" s="423" t="s">
        <v>2795</v>
      </c>
      <c r="MBV722" s="424"/>
      <c r="MBW722" s="424"/>
      <c r="MBX722" s="424"/>
      <c r="MBY722" s="423" t="s">
        <v>2795</v>
      </c>
      <c r="MBZ722" s="424"/>
      <c r="MCA722" s="424"/>
      <c r="MCB722" s="424"/>
      <c r="MCC722" s="423" t="s">
        <v>2795</v>
      </c>
      <c r="MCD722" s="424"/>
      <c r="MCE722" s="424"/>
      <c r="MCF722" s="424"/>
      <c r="MCG722" s="423" t="s">
        <v>2795</v>
      </c>
      <c r="MCH722" s="424"/>
      <c r="MCI722" s="424"/>
      <c r="MCJ722" s="424"/>
      <c r="MCK722" s="423" t="s">
        <v>2795</v>
      </c>
      <c r="MCL722" s="424"/>
      <c r="MCM722" s="424"/>
      <c r="MCN722" s="424"/>
      <c r="MCO722" s="423" t="s">
        <v>2795</v>
      </c>
      <c r="MCP722" s="424"/>
      <c r="MCQ722" s="424"/>
      <c r="MCR722" s="424"/>
      <c r="MCS722" s="423" t="s">
        <v>2795</v>
      </c>
      <c r="MCT722" s="424"/>
      <c r="MCU722" s="424"/>
      <c r="MCV722" s="424"/>
      <c r="MCW722" s="423" t="s">
        <v>2795</v>
      </c>
      <c r="MCX722" s="424"/>
      <c r="MCY722" s="424"/>
      <c r="MCZ722" s="424"/>
      <c r="MDA722" s="423" t="s">
        <v>2795</v>
      </c>
      <c r="MDB722" s="424"/>
      <c r="MDC722" s="424"/>
      <c r="MDD722" s="424"/>
      <c r="MDE722" s="423" t="s">
        <v>2795</v>
      </c>
      <c r="MDF722" s="424"/>
      <c r="MDG722" s="424"/>
      <c r="MDH722" s="424"/>
      <c r="MDI722" s="423" t="s">
        <v>2795</v>
      </c>
      <c r="MDJ722" s="424"/>
      <c r="MDK722" s="424"/>
      <c r="MDL722" s="424"/>
      <c r="MDM722" s="423" t="s">
        <v>2795</v>
      </c>
      <c r="MDN722" s="424"/>
      <c r="MDO722" s="424"/>
      <c r="MDP722" s="424"/>
      <c r="MDQ722" s="423" t="s">
        <v>2795</v>
      </c>
      <c r="MDR722" s="424"/>
      <c r="MDS722" s="424"/>
      <c r="MDT722" s="424"/>
      <c r="MDU722" s="423" t="s">
        <v>2795</v>
      </c>
      <c r="MDV722" s="424"/>
      <c r="MDW722" s="424"/>
      <c r="MDX722" s="424"/>
      <c r="MDY722" s="423" t="s">
        <v>2795</v>
      </c>
      <c r="MDZ722" s="424"/>
      <c r="MEA722" s="424"/>
      <c r="MEB722" s="424"/>
      <c r="MEC722" s="423" t="s">
        <v>2795</v>
      </c>
      <c r="MED722" s="424"/>
      <c r="MEE722" s="424"/>
      <c r="MEF722" s="424"/>
      <c r="MEG722" s="423" t="s">
        <v>2795</v>
      </c>
      <c r="MEH722" s="424"/>
      <c r="MEI722" s="424"/>
      <c r="MEJ722" s="424"/>
      <c r="MEK722" s="423" t="s">
        <v>2795</v>
      </c>
      <c r="MEL722" s="424"/>
      <c r="MEM722" s="424"/>
      <c r="MEN722" s="424"/>
      <c r="MEO722" s="423" t="s">
        <v>2795</v>
      </c>
      <c r="MEP722" s="424"/>
      <c r="MEQ722" s="424"/>
      <c r="MER722" s="424"/>
      <c r="MES722" s="423" t="s">
        <v>2795</v>
      </c>
      <c r="MET722" s="424"/>
      <c r="MEU722" s="424"/>
      <c r="MEV722" s="424"/>
      <c r="MEW722" s="423" t="s">
        <v>2795</v>
      </c>
      <c r="MEX722" s="424"/>
      <c r="MEY722" s="424"/>
      <c r="MEZ722" s="424"/>
      <c r="MFA722" s="423" t="s">
        <v>2795</v>
      </c>
      <c r="MFB722" s="424"/>
      <c r="MFC722" s="424"/>
      <c r="MFD722" s="424"/>
      <c r="MFE722" s="423" t="s">
        <v>2795</v>
      </c>
      <c r="MFF722" s="424"/>
      <c r="MFG722" s="424"/>
      <c r="MFH722" s="424"/>
      <c r="MFI722" s="423" t="s">
        <v>2795</v>
      </c>
      <c r="MFJ722" s="424"/>
      <c r="MFK722" s="424"/>
      <c r="MFL722" s="424"/>
      <c r="MFM722" s="423" t="s">
        <v>2795</v>
      </c>
      <c r="MFN722" s="424"/>
      <c r="MFO722" s="424"/>
      <c r="MFP722" s="424"/>
      <c r="MFQ722" s="423" t="s">
        <v>2795</v>
      </c>
      <c r="MFR722" s="424"/>
      <c r="MFS722" s="424"/>
      <c r="MFT722" s="424"/>
      <c r="MFU722" s="423" t="s">
        <v>2795</v>
      </c>
      <c r="MFV722" s="424"/>
      <c r="MFW722" s="424"/>
      <c r="MFX722" s="424"/>
      <c r="MFY722" s="423" t="s">
        <v>2795</v>
      </c>
      <c r="MFZ722" s="424"/>
      <c r="MGA722" s="424"/>
      <c r="MGB722" s="424"/>
      <c r="MGC722" s="423" t="s">
        <v>2795</v>
      </c>
      <c r="MGD722" s="424"/>
      <c r="MGE722" s="424"/>
      <c r="MGF722" s="424"/>
      <c r="MGG722" s="423" t="s">
        <v>2795</v>
      </c>
      <c r="MGH722" s="424"/>
      <c r="MGI722" s="424"/>
      <c r="MGJ722" s="424"/>
      <c r="MGK722" s="423" t="s">
        <v>2795</v>
      </c>
      <c r="MGL722" s="424"/>
      <c r="MGM722" s="424"/>
      <c r="MGN722" s="424"/>
      <c r="MGO722" s="423" t="s">
        <v>2795</v>
      </c>
      <c r="MGP722" s="424"/>
      <c r="MGQ722" s="424"/>
      <c r="MGR722" s="424"/>
      <c r="MGS722" s="423" t="s">
        <v>2795</v>
      </c>
      <c r="MGT722" s="424"/>
      <c r="MGU722" s="424"/>
      <c r="MGV722" s="424"/>
      <c r="MGW722" s="423" t="s">
        <v>2795</v>
      </c>
      <c r="MGX722" s="424"/>
      <c r="MGY722" s="424"/>
      <c r="MGZ722" s="424"/>
      <c r="MHA722" s="423" t="s">
        <v>2795</v>
      </c>
      <c r="MHB722" s="424"/>
      <c r="MHC722" s="424"/>
      <c r="MHD722" s="424"/>
      <c r="MHE722" s="423" t="s">
        <v>2795</v>
      </c>
      <c r="MHF722" s="424"/>
      <c r="MHG722" s="424"/>
      <c r="MHH722" s="424"/>
      <c r="MHI722" s="423" t="s">
        <v>2795</v>
      </c>
      <c r="MHJ722" s="424"/>
      <c r="MHK722" s="424"/>
      <c r="MHL722" s="424"/>
      <c r="MHM722" s="423" t="s">
        <v>2795</v>
      </c>
      <c r="MHN722" s="424"/>
      <c r="MHO722" s="424"/>
      <c r="MHP722" s="424"/>
      <c r="MHQ722" s="423" t="s">
        <v>2795</v>
      </c>
      <c r="MHR722" s="424"/>
      <c r="MHS722" s="424"/>
      <c r="MHT722" s="424"/>
      <c r="MHU722" s="423" t="s">
        <v>2795</v>
      </c>
      <c r="MHV722" s="424"/>
      <c r="MHW722" s="424"/>
      <c r="MHX722" s="424"/>
      <c r="MHY722" s="423" t="s">
        <v>2795</v>
      </c>
      <c r="MHZ722" s="424"/>
      <c r="MIA722" s="424"/>
      <c r="MIB722" s="424"/>
      <c r="MIC722" s="423" t="s">
        <v>2795</v>
      </c>
      <c r="MID722" s="424"/>
      <c r="MIE722" s="424"/>
      <c r="MIF722" s="424"/>
      <c r="MIG722" s="423" t="s">
        <v>2795</v>
      </c>
      <c r="MIH722" s="424"/>
      <c r="MII722" s="424"/>
      <c r="MIJ722" s="424"/>
      <c r="MIK722" s="423" t="s">
        <v>2795</v>
      </c>
      <c r="MIL722" s="424"/>
      <c r="MIM722" s="424"/>
      <c r="MIN722" s="424"/>
      <c r="MIO722" s="423" t="s">
        <v>2795</v>
      </c>
      <c r="MIP722" s="424"/>
      <c r="MIQ722" s="424"/>
      <c r="MIR722" s="424"/>
      <c r="MIS722" s="423" t="s">
        <v>2795</v>
      </c>
      <c r="MIT722" s="424"/>
      <c r="MIU722" s="424"/>
      <c r="MIV722" s="424"/>
      <c r="MIW722" s="423" t="s">
        <v>2795</v>
      </c>
      <c r="MIX722" s="424"/>
      <c r="MIY722" s="424"/>
      <c r="MIZ722" s="424"/>
      <c r="MJA722" s="423" t="s">
        <v>2795</v>
      </c>
      <c r="MJB722" s="424"/>
      <c r="MJC722" s="424"/>
      <c r="MJD722" s="424"/>
      <c r="MJE722" s="423" t="s">
        <v>2795</v>
      </c>
      <c r="MJF722" s="424"/>
      <c r="MJG722" s="424"/>
      <c r="MJH722" s="424"/>
      <c r="MJI722" s="423" t="s">
        <v>2795</v>
      </c>
      <c r="MJJ722" s="424"/>
      <c r="MJK722" s="424"/>
      <c r="MJL722" s="424"/>
      <c r="MJM722" s="423" t="s">
        <v>2795</v>
      </c>
      <c r="MJN722" s="424"/>
      <c r="MJO722" s="424"/>
      <c r="MJP722" s="424"/>
      <c r="MJQ722" s="423" t="s">
        <v>2795</v>
      </c>
      <c r="MJR722" s="424"/>
      <c r="MJS722" s="424"/>
      <c r="MJT722" s="424"/>
      <c r="MJU722" s="423" t="s">
        <v>2795</v>
      </c>
      <c r="MJV722" s="424"/>
      <c r="MJW722" s="424"/>
      <c r="MJX722" s="424"/>
      <c r="MJY722" s="423" t="s">
        <v>2795</v>
      </c>
      <c r="MJZ722" s="424"/>
      <c r="MKA722" s="424"/>
      <c r="MKB722" s="424"/>
      <c r="MKC722" s="423" t="s">
        <v>2795</v>
      </c>
      <c r="MKD722" s="424"/>
      <c r="MKE722" s="424"/>
      <c r="MKF722" s="424"/>
      <c r="MKG722" s="423" t="s">
        <v>2795</v>
      </c>
      <c r="MKH722" s="424"/>
      <c r="MKI722" s="424"/>
      <c r="MKJ722" s="424"/>
      <c r="MKK722" s="423" t="s">
        <v>2795</v>
      </c>
      <c r="MKL722" s="424"/>
      <c r="MKM722" s="424"/>
      <c r="MKN722" s="424"/>
      <c r="MKO722" s="423" t="s">
        <v>2795</v>
      </c>
      <c r="MKP722" s="424"/>
      <c r="MKQ722" s="424"/>
      <c r="MKR722" s="424"/>
      <c r="MKS722" s="423" t="s">
        <v>2795</v>
      </c>
      <c r="MKT722" s="424"/>
      <c r="MKU722" s="424"/>
      <c r="MKV722" s="424"/>
      <c r="MKW722" s="423" t="s">
        <v>2795</v>
      </c>
      <c r="MKX722" s="424"/>
      <c r="MKY722" s="424"/>
      <c r="MKZ722" s="424"/>
      <c r="MLA722" s="423" t="s">
        <v>2795</v>
      </c>
      <c r="MLB722" s="424"/>
      <c r="MLC722" s="424"/>
      <c r="MLD722" s="424"/>
      <c r="MLE722" s="423" t="s">
        <v>2795</v>
      </c>
      <c r="MLF722" s="424"/>
      <c r="MLG722" s="424"/>
      <c r="MLH722" s="424"/>
      <c r="MLI722" s="423" t="s">
        <v>2795</v>
      </c>
      <c r="MLJ722" s="424"/>
      <c r="MLK722" s="424"/>
      <c r="MLL722" s="424"/>
      <c r="MLM722" s="423" t="s">
        <v>2795</v>
      </c>
      <c r="MLN722" s="424"/>
      <c r="MLO722" s="424"/>
      <c r="MLP722" s="424"/>
      <c r="MLQ722" s="423" t="s">
        <v>2795</v>
      </c>
      <c r="MLR722" s="424"/>
      <c r="MLS722" s="424"/>
      <c r="MLT722" s="424"/>
      <c r="MLU722" s="423" t="s">
        <v>2795</v>
      </c>
      <c r="MLV722" s="424"/>
      <c r="MLW722" s="424"/>
      <c r="MLX722" s="424"/>
      <c r="MLY722" s="423" t="s">
        <v>2795</v>
      </c>
      <c r="MLZ722" s="424"/>
      <c r="MMA722" s="424"/>
      <c r="MMB722" s="424"/>
      <c r="MMC722" s="423" t="s">
        <v>2795</v>
      </c>
      <c r="MMD722" s="424"/>
      <c r="MME722" s="424"/>
      <c r="MMF722" s="424"/>
      <c r="MMG722" s="423" t="s">
        <v>2795</v>
      </c>
      <c r="MMH722" s="424"/>
      <c r="MMI722" s="424"/>
      <c r="MMJ722" s="424"/>
      <c r="MMK722" s="423" t="s">
        <v>2795</v>
      </c>
      <c r="MML722" s="424"/>
      <c r="MMM722" s="424"/>
      <c r="MMN722" s="424"/>
      <c r="MMO722" s="423" t="s">
        <v>2795</v>
      </c>
      <c r="MMP722" s="424"/>
      <c r="MMQ722" s="424"/>
      <c r="MMR722" s="424"/>
      <c r="MMS722" s="423" t="s">
        <v>2795</v>
      </c>
      <c r="MMT722" s="424"/>
      <c r="MMU722" s="424"/>
      <c r="MMV722" s="424"/>
      <c r="MMW722" s="423" t="s">
        <v>2795</v>
      </c>
      <c r="MMX722" s="424"/>
      <c r="MMY722" s="424"/>
      <c r="MMZ722" s="424"/>
      <c r="MNA722" s="423" t="s">
        <v>2795</v>
      </c>
      <c r="MNB722" s="424"/>
      <c r="MNC722" s="424"/>
      <c r="MND722" s="424"/>
      <c r="MNE722" s="423" t="s">
        <v>2795</v>
      </c>
      <c r="MNF722" s="424"/>
      <c r="MNG722" s="424"/>
      <c r="MNH722" s="424"/>
      <c r="MNI722" s="423" t="s">
        <v>2795</v>
      </c>
      <c r="MNJ722" s="424"/>
      <c r="MNK722" s="424"/>
      <c r="MNL722" s="424"/>
      <c r="MNM722" s="423" t="s">
        <v>2795</v>
      </c>
      <c r="MNN722" s="424"/>
      <c r="MNO722" s="424"/>
      <c r="MNP722" s="424"/>
      <c r="MNQ722" s="423" t="s">
        <v>2795</v>
      </c>
      <c r="MNR722" s="424"/>
      <c r="MNS722" s="424"/>
      <c r="MNT722" s="424"/>
      <c r="MNU722" s="423" t="s">
        <v>2795</v>
      </c>
      <c r="MNV722" s="424"/>
      <c r="MNW722" s="424"/>
      <c r="MNX722" s="424"/>
      <c r="MNY722" s="423" t="s">
        <v>2795</v>
      </c>
      <c r="MNZ722" s="424"/>
      <c r="MOA722" s="424"/>
      <c r="MOB722" s="424"/>
      <c r="MOC722" s="423" t="s">
        <v>2795</v>
      </c>
      <c r="MOD722" s="424"/>
      <c r="MOE722" s="424"/>
      <c r="MOF722" s="424"/>
      <c r="MOG722" s="423" t="s">
        <v>2795</v>
      </c>
      <c r="MOH722" s="424"/>
      <c r="MOI722" s="424"/>
      <c r="MOJ722" s="424"/>
      <c r="MOK722" s="423" t="s">
        <v>2795</v>
      </c>
      <c r="MOL722" s="424"/>
      <c r="MOM722" s="424"/>
      <c r="MON722" s="424"/>
      <c r="MOO722" s="423" t="s">
        <v>2795</v>
      </c>
      <c r="MOP722" s="424"/>
      <c r="MOQ722" s="424"/>
      <c r="MOR722" s="424"/>
      <c r="MOS722" s="423" t="s">
        <v>2795</v>
      </c>
      <c r="MOT722" s="424"/>
      <c r="MOU722" s="424"/>
      <c r="MOV722" s="424"/>
      <c r="MOW722" s="423" t="s">
        <v>2795</v>
      </c>
      <c r="MOX722" s="424"/>
      <c r="MOY722" s="424"/>
      <c r="MOZ722" s="424"/>
      <c r="MPA722" s="423" t="s">
        <v>2795</v>
      </c>
      <c r="MPB722" s="424"/>
      <c r="MPC722" s="424"/>
      <c r="MPD722" s="424"/>
      <c r="MPE722" s="423" t="s">
        <v>2795</v>
      </c>
      <c r="MPF722" s="424"/>
      <c r="MPG722" s="424"/>
      <c r="MPH722" s="424"/>
      <c r="MPI722" s="423" t="s">
        <v>2795</v>
      </c>
      <c r="MPJ722" s="424"/>
      <c r="MPK722" s="424"/>
      <c r="MPL722" s="424"/>
      <c r="MPM722" s="423" t="s">
        <v>2795</v>
      </c>
      <c r="MPN722" s="424"/>
      <c r="MPO722" s="424"/>
      <c r="MPP722" s="424"/>
      <c r="MPQ722" s="423" t="s">
        <v>2795</v>
      </c>
      <c r="MPR722" s="424"/>
      <c r="MPS722" s="424"/>
      <c r="MPT722" s="424"/>
      <c r="MPU722" s="423" t="s">
        <v>2795</v>
      </c>
      <c r="MPV722" s="424"/>
      <c r="MPW722" s="424"/>
      <c r="MPX722" s="424"/>
      <c r="MPY722" s="423" t="s">
        <v>2795</v>
      </c>
      <c r="MPZ722" s="424"/>
      <c r="MQA722" s="424"/>
      <c r="MQB722" s="424"/>
      <c r="MQC722" s="423" t="s">
        <v>2795</v>
      </c>
      <c r="MQD722" s="424"/>
      <c r="MQE722" s="424"/>
      <c r="MQF722" s="424"/>
      <c r="MQG722" s="423" t="s">
        <v>2795</v>
      </c>
      <c r="MQH722" s="424"/>
      <c r="MQI722" s="424"/>
      <c r="MQJ722" s="424"/>
      <c r="MQK722" s="423" t="s">
        <v>2795</v>
      </c>
      <c r="MQL722" s="424"/>
      <c r="MQM722" s="424"/>
      <c r="MQN722" s="424"/>
      <c r="MQO722" s="423" t="s">
        <v>2795</v>
      </c>
      <c r="MQP722" s="424"/>
      <c r="MQQ722" s="424"/>
      <c r="MQR722" s="424"/>
      <c r="MQS722" s="423" t="s">
        <v>2795</v>
      </c>
      <c r="MQT722" s="424"/>
      <c r="MQU722" s="424"/>
      <c r="MQV722" s="424"/>
      <c r="MQW722" s="423" t="s">
        <v>2795</v>
      </c>
      <c r="MQX722" s="424"/>
      <c r="MQY722" s="424"/>
      <c r="MQZ722" s="424"/>
      <c r="MRA722" s="423" t="s">
        <v>2795</v>
      </c>
      <c r="MRB722" s="424"/>
      <c r="MRC722" s="424"/>
      <c r="MRD722" s="424"/>
      <c r="MRE722" s="423" t="s">
        <v>2795</v>
      </c>
      <c r="MRF722" s="424"/>
      <c r="MRG722" s="424"/>
      <c r="MRH722" s="424"/>
      <c r="MRI722" s="423" t="s">
        <v>2795</v>
      </c>
      <c r="MRJ722" s="424"/>
      <c r="MRK722" s="424"/>
      <c r="MRL722" s="424"/>
      <c r="MRM722" s="423" t="s">
        <v>2795</v>
      </c>
      <c r="MRN722" s="424"/>
      <c r="MRO722" s="424"/>
      <c r="MRP722" s="424"/>
      <c r="MRQ722" s="423" t="s">
        <v>2795</v>
      </c>
      <c r="MRR722" s="424"/>
      <c r="MRS722" s="424"/>
      <c r="MRT722" s="424"/>
      <c r="MRU722" s="423" t="s">
        <v>2795</v>
      </c>
      <c r="MRV722" s="424"/>
      <c r="MRW722" s="424"/>
      <c r="MRX722" s="424"/>
      <c r="MRY722" s="423" t="s">
        <v>2795</v>
      </c>
      <c r="MRZ722" s="424"/>
      <c r="MSA722" s="424"/>
      <c r="MSB722" s="424"/>
      <c r="MSC722" s="423" t="s">
        <v>2795</v>
      </c>
      <c r="MSD722" s="424"/>
      <c r="MSE722" s="424"/>
      <c r="MSF722" s="424"/>
      <c r="MSG722" s="423" t="s">
        <v>2795</v>
      </c>
      <c r="MSH722" s="424"/>
      <c r="MSI722" s="424"/>
      <c r="MSJ722" s="424"/>
      <c r="MSK722" s="423" t="s">
        <v>2795</v>
      </c>
      <c r="MSL722" s="424"/>
      <c r="MSM722" s="424"/>
      <c r="MSN722" s="424"/>
      <c r="MSO722" s="423" t="s">
        <v>2795</v>
      </c>
      <c r="MSP722" s="424"/>
      <c r="MSQ722" s="424"/>
      <c r="MSR722" s="424"/>
      <c r="MSS722" s="423" t="s">
        <v>2795</v>
      </c>
      <c r="MST722" s="424"/>
      <c r="MSU722" s="424"/>
      <c r="MSV722" s="424"/>
      <c r="MSW722" s="423" t="s">
        <v>2795</v>
      </c>
      <c r="MSX722" s="424"/>
      <c r="MSY722" s="424"/>
      <c r="MSZ722" s="424"/>
      <c r="MTA722" s="423" t="s">
        <v>2795</v>
      </c>
      <c r="MTB722" s="424"/>
      <c r="MTC722" s="424"/>
      <c r="MTD722" s="424"/>
      <c r="MTE722" s="423" t="s">
        <v>2795</v>
      </c>
      <c r="MTF722" s="424"/>
      <c r="MTG722" s="424"/>
      <c r="MTH722" s="424"/>
      <c r="MTI722" s="423" t="s">
        <v>2795</v>
      </c>
      <c r="MTJ722" s="424"/>
      <c r="MTK722" s="424"/>
      <c r="MTL722" s="424"/>
      <c r="MTM722" s="423" t="s">
        <v>2795</v>
      </c>
      <c r="MTN722" s="424"/>
      <c r="MTO722" s="424"/>
      <c r="MTP722" s="424"/>
      <c r="MTQ722" s="423" t="s">
        <v>2795</v>
      </c>
      <c r="MTR722" s="424"/>
      <c r="MTS722" s="424"/>
      <c r="MTT722" s="424"/>
      <c r="MTU722" s="423" t="s">
        <v>2795</v>
      </c>
      <c r="MTV722" s="424"/>
      <c r="MTW722" s="424"/>
      <c r="MTX722" s="424"/>
      <c r="MTY722" s="423" t="s">
        <v>2795</v>
      </c>
      <c r="MTZ722" s="424"/>
      <c r="MUA722" s="424"/>
      <c r="MUB722" s="424"/>
      <c r="MUC722" s="423" t="s">
        <v>2795</v>
      </c>
      <c r="MUD722" s="424"/>
      <c r="MUE722" s="424"/>
      <c r="MUF722" s="424"/>
      <c r="MUG722" s="423" t="s">
        <v>2795</v>
      </c>
      <c r="MUH722" s="424"/>
      <c r="MUI722" s="424"/>
      <c r="MUJ722" s="424"/>
      <c r="MUK722" s="423" t="s">
        <v>2795</v>
      </c>
      <c r="MUL722" s="424"/>
      <c r="MUM722" s="424"/>
      <c r="MUN722" s="424"/>
      <c r="MUO722" s="423" t="s">
        <v>2795</v>
      </c>
      <c r="MUP722" s="424"/>
      <c r="MUQ722" s="424"/>
      <c r="MUR722" s="424"/>
      <c r="MUS722" s="423" t="s">
        <v>2795</v>
      </c>
      <c r="MUT722" s="424"/>
      <c r="MUU722" s="424"/>
      <c r="MUV722" s="424"/>
      <c r="MUW722" s="423" t="s">
        <v>2795</v>
      </c>
      <c r="MUX722" s="424"/>
      <c r="MUY722" s="424"/>
      <c r="MUZ722" s="424"/>
      <c r="MVA722" s="423" t="s">
        <v>2795</v>
      </c>
      <c r="MVB722" s="424"/>
      <c r="MVC722" s="424"/>
      <c r="MVD722" s="424"/>
      <c r="MVE722" s="423" t="s">
        <v>2795</v>
      </c>
      <c r="MVF722" s="424"/>
      <c r="MVG722" s="424"/>
      <c r="MVH722" s="424"/>
      <c r="MVI722" s="423" t="s">
        <v>2795</v>
      </c>
      <c r="MVJ722" s="424"/>
      <c r="MVK722" s="424"/>
      <c r="MVL722" s="424"/>
      <c r="MVM722" s="423" t="s">
        <v>2795</v>
      </c>
      <c r="MVN722" s="424"/>
      <c r="MVO722" s="424"/>
      <c r="MVP722" s="424"/>
      <c r="MVQ722" s="423" t="s">
        <v>2795</v>
      </c>
      <c r="MVR722" s="424"/>
      <c r="MVS722" s="424"/>
      <c r="MVT722" s="424"/>
      <c r="MVU722" s="423" t="s">
        <v>2795</v>
      </c>
      <c r="MVV722" s="424"/>
      <c r="MVW722" s="424"/>
      <c r="MVX722" s="424"/>
      <c r="MVY722" s="423" t="s">
        <v>2795</v>
      </c>
      <c r="MVZ722" s="424"/>
      <c r="MWA722" s="424"/>
      <c r="MWB722" s="424"/>
      <c r="MWC722" s="423" t="s">
        <v>2795</v>
      </c>
      <c r="MWD722" s="424"/>
      <c r="MWE722" s="424"/>
      <c r="MWF722" s="424"/>
      <c r="MWG722" s="423" t="s">
        <v>2795</v>
      </c>
      <c r="MWH722" s="424"/>
      <c r="MWI722" s="424"/>
      <c r="MWJ722" s="424"/>
      <c r="MWK722" s="423" t="s">
        <v>2795</v>
      </c>
      <c r="MWL722" s="424"/>
      <c r="MWM722" s="424"/>
      <c r="MWN722" s="424"/>
      <c r="MWO722" s="423" t="s">
        <v>2795</v>
      </c>
      <c r="MWP722" s="424"/>
      <c r="MWQ722" s="424"/>
      <c r="MWR722" s="424"/>
      <c r="MWS722" s="423" t="s">
        <v>2795</v>
      </c>
      <c r="MWT722" s="424"/>
      <c r="MWU722" s="424"/>
      <c r="MWV722" s="424"/>
      <c r="MWW722" s="423" t="s">
        <v>2795</v>
      </c>
      <c r="MWX722" s="424"/>
      <c r="MWY722" s="424"/>
      <c r="MWZ722" s="424"/>
      <c r="MXA722" s="423" t="s">
        <v>2795</v>
      </c>
      <c r="MXB722" s="424"/>
      <c r="MXC722" s="424"/>
      <c r="MXD722" s="424"/>
      <c r="MXE722" s="423" t="s">
        <v>2795</v>
      </c>
      <c r="MXF722" s="424"/>
      <c r="MXG722" s="424"/>
      <c r="MXH722" s="424"/>
      <c r="MXI722" s="423" t="s">
        <v>2795</v>
      </c>
      <c r="MXJ722" s="424"/>
      <c r="MXK722" s="424"/>
      <c r="MXL722" s="424"/>
      <c r="MXM722" s="423" t="s">
        <v>2795</v>
      </c>
      <c r="MXN722" s="424"/>
      <c r="MXO722" s="424"/>
      <c r="MXP722" s="424"/>
      <c r="MXQ722" s="423" t="s">
        <v>2795</v>
      </c>
      <c r="MXR722" s="424"/>
      <c r="MXS722" s="424"/>
      <c r="MXT722" s="424"/>
      <c r="MXU722" s="423" t="s">
        <v>2795</v>
      </c>
      <c r="MXV722" s="424"/>
      <c r="MXW722" s="424"/>
      <c r="MXX722" s="424"/>
      <c r="MXY722" s="423" t="s">
        <v>2795</v>
      </c>
      <c r="MXZ722" s="424"/>
      <c r="MYA722" s="424"/>
      <c r="MYB722" s="424"/>
      <c r="MYC722" s="423" t="s">
        <v>2795</v>
      </c>
      <c r="MYD722" s="424"/>
      <c r="MYE722" s="424"/>
      <c r="MYF722" s="424"/>
      <c r="MYG722" s="423" t="s">
        <v>2795</v>
      </c>
      <c r="MYH722" s="424"/>
      <c r="MYI722" s="424"/>
      <c r="MYJ722" s="424"/>
      <c r="MYK722" s="423" t="s">
        <v>2795</v>
      </c>
      <c r="MYL722" s="424"/>
      <c r="MYM722" s="424"/>
      <c r="MYN722" s="424"/>
      <c r="MYO722" s="423" t="s">
        <v>2795</v>
      </c>
      <c r="MYP722" s="424"/>
      <c r="MYQ722" s="424"/>
      <c r="MYR722" s="424"/>
      <c r="MYS722" s="423" t="s">
        <v>2795</v>
      </c>
      <c r="MYT722" s="424"/>
      <c r="MYU722" s="424"/>
      <c r="MYV722" s="424"/>
      <c r="MYW722" s="423" t="s">
        <v>2795</v>
      </c>
      <c r="MYX722" s="424"/>
      <c r="MYY722" s="424"/>
      <c r="MYZ722" s="424"/>
      <c r="MZA722" s="423" t="s">
        <v>2795</v>
      </c>
      <c r="MZB722" s="424"/>
      <c r="MZC722" s="424"/>
      <c r="MZD722" s="424"/>
      <c r="MZE722" s="423" t="s">
        <v>2795</v>
      </c>
      <c r="MZF722" s="424"/>
      <c r="MZG722" s="424"/>
      <c r="MZH722" s="424"/>
      <c r="MZI722" s="423" t="s">
        <v>2795</v>
      </c>
      <c r="MZJ722" s="424"/>
      <c r="MZK722" s="424"/>
      <c r="MZL722" s="424"/>
      <c r="MZM722" s="423" t="s">
        <v>2795</v>
      </c>
      <c r="MZN722" s="424"/>
      <c r="MZO722" s="424"/>
      <c r="MZP722" s="424"/>
      <c r="MZQ722" s="423" t="s">
        <v>2795</v>
      </c>
      <c r="MZR722" s="424"/>
      <c r="MZS722" s="424"/>
      <c r="MZT722" s="424"/>
      <c r="MZU722" s="423" t="s">
        <v>2795</v>
      </c>
      <c r="MZV722" s="424"/>
      <c r="MZW722" s="424"/>
      <c r="MZX722" s="424"/>
      <c r="MZY722" s="423" t="s">
        <v>2795</v>
      </c>
      <c r="MZZ722" s="424"/>
      <c r="NAA722" s="424"/>
      <c r="NAB722" s="424"/>
      <c r="NAC722" s="423" t="s">
        <v>2795</v>
      </c>
      <c r="NAD722" s="424"/>
      <c r="NAE722" s="424"/>
      <c r="NAF722" s="424"/>
      <c r="NAG722" s="423" t="s">
        <v>2795</v>
      </c>
      <c r="NAH722" s="424"/>
      <c r="NAI722" s="424"/>
      <c r="NAJ722" s="424"/>
      <c r="NAK722" s="423" t="s">
        <v>2795</v>
      </c>
      <c r="NAL722" s="424"/>
      <c r="NAM722" s="424"/>
      <c r="NAN722" s="424"/>
      <c r="NAO722" s="423" t="s">
        <v>2795</v>
      </c>
      <c r="NAP722" s="424"/>
      <c r="NAQ722" s="424"/>
      <c r="NAR722" s="424"/>
      <c r="NAS722" s="423" t="s">
        <v>2795</v>
      </c>
      <c r="NAT722" s="424"/>
      <c r="NAU722" s="424"/>
      <c r="NAV722" s="424"/>
      <c r="NAW722" s="423" t="s">
        <v>2795</v>
      </c>
      <c r="NAX722" s="424"/>
      <c r="NAY722" s="424"/>
      <c r="NAZ722" s="424"/>
      <c r="NBA722" s="423" t="s">
        <v>2795</v>
      </c>
      <c r="NBB722" s="424"/>
      <c r="NBC722" s="424"/>
      <c r="NBD722" s="424"/>
      <c r="NBE722" s="423" t="s">
        <v>2795</v>
      </c>
      <c r="NBF722" s="424"/>
      <c r="NBG722" s="424"/>
      <c r="NBH722" s="424"/>
      <c r="NBI722" s="423" t="s">
        <v>2795</v>
      </c>
      <c r="NBJ722" s="424"/>
      <c r="NBK722" s="424"/>
      <c r="NBL722" s="424"/>
      <c r="NBM722" s="423" t="s">
        <v>2795</v>
      </c>
      <c r="NBN722" s="424"/>
      <c r="NBO722" s="424"/>
      <c r="NBP722" s="424"/>
      <c r="NBQ722" s="423" t="s">
        <v>2795</v>
      </c>
      <c r="NBR722" s="424"/>
      <c r="NBS722" s="424"/>
      <c r="NBT722" s="424"/>
      <c r="NBU722" s="423" t="s">
        <v>2795</v>
      </c>
      <c r="NBV722" s="424"/>
      <c r="NBW722" s="424"/>
      <c r="NBX722" s="424"/>
      <c r="NBY722" s="423" t="s">
        <v>2795</v>
      </c>
      <c r="NBZ722" s="424"/>
      <c r="NCA722" s="424"/>
      <c r="NCB722" s="424"/>
      <c r="NCC722" s="423" t="s">
        <v>2795</v>
      </c>
      <c r="NCD722" s="424"/>
      <c r="NCE722" s="424"/>
      <c r="NCF722" s="424"/>
      <c r="NCG722" s="423" t="s">
        <v>2795</v>
      </c>
      <c r="NCH722" s="424"/>
      <c r="NCI722" s="424"/>
      <c r="NCJ722" s="424"/>
      <c r="NCK722" s="423" t="s">
        <v>2795</v>
      </c>
      <c r="NCL722" s="424"/>
      <c r="NCM722" s="424"/>
      <c r="NCN722" s="424"/>
      <c r="NCO722" s="423" t="s">
        <v>2795</v>
      </c>
      <c r="NCP722" s="424"/>
      <c r="NCQ722" s="424"/>
      <c r="NCR722" s="424"/>
      <c r="NCS722" s="423" t="s">
        <v>2795</v>
      </c>
      <c r="NCT722" s="424"/>
      <c r="NCU722" s="424"/>
      <c r="NCV722" s="424"/>
      <c r="NCW722" s="423" t="s">
        <v>2795</v>
      </c>
      <c r="NCX722" s="424"/>
      <c r="NCY722" s="424"/>
      <c r="NCZ722" s="424"/>
      <c r="NDA722" s="423" t="s">
        <v>2795</v>
      </c>
      <c r="NDB722" s="424"/>
      <c r="NDC722" s="424"/>
      <c r="NDD722" s="424"/>
      <c r="NDE722" s="423" t="s">
        <v>2795</v>
      </c>
      <c r="NDF722" s="424"/>
      <c r="NDG722" s="424"/>
      <c r="NDH722" s="424"/>
      <c r="NDI722" s="423" t="s">
        <v>2795</v>
      </c>
      <c r="NDJ722" s="424"/>
      <c r="NDK722" s="424"/>
      <c r="NDL722" s="424"/>
      <c r="NDM722" s="423" t="s">
        <v>2795</v>
      </c>
      <c r="NDN722" s="424"/>
      <c r="NDO722" s="424"/>
      <c r="NDP722" s="424"/>
      <c r="NDQ722" s="423" t="s">
        <v>2795</v>
      </c>
      <c r="NDR722" s="424"/>
      <c r="NDS722" s="424"/>
      <c r="NDT722" s="424"/>
      <c r="NDU722" s="423" t="s">
        <v>2795</v>
      </c>
      <c r="NDV722" s="424"/>
      <c r="NDW722" s="424"/>
      <c r="NDX722" s="424"/>
      <c r="NDY722" s="423" t="s">
        <v>2795</v>
      </c>
      <c r="NDZ722" s="424"/>
      <c r="NEA722" s="424"/>
      <c r="NEB722" s="424"/>
      <c r="NEC722" s="423" t="s">
        <v>2795</v>
      </c>
      <c r="NED722" s="424"/>
      <c r="NEE722" s="424"/>
      <c r="NEF722" s="424"/>
      <c r="NEG722" s="423" t="s">
        <v>2795</v>
      </c>
      <c r="NEH722" s="424"/>
      <c r="NEI722" s="424"/>
      <c r="NEJ722" s="424"/>
      <c r="NEK722" s="423" t="s">
        <v>2795</v>
      </c>
      <c r="NEL722" s="424"/>
      <c r="NEM722" s="424"/>
      <c r="NEN722" s="424"/>
      <c r="NEO722" s="423" t="s">
        <v>2795</v>
      </c>
      <c r="NEP722" s="424"/>
      <c r="NEQ722" s="424"/>
      <c r="NER722" s="424"/>
      <c r="NES722" s="423" t="s">
        <v>2795</v>
      </c>
      <c r="NET722" s="424"/>
      <c r="NEU722" s="424"/>
      <c r="NEV722" s="424"/>
      <c r="NEW722" s="423" t="s">
        <v>2795</v>
      </c>
      <c r="NEX722" s="424"/>
      <c r="NEY722" s="424"/>
      <c r="NEZ722" s="424"/>
      <c r="NFA722" s="423" t="s">
        <v>2795</v>
      </c>
      <c r="NFB722" s="424"/>
      <c r="NFC722" s="424"/>
      <c r="NFD722" s="424"/>
      <c r="NFE722" s="423" t="s">
        <v>2795</v>
      </c>
      <c r="NFF722" s="424"/>
      <c r="NFG722" s="424"/>
      <c r="NFH722" s="424"/>
      <c r="NFI722" s="423" t="s">
        <v>2795</v>
      </c>
      <c r="NFJ722" s="424"/>
      <c r="NFK722" s="424"/>
      <c r="NFL722" s="424"/>
      <c r="NFM722" s="423" t="s">
        <v>2795</v>
      </c>
      <c r="NFN722" s="424"/>
      <c r="NFO722" s="424"/>
      <c r="NFP722" s="424"/>
      <c r="NFQ722" s="423" t="s">
        <v>2795</v>
      </c>
      <c r="NFR722" s="424"/>
      <c r="NFS722" s="424"/>
      <c r="NFT722" s="424"/>
      <c r="NFU722" s="423" t="s">
        <v>2795</v>
      </c>
      <c r="NFV722" s="424"/>
      <c r="NFW722" s="424"/>
      <c r="NFX722" s="424"/>
      <c r="NFY722" s="423" t="s">
        <v>2795</v>
      </c>
      <c r="NFZ722" s="424"/>
      <c r="NGA722" s="424"/>
      <c r="NGB722" s="424"/>
      <c r="NGC722" s="423" t="s">
        <v>2795</v>
      </c>
      <c r="NGD722" s="424"/>
      <c r="NGE722" s="424"/>
      <c r="NGF722" s="424"/>
      <c r="NGG722" s="423" t="s">
        <v>2795</v>
      </c>
      <c r="NGH722" s="424"/>
      <c r="NGI722" s="424"/>
      <c r="NGJ722" s="424"/>
      <c r="NGK722" s="423" t="s">
        <v>2795</v>
      </c>
      <c r="NGL722" s="424"/>
      <c r="NGM722" s="424"/>
      <c r="NGN722" s="424"/>
      <c r="NGO722" s="423" t="s">
        <v>2795</v>
      </c>
      <c r="NGP722" s="424"/>
      <c r="NGQ722" s="424"/>
      <c r="NGR722" s="424"/>
      <c r="NGS722" s="423" t="s">
        <v>2795</v>
      </c>
      <c r="NGT722" s="424"/>
      <c r="NGU722" s="424"/>
      <c r="NGV722" s="424"/>
      <c r="NGW722" s="423" t="s">
        <v>2795</v>
      </c>
      <c r="NGX722" s="424"/>
      <c r="NGY722" s="424"/>
      <c r="NGZ722" s="424"/>
      <c r="NHA722" s="423" t="s">
        <v>2795</v>
      </c>
      <c r="NHB722" s="424"/>
      <c r="NHC722" s="424"/>
      <c r="NHD722" s="424"/>
      <c r="NHE722" s="423" t="s">
        <v>2795</v>
      </c>
      <c r="NHF722" s="424"/>
      <c r="NHG722" s="424"/>
      <c r="NHH722" s="424"/>
      <c r="NHI722" s="423" t="s">
        <v>2795</v>
      </c>
      <c r="NHJ722" s="424"/>
      <c r="NHK722" s="424"/>
      <c r="NHL722" s="424"/>
      <c r="NHM722" s="423" t="s">
        <v>2795</v>
      </c>
      <c r="NHN722" s="424"/>
      <c r="NHO722" s="424"/>
      <c r="NHP722" s="424"/>
      <c r="NHQ722" s="423" t="s">
        <v>2795</v>
      </c>
      <c r="NHR722" s="424"/>
      <c r="NHS722" s="424"/>
      <c r="NHT722" s="424"/>
      <c r="NHU722" s="423" t="s">
        <v>2795</v>
      </c>
      <c r="NHV722" s="424"/>
      <c r="NHW722" s="424"/>
      <c r="NHX722" s="424"/>
      <c r="NHY722" s="423" t="s">
        <v>2795</v>
      </c>
      <c r="NHZ722" s="424"/>
      <c r="NIA722" s="424"/>
      <c r="NIB722" s="424"/>
      <c r="NIC722" s="423" t="s">
        <v>2795</v>
      </c>
      <c r="NID722" s="424"/>
      <c r="NIE722" s="424"/>
      <c r="NIF722" s="424"/>
      <c r="NIG722" s="423" t="s">
        <v>2795</v>
      </c>
      <c r="NIH722" s="424"/>
      <c r="NII722" s="424"/>
      <c r="NIJ722" s="424"/>
      <c r="NIK722" s="423" t="s">
        <v>2795</v>
      </c>
      <c r="NIL722" s="424"/>
      <c r="NIM722" s="424"/>
      <c r="NIN722" s="424"/>
      <c r="NIO722" s="423" t="s">
        <v>2795</v>
      </c>
      <c r="NIP722" s="424"/>
      <c r="NIQ722" s="424"/>
      <c r="NIR722" s="424"/>
      <c r="NIS722" s="423" t="s">
        <v>2795</v>
      </c>
      <c r="NIT722" s="424"/>
      <c r="NIU722" s="424"/>
      <c r="NIV722" s="424"/>
      <c r="NIW722" s="423" t="s">
        <v>2795</v>
      </c>
      <c r="NIX722" s="424"/>
      <c r="NIY722" s="424"/>
      <c r="NIZ722" s="424"/>
      <c r="NJA722" s="423" t="s">
        <v>2795</v>
      </c>
      <c r="NJB722" s="424"/>
      <c r="NJC722" s="424"/>
      <c r="NJD722" s="424"/>
      <c r="NJE722" s="423" t="s">
        <v>2795</v>
      </c>
      <c r="NJF722" s="424"/>
      <c r="NJG722" s="424"/>
      <c r="NJH722" s="424"/>
      <c r="NJI722" s="423" t="s">
        <v>2795</v>
      </c>
      <c r="NJJ722" s="424"/>
      <c r="NJK722" s="424"/>
      <c r="NJL722" s="424"/>
      <c r="NJM722" s="423" t="s">
        <v>2795</v>
      </c>
      <c r="NJN722" s="424"/>
      <c r="NJO722" s="424"/>
      <c r="NJP722" s="424"/>
      <c r="NJQ722" s="423" t="s">
        <v>2795</v>
      </c>
      <c r="NJR722" s="424"/>
      <c r="NJS722" s="424"/>
      <c r="NJT722" s="424"/>
      <c r="NJU722" s="423" t="s">
        <v>2795</v>
      </c>
      <c r="NJV722" s="424"/>
      <c r="NJW722" s="424"/>
      <c r="NJX722" s="424"/>
      <c r="NJY722" s="423" t="s">
        <v>2795</v>
      </c>
      <c r="NJZ722" s="424"/>
      <c r="NKA722" s="424"/>
      <c r="NKB722" s="424"/>
      <c r="NKC722" s="423" t="s">
        <v>2795</v>
      </c>
      <c r="NKD722" s="424"/>
      <c r="NKE722" s="424"/>
      <c r="NKF722" s="424"/>
      <c r="NKG722" s="423" t="s">
        <v>2795</v>
      </c>
      <c r="NKH722" s="424"/>
      <c r="NKI722" s="424"/>
      <c r="NKJ722" s="424"/>
      <c r="NKK722" s="423" t="s">
        <v>2795</v>
      </c>
      <c r="NKL722" s="424"/>
      <c r="NKM722" s="424"/>
      <c r="NKN722" s="424"/>
      <c r="NKO722" s="423" t="s">
        <v>2795</v>
      </c>
      <c r="NKP722" s="424"/>
      <c r="NKQ722" s="424"/>
      <c r="NKR722" s="424"/>
      <c r="NKS722" s="423" t="s">
        <v>2795</v>
      </c>
      <c r="NKT722" s="424"/>
      <c r="NKU722" s="424"/>
      <c r="NKV722" s="424"/>
      <c r="NKW722" s="423" t="s">
        <v>2795</v>
      </c>
      <c r="NKX722" s="424"/>
      <c r="NKY722" s="424"/>
      <c r="NKZ722" s="424"/>
      <c r="NLA722" s="423" t="s">
        <v>2795</v>
      </c>
      <c r="NLB722" s="424"/>
      <c r="NLC722" s="424"/>
      <c r="NLD722" s="424"/>
      <c r="NLE722" s="423" t="s">
        <v>2795</v>
      </c>
      <c r="NLF722" s="424"/>
      <c r="NLG722" s="424"/>
      <c r="NLH722" s="424"/>
      <c r="NLI722" s="423" t="s">
        <v>2795</v>
      </c>
      <c r="NLJ722" s="424"/>
      <c r="NLK722" s="424"/>
      <c r="NLL722" s="424"/>
      <c r="NLM722" s="423" t="s">
        <v>2795</v>
      </c>
      <c r="NLN722" s="424"/>
      <c r="NLO722" s="424"/>
      <c r="NLP722" s="424"/>
      <c r="NLQ722" s="423" t="s">
        <v>2795</v>
      </c>
      <c r="NLR722" s="424"/>
      <c r="NLS722" s="424"/>
      <c r="NLT722" s="424"/>
      <c r="NLU722" s="423" t="s">
        <v>2795</v>
      </c>
      <c r="NLV722" s="424"/>
      <c r="NLW722" s="424"/>
      <c r="NLX722" s="424"/>
      <c r="NLY722" s="423" t="s">
        <v>2795</v>
      </c>
      <c r="NLZ722" s="424"/>
      <c r="NMA722" s="424"/>
      <c r="NMB722" s="424"/>
      <c r="NMC722" s="423" t="s">
        <v>2795</v>
      </c>
      <c r="NMD722" s="424"/>
      <c r="NME722" s="424"/>
      <c r="NMF722" s="424"/>
      <c r="NMG722" s="423" t="s">
        <v>2795</v>
      </c>
      <c r="NMH722" s="424"/>
      <c r="NMI722" s="424"/>
      <c r="NMJ722" s="424"/>
      <c r="NMK722" s="423" t="s">
        <v>2795</v>
      </c>
      <c r="NML722" s="424"/>
      <c r="NMM722" s="424"/>
      <c r="NMN722" s="424"/>
      <c r="NMO722" s="423" t="s">
        <v>2795</v>
      </c>
      <c r="NMP722" s="424"/>
      <c r="NMQ722" s="424"/>
      <c r="NMR722" s="424"/>
      <c r="NMS722" s="423" t="s">
        <v>2795</v>
      </c>
      <c r="NMT722" s="424"/>
      <c r="NMU722" s="424"/>
      <c r="NMV722" s="424"/>
      <c r="NMW722" s="423" t="s">
        <v>2795</v>
      </c>
      <c r="NMX722" s="424"/>
      <c r="NMY722" s="424"/>
      <c r="NMZ722" s="424"/>
      <c r="NNA722" s="423" t="s">
        <v>2795</v>
      </c>
      <c r="NNB722" s="424"/>
      <c r="NNC722" s="424"/>
      <c r="NND722" s="424"/>
      <c r="NNE722" s="423" t="s">
        <v>2795</v>
      </c>
      <c r="NNF722" s="424"/>
      <c r="NNG722" s="424"/>
      <c r="NNH722" s="424"/>
      <c r="NNI722" s="423" t="s">
        <v>2795</v>
      </c>
      <c r="NNJ722" s="424"/>
      <c r="NNK722" s="424"/>
      <c r="NNL722" s="424"/>
      <c r="NNM722" s="423" t="s">
        <v>2795</v>
      </c>
      <c r="NNN722" s="424"/>
      <c r="NNO722" s="424"/>
      <c r="NNP722" s="424"/>
      <c r="NNQ722" s="423" t="s">
        <v>2795</v>
      </c>
      <c r="NNR722" s="424"/>
      <c r="NNS722" s="424"/>
      <c r="NNT722" s="424"/>
      <c r="NNU722" s="423" t="s">
        <v>2795</v>
      </c>
      <c r="NNV722" s="424"/>
      <c r="NNW722" s="424"/>
      <c r="NNX722" s="424"/>
      <c r="NNY722" s="423" t="s">
        <v>2795</v>
      </c>
      <c r="NNZ722" s="424"/>
      <c r="NOA722" s="424"/>
      <c r="NOB722" s="424"/>
      <c r="NOC722" s="423" t="s">
        <v>2795</v>
      </c>
      <c r="NOD722" s="424"/>
      <c r="NOE722" s="424"/>
      <c r="NOF722" s="424"/>
      <c r="NOG722" s="423" t="s">
        <v>2795</v>
      </c>
      <c r="NOH722" s="424"/>
      <c r="NOI722" s="424"/>
      <c r="NOJ722" s="424"/>
      <c r="NOK722" s="423" t="s">
        <v>2795</v>
      </c>
      <c r="NOL722" s="424"/>
      <c r="NOM722" s="424"/>
      <c r="NON722" s="424"/>
      <c r="NOO722" s="423" t="s">
        <v>2795</v>
      </c>
      <c r="NOP722" s="424"/>
      <c r="NOQ722" s="424"/>
      <c r="NOR722" s="424"/>
      <c r="NOS722" s="423" t="s">
        <v>2795</v>
      </c>
      <c r="NOT722" s="424"/>
      <c r="NOU722" s="424"/>
      <c r="NOV722" s="424"/>
      <c r="NOW722" s="423" t="s">
        <v>2795</v>
      </c>
      <c r="NOX722" s="424"/>
      <c r="NOY722" s="424"/>
      <c r="NOZ722" s="424"/>
      <c r="NPA722" s="423" t="s">
        <v>2795</v>
      </c>
      <c r="NPB722" s="424"/>
      <c r="NPC722" s="424"/>
      <c r="NPD722" s="424"/>
      <c r="NPE722" s="423" t="s">
        <v>2795</v>
      </c>
      <c r="NPF722" s="424"/>
      <c r="NPG722" s="424"/>
      <c r="NPH722" s="424"/>
      <c r="NPI722" s="423" t="s">
        <v>2795</v>
      </c>
      <c r="NPJ722" s="424"/>
      <c r="NPK722" s="424"/>
      <c r="NPL722" s="424"/>
      <c r="NPM722" s="423" t="s">
        <v>2795</v>
      </c>
      <c r="NPN722" s="424"/>
      <c r="NPO722" s="424"/>
      <c r="NPP722" s="424"/>
      <c r="NPQ722" s="423" t="s">
        <v>2795</v>
      </c>
      <c r="NPR722" s="424"/>
      <c r="NPS722" s="424"/>
      <c r="NPT722" s="424"/>
      <c r="NPU722" s="423" t="s">
        <v>2795</v>
      </c>
      <c r="NPV722" s="424"/>
      <c r="NPW722" s="424"/>
      <c r="NPX722" s="424"/>
      <c r="NPY722" s="423" t="s">
        <v>2795</v>
      </c>
      <c r="NPZ722" s="424"/>
      <c r="NQA722" s="424"/>
      <c r="NQB722" s="424"/>
      <c r="NQC722" s="423" t="s">
        <v>2795</v>
      </c>
      <c r="NQD722" s="424"/>
      <c r="NQE722" s="424"/>
      <c r="NQF722" s="424"/>
      <c r="NQG722" s="423" t="s">
        <v>2795</v>
      </c>
      <c r="NQH722" s="424"/>
      <c r="NQI722" s="424"/>
      <c r="NQJ722" s="424"/>
      <c r="NQK722" s="423" t="s">
        <v>2795</v>
      </c>
      <c r="NQL722" s="424"/>
      <c r="NQM722" s="424"/>
      <c r="NQN722" s="424"/>
      <c r="NQO722" s="423" t="s">
        <v>2795</v>
      </c>
      <c r="NQP722" s="424"/>
      <c r="NQQ722" s="424"/>
      <c r="NQR722" s="424"/>
      <c r="NQS722" s="423" t="s">
        <v>2795</v>
      </c>
      <c r="NQT722" s="424"/>
      <c r="NQU722" s="424"/>
      <c r="NQV722" s="424"/>
      <c r="NQW722" s="423" t="s">
        <v>2795</v>
      </c>
      <c r="NQX722" s="424"/>
      <c r="NQY722" s="424"/>
      <c r="NQZ722" s="424"/>
      <c r="NRA722" s="423" t="s">
        <v>2795</v>
      </c>
      <c r="NRB722" s="424"/>
      <c r="NRC722" s="424"/>
      <c r="NRD722" s="424"/>
      <c r="NRE722" s="423" t="s">
        <v>2795</v>
      </c>
      <c r="NRF722" s="424"/>
      <c r="NRG722" s="424"/>
      <c r="NRH722" s="424"/>
      <c r="NRI722" s="423" t="s">
        <v>2795</v>
      </c>
      <c r="NRJ722" s="424"/>
      <c r="NRK722" s="424"/>
      <c r="NRL722" s="424"/>
      <c r="NRM722" s="423" t="s">
        <v>2795</v>
      </c>
      <c r="NRN722" s="424"/>
      <c r="NRO722" s="424"/>
      <c r="NRP722" s="424"/>
      <c r="NRQ722" s="423" t="s">
        <v>2795</v>
      </c>
      <c r="NRR722" s="424"/>
      <c r="NRS722" s="424"/>
      <c r="NRT722" s="424"/>
      <c r="NRU722" s="423" t="s">
        <v>2795</v>
      </c>
      <c r="NRV722" s="424"/>
      <c r="NRW722" s="424"/>
      <c r="NRX722" s="424"/>
      <c r="NRY722" s="423" t="s">
        <v>2795</v>
      </c>
      <c r="NRZ722" s="424"/>
      <c r="NSA722" s="424"/>
      <c r="NSB722" s="424"/>
      <c r="NSC722" s="423" t="s">
        <v>2795</v>
      </c>
      <c r="NSD722" s="424"/>
      <c r="NSE722" s="424"/>
      <c r="NSF722" s="424"/>
      <c r="NSG722" s="423" t="s">
        <v>2795</v>
      </c>
      <c r="NSH722" s="424"/>
      <c r="NSI722" s="424"/>
      <c r="NSJ722" s="424"/>
      <c r="NSK722" s="423" t="s">
        <v>2795</v>
      </c>
      <c r="NSL722" s="424"/>
      <c r="NSM722" s="424"/>
      <c r="NSN722" s="424"/>
      <c r="NSO722" s="423" t="s">
        <v>2795</v>
      </c>
      <c r="NSP722" s="424"/>
      <c r="NSQ722" s="424"/>
      <c r="NSR722" s="424"/>
      <c r="NSS722" s="423" t="s">
        <v>2795</v>
      </c>
      <c r="NST722" s="424"/>
      <c r="NSU722" s="424"/>
      <c r="NSV722" s="424"/>
      <c r="NSW722" s="423" t="s">
        <v>2795</v>
      </c>
      <c r="NSX722" s="424"/>
      <c r="NSY722" s="424"/>
      <c r="NSZ722" s="424"/>
      <c r="NTA722" s="423" t="s">
        <v>2795</v>
      </c>
      <c r="NTB722" s="424"/>
      <c r="NTC722" s="424"/>
      <c r="NTD722" s="424"/>
      <c r="NTE722" s="423" t="s">
        <v>2795</v>
      </c>
      <c r="NTF722" s="424"/>
      <c r="NTG722" s="424"/>
      <c r="NTH722" s="424"/>
      <c r="NTI722" s="423" t="s">
        <v>2795</v>
      </c>
      <c r="NTJ722" s="424"/>
      <c r="NTK722" s="424"/>
      <c r="NTL722" s="424"/>
      <c r="NTM722" s="423" t="s">
        <v>2795</v>
      </c>
      <c r="NTN722" s="424"/>
      <c r="NTO722" s="424"/>
      <c r="NTP722" s="424"/>
      <c r="NTQ722" s="423" t="s">
        <v>2795</v>
      </c>
      <c r="NTR722" s="424"/>
      <c r="NTS722" s="424"/>
      <c r="NTT722" s="424"/>
      <c r="NTU722" s="423" t="s">
        <v>2795</v>
      </c>
      <c r="NTV722" s="424"/>
      <c r="NTW722" s="424"/>
      <c r="NTX722" s="424"/>
      <c r="NTY722" s="423" t="s">
        <v>2795</v>
      </c>
      <c r="NTZ722" s="424"/>
      <c r="NUA722" s="424"/>
      <c r="NUB722" s="424"/>
      <c r="NUC722" s="423" t="s">
        <v>2795</v>
      </c>
      <c r="NUD722" s="424"/>
      <c r="NUE722" s="424"/>
      <c r="NUF722" s="424"/>
      <c r="NUG722" s="423" t="s">
        <v>2795</v>
      </c>
      <c r="NUH722" s="424"/>
      <c r="NUI722" s="424"/>
      <c r="NUJ722" s="424"/>
      <c r="NUK722" s="423" t="s">
        <v>2795</v>
      </c>
      <c r="NUL722" s="424"/>
      <c r="NUM722" s="424"/>
      <c r="NUN722" s="424"/>
      <c r="NUO722" s="423" t="s">
        <v>2795</v>
      </c>
      <c r="NUP722" s="424"/>
      <c r="NUQ722" s="424"/>
      <c r="NUR722" s="424"/>
      <c r="NUS722" s="423" t="s">
        <v>2795</v>
      </c>
      <c r="NUT722" s="424"/>
      <c r="NUU722" s="424"/>
      <c r="NUV722" s="424"/>
      <c r="NUW722" s="423" t="s">
        <v>2795</v>
      </c>
      <c r="NUX722" s="424"/>
      <c r="NUY722" s="424"/>
      <c r="NUZ722" s="424"/>
      <c r="NVA722" s="423" t="s">
        <v>2795</v>
      </c>
      <c r="NVB722" s="424"/>
      <c r="NVC722" s="424"/>
      <c r="NVD722" s="424"/>
      <c r="NVE722" s="423" t="s">
        <v>2795</v>
      </c>
      <c r="NVF722" s="424"/>
      <c r="NVG722" s="424"/>
      <c r="NVH722" s="424"/>
      <c r="NVI722" s="423" t="s">
        <v>2795</v>
      </c>
      <c r="NVJ722" s="424"/>
      <c r="NVK722" s="424"/>
      <c r="NVL722" s="424"/>
      <c r="NVM722" s="423" t="s">
        <v>2795</v>
      </c>
      <c r="NVN722" s="424"/>
      <c r="NVO722" s="424"/>
      <c r="NVP722" s="424"/>
      <c r="NVQ722" s="423" t="s">
        <v>2795</v>
      </c>
      <c r="NVR722" s="424"/>
      <c r="NVS722" s="424"/>
      <c r="NVT722" s="424"/>
      <c r="NVU722" s="423" t="s">
        <v>2795</v>
      </c>
      <c r="NVV722" s="424"/>
      <c r="NVW722" s="424"/>
      <c r="NVX722" s="424"/>
      <c r="NVY722" s="423" t="s">
        <v>2795</v>
      </c>
      <c r="NVZ722" s="424"/>
      <c r="NWA722" s="424"/>
      <c r="NWB722" s="424"/>
      <c r="NWC722" s="423" t="s">
        <v>2795</v>
      </c>
      <c r="NWD722" s="424"/>
      <c r="NWE722" s="424"/>
      <c r="NWF722" s="424"/>
      <c r="NWG722" s="423" t="s">
        <v>2795</v>
      </c>
      <c r="NWH722" s="424"/>
      <c r="NWI722" s="424"/>
      <c r="NWJ722" s="424"/>
      <c r="NWK722" s="423" t="s">
        <v>2795</v>
      </c>
      <c r="NWL722" s="424"/>
      <c r="NWM722" s="424"/>
      <c r="NWN722" s="424"/>
      <c r="NWO722" s="423" t="s">
        <v>2795</v>
      </c>
      <c r="NWP722" s="424"/>
      <c r="NWQ722" s="424"/>
      <c r="NWR722" s="424"/>
      <c r="NWS722" s="423" t="s">
        <v>2795</v>
      </c>
      <c r="NWT722" s="424"/>
      <c r="NWU722" s="424"/>
      <c r="NWV722" s="424"/>
      <c r="NWW722" s="423" t="s">
        <v>2795</v>
      </c>
      <c r="NWX722" s="424"/>
      <c r="NWY722" s="424"/>
      <c r="NWZ722" s="424"/>
      <c r="NXA722" s="423" t="s">
        <v>2795</v>
      </c>
      <c r="NXB722" s="424"/>
      <c r="NXC722" s="424"/>
      <c r="NXD722" s="424"/>
      <c r="NXE722" s="423" t="s">
        <v>2795</v>
      </c>
      <c r="NXF722" s="424"/>
      <c r="NXG722" s="424"/>
      <c r="NXH722" s="424"/>
      <c r="NXI722" s="423" t="s">
        <v>2795</v>
      </c>
      <c r="NXJ722" s="424"/>
      <c r="NXK722" s="424"/>
      <c r="NXL722" s="424"/>
      <c r="NXM722" s="423" t="s">
        <v>2795</v>
      </c>
      <c r="NXN722" s="424"/>
      <c r="NXO722" s="424"/>
      <c r="NXP722" s="424"/>
      <c r="NXQ722" s="423" t="s">
        <v>2795</v>
      </c>
      <c r="NXR722" s="424"/>
      <c r="NXS722" s="424"/>
      <c r="NXT722" s="424"/>
      <c r="NXU722" s="423" t="s">
        <v>2795</v>
      </c>
      <c r="NXV722" s="424"/>
      <c r="NXW722" s="424"/>
      <c r="NXX722" s="424"/>
      <c r="NXY722" s="423" t="s">
        <v>2795</v>
      </c>
      <c r="NXZ722" s="424"/>
      <c r="NYA722" s="424"/>
      <c r="NYB722" s="424"/>
      <c r="NYC722" s="423" t="s">
        <v>2795</v>
      </c>
      <c r="NYD722" s="424"/>
      <c r="NYE722" s="424"/>
      <c r="NYF722" s="424"/>
      <c r="NYG722" s="423" t="s">
        <v>2795</v>
      </c>
      <c r="NYH722" s="424"/>
      <c r="NYI722" s="424"/>
      <c r="NYJ722" s="424"/>
      <c r="NYK722" s="423" t="s">
        <v>2795</v>
      </c>
      <c r="NYL722" s="424"/>
      <c r="NYM722" s="424"/>
      <c r="NYN722" s="424"/>
      <c r="NYO722" s="423" t="s">
        <v>2795</v>
      </c>
      <c r="NYP722" s="424"/>
      <c r="NYQ722" s="424"/>
      <c r="NYR722" s="424"/>
      <c r="NYS722" s="423" t="s">
        <v>2795</v>
      </c>
      <c r="NYT722" s="424"/>
      <c r="NYU722" s="424"/>
      <c r="NYV722" s="424"/>
      <c r="NYW722" s="423" t="s">
        <v>2795</v>
      </c>
      <c r="NYX722" s="424"/>
      <c r="NYY722" s="424"/>
      <c r="NYZ722" s="424"/>
      <c r="NZA722" s="423" t="s">
        <v>2795</v>
      </c>
      <c r="NZB722" s="424"/>
      <c r="NZC722" s="424"/>
      <c r="NZD722" s="424"/>
      <c r="NZE722" s="423" t="s">
        <v>2795</v>
      </c>
      <c r="NZF722" s="424"/>
      <c r="NZG722" s="424"/>
      <c r="NZH722" s="424"/>
      <c r="NZI722" s="423" t="s">
        <v>2795</v>
      </c>
      <c r="NZJ722" s="424"/>
      <c r="NZK722" s="424"/>
      <c r="NZL722" s="424"/>
      <c r="NZM722" s="423" t="s">
        <v>2795</v>
      </c>
      <c r="NZN722" s="424"/>
      <c r="NZO722" s="424"/>
      <c r="NZP722" s="424"/>
      <c r="NZQ722" s="423" t="s">
        <v>2795</v>
      </c>
      <c r="NZR722" s="424"/>
      <c r="NZS722" s="424"/>
      <c r="NZT722" s="424"/>
      <c r="NZU722" s="423" t="s">
        <v>2795</v>
      </c>
      <c r="NZV722" s="424"/>
      <c r="NZW722" s="424"/>
      <c r="NZX722" s="424"/>
      <c r="NZY722" s="423" t="s">
        <v>2795</v>
      </c>
      <c r="NZZ722" s="424"/>
      <c r="OAA722" s="424"/>
      <c r="OAB722" s="424"/>
      <c r="OAC722" s="423" t="s">
        <v>2795</v>
      </c>
      <c r="OAD722" s="424"/>
      <c r="OAE722" s="424"/>
      <c r="OAF722" s="424"/>
      <c r="OAG722" s="423" t="s">
        <v>2795</v>
      </c>
      <c r="OAH722" s="424"/>
      <c r="OAI722" s="424"/>
      <c r="OAJ722" s="424"/>
      <c r="OAK722" s="423" t="s">
        <v>2795</v>
      </c>
      <c r="OAL722" s="424"/>
      <c r="OAM722" s="424"/>
      <c r="OAN722" s="424"/>
      <c r="OAO722" s="423" t="s">
        <v>2795</v>
      </c>
      <c r="OAP722" s="424"/>
      <c r="OAQ722" s="424"/>
      <c r="OAR722" s="424"/>
      <c r="OAS722" s="423" t="s">
        <v>2795</v>
      </c>
      <c r="OAT722" s="424"/>
      <c r="OAU722" s="424"/>
      <c r="OAV722" s="424"/>
      <c r="OAW722" s="423" t="s">
        <v>2795</v>
      </c>
      <c r="OAX722" s="424"/>
      <c r="OAY722" s="424"/>
      <c r="OAZ722" s="424"/>
      <c r="OBA722" s="423" t="s">
        <v>2795</v>
      </c>
      <c r="OBB722" s="424"/>
      <c r="OBC722" s="424"/>
      <c r="OBD722" s="424"/>
      <c r="OBE722" s="423" t="s">
        <v>2795</v>
      </c>
      <c r="OBF722" s="424"/>
      <c r="OBG722" s="424"/>
      <c r="OBH722" s="424"/>
      <c r="OBI722" s="423" t="s">
        <v>2795</v>
      </c>
      <c r="OBJ722" s="424"/>
      <c r="OBK722" s="424"/>
      <c r="OBL722" s="424"/>
      <c r="OBM722" s="423" t="s">
        <v>2795</v>
      </c>
      <c r="OBN722" s="424"/>
      <c r="OBO722" s="424"/>
      <c r="OBP722" s="424"/>
      <c r="OBQ722" s="423" t="s">
        <v>2795</v>
      </c>
      <c r="OBR722" s="424"/>
      <c r="OBS722" s="424"/>
      <c r="OBT722" s="424"/>
      <c r="OBU722" s="423" t="s">
        <v>2795</v>
      </c>
      <c r="OBV722" s="424"/>
      <c r="OBW722" s="424"/>
      <c r="OBX722" s="424"/>
      <c r="OBY722" s="423" t="s">
        <v>2795</v>
      </c>
      <c r="OBZ722" s="424"/>
      <c r="OCA722" s="424"/>
      <c r="OCB722" s="424"/>
      <c r="OCC722" s="423" t="s">
        <v>2795</v>
      </c>
      <c r="OCD722" s="424"/>
      <c r="OCE722" s="424"/>
      <c r="OCF722" s="424"/>
      <c r="OCG722" s="423" t="s">
        <v>2795</v>
      </c>
      <c r="OCH722" s="424"/>
      <c r="OCI722" s="424"/>
      <c r="OCJ722" s="424"/>
      <c r="OCK722" s="423" t="s">
        <v>2795</v>
      </c>
      <c r="OCL722" s="424"/>
      <c r="OCM722" s="424"/>
      <c r="OCN722" s="424"/>
      <c r="OCO722" s="423" t="s">
        <v>2795</v>
      </c>
      <c r="OCP722" s="424"/>
      <c r="OCQ722" s="424"/>
      <c r="OCR722" s="424"/>
      <c r="OCS722" s="423" t="s">
        <v>2795</v>
      </c>
      <c r="OCT722" s="424"/>
      <c r="OCU722" s="424"/>
      <c r="OCV722" s="424"/>
      <c r="OCW722" s="423" t="s">
        <v>2795</v>
      </c>
      <c r="OCX722" s="424"/>
      <c r="OCY722" s="424"/>
      <c r="OCZ722" s="424"/>
      <c r="ODA722" s="423" t="s">
        <v>2795</v>
      </c>
      <c r="ODB722" s="424"/>
      <c r="ODC722" s="424"/>
      <c r="ODD722" s="424"/>
      <c r="ODE722" s="423" t="s">
        <v>2795</v>
      </c>
      <c r="ODF722" s="424"/>
      <c r="ODG722" s="424"/>
      <c r="ODH722" s="424"/>
      <c r="ODI722" s="423" t="s">
        <v>2795</v>
      </c>
      <c r="ODJ722" s="424"/>
      <c r="ODK722" s="424"/>
      <c r="ODL722" s="424"/>
      <c r="ODM722" s="423" t="s">
        <v>2795</v>
      </c>
      <c r="ODN722" s="424"/>
      <c r="ODO722" s="424"/>
      <c r="ODP722" s="424"/>
      <c r="ODQ722" s="423" t="s">
        <v>2795</v>
      </c>
      <c r="ODR722" s="424"/>
      <c r="ODS722" s="424"/>
      <c r="ODT722" s="424"/>
      <c r="ODU722" s="423" t="s">
        <v>2795</v>
      </c>
      <c r="ODV722" s="424"/>
      <c r="ODW722" s="424"/>
      <c r="ODX722" s="424"/>
      <c r="ODY722" s="423" t="s">
        <v>2795</v>
      </c>
      <c r="ODZ722" s="424"/>
      <c r="OEA722" s="424"/>
      <c r="OEB722" s="424"/>
      <c r="OEC722" s="423" t="s">
        <v>2795</v>
      </c>
      <c r="OED722" s="424"/>
      <c r="OEE722" s="424"/>
      <c r="OEF722" s="424"/>
      <c r="OEG722" s="423" t="s">
        <v>2795</v>
      </c>
      <c r="OEH722" s="424"/>
      <c r="OEI722" s="424"/>
      <c r="OEJ722" s="424"/>
      <c r="OEK722" s="423" t="s">
        <v>2795</v>
      </c>
      <c r="OEL722" s="424"/>
      <c r="OEM722" s="424"/>
      <c r="OEN722" s="424"/>
      <c r="OEO722" s="423" t="s">
        <v>2795</v>
      </c>
      <c r="OEP722" s="424"/>
      <c r="OEQ722" s="424"/>
      <c r="OER722" s="424"/>
      <c r="OES722" s="423" t="s">
        <v>2795</v>
      </c>
      <c r="OET722" s="424"/>
      <c r="OEU722" s="424"/>
      <c r="OEV722" s="424"/>
      <c r="OEW722" s="423" t="s">
        <v>2795</v>
      </c>
      <c r="OEX722" s="424"/>
      <c r="OEY722" s="424"/>
      <c r="OEZ722" s="424"/>
      <c r="OFA722" s="423" t="s">
        <v>2795</v>
      </c>
      <c r="OFB722" s="424"/>
      <c r="OFC722" s="424"/>
      <c r="OFD722" s="424"/>
      <c r="OFE722" s="423" t="s">
        <v>2795</v>
      </c>
      <c r="OFF722" s="424"/>
      <c r="OFG722" s="424"/>
      <c r="OFH722" s="424"/>
      <c r="OFI722" s="423" t="s">
        <v>2795</v>
      </c>
      <c r="OFJ722" s="424"/>
      <c r="OFK722" s="424"/>
      <c r="OFL722" s="424"/>
      <c r="OFM722" s="423" t="s">
        <v>2795</v>
      </c>
      <c r="OFN722" s="424"/>
      <c r="OFO722" s="424"/>
      <c r="OFP722" s="424"/>
      <c r="OFQ722" s="423" t="s">
        <v>2795</v>
      </c>
      <c r="OFR722" s="424"/>
      <c r="OFS722" s="424"/>
      <c r="OFT722" s="424"/>
      <c r="OFU722" s="423" t="s">
        <v>2795</v>
      </c>
      <c r="OFV722" s="424"/>
      <c r="OFW722" s="424"/>
      <c r="OFX722" s="424"/>
      <c r="OFY722" s="423" t="s">
        <v>2795</v>
      </c>
      <c r="OFZ722" s="424"/>
      <c r="OGA722" s="424"/>
      <c r="OGB722" s="424"/>
      <c r="OGC722" s="423" t="s">
        <v>2795</v>
      </c>
      <c r="OGD722" s="424"/>
      <c r="OGE722" s="424"/>
      <c r="OGF722" s="424"/>
      <c r="OGG722" s="423" t="s">
        <v>2795</v>
      </c>
      <c r="OGH722" s="424"/>
      <c r="OGI722" s="424"/>
      <c r="OGJ722" s="424"/>
      <c r="OGK722" s="423" t="s">
        <v>2795</v>
      </c>
      <c r="OGL722" s="424"/>
      <c r="OGM722" s="424"/>
      <c r="OGN722" s="424"/>
      <c r="OGO722" s="423" t="s">
        <v>2795</v>
      </c>
      <c r="OGP722" s="424"/>
      <c r="OGQ722" s="424"/>
      <c r="OGR722" s="424"/>
      <c r="OGS722" s="423" t="s">
        <v>2795</v>
      </c>
      <c r="OGT722" s="424"/>
      <c r="OGU722" s="424"/>
      <c r="OGV722" s="424"/>
      <c r="OGW722" s="423" t="s">
        <v>2795</v>
      </c>
      <c r="OGX722" s="424"/>
      <c r="OGY722" s="424"/>
      <c r="OGZ722" s="424"/>
      <c r="OHA722" s="423" t="s">
        <v>2795</v>
      </c>
      <c r="OHB722" s="424"/>
      <c r="OHC722" s="424"/>
      <c r="OHD722" s="424"/>
      <c r="OHE722" s="423" t="s">
        <v>2795</v>
      </c>
      <c r="OHF722" s="424"/>
      <c r="OHG722" s="424"/>
      <c r="OHH722" s="424"/>
      <c r="OHI722" s="423" t="s">
        <v>2795</v>
      </c>
      <c r="OHJ722" s="424"/>
      <c r="OHK722" s="424"/>
      <c r="OHL722" s="424"/>
      <c r="OHM722" s="423" t="s">
        <v>2795</v>
      </c>
      <c r="OHN722" s="424"/>
      <c r="OHO722" s="424"/>
      <c r="OHP722" s="424"/>
      <c r="OHQ722" s="423" t="s">
        <v>2795</v>
      </c>
      <c r="OHR722" s="424"/>
      <c r="OHS722" s="424"/>
      <c r="OHT722" s="424"/>
      <c r="OHU722" s="423" t="s">
        <v>2795</v>
      </c>
      <c r="OHV722" s="424"/>
      <c r="OHW722" s="424"/>
      <c r="OHX722" s="424"/>
      <c r="OHY722" s="423" t="s">
        <v>2795</v>
      </c>
      <c r="OHZ722" s="424"/>
      <c r="OIA722" s="424"/>
      <c r="OIB722" s="424"/>
      <c r="OIC722" s="423" t="s">
        <v>2795</v>
      </c>
      <c r="OID722" s="424"/>
      <c r="OIE722" s="424"/>
      <c r="OIF722" s="424"/>
      <c r="OIG722" s="423" t="s">
        <v>2795</v>
      </c>
      <c r="OIH722" s="424"/>
      <c r="OII722" s="424"/>
      <c r="OIJ722" s="424"/>
      <c r="OIK722" s="423" t="s">
        <v>2795</v>
      </c>
      <c r="OIL722" s="424"/>
      <c r="OIM722" s="424"/>
      <c r="OIN722" s="424"/>
      <c r="OIO722" s="423" t="s">
        <v>2795</v>
      </c>
      <c r="OIP722" s="424"/>
      <c r="OIQ722" s="424"/>
      <c r="OIR722" s="424"/>
      <c r="OIS722" s="423" t="s">
        <v>2795</v>
      </c>
      <c r="OIT722" s="424"/>
      <c r="OIU722" s="424"/>
      <c r="OIV722" s="424"/>
      <c r="OIW722" s="423" t="s">
        <v>2795</v>
      </c>
      <c r="OIX722" s="424"/>
      <c r="OIY722" s="424"/>
      <c r="OIZ722" s="424"/>
      <c r="OJA722" s="423" t="s">
        <v>2795</v>
      </c>
      <c r="OJB722" s="424"/>
      <c r="OJC722" s="424"/>
      <c r="OJD722" s="424"/>
      <c r="OJE722" s="423" t="s">
        <v>2795</v>
      </c>
      <c r="OJF722" s="424"/>
      <c r="OJG722" s="424"/>
      <c r="OJH722" s="424"/>
      <c r="OJI722" s="423" t="s">
        <v>2795</v>
      </c>
      <c r="OJJ722" s="424"/>
      <c r="OJK722" s="424"/>
      <c r="OJL722" s="424"/>
      <c r="OJM722" s="423" t="s">
        <v>2795</v>
      </c>
      <c r="OJN722" s="424"/>
      <c r="OJO722" s="424"/>
      <c r="OJP722" s="424"/>
      <c r="OJQ722" s="423" t="s">
        <v>2795</v>
      </c>
      <c r="OJR722" s="424"/>
      <c r="OJS722" s="424"/>
      <c r="OJT722" s="424"/>
      <c r="OJU722" s="423" t="s">
        <v>2795</v>
      </c>
      <c r="OJV722" s="424"/>
      <c r="OJW722" s="424"/>
      <c r="OJX722" s="424"/>
      <c r="OJY722" s="423" t="s">
        <v>2795</v>
      </c>
      <c r="OJZ722" s="424"/>
      <c r="OKA722" s="424"/>
      <c r="OKB722" s="424"/>
      <c r="OKC722" s="423" t="s">
        <v>2795</v>
      </c>
      <c r="OKD722" s="424"/>
      <c r="OKE722" s="424"/>
      <c r="OKF722" s="424"/>
      <c r="OKG722" s="423" t="s">
        <v>2795</v>
      </c>
      <c r="OKH722" s="424"/>
      <c r="OKI722" s="424"/>
      <c r="OKJ722" s="424"/>
      <c r="OKK722" s="423" t="s">
        <v>2795</v>
      </c>
      <c r="OKL722" s="424"/>
      <c r="OKM722" s="424"/>
      <c r="OKN722" s="424"/>
      <c r="OKO722" s="423" t="s">
        <v>2795</v>
      </c>
      <c r="OKP722" s="424"/>
      <c r="OKQ722" s="424"/>
      <c r="OKR722" s="424"/>
      <c r="OKS722" s="423" t="s">
        <v>2795</v>
      </c>
      <c r="OKT722" s="424"/>
      <c r="OKU722" s="424"/>
      <c r="OKV722" s="424"/>
      <c r="OKW722" s="423" t="s">
        <v>2795</v>
      </c>
      <c r="OKX722" s="424"/>
      <c r="OKY722" s="424"/>
      <c r="OKZ722" s="424"/>
      <c r="OLA722" s="423" t="s">
        <v>2795</v>
      </c>
      <c r="OLB722" s="424"/>
      <c r="OLC722" s="424"/>
      <c r="OLD722" s="424"/>
      <c r="OLE722" s="423" t="s">
        <v>2795</v>
      </c>
      <c r="OLF722" s="424"/>
      <c r="OLG722" s="424"/>
      <c r="OLH722" s="424"/>
      <c r="OLI722" s="423" t="s">
        <v>2795</v>
      </c>
      <c r="OLJ722" s="424"/>
      <c r="OLK722" s="424"/>
      <c r="OLL722" s="424"/>
      <c r="OLM722" s="423" t="s">
        <v>2795</v>
      </c>
      <c r="OLN722" s="424"/>
      <c r="OLO722" s="424"/>
      <c r="OLP722" s="424"/>
      <c r="OLQ722" s="423" t="s">
        <v>2795</v>
      </c>
      <c r="OLR722" s="424"/>
      <c r="OLS722" s="424"/>
      <c r="OLT722" s="424"/>
      <c r="OLU722" s="423" t="s">
        <v>2795</v>
      </c>
      <c r="OLV722" s="424"/>
      <c r="OLW722" s="424"/>
      <c r="OLX722" s="424"/>
      <c r="OLY722" s="423" t="s">
        <v>2795</v>
      </c>
      <c r="OLZ722" s="424"/>
      <c r="OMA722" s="424"/>
      <c r="OMB722" s="424"/>
      <c r="OMC722" s="423" t="s">
        <v>2795</v>
      </c>
      <c r="OMD722" s="424"/>
      <c r="OME722" s="424"/>
      <c r="OMF722" s="424"/>
      <c r="OMG722" s="423" t="s">
        <v>2795</v>
      </c>
      <c r="OMH722" s="424"/>
      <c r="OMI722" s="424"/>
      <c r="OMJ722" s="424"/>
      <c r="OMK722" s="423" t="s">
        <v>2795</v>
      </c>
      <c r="OML722" s="424"/>
      <c r="OMM722" s="424"/>
      <c r="OMN722" s="424"/>
      <c r="OMO722" s="423" t="s">
        <v>2795</v>
      </c>
      <c r="OMP722" s="424"/>
      <c r="OMQ722" s="424"/>
      <c r="OMR722" s="424"/>
      <c r="OMS722" s="423" t="s">
        <v>2795</v>
      </c>
      <c r="OMT722" s="424"/>
      <c r="OMU722" s="424"/>
      <c r="OMV722" s="424"/>
      <c r="OMW722" s="423" t="s">
        <v>2795</v>
      </c>
      <c r="OMX722" s="424"/>
      <c r="OMY722" s="424"/>
      <c r="OMZ722" s="424"/>
      <c r="ONA722" s="423" t="s">
        <v>2795</v>
      </c>
      <c r="ONB722" s="424"/>
      <c r="ONC722" s="424"/>
      <c r="OND722" s="424"/>
      <c r="ONE722" s="423" t="s">
        <v>2795</v>
      </c>
      <c r="ONF722" s="424"/>
      <c r="ONG722" s="424"/>
      <c r="ONH722" s="424"/>
      <c r="ONI722" s="423" t="s">
        <v>2795</v>
      </c>
      <c r="ONJ722" s="424"/>
      <c r="ONK722" s="424"/>
      <c r="ONL722" s="424"/>
      <c r="ONM722" s="423" t="s">
        <v>2795</v>
      </c>
      <c r="ONN722" s="424"/>
      <c r="ONO722" s="424"/>
      <c r="ONP722" s="424"/>
      <c r="ONQ722" s="423" t="s">
        <v>2795</v>
      </c>
      <c r="ONR722" s="424"/>
      <c r="ONS722" s="424"/>
      <c r="ONT722" s="424"/>
      <c r="ONU722" s="423" t="s">
        <v>2795</v>
      </c>
      <c r="ONV722" s="424"/>
      <c r="ONW722" s="424"/>
      <c r="ONX722" s="424"/>
      <c r="ONY722" s="423" t="s">
        <v>2795</v>
      </c>
      <c r="ONZ722" s="424"/>
      <c r="OOA722" s="424"/>
      <c r="OOB722" s="424"/>
      <c r="OOC722" s="423" t="s">
        <v>2795</v>
      </c>
      <c r="OOD722" s="424"/>
      <c r="OOE722" s="424"/>
      <c r="OOF722" s="424"/>
      <c r="OOG722" s="423" t="s">
        <v>2795</v>
      </c>
      <c r="OOH722" s="424"/>
      <c r="OOI722" s="424"/>
      <c r="OOJ722" s="424"/>
      <c r="OOK722" s="423" t="s">
        <v>2795</v>
      </c>
      <c r="OOL722" s="424"/>
      <c r="OOM722" s="424"/>
      <c r="OON722" s="424"/>
      <c r="OOO722" s="423" t="s">
        <v>2795</v>
      </c>
      <c r="OOP722" s="424"/>
      <c r="OOQ722" s="424"/>
      <c r="OOR722" s="424"/>
      <c r="OOS722" s="423" t="s">
        <v>2795</v>
      </c>
      <c r="OOT722" s="424"/>
      <c r="OOU722" s="424"/>
      <c r="OOV722" s="424"/>
      <c r="OOW722" s="423" t="s">
        <v>2795</v>
      </c>
      <c r="OOX722" s="424"/>
      <c r="OOY722" s="424"/>
      <c r="OOZ722" s="424"/>
      <c r="OPA722" s="423" t="s">
        <v>2795</v>
      </c>
      <c r="OPB722" s="424"/>
      <c r="OPC722" s="424"/>
      <c r="OPD722" s="424"/>
      <c r="OPE722" s="423" t="s">
        <v>2795</v>
      </c>
      <c r="OPF722" s="424"/>
      <c r="OPG722" s="424"/>
      <c r="OPH722" s="424"/>
      <c r="OPI722" s="423" t="s">
        <v>2795</v>
      </c>
      <c r="OPJ722" s="424"/>
      <c r="OPK722" s="424"/>
      <c r="OPL722" s="424"/>
      <c r="OPM722" s="423" t="s">
        <v>2795</v>
      </c>
      <c r="OPN722" s="424"/>
      <c r="OPO722" s="424"/>
      <c r="OPP722" s="424"/>
      <c r="OPQ722" s="423" t="s">
        <v>2795</v>
      </c>
      <c r="OPR722" s="424"/>
      <c r="OPS722" s="424"/>
      <c r="OPT722" s="424"/>
      <c r="OPU722" s="423" t="s">
        <v>2795</v>
      </c>
      <c r="OPV722" s="424"/>
      <c r="OPW722" s="424"/>
      <c r="OPX722" s="424"/>
      <c r="OPY722" s="423" t="s">
        <v>2795</v>
      </c>
      <c r="OPZ722" s="424"/>
      <c r="OQA722" s="424"/>
      <c r="OQB722" s="424"/>
      <c r="OQC722" s="423" t="s">
        <v>2795</v>
      </c>
      <c r="OQD722" s="424"/>
      <c r="OQE722" s="424"/>
      <c r="OQF722" s="424"/>
      <c r="OQG722" s="423" t="s">
        <v>2795</v>
      </c>
      <c r="OQH722" s="424"/>
      <c r="OQI722" s="424"/>
      <c r="OQJ722" s="424"/>
      <c r="OQK722" s="423" t="s">
        <v>2795</v>
      </c>
      <c r="OQL722" s="424"/>
      <c r="OQM722" s="424"/>
      <c r="OQN722" s="424"/>
      <c r="OQO722" s="423" t="s">
        <v>2795</v>
      </c>
      <c r="OQP722" s="424"/>
      <c r="OQQ722" s="424"/>
      <c r="OQR722" s="424"/>
      <c r="OQS722" s="423" t="s">
        <v>2795</v>
      </c>
      <c r="OQT722" s="424"/>
      <c r="OQU722" s="424"/>
      <c r="OQV722" s="424"/>
      <c r="OQW722" s="423" t="s">
        <v>2795</v>
      </c>
      <c r="OQX722" s="424"/>
      <c r="OQY722" s="424"/>
      <c r="OQZ722" s="424"/>
      <c r="ORA722" s="423" t="s">
        <v>2795</v>
      </c>
      <c r="ORB722" s="424"/>
      <c r="ORC722" s="424"/>
      <c r="ORD722" s="424"/>
      <c r="ORE722" s="423" t="s">
        <v>2795</v>
      </c>
      <c r="ORF722" s="424"/>
      <c r="ORG722" s="424"/>
      <c r="ORH722" s="424"/>
      <c r="ORI722" s="423" t="s">
        <v>2795</v>
      </c>
      <c r="ORJ722" s="424"/>
      <c r="ORK722" s="424"/>
      <c r="ORL722" s="424"/>
      <c r="ORM722" s="423" t="s">
        <v>2795</v>
      </c>
      <c r="ORN722" s="424"/>
      <c r="ORO722" s="424"/>
      <c r="ORP722" s="424"/>
      <c r="ORQ722" s="423" t="s">
        <v>2795</v>
      </c>
      <c r="ORR722" s="424"/>
      <c r="ORS722" s="424"/>
      <c r="ORT722" s="424"/>
      <c r="ORU722" s="423" t="s">
        <v>2795</v>
      </c>
      <c r="ORV722" s="424"/>
      <c r="ORW722" s="424"/>
      <c r="ORX722" s="424"/>
      <c r="ORY722" s="423" t="s">
        <v>2795</v>
      </c>
      <c r="ORZ722" s="424"/>
      <c r="OSA722" s="424"/>
      <c r="OSB722" s="424"/>
      <c r="OSC722" s="423" t="s">
        <v>2795</v>
      </c>
      <c r="OSD722" s="424"/>
      <c r="OSE722" s="424"/>
      <c r="OSF722" s="424"/>
      <c r="OSG722" s="423" t="s">
        <v>2795</v>
      </c>
      <c r="OSH722" s="424"/>
      <c r="OSI722" s="424"/>
      <c r="OSJ722" s="424"/>
      <c r="OSK722" s="423" t="s">
        <v>2795</v>
      </c>
      <c r="OSL722" s="424"/>
      <c r="OSM722" s="424"/>
      <c r="OSN722" s="424"/>
      <c r="OSO722" s="423" t="s">
        <v>2795</v>
      </c>
      <c r="OSP722" s="424"/>
      <c r="OSQ722" s="424"/>
      <c r="OSR722" s="424"/>
      <c r="OSS722" s="423" t="s">
        <v>2795</v>
      </c>
      <c r="OST722" s="424"/>
      <c r="OSU722" s="424"/>
      <c r="OSV722" s="424"/>
      <c r="OSW722" s="423" t="s">
        <v>2795</v>
      </c>
      <c r="OSX722" s="424"/>
      <c r="OSY722" s="424"/>
      <c r="OSZ722" s="424"/>
      <c r="OTA722" s="423" t="s">
        <v>2795</v>
      </c>
      <c r="OTB722" s="424"/>
      <c r="OTC722" s="424"/>
      <c r="OTD722" s="424"/>
      <c r="OTE722" s="423" t="s">
        <v>2795</v>
      </c>
      <c r="OTF722" s="424"/>
      <c r="OTG722" s="424"/>
      <c r="OTH722" s="424"/>
      <c r="OTI722" s="423" t="s">
        <v>2795</v>
      </c>
      <c r="OTJ722" s="424"/>
      <c r="OTK722" s="424"/>
      <c r="OTL722" s="424"/>
      <c r="OTM722" s="423" t="s">
        <v>2795</v>
      </c>
      <c r="OTN722" s="424"/>
      <c r="OTO722" s="424"/>
      <c r="OTP722" s="424"/>
      <c r="OTQ722" s="423" t="s">
        <v>2795</v>
      </c>
      <c r="OTR722" s="424"/>
      <c r="OTS722" s="424"/>
      <c r="OTT722" s="424"/>
      <c r="OTU722" s="423" t="s">
        <v>2795</v>
      </c>
      <c r="OTV722" s="424"/>
      <c r="OTW722" s="424"/>
      <c r="OTX722" s="424"/>
      <c r="OTY722" s="423" t="s">
        <v>2795</v>
      </c>
      <c r="OTZ722" s="424"/>
      <c r="OUA722" s="424"/>
      <c r="OUB722" s="424"/>
      <c r="OUC722" s="423" t="s">
        <v>2795</v>
      </c>
      <c r="OUD722" s="424"/>
      <c r="OUE722" s="424"/>
      <c r="OUF722" s="424"/>
      <c r="OUG722" s="423" t="s">
        <v>2795</v>
      </c>
      <c r="OUH722" s="424"/>
      <c r="OUI722" s="424"/>
      <c r="OUJ722" s="424"/>
      <c r="OUK722" s="423" t="s">
        <v>2795</v>
      </c>
      <c r="OUL722" s="424"/>
      <c r="OUM722" s="424"/>
      <c r="OUN722" s="424"/>
      <c r="OUO722" s="423" t="s">
        <v>2795</v>
      </c>
      <c r="OUP722" s="424"/>
      <c r="OUQ722" s="424"/>
      <c r="OUR722" s="424"/>
      <c r="OUS722" s="423" t="s">
        <v>2795</v>
      </c>
      <c r="OUT722" s="424"/>
      <c r="OUU722" s="424"/>
      <c r="OUV722" s="424"/>
      <c r="OUW722" s="423" t="s">
        <v>2795</v>
      </c>
      <c r="OUX722" s="424"/>
      <c r="OUY722" s="424"/>
      <c r="OUZ722" s="424"/>
      <c r="OVA722" s="423" t="s">
        <v>2795</v>
      </c>
      <c r="OVB722" s="424"/>
      <c r="OVC722" s="424"/>
      <c r="OVD722" s="424"/>
      <c r="OVE722" s="423" t="s">
        <v>2795</v>
      </c>
      <c r="OVF722" s="424"/>
      <c r="OVG722" s="424"/>
      <c r="OVH722" s="424"/>
      <c r="OVI722" s="423" t="s">
        <v>2795</v>
      </c>
      <c r="OVJ722" s="424"/>
      <c r="OVK722" s="424"/>
      <c r="OVL722" s="424"/>
      <c r="OVM722" s="423" t="s">
        <v>2795</v>
      </c>
      <c r="OVN722" s="424"/>
      <c r="OVO722" s="424"/>
      <c r="OVP722" s="424"/>
      <c r="OVQ722" s="423" t="s">
        <v>2795</v>
      </c>
      <c r="OVR722" s="424"/>
      <c r="OVS722" s="424"/>
      <c r="OVT722" s="424"/>
      <c r="OVU722" s="423" t="s">
        <v>2795</v>
      </c>
      <c r="OVV722" s="424"/>
      <c r="OVW722" s="424"/>
      <c r="OVX722" s="424"/>
      <c r="OVY722" s="423" t="s">
        <v>2795</v>
      </c>
      <c r="OVZ722" s="424"/>
      <c r="OWA722" s="424"/>
      <c r="OWB722" s="424"/>
      <c r="OWC722" s="423" t="s">
        <v>2795</v>
      </c>
      <c r="OWD722" s="424"/>
      <c r="OWE722" s="424"/>
      <c r="OWF722" s="424"/>
      <c r="OWG722" s="423" t="s">
        <v>2795</v>
      </c>
      <c r="OWH722" s="424"/>
      <c r="OWI722" s="424"/>
      <c r="OWJ722" s="424"/>
      <c r="OWK722" s="423" t="s">
        <v>2795</v>
      </c>
      <c r="OWL722" s="424"/>
      <c r="OWM722" s="424"/>
      <c r="OWN722" s="424"/>
      <c r="OWO722" s="423" t="s">
        <v>2795</v>
      </c>
      <c r="OWP722" s="424"/>
      <c r="OWQ722" s="424"/>
      <c r="OWR722" s="424"/>
      <c r="OWS722" s="423" t="s">
        <v>2795</v>
      </c>
      <c r="OWT722" s="424"/>
      <c r="OWU722" s="424"/>
      <c r="OWV722" s="424"/>
      <c r="OWW722" s="423" t="s">
        <v>2795</v>
      </c>
      <c r="OWX722" s="424"/>
      <c r="OWY722" s="424"/>
      <c r="OWZ722" s="424"/>
      <c r="OXA722" s="423" t="s">
        <v>2795</v>
      </c>
      <c r="OXB722" s="424"/>
      <c r="OXC722" s="424"/>
      <c r="OXD722" s="424"/>
      <c r="OXE722" s="423" t="s">
        <v>2795</v>
      </c>
      <c r="OXF722" s="424"/>
      <c r="OXG722" s="424"/>
      <c r="OXH722" s="424"/>
      <c r="OXI722" s="423" t="s">
        <v>2795</v>
      </c>
      <c r="OXJ722" s="424"/>
      <c r="OXK722" s="424"/>
      <c r="OXL722" s="424"/>
      <c r="OXM722" s="423" t="s">
        <v>2795</v>
      </c>
      <c r="OXN722" s="424"/>
      <c r="OXO722" s="424"/>
      <c r="OXP722" s="424"/>
      <c r="OXQ722" s="423" t="s">
        <v>2795</v>
      </c>
      <c r="OXR722" s="424"/>
      <c r="OXS722" s="424"/>
      <c r="OXT722" s="424"/>
      <c r="OXU722" s="423" t="s">
        <v>2795</v>
      </c>
      <c r="OXV722" s="424"/>
      <c r="OXW722" s="424"/>
      <c r="OXX722" s="424"/>
      <c r="OXY722" s="423" t="s">
        <v>2795</v>
      </c>
      <c r="OXZ722" s="424"/>
      <c r="OYA722" s="424"/>
      <c r="OYB722" s="424"/>
      <c r="OYC722" s="423" t="s">
        <v>2795</v>
      </c>
      <c r="OYD722" s="424"/>
      <c r="OYE722" s="424"/>
      <c r="OYF722" s="424"/>
      <c r="OYG722" s="423" t="s">
        <v>2795</v>
      </c>
      <c r="OYH722" s="424"/>
      <c r="OYI722" s="424"/>
      <c r="OYJ722" s="424"/>
      <c r="OYK722" s="423" t="s">
        <v>2795</v>
      </c>
      <c r="OYL722" s="424"/>
      <c r="OYM722" s="424"/>
      <c r="OYN722" s="424"/>
      <c r="OYO722" s="423" t="s">
        <v>2795</v>
      </c>
      <c r="OYP722" s="424"/>
      <c r="OYQ722" s="424"/>
      <c r="OYR722" s="424"/>
      <c r="OYS722" s="423" t="s">
        <v>2795</v>
      </c>
      <c r="OYT722" s="424"/>
      <c r="OYU722" s="424"/>
      <c r="OYV722" s="424"/>
      <c r="OYW722" s="423" t="s">
        <v>2795</v>
      </c>
      <c r="OYX722" s="424"/>
      <c r="OYY722" s="424"/>
      <c r="OYZ722" s="424"/>
      <c r="OZA722" s="423" t="s">
        <v>2795</v>
      </c>
      <c r="OZB722" s="424"/>
      <c r="OZC722" s="424"/>
      <c r="OZD722" s="424"/>
      <c r="OZE722" s="423" t="s">
        <v>2795</v>
      </c>
      <c r="OZF722" s="424"/>
      <c r="OZG722" s="424"/>
      <c r="OZH722" s="424"/>
      <c r="OZI722" s="423" t="s">
        <v>2795</v>
      </c>
      <c r="OZJ722" s="424"/>
      <c r="OZK722" s="424"/>
      <c r="OZL722" s="424"/>
      <c r="OZM722" s="423" t="s">
        <v>2795</v>
      </c>
      <c r="OZN722" s="424"/>
      <c r="OZO722" s="424"/>
      <c r="OZP722" s="424"/>
      <c r="OZQ722" s="423" t="s">
        <v>2795</v>
      </c>
      <c r="OZR722" s="424"/>
      <c r="OZS722" s="424"/>
      <c r="OZT722" s="424"/>
      <c r="OZU722" s="423" t="s">
        <v>2795</v>
      </c>
      <c r="OZV722" s="424"/>
      <c r="OZW722" s="424"/>
      <c r="OZX722" s="424"/>
      <c r="OZY722" s="423" t="s">
        <v>2795</v>
      </c>
      <c r="OZZ722" s="424"/>
      <c r="PAA722" s="424"/>
      <c r="PAB722" s="424"/>
      <c r="PAC722" s="423" t="s">
        <v>2795</v>
      </c>
      <c r="PAD722" s="424"/>
      <c r="PAE722" s="424"/>
      <c r="PAF722" s="424"/>
      <c r="PAG722" s="423" t="s">
        <v>2795</v>
      </c>
      <c r="PAH722" s="424"/>
      <c r="PAI722" s="424"/>
      <c r="PAJ722" s="424"/>
      <c r="PAK722" s="423" t="s">
        <v>2795</v>
      </c>
      <c r="PAL722" s="424"/>
      <c r="PAM722" s="424"/>
      <c r="PAN722" s="424"/>
      <c r="PAO722" s="423" t="s">
        <v>2795</v>
      </c>
      <c r="PAP722" s="424"/>
      <c r="PAQ722" s="424"/>
      <c r="PAR722" s="424"/>
      <c r="PAS722" s="423" t="s">
        <v>2795</v>
      </c>
      <c r="PAT722" s="424"/>
      <c r="PAU722" s="424"/>
      <c r="PAV722" s="424"/>
      <c r="PAW722" s="423" t="s">
        <v>2795</v>
      </c>
      <c r="PAX722" s="424"/>
      <c r="PAY722" s="424"/>
      <c r="PAZ722" s="424"/>
      <c r="PBA722" s="423" t="s">
        <v>2795</v>
      </c>
      <c r="PBB722" s="424"/>
      <c r="PBC722" s="424"/>
      <c r="PBD722" s="424"/>
      <c r="PBE722" s="423" t="s">
        <v>2795</v>
      </c>
      <c r="PBF722" s="424"/>
      <c r="PBG722" s="424"/>
      <c r="PBH722" s="424"/>
      <c r="PBI722" s="423" t="s">
        <v>2795</v>
      </c>
      <c r="PBJ722" s="424"/>
      <c r="PBK722" s="424"/>
      <c r="PBL722" s="424"/>
      <c r="PBM722" s="423" t="s">
        <v>2795</v>
      </c>
      <c r="PBN722" s="424"/>
      <c r="PBO722" s="424"/>
      <c r="PBP722" s="424"/>
      <c r="PBQ722" s="423" t="s">
        <v>2795</v>
      </c>
      <c r="PBR722" s="424"/>
      <c r="PBS722" s="424"/>
      <c r="PBT722" s="424"/>
      <c r="PBU722" s="423" t="s">
        <v>2795</v>
      </c>
      <c r="PBV722" s="424"/>
      <c r="PBW722" s="424"/>
      <c r="PBX722" s="424"/>
      <c r="PBY722" s="423" t="s">
        <v>2795</v>
      </c>
      <c r="PBZ722" s="424"/>
      <c r="PCA722" s="424"/>
      <c r="PCB722" s="424"/>
      <c r="PCC722" s="423" t="s">
        <v>2795</v>
      </c>
      <c r="PCD722" s="424"/>
      <c r="PCE722" s="424"/>
      <c r="PCF722" s="424"/>
      <c r="PCG722" s="423" t="s">
        <v>2795</v>
      </c>
      <c r="PCH722" s="424"/>
      <c r="PCI722" s="424"/>
      <c r="PCJ722" s="424"/>
      <c r="PCK722" s="423" t="s">
        <v>2795</v>
      </c>
      <c r="PCL722" s="424"/>
      <c r="PCM722" s="424"/>
      <c r="PCN722" s="424"/>
      <c r="PCO722" s="423" t="s">
        <v>2795</v>
      </c>
      <c r="PCP722" s="424"/>
      <c r="PCQ722" s="424"/>
      <c r="PCR722" s="424"/>
      <c r="PCS722" s="423" t="s">
        <v>2795</v>
      </c>
      <c r="PCT722" s="424"/>
      <c r="PCU722" s="424"/>
      <c r="PCV722" s="424"/>
      <c r="PCW722" s="423" t="s">
        <v>2795</v>
      </c>
      <c r="PCX722" s="424"/>
      <c r="PCY722" s="424"/>
      <c r="PCZ722" s="424"/>
      <c r="PDA722" s="423" t="s">
        <v>2795</v>
      </c>
      <c r="PDB722" s="424"/>
      <c r="PDC722" s="424"/>
      <c r="PDD722" s="424"/>
      <c r="PDE722" s="423" t="s">
        <v>2795</v>
      </c>
      <c r="PDF722" s="424"/>
      <c r="PDG722" s="424"/>
      <c r="PDH722" s="424"/>
      <c r="PDI722" s="423" t="s">
        <v>2795</v>
      </c>
      <c r="PDJ722" s="424"/>
      <c r="PDK722" s="424"/>
      <c r="PDL722" s="424"/>
      <c r="PDM722" s="423" t="s">
        <v>2795</v>
      </c>
      <c r="PDN722" s="424"/>
      <c r="PDO722" s="424"/>
      <c r="PDP722" s="424"/>
      <c r="PDQ722" s="423" t="s">
        <v>2795</v>
      </c>
      <c r="PDR722" s="424"/>
      <c r="PDS722" s="424"/>
      <c r="PDT722" s="424"/>
      <c r="PDU722" s="423" t="s">
        <v>2795</v>
      </c>
      <c r="PDV722" s="424"/>
      <c r="PDW722" s="424"/>
      <c r="PDX722" s="424"/>
      <c r="PDY722" s="423" t="s">
        <v>2795</v>
      </c>
      <c r="PDZ722" s="424"/>
      <c r="PEA722" s="424"/>
      <c r="PEB722" s="424"/>
      <c r="PEC722" s="423" t="s">
        <v>2795</v>
      </c>
      <c r="PED722" s="424"/>
      <c r="PEE722" s="424"/>
      <c r="PEF722" s="424"/>
      <c r="PEG722" s="423" t="s">
        <v>2795</v>
      </c>
      <c r="PEH722" s="424"/>
      <c r="PEI722" s="424"/>
      <c r="PEJ722" s="424"/>
      <c r="PEK722" s="423" t="s">
        <v>2795</v>
      </c>
      <c r="PEL722" s="424"/>
      <c r="PEM722" s="424"/>
      <c r="PEN722" s="424"/>
      <c r="PEO722" s="423" t="s">
        <v>2795</v>
      </c>
      <c r="PEP722" s="424"/>
      <c r="PEQ722" s="424"/>
      <c r="PER722" s="424"/>
      <c r="PES722" s="423" t="s">
        <v>2795</v>
      </c>
      <c r="PET722" s="424"/>
      <c r="PEU722" s="424"/>
      <c r="PEV722" s="424"/>
      <c r="PEW722" s="423" t="s">
        <v>2795</v>
      </c>
      <c r="PEX722" s="424"/>
      <c r="PEY722" s="424"/>
      <c r="PEZ722" s="424"/>
      <c r="PFA722" s="423" t="s">
        <v>2795</v>
      </c>
      <c r="PFB722" s="424"/>
      <c r="PFC722" s="424"/>
      <c r="PFD722" s="424"/>
      <c r="PFE722" s="423" t="s">
        <v>2795</v>
      </c>
      <c r="PFF722" s="424"/>
      <c r="PFG722" s="424"/>
      <c r="PFH722" s="424"/>
      <c r="PFI722" s="423" t="s">
        <v>2795</v>
      </c>
      <c r="PFJ722" s="424"/>
      <c r="PFK722" s="424"/>
      <c r="PFL722" s="424"/>
      <c r="PFM722" s="423" t="s">
        <v>2795</v>
      </c>
      <c r="PFN722" s="424"/>
      <c r="PFO722" s="424"/>
      <c r="PFP722" s="424"/>
      <c r="PFQ722" s="423" t="s">
        <v>2795</v>
      </c>
      <c r="PFR722" s="424"/>
      <c r="PFS722" s="424"/>
      <c r="PFT722" s="424"/>
      <c r="PFU722" s="423" t="s">
        <v>2795</v>
      </c>
      <c r="PFV722" s="424"/>
      <c r="PFW722" s="424"/>
      <c r="PFX722" s="424"/>
      <c r="PFY722" s="423" t="s">
        <v>2795</v>
      </c>
      <c r="PFZ722" s="424"/>
      <c r="PGA722" s="424"/>
      <c r="PGB722" s="424"/>
      <c r="PGC722" s="423" t="s">
        <v>2795</v>
      </c>
      <c r="PGD722" s="424"/>
      <c r="PGE722" s="424"/>
      <c r="PGF722" s="424"/>
      <c r="PGG722" s="423" t="s">
        <v>2795</v>
      </c>
      <c r="PGH722" s="424"/>
      <c r="PGI722" s="424"/>
      <c r="PGJ722" s="424"/>
      <c r="PGK722" s="423" t="s">
        <v>2795</v>
      </c>
      <c r="PGL722" s="424"/>
      <c r="PGM722" s="424"/>
      <c r="PGN722" s="424"/>
      <c r="PGO722" s="423" t="s">
        <v>2795</v>
      </c>
      <c r="PGP722" s="424"/>
      <c r="PGQ722" s="424"/>
      <c r="PGR722" s="424"/>
      <c r="PGS722" s="423" t="s">
        <v>2795</v>
      </c>
      <c r="PGT722" s="424"/>
      <c r="PGU722" s="424"/>
      <c r="PGV722" s="424"/>
      <c r="PGW722" s="423" t="s">
        <v>2795</v>
      </c>
      <c r="PGX722" s="424"/>
      <c r="PGY722" s="424"/>
      <c r="PGZ722" s="424"/>
      <c r="PHA722" s="423" t="s">
        <v>2795</v>
      </c>
      <c r="PHB722" s="424"/>
      <c r="PHC722" s="424"/>
      <c r="PHD722" s="424"/>
      <c r="PHE722" s="423" t="s">
        <v>2795</v>
      </c>
      <c r="PHF722" s="424"/>
      <c r="PHG722" s="424"/>
      <c r="PHH722" s="424"/>
      <c r="PHI722" s="423" t="s">
        <v>2795</v>
      </c>
      <c r="PHJ722" s="424"/>
      <c r="PHK722" s="424"/>
      <c r="PHL722" s="424"/>
      <c r="PHM722" s="423" t="s">
        <v>2795</v>
      </c>
      <c r="PHN722" s="424"/>
      <c r="PHO722" s="424"/>
      <c r="PHP722" s="424"/>
      <c r="PHQ722" s="423" t="s">
        <v>2795</v>
      </c>
      <c r="PHR722" s="424"/>
      <c r="PHS722" s="424"/>
      <c r="PHT722" s="424"/>
      <c r="PHU722" s="423" t="s">
        <v>2795</v>
      </c>
      <c r="PHV722" s="424"/>
      <c r="PHW722" s="424"/>
      <c r="PHX722" s="424"/>
      <c r="PHY722" s="423" t="s">
        <v>2795</v>
      </c>
      <c r="PHZ722" s="424"/>
      <c r="PIA722" s="424"/>
      <c r="PIB722" s="424"/>
      <c r="PIC722" s="423" t="s">
        <v>2795</v>
      </c>
      <c r="PID722" s="424"/>
      <c r="PIE722" s="424"/>
      <c r="PIF722" s="424"/>
      <c r="PIG722" s="423" t="s">
        <v>2795</v>
      </c>
      <c r="PIH722" s="424"/>
      <c r="PII722" s="424"/>
      <c r="PIJ722" s="424"/>
      <c r="PIK722" s="423" t="s">
        <v>2795</v>
      </c>
      <c r="PIL722" s="424"/>
      <c r="PIM722" s="424"/>
      <c r="PIN722" s="424"/>
      <c r="PIO722" s="423" t="s">
        <v>2795</v>
      </c>
      <c r="PIP722" s="424"/>
      <c r="PIQ722" s="424"/>
      <c r="PIR722" s="424"/>
      <c r="PIS722" s="423" t="s">
        <v>2795</v>
      </c>
      <c r="PIT722" s="424"/>
      <c r="PIU722" s="424"/>
      <c r="PIV722" s="424"/>
      <c r="PIW722" s="423" t="s">
        <v>2795</v>
      </c>
      <c r="PIX722" s="424"/>
      <c r="PIY722" s="424"/>
      <c r="PIZ722" s="424"/>
      <c r="PJA722" s="423" t="s">
        <v>2795</v>
      </c>
      <c r="PJB722" s="424"/>
      <c r="PJC722" s="424"/>
      <c r="PJD722" s="424"/>
      <c r="PJE722" s="423" t="s">
        <v>2795</v>
      </c>
      <c r="PJF722" s="424"/>
      <c r="PJG722" s="424"/>
      <c r="PJH722" s="424"/>
      <c r="PJI722" s="423" t="s">
        <v>2795</v>
      </c>
      <c r="PJJ722" s="424"/>
      <c r="PJK722" s="424"/>
      <c r="PJL722" s="424"/>
      <c r="PJM722" s="423" t="s">
        <v>2795</v>
      </c>
      <c r="PJN722" s="424"/>
      <c r="PJO722" s="424"/>
      <c r="PJP722" s="424"/>
      <c r="PJQ722" s="423" t="s">
        <v>2795</v>
      </c>
      <c r="PJR722" s="424"/>
      <c r="PJS722" s="424"/>
      <c r="PJT722" s="424"/>
      <c r="PJU722" s="423" t="s">
        <v>2795</v>
      </c>
      <c r="PJV722" s="424"/>
      <c r="PJW722" s="424"/>
      <c r="PJX722" s="424"/>
      <c r="PJY722" s="423" t="s">
        <v>2795</v>
      </c>
      <c r="PJZ722" s="424"/>
      <c r="PKA722" s="424"/>
      <c r="PKB722" s="424"/>
      <c r="PKC722" s="423" t="s">
        <v>2795</v>
      </c>
      <c r="PKD722" s="424"/>
      <c r="PKE722" s="424"/>
      <c r="PKF722" s="424"/>
      <c r="PKG722" s="423" t="s">
        <v>2795</v>
      </c>
      <c r="PKH722" s="424"/>
      <c r="PKI722" s="424"/>
      <c r="PKJ722" s="424"/>
      <c r="PKK722" s="423" t="s">
        <v>2795</v>
      </c>
      <c r="PKL722" s="424"/>
      <c r="PKM722" s="424"/>
      <c r="PKN722" s="424"/>
      <c r="PKO722" s="423" t="s">
        <v>2795</v>
      </c>
      <c r="PKP722" s="424"/>
      <c r="PKQ722" s="424"/>
      <c r="PKR722" s="424"/>
      <c r="PKS722" s="423" t="s">
        <v>2795</v>
      </c>
      <c r="PKT722" s="424"/>
      <c r="PKU722" s="424"/>
      <c r="PKV722" s="424"/>
      <c r="PKW722" s="423" t="s">
        <v>2795</v>
      </c>
      <c r="PKX722" s="424"/>
      <c r="PKY722" s="424"/>
      <c r="PKZ722" s="424"/>
      <c r="PLA722" s="423" t="s">
        <v>2795</v>
      </c>
      <c r="PLB722" s="424"/>
      <c r="PLC722" s="424"/>
      <c r="PLD722" s="424"/>
      <c r="PLE722" s="423" t="s">
        <v>2795</v>
      </c>
      <c r="PLF722" s="424"/>
      <c r="PLG722" s="424"/>
      <c r="PLH722" s="424"/>
      <c r="PLI722" s="423" t="s">
        <v>2795</v>
      </c>
      <c r="PLJ722" s="424"/>
      <c r="PLK722" s="424"/>
      <c r="PLL722" s="424"/>
      <c r="PLM722" s="423" t="s">
        <v>2795</v>
      </c>
      <c r="PLN722" s="424"/>
      <c r="PLO722" s="424"/>
      <c r="PLP722" s="424"/>
      <c r="PLQ722" s="423" t="s">
        <v>2795</v>
      </c>
      <c r="PLR722" s="424"/>
      <c r="PLS722" s="424"/>
      <c r="PLT722" s="424"/>
      <c r="PLU722" s="423" t="s">
        <v>2795</v>
      </c>
      <c r="PLV722" s="424"/>
      <c r="PLW722" s="424"/>
      <c r="PLX722" s="424"/>
      <c r="PLY722" s="423" t="s">
        <v>2795</v>
      </c>
      <c r="PLZ722" s="424"/>
      <c r="PMA722" s="424"/>
      <c r="PMB722" s="424"/>
      <c r="PMC722" s="423" t="s">
        <v>2795</v>
      </c>
      <c r="PMD722" s="424"/>
      <c r="PME722" s="424"/>
      <c r="PMF722" s="424"/>
      <c r="PMG722" s="423" t="s">
        <v>2795</v>
      </c>
      <c r="PMH722" s="424"/>
      <c r="PMI722" s="424"/>
      <c r="PMJ722" s="424"/>
      <c r="PMK722" s="423" t="s">
        <v>2795</v>
      </c>
      <c r="PML722" s="424"/>
      <c r="PMM722" s="424"/>
      <c r="PMN722" s="424"/>
      <c r="PMO722" s="423" t="s">
        <v>2795</v>
      </c>
      <c r="PMP722" s="424"/>
      <c r="PMQ722" s="424"/>
      <c r="PMR722" s="424"/>
      <c r="PMS722" s="423" t="s">
        <v>2795</v>
      </c>
      <c r="PMT722" s="424"/>
      <c r="PMU722" s="424"/>
      <c r="PMV722" s="424"/>
      <c r="PMW722" s="423" t="s">
        <v>2795</v>
      </c>
      <c r="PMX722" s="424"/>
      <c r="PMY722" s="424"/>
      <c r="PMZ722" s="424"/>
      <c r="PNA722" s="423" t="s">
        <v>2795</v>
      </c>
      <c r="PNB722" s="424"/>
      <c r="PNC722" s="424"/>
      <c r="PND722" s="424"/>
      <c r="PNE722" s="423" t="s">
        <v>2795</v>
      </c>
      <c r="PNF722" s="424"/>
      <c r="PNG722" s="424"/>
      <c r="PNH722" s="424"/>
      <c r="PNI722" s="423" t="s">
        <v>2795</v>
      </c>
      <c r="PNJ722" s="424"/>
      <c r="PNK722" s="424"/>
      <c r="PNL722" s="424"/>
      <c r="PNM722" s="423" t="s">
        <v>2795</v>
      </c>
      <c r="PNN722" s="424"/>
      <c r="PNO722" s="424"/>
      <c r="PNP722" s="424"/>
      <c r="PNQ722" s="423" t="s">
        <v>2795</v>
      </c>
      <c r="PNR722" s="424"/>
      <c r="PNS722" s="424"/>
      <c r="PNT722" s="424"/>
      <c r="PNU722" s="423" t="s">
        <v>2795</v>
      </c>
      <c r="PNV722" s="424"/>
      <c r="PNW722" s="424"/>
      <c r="PNX722" s="424"/>
      <c r="PNY722" s="423" t="s">
        <v>2795</v>
      </c>
      <c r="PNZ722" s="424"/>
      <c r="POA722" s="424"/>
      <c r="POB722" s="424"/>
      <c r="POC722" s="423" t="s">
        <v>2795</v>
      </c>
      <c r="POD722" s="424"/>
      <c r="POE722" s="424"/>
      <c r="POF722" s="424"/>
      <c r="POG722" s="423" t="s">
        <v>2795</v>
      </c>
      <c r="POH722" s="424"/>
      <c r="POI722" s="424"/>
      <c r="POJ722" s="424"/>
      <c r="POK722" s="423" t="s">
        <v>2795</v>
      </c>
      <c r="POL722" s="424"/>
      <c r="POM722" s="424"/>
      <c r="PON722" s="424"/>
      <c r="POO722" s="423" t="s">
        <v>2795</v>
      </c>
      <c r="POP722" s="424"/>
      <c r="POQ722" s="424"/>
      <c r="POR722" s="424"/>
      <c r="POS722" s="423" t="s">
        <v>2795</v>
      </c>
      <c r="POT722" s="424"/>
      <c r="POU722" s="424"/>
      <c r="POV722" s="424"/>
      <c r="POW722" s="423" t="s">
        <v>2795</v>
      </c>
      <c r="POX722" s="424"/>
      <c r="POY722" s="424"/>
      <c r="POZ722" s="424"/>
      <c r="PPA722" s="423" t="s">
        <v>2795</v>
      </c>
      <c r="PPB722" s="424"/>
      <c r="PPC722" s="424"/>
      <c r="PPD722" s="424"/>
      <c r="PPE722" s="423" t="s">
        <v>2795</v>
      </c>
      <c r="PPF722" s="424"/>
      <c r="PPG722" s="424"/>
      <c r="PPH722" s="424"/>
      <c r="PPI722" s="423" t="s">
        <v>2795</v>
      </c>
      <c r="PPJ722" s="424"/>
      <c r="PPK722" s="424"/>
      <c r="PPL722" s="424"/>
      <c r="PPM722" s="423" t="s">
        <v>2795</v>
      </c>
      <c r="PPN722" s="424"/>
      <c r="PPO722" s="424"/>
      <c r="PPP722" s="424"/>
      <c r="PPQ722" s="423" t="s">
        <v>2795</v>
      </c>
      <c r="PPR722" s="424"/>
      <c r="PPS722" s="424"/>
      <c r="PPT722" s="424"/>
      <c r="PPU722" s="423" t="s">
        <v>2795</v>
      </c>
      <c r="PPV722" s="424"/>
      <c r="PPW722" s="424"/>
      <c r="PPX722" s="424"/>
      <c r="PPY722" s="423" t="s">
        <v>2795</v>
      </c>
      <c r="PPZ722" s="424"/>
      <c r="PQA722" s="424"/>
      <c r="PQB722" s="424"/>
      <c r="PQC722" s="423" t="s">
        <v>2795</v>
      </c>
      <c r="PQD722" s="424"/>
      <c r="PQE722" s="424"/>
      <c r="PQF722" s="424"/>
      <c r="PQG722" s="423" t="s">
        <v>2795</v>
      </c>
      <c r="PQH722" s="424"/>
      <c r="PQI722" s="424"/>
      <c r="PQJ722" s="424"/>
      <c r="PQK722" s="423" t="s">
        <v>2795</v>
      </c>
      <c r="PQL722" s="424"/>
      <c r="PQM722" s="424"/>
      <c r="PQN722" s="424"/>
      <c r="PQO722" s="423" t="s">
        <v>2795</v>
      </c>
      <c r="PQP722" s="424"/>
      <c r="PQQ722" s="424"/>
      <c r="PQR722" s="424"/>
      <c r="PQS722" s="423" t="s">
        <v>2795</v>
      </c>
      <c r="PQT722" s="424"/>
      <c r="PQU722" s="424"/>
      <c r="PQV722" s="424"/>
      <c r="PQW722" s="423" t="s">
        <v>2795</v>
      </c>
      <c r="PQX722" s="424"/>
      <c r="PQY722" s="424"/>
      <c r="PQZ722" s="424"/>
      <c r="PRA722" s="423" t="s">
        <v>2795</v>
      </c>
      <c r="PRB722" s="424"/>
      <c r="PRC722" s="424"/>
      <c r="PRD722" s="424"/>
      <c r="PRE722" s="423" t="s">
        <v>2795</v>
      </c>
      <c r="PRF722" s="424"/>
      <c r="PRG722" s="424"/>
      <c r="PRH722" s="424"/>
      <c r="PRI722" s="423" t="s">
        <v>2795</v>
      </c>
      <c r="PRJ722" s="424"/>
      <c r="PRK722" s="424"/>
      <c r="PRL722" s="424"/>
      <c r="PRM722" s="423" t="s">
        <v>2795</v>
      </c>
      <c r="PRN722" s="424"/>
      <c r="PRO722" s="424"/>
      <c r="PRP722" s="424"/>
      <c r="PRQ722" s="423" t="s">
        <v>2795</v>
      </c>
      <c r="PRR722" s="424"/>
      <c r="PRS722" s="424"/>
      <c r="PRT722" s="424"/>
      <c r="PRU722" s="423" t="s">
        <v>2795</v>
      </c>
      <c r="PRV722" s="424"/>
      <c r="PRW722" s="424"/>
      <c r="PRX722" s="424"/>
      <c r="PRY722" s="423" t="s">
        <v>2795</v>
      </c>
      <c r="PRZ722" s="424"/>
      <c r="PSA722" s="424"/>
      <c r="PSB722" s="424"/>
      <c r="PSC722" s="423" t="s">
        <v>2795</v>
      </c>
      <c r="PSD722" s="424"/>
      <c r="PSE722" s="424"/>
      <c r="PSF722" s="424"/>
      <c r="PSG722" s="423" t="s">
        <v>2795</v>
      </c>
      <c r="PSH722" s="424"/>
      <c r="PSI722" s="424"/>
      <c r="PSJ722" s="424"/>
      <c r="PSK722" s="423" t="s">
        <v>2795</v>
      </c>
      <c r="PSL722" s="424"/>
      <c r="PSM722" s="424"/>
      <c r="PSN722" s="424"/>
      <c r="PSO722" s="423" t="s">
        <v>2795</v>
      </c>
      <c r="PSP722" s="424"/>
      <c r="PSQ722" s="424"/>
      <c r="PSR722" s="424"/>
      <c r="PSS722" s="423" t="s">
        <v>2795</v>
      </c>
      <c r="PST722" s="424"/>
      <c r="PSU722" s="424"/>
      <c r="PSV722" s="424"/>
      <c r="PSW722" s="423" t="s">
        <v>2795</v>
      </c>
      <c r="PSX722" s="424"/>
      <c r="PSY722" s="424"/>
      <c r="PSZ722" s="424"/>
      <c r="PTA722" s="423" t="s">
        <v>2795</v>
      </c>
      <c r="PTB722" s="424"/>
      <c r="PTC722" s="424"/>
      <c r="PTD722" s="424"/>
      <c r="PTE722" s="423" t="s">
        <v>2795</v>
      </c>
      <c r="PTF722" s="424"/>
      <c r="PTG722" s="424"/>
      <c r="PTH722" s="424"/>
      <c r="PTI722" s="423" t="s">
        <v>2795</v>
      </c>
      <c r="PTJ722" s="424"/>
      <c r="PTK722" s="424"/>
      <c r="PTL722" s="424"/>
      <c r="PTM722" s="423" t="s">
        <v>2795</v>
      </c>
      <c r="PTN722" s="424"/>
      <c r="PTO722" s="424"/>
      <c r="PTP722" s="424"/>
      <c r="PTQ722" s="423" t="s">
        <v>2795</v>
      </c>
      <c r="PTR722" s="424"/>
      <c r="PTS722" s="424"/>
      <c r="PTT722" s="424"/>
      <c r="PTU722" s="423" t="s">
        <v>2795</v>
      </c>
      <c r="PTV722" s="424"/>
      <c r="PTW722" s="424"/>
      <c r="PTX722" s="424"/>
      <c r="PTY722" s="423" t="s">
        <v>2795</v>
      </c>
      <c r="PTZ722" s="424"/>
      <c r="PUA722" s="424"/>
      <c r="PUB722" s="424"/>
      <c r="PUC722" s="423" t="s">
        <v>2795</v>
      </c>
      <c r="PUD722" s="424"/>
      <c r="PUE722" s="424"/>
      <c r="PUF722" s="424"/>
      <c r="PUG722" s="423" t="s">
        <v>2795</v>
      </c>
      <c r="PUH722" s="424"/>
      <c r="PUI722" s="424"/>
      <c r="PUJ722" s="424"/>
      <c r="PUK722" s="423" t="s">
        <v>2795</v>
      </c>
      <c r="PUL722" s="424"/>
      <c r="PUM722" s="424"/>
      <c r="PUN722" s="424"/>
      <c r="PUO722" s="423" t="s">
        <v>2795</v>
      </c>
      <c r="PUP722" s="424"/>
      <c r="PUQ722" s="424"/>
      <c r="PUR722" s="424"/>
      <c r="PUS722" s="423" t="s">
        <v>2795</v>
      </c>
      <c r="PUT722" s="424"/>
      <c r="PUU722" s="424"/>
      <c r="PUV722" s="424"/>
      <c r="PUW722" s="423" t="s">
        <v>2795</v>
      </c>
      <c r="PUX722" s="424"/>
      <c r="PUY722" s="424"/>
      <c r="PUZ722" s="424"/>
      <c r="PVA722" s="423" t="s">
        <v>2795</v>
      </c>
      <c r="PVB722" s="424"/>
      <c r="PVC722" s="424"/>
      <c r="PVD722" s="424"/>
      <c r="PVE722" s="423" t="s">
        <v>2795</v>
      </c>
      <c r="PVF722" s="424"/>
      <c r="PVG722" s="424"/>
      <c r="PVH722" s="424"/>
      <c r="PVI722" s="423" t="s">
        <v>2795</v>
      </c>
      <c r="PVJ722" s="424"/>
      <c r="PVK722" s="424"/>
      <c r="PVL722" s="424"/>
      <c r="PVM722" s="423" t="s">
        <v>2795</v>
      </c>
      <c r="PVN722" s="424"/>
      <c r="PVO722" s="424"/>
      <c r="PVP722" s="424"/>
      <c r="PVQ722" s="423" t="s">
        <v>2795</v>
      </c>
      <c r="PVR722" s="424"/>
      <c r="PVS722" s="424"/>
      <c r="PVT722" s="424"/>
      <c r="PVU722" s="423" t="s">
        <v>2795</v>
      </c>
      <c r="PVV722" s="424"/>
      <c r="PVW722" s="424"/>
      <c r="PVX722" s="424"/>
      <c r="PVY722" s="423" t="s">
        <v>2795</v>
      </c>
      <c r="PVZ722" s="424"/>
      <c r="PWA722" s="424"/>
      <c r="PWB722" s="424"/>
      <c r="PWC722" s="423" t="s">
        <v>2795</v>
      </c>
      <c r="PWD722" s="424"/>
      <c r="PWE722" s="424"/>
      <c r="PWF722" s="424"/>
      <c r="PWG722" s="423" t="s">
        <v>2795</v>
      </c>
      <c r="PWH722" s="424"/>
      <c r="PWI722" s="424"/>
      <c r="PWJ722" s="424"/>
      <c r="PWK722" s="423" t="s">
        <v>2795</v>
      </c>
      <c r="PWL722" s="424"/>
      <c r="PWM722" s="424"/>
      <c r="PWN722" s="424"/>
      <c r="PWO722" s="423" t="s">
        <v>2795</v>
      </c>
      <c r="PWP722" s="424"/>
      <c r="PWQ722" s="424"/>
      <c r="PWR722" s="424"/>
      <c r="PWS722" s="423" t="s">
        <v>2795</v>
      </c>
      <c r="PWT722" s="424"/>
      <c r="PWU722" s="424"/>
      <c r="PWV722" s="424"/>
      <c r="PWW722" s="423" t="s">
        <v>2795</v>
      </c>
      <c r="PWX722" s="424"/>
      <c r="PWY722" s="424"/>
      <c r="PWZ722" s="424"/>
      <c r="PXA722" s="423" t="s">
        <v>2795</v>
      </c>
      <c r="PXB722" s="424"/>
      <c r="PXC722" s="424"/>
      <c r="PXD722" s="424"/>
      <c r="PXE722" s="423" t="s">
        <v>2795</v>
      </c>
      <c r="PXF722" s="424"/>
      <c r="PXG722" s="424"/>
      <c r="PXH722" s="424"/>
      <c r="PXI722" s="423" t="s">
        <v>2795</v>
      </c>
      <c r="PXJ722" s="424"/>
      <c r="PXK722" s="424"/>
      <c r="PXL722" s="424"/>
      <c r="PXM722" s="423" t="s">
        <v>2795</v>
      </c>
      <c r="PXN722" s="424"/>
      <c r="PXO722" s="424"/>
      <c r="PXP722" s="424"/>
      <c r="PXQ722" s="423" t="s">
        <v>2795</v>
      </c>
      <c r="PXR722" s="424"/>
      <c r="PXS722" s="424"/>
      <c r="PXT722" s="424"/>
      <c r="PXU722" s="423" t="s">
        <v>2795</v>
      </c>
      <c r="PXV722" s="424"/>
      <c r="PXW722" s="424"/>
      <c r="PXX722" s="424"/>
      <c r="PXY722" s="423" t="s">
        <v>2795</v>
      </c>
      <c r="PXZ722" s="424"/>
      <c r="PYA722" s="424"/>
      <c r="PYB722" s="424"/>
      <c r="PYC722" s="423" t="s">
        <v>2795</v>
      </c>
      <c r="PYD722" s="424"/>
      <c r="PYE722" s="424"/>
      <c r="PYF722" s="424"/>
      <c r="PYG722" s="423" t="s">
        <v>2795</v>
      </c>
      <c r="PYH722" s="424"/>
      <c r="PYI722" s="424"/>
      <c r="PYJ722" s="424"/>
      <c r="PYK722" s="423" t="s">
        <v>2795</v>
      </c>
      <c r="PYL722" s="424"/>
      <c r="PYM722" s="424"/>
      <c r="PYN722" s="424"/>
      <c r="PYO722" s="423" t="s">
        <v>2795</v>
      </c>
      <c r="PYP722" s="424"/>
      <c r="PYQ722" s="424"/>
      <c r="PYR722" s="424"/>
      <c r="PYS722" s="423" t="s">
        <v>2795</v>
      </c>
      <c r="PYT722" s="424"/>
      <c r="PYU722" s="424"/>
      <c r="PYV722" s="424"/>
      <c r="PYW722" s="423" t="s">
        <v>2795</v>
      </c>
      <c r="PYX722" s="424"/>
      <c r="PYY722" s="424"/>
      <c r="PYZ722" s="424"/>
      <c r="PZA722" s="423" t="s">
        <v>2795</v>
      </c>
      <c r="PZB722" s="424"/>
      <c r="PZC722" s="424"/>
      <c r="PZD722" s="424"/>
      <c r="PZE722" s="423" t="s">
        <v>2795</v>
      </c>
      <c r="PZF722" s="424"/>
      <c r="PZG722" s="424"/>
      <c r="PZH722" s="424"/>
      <c r="PZI722" s="423" t="s">
        <v>2795</v>
      </c>
      <c r="PZJ722" s="424"/>
      <c r="PZK722" s="424"/>
      <c r="PZL722" s="424"/>
      <c r="PZM722" s="423" t="s">
        <v>2795</v>
      </c>
      <c r="PZN722" s="424"/>
      <c r="PZO722" s="424"/>
      <c r="PZP722" s="424"/>
      <c r="PZQ722" s="423" t="s">
        <v>2795</v>
      </c>
      <c r="PZR722" s="424"/>
      <c r="PZS722" s="424"/>
      <c r="PZT722" s="424"/>
      <c r="PZU722" s="423" t="s">
        <v>2795</v>
      </c>
      <c r="PZV722" s="424"/>
      <c r="PZW722" s="424"/>
      <c r="PZX722" s="424"/>
      <c r="PZY722" s="423" t="s">
        <v>2795</v>
      </c>
      <c r="PZZ722" s="424"/>
      <c r="QAA722" s="424"/>
      <c r="QAB722" s="424"/>
      <c r="QAC722" s="423" t="s">
        <v>2795</v>
      </c>
      <c r="QAD722" s="424"/>
      <c r="QAE722" s="424"/>
      <c r="QAF722" s="424"/>
      <c r="QAG722" s="423" t="s">
        <v>2795</v>
      </c>
      <c r="QAH722" s="424"/>
      <c r="QAI722" s="424"/>
      <c r="QAJ722" s="424"/>
      <c r="QAK722" s="423" t="s">
        <v>2795</v>
      </c>
      <c r="QAL722" s="424"/>
      <c r="QAM722" s="424"/>
      <c r="QAN722" s="424"/>
      <c r="QAO722" s="423" t="s">
        <v>2795</v>
      </c>
      <c r="QAP722" s="424"/>
      <c r="QAQ722" s="424"/>
      <c r="QAR722" s="424"/>
      <c r="QAS722" s="423" t="s">
        <v>2795</v>
      </c>
      <c r="QAT722" s="424"/>
      <c r="QAU722" s="424"/>
      <c r="QAV722" s="424"/>
      <c r="QAW722" s="423" t="s">
        <v>2795</v>
      </c>
      <c r="QAX722" s="424"/>
      <c r="QAY722" s="424"/>
      <c r="QAZ722" s="424"/>
      <c r="QBA722" s="423" t="s">
        <v>2795</v>
      </c>
      <c r="QBB722" s="424"/>
      <c r="QBC722" s="424"/>
      <c r="QBD722" s="424"/>
      <c r="QBE722" s="423" t="s">
        <v>2795</v>
      </c>
      <c r="QBF722" s="424"/>
      <c r="QBG722" s="424"/>
      <c r="QBH722" s="424"/>
      <c r="QBI722" s="423" t="s">
        <v>2795</v>
      </c>
      <c r="QBJ722" s="424"/>
      <c r="QBK722" s="424"/>
      <c r="QBL722" s="424"/>
      <c r="QBM722" s="423" t="s">
        <v>2795</v>
      </c>
      <c r="QBN722" s="424"/>
      <c r="QBO722" s="424"/>
      <c r="QBP722" s="424"/>
      <c r="QBQ722" s="423" t="s">
        <v>2795</v>
      </c>
      <c r="QBR722" s="424"/>
      <c r="QBS722" s="424"/>
      <c r="QBT722" s="424"/>
      <c r="QBU722" s="423" t="s">
        <v>2795</v>
      </c>
      <c r="QBV722" s="424"/>
      <c r="QBW722" s="424"/>
      <c r="QBX722" s="424"/>
      <c r="QBY722" s="423" t="s">
        <v>2795</v>
      </c>
      <c r="QBZ722" s="424"/>
      <c r="QCA722" s="424"/>
      <c r="QCB722" s="424"/>
      <c r="QCC722" s="423" t="s">
        <v>2795</v>
      </c>
      <c r="QCD722" s="424"/>
      <c r="QCE722" s="424"/>
      <c r="QCF722" s="424"/>
      <c r="QCG722" s="423" t="s">
        <v>2795</v>
      </c>
      <c r="QCH722" s="424"/>
      <c r="QCI722" s="424"/>
      <c r="QCJ722" s="424"/>
      <c r="QCK722" s="423" t="s">
        <v>2795</v>
      </c>
      <c r="QCL722" s="424"/>
      <c r="QCM722" s="424"/>
      <c r="QCN722" s="424"/>
      <c r="QCO722" s="423" t="s">
        <v>2795</v>
      </c>
      <c r="QCP722" s="424"/>
      <c r="QCQ722" s="424"/>
      <c r="QCR722" s="424"/>
      <c r="QCS722" s="423" t="s">
        <v>2795</v>
      </c>
      <c r="QCT722" s="424"/>
      <c r="QCU722" s="424"/>
      <c r="QCV722" s="424"/>
      <c r="QCW722" s="423" t="s">
        <v>2795</v>
      </c>
      <c r="QCX722" s="424"/>
      <c r="QCY722" s="424"/>
      <c r="QCZ722" s="424"/>
      <c r="QDA722" s="423" t="s">
        <v>2795</v>
      </c>
      <c r="QDB722" s="424"/>
      <c r="QDC722" s="424"/>
      <c r="QDD722" s="424"/>
      <c r="QDE722" s="423" t="s">
        <v>2795</v>
      </c>
      <c r="QDF722" s="424"/>
      <c r="QDG722" s="424"/>
      <c r="QDH722" s="424"/>
      <c r="QDI722" s="423" t="s">
        <v>2795</v>
      </c>
      <c r="QDJ722" s="424"/>
      <c r="QDK722" s="424"/>
      <c r="QDL722" s="424"/>
      <c r="QDM722" s="423" t="s">
        <v>2795</v>
      </c>
      <c r="QDN722" s="424"/>
      <c r="QDO722" s="424"/>
      <c r="QDP722" s="424"/>
      <c r="QDQ722" s="423" t="s">
        <v>2795</v>
      </c>
      <c r="QDR722" s="424"/>
      <c r="QDS722" s="424"/>
      <c r="QDT722" s="424"/>
      <c r="QDU722" s="423" t="s">
        <v>2795</v>
      </c>
      <c r="QDV722" s="424"/>
      <c r="QDW722" s="424"/>
      <c r="QDX722" s="424"/>
      <c r="QDY722" s="423" t="s">
        <v>2795</v>
      </c>
      <c r="QDZ722" s="424"/>
      <c r="QEA722" s="424"/>
      <c r="QEB722" s="424"/>
      <c r="QEC722" s="423" t="s">
        <v>2795</v>
      </c>
      <c r="QED722" s="424"/>
      <c r="QEE722" s="424"/>
      <c r="QEF722" s="424"/>
      <c r="QEG722" s="423" t="s">
        <v>2795</v>
      </c>
      <c r="QEH722" s="424"/>
      <c r="QEI722" s="424"/>
      <c r="QEJ722" s="424"/>
      <c r="QEK722" s="423" t="s">
        <v>2795</v>
      </c>
      <c r="QEL722" s="424"/>
      <c r="QEM722" s="424"/>
      <c r="QEN722" s="424"/>
      <c r="QEO722" s="423" t="s">
        <v>2795</v>
      </c>
      <c r="QEP722" s="424"/>
      <c r="QEQ722" s="424"/>
      <c r="QER722" s="424"/>
      <c r="QES722" s="423" t="s">
        <v>2795</v>
      </c>
      <c r="QET722" s="424"/>
      <c r="QEU722" s="424"/>
      <c r="QEV722" s="424"/>
      <c r="QEW722" s="423" t="s">
        <v>2795</v>
      </c>
      <c r="QEX722" s="424"/>
      <c r="QEY722" s="424"/>
      <c r="QEZ722" s="424"/>
      <c r="QFA722" s="423" t="s">
        <v>2795</v>
      </c>
      <c r="QFB722" s="424"/>
      <c r="QFC722" s="424"/>
      <c r="QFD722" s="424"/>
      <c r="QFE722" s="423" t="s">
        <v>2795</v>
      </c>
      <c r="QFF722" s="424"/>
      <c r="QFG722" s="424"/>
      <c r="QFH722" s="424"/>
      <c r="QFI722" s="423" t="s">
        <v>2795</v>
      </c>
      <c r="QFJ722" s="424"/>
      <c r="QFK722" s="424"/>
      <c r="QFL722" s="424"/>
      <c r="QFM722" s="423" t="s">
        <v>2795</v>
      </c>
      <c r="QFN722" s="424"/>
      <c r="QFO722" s="424"/>
      <c r="QFP722" s="424"/>
      <c r="QFQ722" s="423" t="s">
        <v>2795</v>
      </c>
      <c r="QFR722" s="424"/>
      <c r="QFS722" s="424"/>
      <c r="QFT722" s="424"/>
      <c r="QFU722" s="423" t="s">
        <v>2795</v>
      </c>
      <c r="QFV722" s="424"/>
      <c r="QFW722" s="424"/>
      <c r="QFX722" s="424"/>
      <c r="QFY722" s="423" t="s">
        <v>2795</v>
      </c>
      <c r="QFZ722" s="424"/>
      <c r="QGA722" s="424"/>
      <c r="QGB722" s="424"/>
      <c r="QGC722" s="423" t="s">
        <v>2795</v>
      </c>
      <c r="QGD722" s="424"/>
      <c r="QGE722" s="424"/>
      <c r="QGF722" s="424"/>
      <c r="QGG722" s="423" t="s">
        <v>2795</v>
      </c>
      <c r="QGH722" s="424"/>
      <c r="QGI722" s="424"/>
      <c r="QGJ722" s="424"/>
      <c r="QGK722" s="423" t="s">
        <v>2795</v>
      </c>
      <c r="QGL722" s="424"/>
      <c r="QGM722" s="424"/>
      <c r="QGN722" s="424"/>
      <c r="QGO722" s="423" t="s">
        <v>2795</v>
      </c>
      <c r="QGP722" s="424"/>
      <c r="QGQ722" s="424"/>
      <c r="QGR722" s="424"/>
      <c r="QGS722" s="423" t="s">
        <v>2795</v>
      </c>
      <c r="QGT722" s="424"/>
      <c r="QGU722" s="424"/>
      <c r="QGV722" s="424"/>
      <c r="QGW722" s="423" t="s">
        <v>2795</v>
      </c>
      <c r="QGX722" s="424"/>
      <c r="QGY722" s="424"/>
      <c r="QGZ722" s="424"/>
      <c r="QHA722" s="423" t="s">
        <v>2795</v>
      </c>
      <c r="QHB722" s="424"/>
      <c r="QHC722" s="424"/>
      <c r="QHD722" s="424"/>
      <c r="QHE722" s="423" t="s">
        <v>2795</v>
      </c>
      <c r="QHF722" s="424"/>
      <c r="QHG722" s="424"/>
      <c r="QHH722" s="424"/>
      <c r="QHI722" s="423" t="s">
        <v>2795</v>
      </c>
      <c r="QHJ722" s="424"/>
      <c r="QHK722" s="424"/>
      <c r="QHL722" s="424"/>
      <c r="QHM722" s="423" t="s">
        <v>2795</v>
      </c>
      <c r="QHN722" s="424"/>
      <c r="QHO722" s="424"/>
      <c r="QHP722" s="424"/>
      <c r="QHQ722" s="423" t="s">
        <v>2795</v>
      </c>
      <c r="QHR722" s="424"/>
      <c r="QHS722" s="424"/>
      <c r="QHT722" s="424"/>
      <c r="QHU722" s="423" t="s">
        <v>2795</v>
      </c>
      <c r="QHV722" s="424"/>
      <c r="QHW722" s="424"/>
      <c r="QHX722" s="424"/>
      <c r="QHY722" s="423" t="s">
        <v>2795</v>
      </c>
      <c r="QHZ722" s="424"/>
      <c r="QIA722" s="424"/>
      <c r="QIB722" s="424"/>
      <c r="QIC722" s="423" t="s">
        <v>2795</v>
      </c>
      <c r="QID722" s="424"/>
      <c r="QIE722" s="424"/>
      <c r="QIF722" s="424"/>
      <c r="QIG722" s="423" t="s">
        <v>2795</v>
      </c>
      <c r="QIH722" s="424"/>
      <c r="QII722" s="424"/>
      <c r="QIJ722" s="424"/>
      <c r="QIK722" s="423" t="s">
        <v>2795</v>
      </c>
      <c r="QIL722" s="424"/>
      <c r="QIM722" s="424"/>
      <c r="QIN722" s="424"/>
      <c r="QIO722" s="423" t="s">
        <v>2795</v>
      </c>
      <c r="QIP722" s="424"/>
      <c r="QIQ722" s="424"/>
      <c r="QIR722" s="424"/>
      <c r="QIS722" s="423" t="s">
        <v>2795</v>
      </c>
      <c r="QIT722" s="424"/>
      <c r="QIU722" s="424"/>
      <c r="QIV722" s="424"/>
      <c r="QIW722" s="423" t="s">
        <v>2795</v>
      </c>
      <c r="QIX722" s="424"/>
      <c r="QIY722" s="424"/>
      <c r="QIZ722" s="424"/>
      <c r="QJA722" s="423" t="s">
        <v>2795</v>
      </c>
      <c r="QJB722" s="424"/>
      <c r="QJC722" s="424"/>
      <c r="QJD722" s="424"/>
      <c r="QJE722" s="423" t="s">
        <v>2795</v>
      </c>
      <c r="QJF722" s="424"/>
      <c r="QJG722" s="424"/>
      <c r="QJH722" s="424"/>
      <c r="QJI722" s="423" t="s">
        <v>2795</v>
      </c>
      <c r="QJJ722" s="424"/>
      <c r="QJK722" s="424"/>
      <c r="QJL722" s="424"/>
      <c r="QJM722" s="423" t="s">
        <v>2795</v>
      </c>
      <c r="QJN722" s="424"/>
      <c r="QJO722" s="424"/>
      <c r="QJP722" s="424"/>
      <c r="QJQ722" s="423" t="s">
        <v>2795</v>
      </c>
      <c r="QJR722" s="424"/>
      <c r="QJS722" s="424"/>
      <c r="QJT722" s="424"/>
      <c r="QJU722" s="423" t="s">
        <v>2795</v>
      </c>
      <c r="QJV722" s="424"/>
      <c r="QJW722" s="424"/>
      <c r="QJX722" s="424"/>
      <c r="QJY722" s="423" t="s">
        <v>2795</v>
      </c>
      <c r="QJZ722" s="424"/>
      <c r="QKA722" s="424"/>
      <c r="QKB722" s="424"/>
      <c r="QKC722" s="423" t="s">
        <v>2795</v>
      </c>
      <c r="QKD722" s="424"/>
      <c r="QKE722" s="424"/>
      <c r="QKF722" s="424"/>
      <c r="QKG722" s="423" t="s">
        <v>2795</v>
      </c>
      <c r="QKH722" s="424"/>
      <c r="QKI722" s="424"/>
      <c r="QKJ722" s="424"/>
      <c r="QKK722" s="423" t="s">
        <v>2795</v>
      </c>
      <c r="QKL722" s="424"/>
      <c r="QKM722" s="424"/>
      <c r="QKN722" s="424"/>
      <c r="QKO722" s="423" t="s">
        <v>2795</v>
      </c>
      <c r="QKP722" s="424"/>
      <c r="QKQ722" s="424"/>
      <c r="QKR722" s="424"/>
      <c r="QKS722" s="423" t="s">
        <v>2795</v>
      </c>
      <c r="QKT722" s="424"/>
      <c r="QKU722" s="424"/>
      <c r="QKV722" s="424"/>
      <c r="QKW722" s="423" t="s">
        <v>2795</v>
      </c>
      <c r="QKX722" s="424"/>
      <c r="QKY722" s="424"/>
      <c r="QKZ722" s="424"/>
      <c r="QLA722" s="423" t="s">
        <v>2795</v>
      </c>
      <c r="QLB722" s="424"/>
      <c r="QLC722" s="424"/>
      <c r="QLD722" s="424"/>
      <c r="QLE722" s="423" t="s">
        <v>2795</v>
      </c>
      <c r="QLF722" s="424"/>
      <c r="QLG722" s="424"/>
      <c r="QLH722" s="424"/>
      <c r="QLI722" s="423" t="s">
        <v>2795</v>
      </c>
      <c r="QLJ722" s="424"/>
      <c r="QLK722" s="424"/>
      <c r="QLL722" s="424"/>
      <c r="QLM722" s="423" t="s">
        <v>2795</v>
      </c>
      <c r="QLN722" s="424"/>
      <c r="QLO722" s="424"/>
      <c r="QLP722" s="424"/>
      <c r="QLQ722" s="423" t="s">
        <v>2795</v>
      </c>
      <c r="QLR722" s="424"/>
      <c r="QLS722" s="424"/>
      <c r="QLT722" s="424"/>
      <c r="QLU722" s="423" t="s">
        <v>2795</v>
      </c>
      <c r="QLV722" s="424"/>
      <c r="QLW722" s="424"/>
      <c r="QLX722" s="424"/>
      <c r="QLY722" s="423" t="s">
        <v>2795</v>
      </c>
      <c r="QLZ722" s="424"/>
      <c r="QMA722" s="424"/>
      <c r="QMB722" s="424"/>
      <c r="QMC722" s="423" t="s">
        <v>2795</v>
      </c>
      <c r="QMD722" s="424"/>
      <c r="QME722" s="424"/>
      <c r="QMF722" s="424"/>
      <c r="QMG722" s="423" t="s">
        <v>2795</v>
      </c>
      <c r="QMH722" s="424"/>
      <c r="QMI722" s="424"/>
      <c r="QMJ722" s="424"/>
      <c r="QMK722" s="423" t="s">
        <v>2795</v>
      </c>
      <c r="QML722" s="424"/>
      <c r="QMM722" s="424"/>
      <c r="QMN722" s="424"/>
      <c r="QMO722" s="423" t="s">
        <v>2795</v>
      </c>
      <c r="QMP722" s="424"/>
      <c r="QMQ722" s="424"/>
      <c r="QMR722" s="424"/>
      <c r="QMS722" s="423" t="s">
        <v>2795</v>
      </c>
      <c r="QMT722" s="424"/>
      <c r="QMU722" s="424"/>
      <c r="QMV722" s="424"/>
      <c r="QMW722" s="423" t="s">
        <v>2795</v>
      </c>
      <c r="QMX722" s="424"/>
      <c r="QMY722" s="424"/>
      <c r="QMZ722" s="424"/>
      <c r="QNA722" s="423" t="s">
        <v>2795</v>
      </c>
      <c r="QNB722" s="424"/>
      <c r="QNC722" s="424"/>
      <c r="QND722" s="424"/>
      <c r="QNE722" s="423" t="s">
        <v>2795</v>
      </c>
      <c r="QNF722" s="424"/>
      <c r="QNG722" s="424"/>
      <c r="QNH722" s="424"/>
      <c r="QNI722" s="423" t="s">
        <v>2795</v>
      </c>
      <c r="QNJ722" s="424"/>
      <c r="QNK722" s="424"/>
      <c r="QNL722" s="424"/>
      <c r="QNM722" s="423" t="s">
        <v>2795</v>
      </c>
      <c r="QNN722" s="424"/>
      <c r="QNO722" s="424"/>
      <c r="QNP722" s="424"/>
      <c r="QNQ722" s="423" t="s">
        <v>2795</v>
      </c>
      <c r="QNR722" s="424"/>
      <c r="QNS722" s="424"/>
      <c r="QNT722" s="424"/>
      <c r="QNU722" s="423" t="s">
        <v>2795</v>
      </c>
      <c r="QNV722" s="424"/>
      <c r="QNW722" s="424"/>
      <c r="QNX722" s="424"/>
      <c r="QNY722" s="423" t="s">
        <v>2795</v>
      </c>
      <c r="QNZ722" s="424"/>
      <c r="QOA722" s="424"/>
      <c r="QOB722" s="424"/>
      <c r="QOC722" s="423" t="s">
        <v>2795</v>
      </c>
      <c r="QOD722" s="424"/>
      <c r="QOE722" s="424"/>
      <c r="QOF722" s="424"/>
      <c r="QOG722" s="423" t="s">
        <v>2795</v>
      </c>
      <c r="QOH722" s="424"/>
      <c r="QOI722" s="424"/>
      <c r="QOJ722" s="424"/>
      <c r="QOK722" s="423" t="s">
        <v>2795</v>
      </c>
      <c r="QOL722" s="424"/>
      <c r="QOM722" s="424"/>
      <c r="QON722" s="424"/>
      <c r="QOO722" s="423" t="s">
        <v>2795</v>
      </c>
      <c r="QOP722" s="424"/>
      <c r="QOQ722" s="424"/>
      <c r="QOR722" s="424"/>
      <c r="QOS722" s="423" t="s">
        <v>2795</v>
      </c>
      <c r="QOT722" s="424"/>
      <c r="QOU722" s="424"/>
      <c r="QOV722" s="424"/>
      <c r="QOW722" s="423" t="s">
        <v>2795</v>
      </c>
      <c r="QOX722" s="424"/>
      <c r="QOY722" s="424"/>
      <c r="QOZ722" s="424"/>
      <c r="QPA722" s="423" t="s">
        <v>2795</v>
      </c>
      <c r="QPB722" s="424"/>
      <c r="QPC722" s="424"/>
      <c r="QPD722" s="424"/>
      <c r="QPE722" s="423" t="s">
        <v>2795</v>
      </c>
      <c r="QPF722" s="424"/>
      <c r="QPG722" s="424"/>
      <c r="QPH722" s="424"/>
      <c r="QPI722" s="423" t="s">
        <v>2795</v>
      </c>
      <c r="QPJ722" s="424"/>
      <c r="QPK722" s="424"/>
      <c r="QPL722" s="424"/>
      <c r="QPM722" s="423" t="s">
        <v>2795</v>
      </c>
      <c r="QPN722" s="424"/>
      <c r="QPO722" s="424"/>
      <c r="QPP722" s="424"/>
      <c r="QPQ722" s="423" t="s">
        <v>2795</v>
      </c>
      <c r="QPR722" s="424"/>
      <c r="QPS722" s="424"/>
      <c r="QPT722" s="424"/>
      <c r="QPU722" s="423" t="s">
        <v>2795</v>
      </c>
      <c r="QPV722" s="424"/>
      <c r="QPW722" s="424"/>
      <c r="QPX722" s="424"/>
      <c r="QPY722" s="423" t="s">
        <v>2795</v>
      </c>
      <c r="QPZ722" s="424"/>
      <c r="QQA722" s="424"/>
      <c r="QQB722" s="424"/>
      <c r="QQC722" s="423" t="s">
        <v>2795</v>
      </c>
      <c r="QQD722" s="424"/>
      <c r="QQE722" s="424"/>
      <c r="QQF722" s="424"/>
      <c r="QQG722" s="423" t="s">
        <v>2795</v>
      </c>
      <c r="QQH722" s="424"/>
      <c r="QQI722" s="424"/>
      <c r="QQJ722" s="424"/>
      <c r="QQK722" s="423" t="s">
        <v>2795</v>
      </c>
      <c r="QQL722" s="424"/>
      <c r="QQM722" s="424"/>
      <c r="QQN722" s="424"/>
      <c r="QQO722" s="423" t="s">
        <v>2795</v>
      </c>
      <c r="QQP722" s="424"/>
      <c r="QQQ722" s="424"/>
      <c r="QQR722" s="424"/>
      <c r="QQS722" s="423" t="s">
        <v>2795</v>
      </c>
      <c r="QQT722" s="424"/>
      <c r="QQU722" s="424"/>
      <c r="QQV722" s="424"/>
      <c r="QQW722" s="423" t="s">
        <v>2795</v>
      </c>
      <c r="QQX722" s="424"/>
      <c r="QQY722" s="424"/>
      <c r="QQZ722" s="424"/>
      <c r="QRA722" s="423" t="s">
        <v>2795</v>
      </c>
      <c r="QRB722" s="424"/>
      <c r="QRC722" s="424"/>
      <c r="QRD722" s="424"/>
      <c r="QRE722" s="423" t="s">
        <v>2795</v>
      </c>
      <c r="QRF722" s="424"/>
      <c r="QRG722" s="424"/>
      <c r="QRH722" s="424"/>
      <c r="QRI722" s="423" t="s">
        <v>2795</v>
      </c>
      <c r="QRJ722" s="424"/>
      <c r="QRK722" s="424"/>
      <c r="QRL722" s="424"/>
      <c r="QRM722" s="423" t="s">
        <v>2795</v>
      </c>
      <c r="QRN722" s="424"/>
      <c r="QRO722" s="424"/>
      <c r="QRP722" s="424"/>
      <c r="QRQ722" s="423" t="s">
        <v>2795</v>
      </c>
      <c r="QRR722" s="424"/>
      <c r="QRS722" s="424"/>
      <c r="QRT722" s="424"/>
      <c r="QRU722" s="423" t="s">
        <v>2795</v>
      </c>
      <c r="QRV722" s="424"/>
      <c r="QRW722" s="424"/>
      <c r="QRX722" s="424"/>
      <c r="QRY722" s="423" t="s">
        <v>2795</v>
      </c>
      <c r="QRZ722" s="424"/>
      <c r="QSA722" s="424"/>
      <c r="QSB722" s="424"/>
      <c r="QSC722" s="423" t="s">
        <v>2795</v>
      </c>
      <c r="QSD722" s="424"/>
      <c r="QSE722" s="424"/>
      <c r="QSF722" s="424"/>
      <c r="QSG722" s="423" t="s">
        <v>2795</v>
      </c>
      <c r="QSH722" s="424"/>
      <c r="QSI722" s="424"/>
      <c r="QSJ722" s="424"/>
      <c r="QSK722" s="423" t="s">
        <v>2795</v>
      </c>
      <c r="QSL722" s="424"/>
      <c r="QSM722" s="424"/>
      <c r="QSN722" s="424"/>
      <c r="QSO722" s="423" t="s">
        <v>2795</v>
      </c>
      <c r="QSP722" s="424"/>
      <c r="QSQ722" s="424"/>
      <c r="QSR722" s="424"/>
      <c r="QSS722" s="423" t="s">
        <v>2795</v>
      </c>
      <c r="QST722" s="424"/>
      <c r="QSU722" s="424"/>
      <c r="QSV722" s="424"/>
      <c r="QSW722" s="423" t="s">
        <v>2795</v>
      </c>
      <c r="QSX722" s="424"/>
      <c r="QSY722" s="424"/>
      <c r="QSZ722" s="424"/>
      <c r="QTA722" s="423" t="s">
        <v>2795</v>
      </c>
      <c r="QTB722" s="424"/>
      <c r="QTC722" s="424"/>
      <c r="QTD722" s="424"/>
      <c r="QTE722" s="423" t="s">
        <v>2795</v>
      </c>
      <c r="QTF722" s="424"/>
      <c r="QTG722" s="424"/>
      <c r="QTH722" s="424"/>
      <c r="QTI722" s="423" t="s">
        <v>2795</v>
      </c>
      <c r="QTJ722" s="424"/>
      <c r="QTK722" s="424"/>
      <c r="QTL722" s="424"/>
      <c r="QTM722" s="423" t="s">
        <v>2795</v>
      </c>
      <c r="QTN722" s="424"/>
      <c r="QTO722" s="424"/>
      <c r="QTP722" s="424"/>
      <c r="QTQ722" s="423" t="s">
        <v>2795</v>
      </c>
      <c r="QTR722" s="424"/>
      <c r="QTS722" s="424"/>
      <c r="QTT722" s="424"/>
      <c r="QTU722" s="423" t="s">
        <v>2795</v>
      </c>
      <c r="QTV722" s="424"/>
      <c r="QTW722" s="424"/>
      <c r="QTX722" s="424"/>
      <c r="QTY722" s="423" t="s">
        <v>2795</v>
      </c>
      <c r="QTZ722" s="424"/>
      <c r="QUA722" s="424"/>
      <c r="QUB722" s="424"/>
      <c r="QUC722" s="423" t="s">
        <v>2795</v>
      </c>
      <c r="QUD722" s="424"/>
      <c r="QUE722" s="424"/>
      <c r="QUF722" s="424"/>
      <c r="QUG722" s="423" t="s">
        <v>2795</v>
      </c>
      <c r="QUH722" s="424"/>
      <c r="QUI722" s="424"/>
      <c r="QUJ722" s="424"/>
      <c r="QUK722" s="423" t="s">
        <v>2795</v>
      </c>
      <c r="QUL722" s="424"/>
      <c r="QUM722" s="424"/>
      <c r="QUN722" s="424"/>
      <c r="QUO722" s="423" t="s">
        <v>2795</v>
      </c>
      <c r="QUP722" s="424"/>
      <c r="QUQ722" s="424"/>
      <c r="QUR722" s="424"/>
      <c r="QUS722" s="423" t="s">
        <v>2795</v>
      </c>
      <c r="QUT722" s="424"/>
      <c r="QUU722" s="424"/>
      <c r="QUV722" s="424"/>
      <c r="QUW722" s="423" t="s">
        <v>2795</v>
      </c>
      <c r="QUX722" s="424"/>
      <c r="QUY722" s="424"/>
      <c r="QUZ722" s="424"/>
      <c r="QVA722" s="423" t="s">
        <v>2795</v>
      </c>
      <c r="QVB722" s="424"/>
      <c r="QVC722" s="424"/>
      <c r="QVD722" s="424"/>
      <c r="QVE722" s="423" t="s">
        <v>2795</v>
      </c>
      <c r="QVF722" s="424"/>
      <c r="QVG722" s="424"/>
      <c r="QVH722" s="424"/>
      <c r="QVI722" s="423" t="s">
        <v>2795</v>
      </c>
      <c r="QVJ722" s="424"/>
      <c r="QVK722" s="424"/>
      <c r="QVL722" s="424"/>
      <c r="QVM722" s="423" t="s">
        <v>2795</v>
      </c>
      <c r="QVN722" s="424"/>
      <c r="QVO722" s="424"/>
      <c r="QVP722" s="424"/>
      <c r="QVQ722" s="423" t="s">
        <v>2795</v>
      </c>
      <c r="QVR722" s="424"/>
      <c r="QVS722" s="424"/>
      <c r="QVT722" s="424"/>
      <c r="QVU722" s="423" t="s">
        <v>2795</v>
      </c>
      <c r="QVV722" s="424"/>
      <c r="QVW722" s="424"/>
      <c r="QVX722" s="424"/>
      <c r="QVY722" s="423" t="s">
        <v>2795</v>
      </c>
      <c r="QVZ722" s="424"/>
      <c r="QWA722" s="424"/>
      <c r="QWB722" s="424"/>
      <c r="QWC722" s="423" t="s">
        <v>2795</v>
      </c>
      <c r="QWD722" s="424"/>
      <c r="QWE722" s="424"/>
      <c r="QWF722" s="424"/>
      <c r="QWG722" s="423" t="s">
        <v>2795</v>
      </c>
      <c r="QWH722" s="424"/>
      <c r="QWI722" s="424"/>
      <c r="QWJ722" s="424"/>
      <c r="QWK722" s="423" t="s">
        <v>2795</v>
      </c>
      <c r="QWL722" s="424"/>
      <c r="QWM722" s="424"/>
      <c r="QWN722" s="424"/>
      <c r="QWO722" s="423" t="s">
        <v>2795</v>
      </c>
      <c r="QWP722" s="424"/>
      <c r="QWQ722" s="424"/>
      <c r="QWR722" s="424"/>
      <c r="QWS722" s="423" t="s">
        <v>2795</v>
      </c>
      <c r="QWT722" s="424"/>
      <c r="QWU722" s="424"/>
      <c r="QWV722" s="424"/>
      <c r="QWW722" s="423" t="s">
        <v>2795</v>
      </c>
      <c r="QWX722" s="424"/>
      <c r="QWY722" s="424"/>
      <c r="QWZ722" s="424"/>
      <c r="QXA722" s="423" t="s">
        <v>2795</v>
      </c>
      <c r="QXB722" s="424"/>
      <c r="QXC722" s="424"/>
      <c r="QXD722" s="424"/>
      <c r="QXE722" s="423" t="s">
        <v>2795</v>
      </c>
      <c r="QXF722" s="424"/>
      <c r="QXG722" s="424"/>
      <c r="QXH722" s="424"/>
      <c r="QXI722" s="423" t="s">
        <v>2795</v>
      </c>
      <c r="QXJ722" s="424"/>
      <c r="QXK722" s="424"/>
      <c r="QXL722" s="424"/>
      <c r="QXM722" s="423" t="s">
        <v>2795</v>
      </c>
      <c r="QXN722" s="424"/>
      <c r="QXO722" s="424"/>
      <c r="QXP722" s="424"/>
      <c r="QXQ722" s="423" t="s">
        <v>2795</v>
      </c>
      <c r="QXR722" s="424"/>
      <c r="QXS722" s="424"/>
      <c r="QXT722" s="424"/>
      <c r="QXU722" s="423" t="s">
        <v>2795</v>
      </c>
      <c r="QXV722" s="424"/>
      <c r="QXW722" s="424"/>
      <c r="QXX722" s="424"/>
      <c r="QXY722" s="423" t="s">
        <v>2795</v>
      </c>
      <c r="QXZ722" s="424"/>
      <c r="QYA722" s="424"/>
      <c r="QYB722" s="424"/>
      <c r="QYC722" s="423" t="s">
        <v>2795</v>
      </c>
      <c r="QYD722" s="424"/>
      <c r="QYE722" s="424"/>
      <c r="QYF722" s="424"/>
      <c r="QYG722" s="423" t="s">
        <v>2795</v>
      </c>
      <c r="QYH722" s="424"/>
      <c r="QYI722" s="424"/>
      <c r="QYJ722" s="424"/>
      <c r="QYK722" s="423" t="s">
        <v>2795</v>
      </c>
      <c r="QYL722" s="424"/>
      <c r="QYM722" s="424"/>
      <c r="QYN722" s="424"/>
      <c r="QYO722" s="423" t="s">
        <v>2795</v>
      </c>
      <c r="QYP722" s="424"/>
      <c r="QYQ722" s="424"/>
      <c r="QYR722" s="424"/>
      <c r="QYS722" s="423" t="s">
        <v>2795</v>
      </c>
      <c r="QYT722" s="424"/>
      <c r="QYU722" s="424"/>
      <c r="QYV722" s="424"/>
      <c r="QYW722" s="423" t="s">
        <v>2795</v>
      </c>
      <c r="QYX722" s="424"/>
      <c r="QYY722" s="424"/>
      <c r="QYZ722" s="424"/>
      <c r="QZA722" s="423" t="s">
        <v>2795</v>
      </c>
      <c r="QZB722" s="424"/>
      <c r="QZC722" s="424"/>
      <c r="QZD722" s="424"/>
      <c r="QZE722" s="423" t="s">
        <v>2795</v>
      </c>
      <c r="QZF722" s="424"/>
      <c r="QZG722" s="424"/>
      <c r="QZH722" s="424"/>
      <c r="QZI722" s="423" t="s">
        <v>2795</v>
      </c>
      <c r="QZJ722" s="424"/>
      <c r="QZK722" s="424"/>
      <c r="QZL722" s="424"/>
      <c r="QZM722" s="423" t="s">
        <v>2795</v>
      </c>
      <c r="QZN722" s="424"/>
      <c r="QZO722" s="424"/>
      <c r="QZP722" s="424"/>
      <c r="QZQ722" s="423" t="s">
        <v>2795</v>
      </c>
      <c r="QZR722" s="424"/>
      <c r="QZS722" s="424"/>
      <c r="QZT722" s="424"/>
      <c r="QZU722" s="423" t="s">
        <v>2795</v>
      </c>
      <c r="QZV722" s="424"/>
      <c r="QZW722" s="424"/>
      <c r="QZX722" s="424"/>
      <c r="QZY722" s="423" t="s">
        <v>2795</v>
      </c>
      <c r="QZZ722" s="424"/>
      <c r="RAA722" s="424"/>
      <c r="RAB722" s="424"/>
      <c r="RAC722" s="423" t="s">
        <v>2795</v>
      </c>
      <c r="RAD722" s="424"/>
      <c r="RAE722" s="424"/>
      <c r="RAF722" s="424"/>
      <c r="RAG722" s="423" t="s">
        <v>2795</v>
      </c>
      <c r="RAH722" s="424"/>
      <c r="RAI722" s="424"/>
      <c r="RAJ722" s="424"/>
      <c r="RAK722" s="423" t="s">
        <v>2795</v>
      </c>
      <c r="RAL722" s="424"/>
      <c r="RAM722" s="424"/>
      <c r="RAN722" s="424"/>
      <c r="RAO722" s="423" t="s">
        <v>2795</v>
      </c>
      <c r="RAP722" s="424"/>
      <c r="RAQ722" s="424"/>
      <c r="RAR722" s="424"/>
      <c r="RAS722" s="423" t="s">
        <v>2795</v>
      </c>
      <c r="RAT722" s="424"/>
      <c r="RAU722" s="424"/>
      <c r="RAV722" s="424"/>
      <c r="RAW722" s="423" t="s">
        <v>2795</v>
      </c>
      <c r="RAX722" s="424"/>
      <c r="RAY722" s="424"/>
      <c r="RAZ722" s="424"/>
      <c r="RBA722" s="423" t="s">
        <v>2795</v>
      </c>
      <c r="RBB722" s="424"/>
      <c r="RBC722" s="424"/>
      <c r="RBD722" s="424"/>
      <c r="RBE722" s="423" t="s">
        <v>2795</v>
      </c>
      <c r="RBF722" s="424"/>
      <c r="RBG722" s="424"/>
      <c r="RBH722" s="424"/>
      <c r="RBI722" s="423" t="s">
        <v>2795</v>
      </c>
      <c r="RBJ722" s="424"/>
      <c r="RBK722" s="424"/>
      <c r="RBL722" s="424"/>
      <c r="RBM722" s="423" t="s">
        <v>2795</v>
      </c>
      <c r="RBN722" s="424"/>
      <c r="RBO722" s="424"/>
      <c r="RBP722" s="424"/>
      <c r="RBQ722" s="423" t="s">
        <v>2795</v>
      </c>
      <c r="RBR722" s="424"/>
      <c r="RBS722" s="424"/>
      <c r="RBT722" s="424"/>
      <c r="RBU722" s="423" t="s">
        <v>2795</v>
      </c>
      <c r="RBV722" s="424"/>
      <c r="RBW722" s="424"/>
      <c r="RBX722" s="424"/>
      <c r="RBY722" s="423" t="s">
        <v>2795</v>
      </c>
      <c r="RBZ722" s="424"/>
      <c r="RCA722" s="424"/>
      <c r="RCB722" s="424"/>
      <c r="RCC722" s="423" t="s">
        <v>2795</v>
      </c>
      <c r="RCD722" s="424"/>
      <c r="RCE722" s="424"/>
      <c r="RCF722" s="424"/>
      <c r="RCG722" s="423" t="s">
        <v>2795</v>
      </c>
      <c r="RCH722" s="424"/>
      <c r="RCI722" s="424"/>
      <c r="RCJ722" s="424"/>
      <c r="RCK722" s="423" t="s">
        <v>2795</v>
      </c>
      <c r="RCL722" s="424"/>
      <c r="RCM722" s="424"/>
      <c r="RCN722" s="424"/>
      <c r="RCO722" s="423" t="s">
        <v>2795</v>
      </c>
      <c r="RCP722" s="424"/>
      <c r="RCQ722" s="424"/>
      <c r="RCR722" s="424"/>
      <c r="RCS722" s="423" t="s">
        <v>2795</v>
      </c>
      <c r="RCT722" s="424"/>
      <c r="RCU722" s="424"/>
      <c r="RCV722" s="424"/>
      <c r="RCW722" s="423" t="s">
        <v>2795</v>
      </c>
      <c r="RCX722" s="424"/>
      <c r="RCY722" s="424"/>
      <c r="RCZ722" s="424"/>
      <c r="RDA722" s="423" t="s">
        <v>2795</v>
      </c>
      <c r="RDB722" s="424"/>
      <c r="RDC722" s="424"/>
      <c r="RDD722" s="424"/>
      <c r="RDE722" s="423" t="s">
        <v>2795</v>
      </c>
      <c r="RDF722" s="424"/>
      <c r="RDG722" s="424"/>
      <c r="RDH722" s="424"/>
      <c r="RDI722" s="423" t="s">
        <v>2795</v>
      </c>
      <c r="RDJ722" s="424"/>
      <c r="RDK722" s="424"/>
      <c r="RDL722" s="424"/>
      <c r="RDM722" s="423" t="s">
        <v>2795</v>
      </c>
      <c r="RDN722" s="424"/>
      <c r="RDO722" s="424"/>
      <c r="RDP722" s="424"/>
      <c r="RDQ722" s="423" t="s">
        <v>2795</v>
      </c>
      <c r="RDR722" s="424"/>
      <c r="RDS722" s="424"/>
      <c r="RDT722" s="424"/>
      <c r="RDU722" s="423" t="s">
        <v>2795</v>
      </c>
      <c r="RDV722" s="424"/>
      <c r="RDW722" s="424"/>
      <c r="RDX722" s="424"/>
      <c r="RDY722" s="423" t="s">
        <v>2795</v>
      </c>
      <c r="RDZ722" s="424"/>
      <c r="REA722" s="424"/>
      <c r="REB722" s="424"/>
      <c r="REC722" s="423" t="s">
        <v>2795</v>
      </c>
      <c r="RED722" s="424"/>
      <c r="REE722" s="424"/>
      <c r="REF722" s="424"/>
      <c r="REG722" s="423" t="s">
        <v>2795</v>
      </c>
      <c r="REH722" s="424"/>
      <c r="REI722" s="424"/>
      <c r="REJ722" s="424"/>
      <c r="REK722" s="423" t="s">
        <v>2795</v>
      </c>
      <c r="REL722" s="424"/>
      <c r="REM722" s="424"/>
      <c r="REN722" s="424"/>
      <c r="REO722" s="423" t="s">
        <v>2795</v>
      </c>
      <c r="REP722" s="424"/>
      <c r="REQ722" s="424"/>
      <c r="RER722" s="424"/>
      <c r="RES722" s="423" t="s">
        <v>2795</v>
      </c>
      <c r="RET722" s="424"/>
      <c r="REU722" s="424"/>
      <c r="REV722" s="424"/>
      <c r="REW722" s="423" t="s">
        <v>2795</v>
      </c>
      <c r="REX722" s="424"/>
      <c r="REY722" s="424"/>
      <c r="REZ722" s="424"/>
      <c r="RFA722" s="423" t="s">
        <v>2795</v>
      </c>
      <c r="RFB722" s="424"/>
      <c r="RFC722" s="424"/>
      <c r="RFD722" s="424"/>
      <c r="RFE722" s="423" t="s">
        <v>2795</v>
      </c>
      <c r="RFF722" s="424"/>
      <c r="RFG722" s="424"/>
      <c r="RFH722" s="424"/>
      <c r="RFI722" s="423" t="s">
        <v>2795</v>
      </c>
      <c r="RFJ722" s="424"/>
      <c r="RFK722" s="424"/>
      <c r="RFL722" s="424"/>
      <c r="RFM722" s="423" t="s">
        <v>2795</v>
      </c>
      <c r="RFN722" s="424"/>
      <c r="RFO722" s="424"/>
      <c r="RFP722" s="424"/>
      <c r="RFQ722" s="423" t="s">
        <v>2795</v>
      </c>
      <c r="RFR722" s="424"/>
      <c r="RFS722" s="424"/>
      <c r="RFT722" s="424"/>
      <c r="RFU722" s="423" t="s">
        <v>2795</v>
      </c>
      <c r="RFV722" s="424"/>
      <c r="RFW722" s="424"/>
      <c r="RFX722" s="424"/>
      <c r="RFY722" s="423" t="s">
        <v>2795</v>
      </c>
      <c r="RFZ722" s="424"/>
      <c r="RGA722" s="424"/>
      <c r="RGB722" s="424"/>
      <c r="RGC722" s="423" t="s">
        <v>2795</v>
      </c>
      <c r="RGD722" s="424"/>
      <c r="RGE722" s="424"/>
      <c r="RGF722" s="424"/>
      <c r="RGG722" s="423" t="s">
        <v>2795</v>
      </c>
      <c r="RGH722" s="424"/>
      <c r="RGI722" s="424"/>
      <c r="RGJ722" s="424"/>
      <c r="RGK722" s="423" t="s">
        <v>2795</v>
      </c>
      <c r="RGL722" s="424"/>
      <c r="RGM722" s="424"/>
      <c r="RGN722" s="424"/>
      <c r="RGO722" s="423" t="s">
        <v>2795</v>
      </c>
      <c r="RGP722" s="424"/>
      <c r="RGQ722" s="424"/>
      <c r="RGR722" s="424"/>
      <c r="RGS722" s="423" t="s">
        <v>2795</v>
      </c>
      <c r="RGT722" s="424"/>
      <c r="RGU722" s="424"/>
      <c r="RGV722" s="424"/>
      <c r="RGW722" s="423" t="s">
        <v>2795</v>
      </c>
      <c r="RGX722" s="424"/>
      <c r="RGY722" s="424"/>
      <c r="RGZ722" s="424"/>
      <c r="RHA722" s="423" t="s">
        <v>2795</v>
      </c>
      <c r="RHB722" s="424"/>
      <c r="RHC722" s="424"/>
      <c r="RHD722" s="424"/>
      <c r="RHE722" s="423" t="s">
        <v>2795</v>
      </c>
      <c r="RHF722" s="424"/>
      <c r="RHG722" s="424"/>
      <c r="RHH722" s="424"/>
      <c r="RHI722" s="423" t="s">
        <v>2795</v>
      </c>
      <c r="RHJ722" s="424"/>
      <c r="RHK722" s="424"/>
      <c r="RHL722" s="424"/>
      <c r="RHM722" s="423" t="s">
        <v>2795</v>
      </c>
      <c r="RHN722" s="424"/>
      <c r="RHO722" s="424"/>
      <c r="RHP722" s="424"/>
      <c r="RHQ722" s="423" t="s">
        <v>2795</v>
      </c>
      <c r="RHR722" s="424"/>
      <c r="RHS722" s="424"/>
      <c r="RHT722" s="424"/>
      <c r="RHU722" s="423" t="s">
        <v>2795</v>
      </c>
      <c r="RHV722" s="424"/>
      <c r="RHW722" s="424"/>
      <c r="RHX722" s="424"/>
      <c r="RHY722" s="423" t="s">
        <v>2795</v>
      </c>
      <c r="RHZ722" s="424"/>
      <c r="RIA722" s="424"/>
      <c r="RIB722" s="424"/>
      <c r="RIC722" s="423" t="s">
        <v>2795</v>
      </c>
      <c r="RID722" s="424"/>
      <c r="RIE722" s="424"/>
      <c r="RIF722" s="424"/>
      <c r="RIG722" s="423" t="s">
        <v>2795</v>
      </c>
      <c r="RIH722" s="424"/>
      <c r="RII722" s="424"/>
      <c r="RIJ722" s="424"/>
      <c r="RIK722" s="423" t="s">
        <v>2795</v>
      </c>
      <c r="RIL722" s="424"/>
      <c r="RIM722" s="424"/>
      <c r="RIN722" s="424"/>
      <c r="RIO722" s="423" t="s">
        <v>2795</v>
      </c>
      <c r="RIP722" s="424"/>
      <c r="RIQ722" s="424"/>
      <c r="RIR722" s="424"/>
      <c r="RIS722" s="423" t="s">
        <v>2795</v>
      </c>
      <c r="RIT722" s="424"/>
      <c r="RIU722" s="424"/>
      <c r="RIV722" s="424"/>
      <c r="RIW722" s="423" t="s">
        <v>2795</v>
      </c>
      <c r="RIX722" s="424"/>
      <c r="RIY722" s="424"/>
      <c r="RIZ722" s="424"/>
      <c r="RJA722" s="423" t="s">
        <v>2795</v>
      </c>
      <c r="RJB722" s="424"/>
      <c r="RJC722" s="424"/>
      <c r="RJD722" s="424"/>
      <c r="RJE722" s="423" t="s">
        <v>2795</v>
      </c>
      <c r="RJF722" s="424"/>
      <c r="RJG722" s="424"/>
      <c r="RJH722" s="424"/>
      <c r="RJI722" s="423" t="s">
        <v>2795</v>
      </c>
      <c r="RJJ722" s="424"/>
      <c r="RJK722" s="424"/>
      <c r="RJL722" s="424"/>
      <c r="RJM722" s="423" t="s">
        <v>2795</v>
      </c>
      <c r="RJN722" s="424"/>
      <c r="RJO722" s="424"/>
      <c r="RJP722" s="424"/>
      <c r="RJQ722" s="423" t="s">
        <v>2795</v>
      </c>
      <c r="RJR722" s="424"/>
      <c r="RJS722" s="424"/>
      <c r="RJT722" s="424"/>
      <c r="RJU722" s="423" t="s">
        <v>2795</v>
      </c>
      <c r="RJV722" s="424"/>
      <c r="RJW722" s="424"/>
      <c r="RJX722" s="424"/>
      <c r="RJY722" s="423" t="s">
        <v>2795</v>
      </c>
      <c r="RJZ722" s="424"/>
      <c r="RKA722" s="424"/>
      <c r="RKB722" s="424"/>
      <c r="RKC722" s="423" t="s">
        <v>2795</v>
      </c>
      <c r="RKD722" s="424"/>
      <c r="RKE722" s="424"/>
      <c r="RKF722" s="424"/>
      <c r="RKG722" s="423" t="s">
        <v>2795</v>
      </c>
      <c r="RKH722" s="424"/>
      <c r="RKI722" s="424"/>
      <c r="RKJ722" s="424"/>
      <c r="RKK722" s="423" t="s">
        <v>2795</v>
      </c>
      <c r="RKL722" s="424"/>
      <c r="RKM722" s="424"/>
      <c r="RKN722" s="424"/>
      <c r="RKO722" s="423" t="s">
        <v>2795</v>
      </c>
      <c r="RKP722" s="424"/>
      <c r="RKQ722" s="424"/>
      <c r="RKR722" s="424"/>
      <c r="RKS722" s="423" t="s">
        <v>2795</v>
      </c>
      <c r="RKT722" s="424"/>
      <c r="RKU722" s="424"/>
      <c r="RKV722" s="424"/>
      <c r="RKW722" s="423" t="s">
        <v>2795</v>
      </c>
      <c r="RKX722" s="424"/>
      <c r="RKY722" s="424"/>
      <c r="RKZ722" s="424"/>
      <c r="RLA722" s="423" t="s">
        <v>2795</v>
      </c>
      <c r="RLB722" s="424"/>
      <c r="RLC722" s="424"/>
      <c r="RLD722" s="424"/>
      <c r="RLE722" s="423" t="s">
        <v>2795</v>
      </c>
      <c r="RLF722" s="424"/>
      <c r="RLG722" s="424"/>
      <c r="RLH722" s="424"/>
      <c r="RLI722" s="423" t="s">
        <v>2795</v>
      </c>
      <c r="RLJ722" s="424"/>
      <c r="RLK722" s="424"/>
      <c r="RLL722" s="424"/>
      <c r="RLM722" s="423" t="s">
        <v>2795</v>
      </c>
      <c r="RLN722" s="424"/>
      <c r="RLO722" s="424"/>
      <c r="RLP722" s="424"/>
      <c r="RLQ722" s="423" t="s">
        <v>2795</v>
      </c>
      <c r="RLR722" s="424"/>
      <c r="RLS722" s="424"/>
      <c r="RLT722" s="424"/>
      <c r="RLU722" s="423" t="s">
        <v>2795</v>
      </c>
      <c r="RLV722" s="424"/>
      <c r="RLW722" s="424"/>
      <c r="RLX722" s="424"/>
      <c r="RLY722" s="423" t="s">
        <v>2795</v>
      </c>
      <c r="RLZ722" s="424"/>
      <c r="RMA722" s="424"/>
      <c r="RMB722" s="424"/>
      <c r="RMC722" s="423" t="s">
        <v>2795</v>
      </c>
      <c r="RMD722" s="424"/>
      <c r="RME722" s="424"/>
      <c r="RMF722" s="424"/>
      <c r="RMG722" s="423" t="s">
        <v>2795</v>
      </c>
      <c r="RMH722" s="424"/>
      <c r="RMI722" s="424"/>
      <c r="RMJ722" s="424"/>
      <c r="RMK722" s="423" t="s">
        <v>2795</v>
      </c>
      <c r="RML722" s="424"/>
      <c r="RMM722" s="424"/>
      <c r="RMN722" s="424"/>
      <c r="RMO722" s="423" t="s">
        <v>2795</v>
      </c>
      <c r="RMP722" s="424"/>
      <c r="RMQ722" s="424"/>
      <c r="RMR722" s="424"/>
      <c r="RMS722" s="423" t="s">
        <v>2795</v>
      </c>
      <c r="RMT722" s="424"/>
      <c r="RMU722" s="424"/>
      <c r="RMV722" s="424"/>
      <c r="RMW722" s="423" t="s">
        <v>2795</v>
      </c>
      <c r="RMX722" s="424"/>
      <c r="RMY722" s="424"/>
      <c r="RMZ722" s="424"/>
      <c r="RNA722" s="423" t="s">
        <v>2795</v>
      </c>
      <c r="RNB722" s="424"/>
      <c r="RNC722" s="424"/>
      <c r="RND722" s="424"/>
      <c r="RNE722" s="423" t="s">
        <v>2795</v>
      </c>
      <c r="RNF722" s="424"/>
      <c r="RNG722" s="424"/>
      <c r="RNH722" s="424"/>
      <c r="RNI722" s="423" t="s">
        <v>2795</v>
      </c>
      <c r="RNJ722" s="424"/>
      <c r="RNK722" s="424"/>
      <c r="RNL722" s="424"/>
      <c r="RNM722" s="423" t="s">
        <v>2795</v>
      </c>
      <c r="RNN722" s="424"/>
      <c r="RNO722" s="424"/>
      <c r="RNP722" s="424"/>
      <c r="RNQ722" s="423" t="s">
        <v>2795</v>
      </c>
      <c r="RNR722" s="424"/>
      <c r="RNS722" s="424"/>
      <c r="RNT722" s="424"/>
      <c r="RNU722" s="423" t="s">
        <v>2795</v>
      </c>
      <c r="RNV722" s="424"/>
      <c r="RNW722" s="424"/>
      <c r="RNX722" s="424"/>
      <c r="RNY722" s="423" t="s">
        <v>2795</v>
      </c>
      <c r="RNZ722" s="424"/>
      <c r="ROA722" s="424"/>
      <c r="ROB722" s="424"/>
      <c r="ROC722" s="423" t="s">
        <v>2795</v>
      </c>
      <c r="ROD722" s="424"/>
      <c r="ROE722" s="424"/>
      <c r="ROF722" s="424"/>
      <c r="ROG722" s="423" t="s">
        <v>2795</v>
      </c>
      <c r="ROH722" s="424"/>
      <c r="ROI722" s="424"/>
      <c r="ROJ722" s="424"/>
      <c r="ROK722" s="423" t="s">
        <v>2795</v>
      </c>
      <c r="ROL722" s="424"/>
      <c r="ROM722" s="424"/>
      <c r="RON722" s="424"/>
      <c r="ROO722" s="423" t="s">
        <v>2795</v>
      </c>
      <c r="ROP722" s="424"/>
      <c r="ROQ722" s="424"/>
      <c r="ROR722" s="424"/>
      <c r="ROS722" s="423" t="s">
        <v>2795</v>
      </c>
      <c r="ROT722" s="424"/>
      <c r="ROU722" s="424"/>
      <c r="ROV722" s="424"/>
      <c r="ROW722" s="423" t="s">
        <v>2795</v>
      </c>
      <c r="ROX722" s="424"/>
      <c r="ROY722" s="424"/>
      <c r="ROZ722" s="424"/>
      <c r="RPA722" s="423" t="s">
        <v>2795</v>
      </c>
      <c r="RPB722" s="424"/>
      <c r="RPC722" s="424"/>
      <c r="RPD722" s="424"/>
      <c r="RPE722" s="423" t="s">
        <v>2795</v>
      </c>
      <c r="RPF722" s="424"/>
      <c r="RPG722" s="424"/>
      <c r="RPH722" s="424"/>
      <c r="RPI722" s="423" t="s">
        <v>2795</v>
      </c>
      <c r="RPJ722" s="424"/>
      <c r="RPK722" s="424"/>
      <c r="RPL722" s="424"/>
      <c r="RPM722" s="423" t="s">
        <v>2795</v>
      </c>
      <c r="RPN722" s="424"/>
      <c r="RPO722" s="424"/>
      <c r="RPP722" s="424"/>
      <c r="RPQ722" s="423" t="s">
        <v>2795</v>
      </c>
      <c r="RPR722" s="424"/>
      <c r="RPS722" s="424"/>
      <c r="RPT722" s="424"/>
      <c r="RPU722" s="423" t="s">
        <v>2795</v>
      </c>
      <c r="RPV722" s="424"/>
      <c r="RPW722" s="424"/>
      <c r="RPX722" s="424"/>
      <c r="RPY722" s="423" t="s">
        <v>2795</v>
      </c>
      <c r="RPZ722" s="424"/>
      <c r="RQA722" s="424"/>
      <c r="RQB722" s="424"/>
      <c r="RQC722" s="423" t="s">
        <v>2795</v>
      </c>
      <c r="RQD722" s="424"/>
      <c r="RQE722" s="424"/>
      <c r="RQF722" s="424"/>
      <c r="RQG722" s="423" t="s">
        <v>2795</v>
      </c>
      <c r="RQH722" s="424"/>
      <c r="RQI722" s="424"/>
      <c r="RQJ722" s="424"/>
      <c r="RQK722" s="423" t="s">
        <v>2795</v>
      </c>
      <c r="RQL722" s="424"/>
      <c r="RQM722" s="424"/>
      <c r="RQN722" s="424"/>
      <c r="RQO722" s="423" t="s">
        <v>2795</v>
      </c>
      <c r="RQP722" s="424"/>
      <c r="RQQ722" s="424"/>
      <c r="RQR722" s="424"/>
      <c r="RQS722" s="423" t="s">
        <v>2795</v>
      </c>
      <c r="RQT722" s="424"/>
      <c r="RQU722" s="424"/>
      <c r="RQV722" s="424"/>
      <c r="RQW722" s="423" t="s">
        <v>2795</v>
      </c>
      <c r="RQX722" s="424"/>
      <c r="RQY722" s="424"/>
      <c r="RQZ722" s="424"/>
      <c r="RRA722" s="423" t="s">
        <v>2795</v>
      </c>
      <c r="RRB722" s="424"/>
      <c r="RRC722" s="424"/>
      <c r="RRD722" s="424"/>
      <c r="RRE722" s="423" t="s">
        <v>2795</v>
      </c>
      <c r="RRF722" s="424"/>
      <c r="RRG722" s="424"/>
      <c r="RRH722" s="424"/>
      <c r="RRI722" s="423" t="s">
        <v>2795</v>
      </c>
      <c r="RRJ722" s="424"/>
      <c r="RRK722" s="424"/>
      <c r="RRL722" s="424"/>
      <c r="RRM722" s="423" t="s">
        <v>2795</v>
      </c>
      <c r="RRN722" s="424"/>
      <c r="RRO722" s="424"/>
      <c r="RRP722" s="424"/>
      <c r="RRQ722" s="423" t="s">
        <v>2795</v>
      </c>
      <c r="RRR722" s="424"/>
      <c r="RRS722" s="424"/>
      <c r="RRT722" s="424"/>
      <c r="RRU722" s="423" t="s">
        <v>2795</v>
      </c>
      <c r="RRV722" s="424"/>
      <c r="RRW722" s="424"/>
      <c r="RRX722" s="424"/>
      <c r="RRY722" s="423" t="s">
        <v>2795</v>
      </c>
      <c r="RRZ722" s="424"/>
      <c r="RSA722" s="424"/>
      <c r="RSB722" s="424"/>
      <c r="RSC722" s="423" t="s">
        <v>2795</v>
      </c>
      <c r="RSD722" s="424"/>
      <c r="RSE722" s="424"/>
      <c r="RSF722" s="424"/>
      <c r="RSG722" s="423" t="s">
        <v>2795</v>
      </c>
      <c r="RSH722" s="424"/>
      <c r="RSI722" s="424"/>
      <c r="RSJ722" s="424"/>
      <c r="RSK722" s="423" t="s">
        <v>2795</v>
      </c>
      <c r="RSL722" s="424"/>
      <c r="RSM722" s="424"/>
      <c r="RSN722" s="424"/>
      <c r="RSO722" s="423" t="s">
        <v>2795</v>
      </c>
      <c r="RSP722" s="424"/>
      <c r="RSQ722" s="424"/>
      <c r="RSR722" s="424"/>
      <c r="RSS722" s="423" t="s">
        <v>2795</v>
      </c>
      <c r="RST722" s="424"/>
      <c r="RSU722" s="424"/>
      <c r="RSV722" s="424"/>
      <c r="RSW722" s="423" t="s">
        <v>2795</v>
      </c>
      <c r="RSX722" s="424"/>
      <c r="RSY722" s="424"/>
      <c r="RSZ722" s="424"/>
      <c r="RTA722" s="423" t="s">
        <v>2795</v>
      </c>
      <c r="RTB722" s="424"/>
      <c r="RTC722" s="424"/>
      <c r="RTD722" s="424"/>
      <c r="RTE722" s="423" t="s">
        <v>2795</v>
      </c>
      <c r="RTF722" s="424"/>
      <c r="RTG722" s="424"/>
      <c r="RTH722" s="424"/>
      <c r="RTI722" s="423" t="s">
        <v>2795</v>
      </c>
      <c r="RTJ722" s="424"/>
      <c r="RTK722" s="424"/>
      <c r="RTL722" s="424"/>
      <c r="RTM722" s="423" t="s">
        <v>2795</v>
      </c>
      <c r="RTN722" s="424"/>
      <c r="RTO722" s="424"/>
      <c r="RTP722" s="424"/>
      <c r="RTQ722" s="423" t="s">
        <v>2795</v>
      </c>
      <c r="RTR722" s="424"/>
      <c r="RTS722" s="424"/>
      <c r="RTT722" s="424"/>
      <c r="RTU722" s="423" t="s">
        <v>2795</v>
      </c>
      <c r="RTV722" s="424"/>
      <c r="RTW722" s="424"/>
      <c r="RTX722" s="424"/>
      <c r="RTY722" s="423" t="s">
        <v>2795</v>
      </c>
      <c r="RTZ722" s="424"/>
      <c r="RUA722" s="424"/>
      <c r="RUB722" s="424"/>
      <c r="RUC722" s="423" t="s">
        <v>2795</v>
      </c>
      <c r="RUD722" s="424"/>
      <c r="RUE722" s="424"/>
      <c r="RUF722" s="424"/>
      <c r="RUG722" s="423" t="s">
        <v>2795</v>
      </c>
      <c r="RUH722" s="424"/>
      <c r="RUI722" s="424"/>
      <c r="RUJ722" s="424"/>
      <c r="RUK722" s="423" t="s">
        <v>2795</v>
      </c>
      <c r="RUL722" s="424"/>
      <c r="RUM722" s="424"/>
      <c r="RUN722" s="424"/>
      <c r="RUO722" s="423" t="s">
        <v>2795</v>
      </c>
      <c r="RUP722" s="424"/>
      <c r="RUQ722" s="424"/>
      <c r="RUR722" s="424"/>
      <c r="RUS722" s="423" t="s">
        <v>2795</v>
      </c>
      <c r="RUT722" s="424"/>
      <c r="RUU722" s="424"/>
      <c r="RUV722" s="424"/>
      <c r="RUW722" s="423" t="s">
        <v>2795</v>
      </c>
      <c r="RUX722" s="424"/>
      <c r="RUY722" s="424"/>
      <c r="RUZ722" s="424"/>
      <c r="RVA722" s="423" t="s">
        <v>2795</v>
      </c>
      <c r="RVB722" s="424"/>
      <c r="RVC722" s="424"/>
      <c r="RVD722" s="424"/>
      <c r="RVE722" s="423" t="s">
        <v>2795</v>
      </c>
      <c r="RVF722" s="424"/>
      <c r="RVG722" s="424"/>
      <c r="RVH722" s="424"/>
      <c r="RVI722" s="423" t="s">
        <v>2795</v>
      </c>
      <c r="RVJ722" s="424"/>
      <c r="RVK722" s="424"/>
      <c r="RVL722" s="424"/>
      <c r="RVM722" s="423" t="s">
        <v>2795</v>
      </c>
      <c r="RVN722" s="424"/>
      <c r="RVO722" s="424"/>
      <c r="RVP722" s="424"/>
      <c r="RVQ722" s="423" t="s">
        <v>2795</v>
      </c>
      <c r="RVR722" s="424"/>
      <c r="RVS722" s="424"/>
      <c r="RVT722" s="424"/>
      <c r="RVU722" s="423" t="s">
        <v>2795</v>
      </c>
      <c r="RVV722" s="424"/>
      <c r="RVW722" s="424"/>
      <c r="RVX722" s="424"/>
      <c r="RVY722" s="423" t="s">
        <v>2795</v>
      </c>
      <c r="RVZ722" s="424"/>
      <c r="RWA722" s="424"/>
      <c r="RWB722" s="424"/>
      <c r="RWC722" s="423" t="s">
        <v>2795</v>
      </c>
      <c r="RWD722" s="424"/>
      <c r="RWE722" s="424"/>
      <c r="RWF722" s="424"/>
      <c r="RWG722" s="423" t="s">
        <v>2795</v>
      </c>
      <c r="RWH722" s="424"/>
      <c r="RWI722" s="424"/>
      <c r="RWJ722" s="424"/>
      <c r="RWK722" s="423" t="s">
        <v>2795</v>
      </c>
      <c r="RWL722" s="424"/>
      <c r="RWM722" s="424"/>
      <c r="RWN722" s="424"/>
      <c r="RWO722" s="423" t="s">
        <v>2795</v>
      </c>
      <c r="RWP722" s="424"/>
      <c r="RWQ722" s="424"/>
      <c r="RWR722" s="424"/>
      <c r="RWS722" s="423" t="s">
        <v>2795</v>
      </c>
      <c r="RWT722" s="424"/>
      <c r="RWU722" s="424"/>
      <c r="RWV722" s="424"/>
      <c r="RWW722" s="423" t="s">
        <v>2795</v>
      </c>
      <c r="RWX722" s="424"/>
      <c r="RWY722" s="424"/>
      <c r="RWZ722" s="424"/>
      <c r="RXA722" s="423" t="s">
        <v>2795</v>
      </c>
      <c r="RXB722" s="424"/>
      <c r="RXC722" s="424"/>
      <c r="RXD722" s="424"/>
      <c r="RXE722" s="423" t="s">
        <v>2795</v>
      </c>
      <c r="RXF722" s="424"/>
      <c r="RXG722" s="424"/>
      <c r="RXH722" s="424"/>
      <c r="RXI722" s="423" t="s">
        <v>2795</v>
      </c>
      <c r="RXJ722" s="424"/>
      <c r="RXK722" s="424"/>
      <c r="RXL722" s="424"/>
      <c r="RXM722" s="423" t="s">
        <v>2795</v>
      </c>
      <c r="RXN722" s="424"/>
      <c r="RXO722" s="424"/>
      <c r="RXP722" s="424"/>
      <c r="RXQ722" s="423" t="s">
        <v>2795</v>
      </c>
      <c r="RXR722" s="424"/>
      <c r="RXS722" s="424"/>
      <c r="RXT722" s="424"/>
      <c r="RXU722" s="423" t="s">
        <v>2795</v>
      </c>
      <c r="RXV722" s="424"/>
      <c r="RXW722" s="424"/>
      <c r="RXX722" s="424"/>
      <c r="RXY722" s="423" t="s">
        <v>2795</v>
      </c>
      <c r="RXZ722" s="424"/>
      <c r="RYA722" s="424"/>
      <c r="RYB722" s="424"/>
      <c r="RYC722" s="423" t="s">
        <v>2795</v>
      </c>
      <c r="RYD722" s="424"/>
      <c r="RYE722" s="424"/>
      <c r="RYF722" s="424"/>
      <c r="RYG722" s="423" t="s">
        <v>2795</v>
      </c>
      <c r="RYH722" s="424"/>
      <c r="RYI722" s="424"/>
      <c r="RYJ722" s="424"/>
      <c r="RYK722" s="423" t="s">
        <v>2795</v>
      </c>
      <c r="RYL722" s="424"/>
      <c r="RYM722" s="424"/>
      <c r="RYN722" s="424"/>
      <c r="RYO722" s="423" t="s">
        <v>2795</v>
      </c>
      <c r="RYP722" s="424"/>
      <c r="RYQ722" s="424"/>
      <c r="RYR722" s="424"/>
      <c r="RYS722" s="423" t="s">
        <v>2795</v>
      </c>
      <c r="RYT722" s="424"/>
      <c r="RYU722" s="424"/>
      <c r="RYV722" s="424"/>
      <c r="RYW722" s="423" t="s">
        <v>2795</v>
      </c>
      <c r="RYX722" s="424"/>
      <c r="RYY722" s="424"/>
      <c r="RYZ722" s="424"/>
      <c r="RZA722" s="423" t="s">
        <v>2795</v>
      </c>
      <c r="RZB722" s="424"/>
      <c r="RZC722" s="424"/>
      <c r="RZD722" s="424"/>
      <c r="RZE722" s="423" t="s">
        <v>2795</v>
      </c>
      <c r="RZF722" s="424"/>
      <c r="RZG722" s="424"/>
      <c r="RZH722" s="424"/>
      <c r="RZI722" s="423" t="s">
        <v>2795</v>
      </c>
      <c r="RZJ722" s="424"/>
      <c r="RZK722" s="424"/>
      <c r="RZL722" s="424"/>
      <c r="RZM722" s="423" t="s">
        <v>2795</v>
      </c>
      <c r="RZN722" s="424"/>
      <c r="RZO722" s="424"/>
      <c r="RZP722" s="424"/>
      <c r="RZQ722" s="423" t="s">
        <v>2795</v>
      </c>
      <c r="RZR722" s="424"/>
      <c r="RZS722" s="424"/>
      <c r="RZT722" s="424"/>
      <c r="RZU722" s="423" t="s">
        <v>2795</v>
      </c>
      <c r="RZV722" s="424"/>
      <c r="RZW722" s="424"/>
      <c r="RZX722" s="424"/>
      <c r="RZY722" s="423" t="s">
        <v>2795</v>
      </c>
      <c r="RZZ722" s="424"/>
      <c r="SAA722" s="424"/>
      <c r="SAB722" s="424"/>
      <c r="SAC722" s="423" t="s">
        <v>2795</v>
      </c>
      <c r="SAD722" s="424"/>
      <c r="SAE722" s="424"/>
      <c r="SAF722" s="424"/>
      <c r="SAG722" s="423" t="s">
        <v>2795</v>
      </c>
      <c r="SAH722" s="424"/>
      <c r="SAI722" s="424"/>
      <c r="SAJ722" s="424"/>
      <c r="SAK722" s="423" t="s">
        <v>2795</v>
      </c>
      <c r="SAL722" s="424"/>
      <c r="SAM722" s="424"/>
      <c r="SAN722" s="424"/>
      <c r="SAO722" s="423" t="s">
        <v>2795</v>
      </c>
      <c r="SAP722" s="424"/>
      <c r="SAQ722" s="424"/>
      <c r="SAR722" s="424"/>
      <c r="SAS722" s="423" t="s">
        <v>2795</v>
      </c>
      <c r="SAT722" s="424"/>
      <c r="SAU722" s="424"/>
      <c r="SAV722" s="424"/>
      <c r="SAW722" s="423" t="s">
        <v>2795</v>
      </c>
      <c r="SAX722" s="424"/>
      <c r="SAY722" s="424"/>
      <c r="SAZ722" s="424"/>
      <c r="SBA722" s="423" t="s">
        <v>2795</v>
      </c>
      <c r="SBB722" s="424"/>
      <c r="SBC722" s="424"/>
      <c r="SBD722" s="424"/>
      <c r="SBE722" s="423" t="s">
        <v>2795</v>
      </c>
      <c r="SBF722" s="424"/>
      <c r="SBG722" s="424"/>
      <c r="SBH722" s="424"/>
      <c r="SBI722" s="423" t="s">
        <v>2795</v>
      </c>
      <c r="SBJ722" s="424"/>
      <c r="SBK722" s="424"/>
      <c r="SBL722" s="424"/>
      <c r="SBM722" s="423" t="s">
        <v>2795</v>
      </c>
      <c r="SBN722" s="424"/>
      <c r="SBO722" s="424"/>
      <c r="SBP722" s="424"/>
      <c r="SBQ722" s="423" t="s">
        <v>2795</v>
      </c>
      <c r="SBR722" s="424"/>
      <c r="SBS722" s="424"/>
      <c r="SBT722" s="424"/>
      <c r="SBU722" s="423" t="s">
        <v>2795</v>
      </c>
      <c r="SBV722" s="424"/>
      <c r="SBW722" s="424"/>
      <c r="SBX722" s="424"/>
      <c r="SBY722" s="423" t="s">
        <v>2795</v>
      </c>
      <c r="SBZ722" s="424"/>
      <c r="SCA722" s="424"/>
      <c r="SCB722" s="424"/>
      <c r="SCC722" s="423" t="s">
        <v>2795</v>
      </c>
      <c r="SCD722" s="424"/>
      <c r="SCE722" s="424"/>
      <c r="SCF722" s="424"/>
      <c r="SCG722" s="423" t="s">
        <v>2795</v>
      </c>
      <c r="SCH722" s="424"/>
      <c r="SCI722" s="424"/>
      <c r="SCJ722" s="424"/>
      <c r="SCK722" s="423" t="s">
        <v>2795</v>
      </c>
      <c r="SCL722" s="424"/>
      <c r="SCM722" s="424"/>
      <c r="SCN722" s="424"/>
      <c r="SCO722" s="423" t="s">
        <v>2795</v>
      </c>
      <c r="SCP722" s="424"/>
      <c r="SCQ722" s="424"/>
      <c r="SCR722" s="424"/>
      <c r="SCS722" s="423" t="s">
        <v>2795</v>
      </c>
      <c r="SCT722" s="424"/>
      <c r="SCU722" s="424"/>
      <c r="SCV722" s="424"/>
      <c r="SCW722" s="423" t="s">
        <v>2795</v>
      </c>
      <c r="SCX722" s="424"/>
      <c r="SCY722" s="424"/>
      <c r="SCZ722" s="424"/>
      <c r="SDA722" s="423" t="s">
        <v>2795</v>
      </c>
      <c r="SDB722" s="424"/>
      <c r="SDC722" s="424"/>
      <c r="SDD722" s="424"/>
      <c r="SDE722" s="423" t="s">
        <v>2795</v>
      </c>
      <c r="SDF722" s="424"/>
      <c r="SDG722" s="424"/>
      <c r="SDH722" s="424"/>
      <c r="SDI722" s="423" t="s">
        <v>2795</v>
      </c>
      <c r="SDJ722" s="424"/>
      <c r="SDK722" s="424"/>
      <c r="SDL722" s="424"/>
      <c r="SDM722" s="423" t="s">
        <v>2795</v>
      </c>
      <c r="SDN722" s="424"/>
      <c r="SDO722" s="424"/>
      <c r="SDP722" s="424"/>
      <c r="SDQ722" s="423" t="s">
        <v>2795</v>
      </c>
      <c r="SDR722" s="424"/>
      <c r="SDS722" s="424"/>
      <c r="SDT722" s="424"/>
      <c r="SDU722" s="423" t="s">
        <v>2795</v>
      </c>
      <c r="SDV722" s="424"/>
      <c r="SDW722" s="424"/>
      <c r="SDX722" s="424"/>
      <c r="SDY722" s="423" t="s">
        <v>2795</v>
      </c>
      <c r="SDZ722" s="424"/>
      <c r="SEA722" s="424"/>
      <c r="SEB722" s="424"/>
      <c r="SEC722" s="423" t="s">
        <v>2795</v>
      </c>
      <c r="SED722" s="424"/>
      <c r="SEE722" s="424"/>
      <c r="SEF722" s="424"/>
      <c r="SEG722" s="423" t="s">
        <v>2795</v>
      </c>
      <c r="SEH722" s="424"/>
      <c r="SEI722" s="424"/>
      <c r="SEJ722" s="424"/>
      <c r="SEK722" s="423" t="s">
        <v>2795</v>
      </c>
      <c r="SEL722" s="424"/>
      <c r="SEM722" s="424"/>
      <c r="SEN722" s="424"/>
      <c r="SEO722" s="423" t="s">
        <v>2795</v>
      </c>
      <c r="SEP722" s="424"/>
      <c r="SEQ722" s="424"/>
      <c r="SER722" s="424"/>
      <c r="SES722" s="423" t="s">
        <v>2795</v>
      </c>
      <c r="SET722" s="424"/>
      <c r="SEU722" s="424"/>
      <c r="SEV722" s="424"/>
      <c r="SEW722" s="423" t="s">
        <v>2795</v>
      </c>
      <c r="SEX722" s="424"/>
      <c r="SEY722" s="424"/>
      <c r="SEZ722" s="424"/>
      <c r="SFA722" s="423" t="s">
        <v>2795</v>
      </c>
      <c r="SFB722" s="424"/>
      <c r="SFC722" s="424"/>
      <c r="SFD722" s="424"/>
      <c r="SFE722" s="423" t="s">
        <v>2795</v>
      </c>
      <c r="SFF722" s="424"/>
      <c r="SFG722" s="424"/>
      <c r="SFH722" s="424"/>
      <c r="SFI722" s="423" t="s">
        <v>2795</v>
      </c>
      <c r="SFJ722" s="424"/>
      <c r="SFK722" s="424"/>
      <c r="SFL722" s="424"/>
      <c r="SFM722" s="423" t="s">
        <v>2795</v>
      </c>
      <c r="SFN722" s="424"/>
      <c r="SFO722" s="424"/>
      <c r="SFP722" s="424"/>
      <c r="SFQ722" s="423" t="s">
        <v>2795</v>
      </c>
      <c r="SFR722" s="424"/>
      <c r="SFS722" s="424"/>
      <c r="SFT722" s="424"/>
      <c r="SFU722" s="423" t="s">
        <v>2795</v>
      </c>
      <c r="SFV722" s="424"/>
      <c r="SFW722" s="424"/>
      <c r="SFX722" s="424"/>
      <c r="SFY722" s="423" t="s">
        <v>2795</v>
      </c>
      <c r="SFZ722" s="424"/>
      <c r="SGA722" s="424"/>
      <c r="SGB722" s="424"/>
      <c r="SGC722" s="423" t="s">
        <v>2795</v>
      </c>
      <c r="SGD722" s="424"/>
      <c r="SGE722" s="424"/>
      <c r="SGF722" s="424"/>
      <c r="SGG722" s="423" t="s">
        <v>2795</v>
      </c>
      <c r="SGH722" s="424"/>
      <c r="SGI722" s="424"/>
      <c r="SGJ722" s="424"/>
      <c r="SGK722" s="423" t="s">
        <v>2795</v>
      </c>
      <c r="SGL722" s="424"/>
      <c r="SGM722" s="424"/>
      <c r="SGN722" s="424"/>
      <c r="SGO722" s="423" t="s">
        <v>2795</v>
      </c>
      <c r="SGP722" s="424"/>
      <c r="SGQ722" s="424"/>
      <c r="SGR722" s="424"/>
      <c r="SGS722" s="423" t="s">
        <v>2795</v>
      </c>
      <c r="SGT722" s="424"/>
      <c r="SGU722" s="424"/>
      <c r="SGV722" s="424"/>
      <c r="SGW722" s="423" t="s">
        <v>2795</v>
      </c>
      <c r="SGX722" s="424"/>
      <c r="SGY722" s="424"/>
      <c r="SGZ722" s="424"/>
      <c r="SHA722" s="423" t="s">
        <v>2795</v>
      </c>
      <c r="SHB722" s="424"/>
      <c r="SHC722" s="424"/>
      <c r="SHD722" s="424"/>
      <c r="SHE722" s="423" t="s">
        <v>2795</v>
      </c>
      <c r="SHF722" s="424"/>
      <c r="SHG722" s="424"/>
      <c r="SHH722" s="424"/>
      <c r="SHI722" s="423" t="s">
        <v>2795</v>
      </c>
      <c r="SHJ722" s="424"/>
      <c r="SHK722" s="424"/>
      <c r="SHL722" s="424"/>
      <c r="SHM722" s="423" t="s">
        <v>2795</v>
      </c>
      <c r="SHN722" s="424"/>
      <c r="SHO722" s="424"/>
      <c r="SHP722" s="424"/>
      <c r="SHQ722" s="423" t="s">
        <v>2795</v>
      </c>
      <c r="SHR722" s="424"/>
      <c r="SHS722" s="424"/>
      <c r="SHT722" s="424"/>
      <c r="SHU722" s="423" t="s">
        <v>2795</v>
      </c>
      <c r="SHV722" s="424"/>
      <c r="SHW722" s="424"/>
      <c r="SHX722" s="424"/>
      <c r="SHY722" s="423" t="s">
        <v>2795</v>
      </c>
      <c r="SHZ722" s="424"/>
      <c r="SIA722" s="424"/>
      <c r="SIB722" s="424"/>
      <c r="SIC722" s="423" t="s">
        <v>2795</v>
      </c>
      <c r="SID722" s="424"/>
      <c r="SIE722" s="424"/>
      <c r="SIF722" s="424"/>
      <c r="SIG722" s="423" t="s">
        <v>2795</v>
      </c>
      <c r="SIH722" s="424"/>
      <c r="SII722" s="424"/>
      <c r="SIJ722" s="424"/>
      <c r="SIK722" s="423" t="s">
        <v>2795</v>
      </c>
      <c r="SIL722" s="424"/>
      <c r="SIM722" s="424"/>
      <c r="SIN722" s="424"/>
      <c r="SIO722" s="423" t="s">
        <v>2795</v>
      </c>
      <c r="SIP722" s="424"/>
      <c r="SIQ722" s="424"/>
      <c r="SIR722" s="424"/>
      <c r="SIS722" s="423" t="s">
        <v>2795</v>
      </c>
      <c r="SIT722" s="424"/>
      <c r="SIU722" s="424"/>
      <c r="SIV722" s="424"/>
      <c r="SIW722" s="423" t="s">
        <v>2795</v>
      </c>
      <c r="SIX722" s="424"/>
      <c r="SIY722" s="424"/>
      <c r="SIZ722" s="424"/>
      <c r="SJA722" s="423" t="s">
        <v>2795</v>
      </c>
      <c r="SJB722" s="424"/>
      <c r="SJC722" s="424"/>
      <c r="SJD722" s="424"/>
      <c r="SJE722" s="423" t="s">
        <v>2795</v>
      </c>
      <c r="SJF722" s="424"/>
      <c r="SJG722" s="424"/>
      <c r="SJH722" s="424"/>
      <c r="SJI722" s="423" t="s">
        <v>2795</v>
      </c>
      <c r="SJJ722" s="424"/>
      <c r="SJK722" s="424"/>
      <c r="SJL722" s="424"/>
      <c r="SJM722" s="423" t="s">
        <v>2795</v>
      </c>
      <c r="SJN722" s="424"/>
      <c r="SJO722" s="424"/>
      <c r="SJP722" s="424"/>
      <c r="SJQ722" s="423" t="s">
        <v>2795</v>
      </c>
      <c r="SJR722" s="424"/>
      <c r="SJS722" s="424"/>
      <c r="SJT722" s="424"/>
      <c r="SJU722" s="423" t="s">
        <v>2795</v>
      </c>
      <c r="SJV722" s="424"/>
      <c r="SJW722" s="424"/>
      <c r="SJX722" s="424"/>
      <c r="SJY722" s="423" t="s">
        <v>2795</v>
      </c>
      <c r="SJZ722" s="424"/>
      <c r="SKA722" s="424"/>
      <c r="SKB722" s="424"/>
      <c r="SKC722" s="423" t="s">
        <v>2795</v>
      </c>
      <c r="SKD722" s="424"/>
      <c r="SKE722" s="424"/>
      <c r="SKF722" s="424"/>
      <c r="SKG722" s="423" t="s">
        <v>2795</v>
      </c>
      <c r="SKH722" s="424"/>
      <c r="SKI722" s="424"/>
      <c r="SKJ722" s="424"/>
      <c r="SKK722" s="423" t="s">
        <v>2795</v>
      </c>
      <c r="SKL722" s="424"/>
      <c r="SKM722" s="424"/>
      <c r="SKN722" s="424"/>
      <c r="SKO722" s="423" t="s">
        <v>2795</v>
      </c>
      <c r="SKP722" s="424"/>
      <c r="SKQ722" s="424"/>
      <c r="SKR722" s="424"/>
      <c r="SKS722" s="423" t="s">
        <v>2795</v>
      </c>
      <c r="SKT722" s="424"/>
      <c r="SKU722" s="424"/>
      <c r="SKV722" s="424"/>
      <c r="SKW722" s="423" t="s">
        <v>2795</v>
      </c>
      <c r="SKX722" s="424"/>
      <c r="SKY722" s="424"/>
      <c r="SKZ722" s="424"/>
      <c r="SLA722" s="423" t="s">
        <v>2795</v>
      </c>
      <c r="SLB722" s="424"/>
      <c r="SLC722" s="424"/>
      <c r="SLD722" s="424"/>
      <c r="SLE722" s="423" t="s">
        <v>2795</v>
      </c>
      <c r="SLF722" s="424"/>
      <c r="SLG722" s="424"/>
      <c r="SLH722" s="424"/>
      <c r="SLI722" s="423" t="s">
        <v>2795</v>
      </c>
      <c r="SLJ722" s="424"/>
      <c r="SLK722" s="424"/>
      <c r="SLL722" s="424"/>
      <c r="SLM722" s="423" t="s">
        <v>2795</v>
      </c>
      <c r="SLN722" s="424"/>
      <c r="SLO722" s="424"/>
      <c r="SLP722" s="424"/>
      <c r="SLQ722" s="423" t="s">
        <v>2795</v>
      </c>
      <c r="SLR722" s="424"/>
      <c r="SLS722" s="424"/>
      <c r="SLT722" s="424"/>
      <c r="SLU722" s="423" t="s">
        <v>2795</v>
      </c>
      <c r="SLV722" s="424"/>
      <c r="SLW722" s="424"/>
      <c r="SLX722" s="424"/>
      <c r="SLY722" s="423" t="s">
        <v>2795</v>
      </c>
      <c r="SLZ722" s="424"/>
      <c r="SMA722" s="424"/>
      <c r="SMB722" s="424"/>
      <c r="SMC722" s="423" t="s">
        <v>2795</v>
      </c>
      <c r="SMD722" s="424"/>
      <c r="SME722" s="424"/>
      <c r="SMF722" s="424"/>
      <c r="SMG722" s="423" t="s">
        <v>2795</v>
      </c>
      <c r="SMH722" s="424"/>
      <c r="SMI722" s="424"/>
      <c r="SMJ722" s="424"/>
      <c r="SMK722" s="423" t="s">
        <v>2795</v>
      </c>
      <c r="SML722" s="424"/>
      <c r="SMM722" s="424"/>
      <c r="SMN722" s="424"/>
      <c r="SMO722" s="423" t="s">
        <v>2795</v>
      </c>
      <c r="SMP722" s="424"/>
      <c r="SMQ722" s="424"/>
      <c r="SMR722" s="424"/>
      <c r="SMS722" s="423" t="s">
        <v>2795</v>
      </c>
      <c r="SMT722" s="424"/>
      <c r="SMU722" s="424"/>
      <c r="SMV722" s="424"/>
      <c r="SMW722" s="423" t="s">
        <v>2795</v>
      </c>
      <c r="SMX722" s="424"/>
      <c r="SMY722" s="424"/>
      <c r="SMZ722" s="424"/>
      <c r="SNA722" s="423" t="s">
        <v>2795</v>
      </c>
      <c r="SNB722" s="424"/>
      <c r="SNC722" s="424"/>
      <c r="SND722" s="424"/>
      <c r="SNE722" s="423" t="s">
        <v>2795</v>
      </c>
      <c r="SNF722" s="424"/>
      <c r="SNG722" s="424"/>
      <c r="SNH722" s="424"/>
      <c r="SNI722" s="423" t="s">
        <v>2795</v>
      </c>
      <c r="SNJ722" s="424"/>
      <c r="SNK722" s="424"/>
      <c r="SNL722" s="424"/>
      <c r="SNM722" s="423" t="s">
        <v>2795</v>
      </c>
      <c r="SNN722" s="424"/>
      <c r="SNO722" s="424"/>
      <c r="SNP722" s="424"/>
      <c r="SNQ722" s="423" t="s">
        <v>2795</v>
      </c>
      <c r="SNR722" s="424"/>
      <c r="SNS722" s="424"/>
      <c r="SNT722" s="424"/>
      <c r="SNU722" s="423" t="s">
        <v>2795</v>
      </c>
      <c r="SNV722" s="424"/>
      <c r="SNW722" s="424"/>
      <c r="SNX722" s="424"/>
      <c r="SNY722" s="423" t="s">
        <v>2795</v>
      </c>
      <c r="SNZ722" s="424"/>
      <c r="SOA722" s="424"/>
      <c r="SOB722" s="424"/>
      <c r="SOC722" s="423" t="s">
        <v>2795</v>
      </c>
      <c r="SOD722" s="424"/>
      <c r="SOE722" s="424"/>
      <c r="SOF722" s="424"/>
      <c r="SOG722" s="423" t="s">
        <v>2795</v>
      </c>
      <c r="SOH722" s="424"/>
      <c r="SOI722" s="424"/>
      <c r="SOJ722" s="424"/>
      <c r="SOK722" s="423" t="s">
        <v>2795</v>
      </c>
      <c r="SOL722" s="424"/>
      <c r="SOM722" s="424"/>
      <c r="SON722" s="424"/>
      <c r="SOO722" s="423" t="s">
        <v>2795</v>
      </c>
      <c r="SOP722" s="424"/>
      <c r="SOQ722" s="424"/>
      <c r="SOR722" s="424"/>
      <c r="SOS722" s="423" t="s">
        <v>2795</v>
      </c>
      <c r="SOT722" s="424"/>
      <c r="SOU722" s="424"/>
      <c r="SOV722" s="424"/>
      <c r="SOW722" s="423" t="s">
        <v>2795</v>
      </c>
      <c r="SOX722" s="424"/>
      <c r="SOY722" s="424"/>
      <c r="SOZ722" s="424"/>
      <c r="SPA722" s="423" t="s">
        <v>2795</v>
      </c>
      <c r="SPB722" s="424"/>
      <c r="SPC722" s="424"/>
      <c r="SPD722" s="424"/>
      <c r="SPE722" s="423" t="s">
        <v>2795</v>
      </c>
      <c r="SPF722" s="424"/>
      <c r="SPG722" s="424"/>
      <c r="SPH722" s="424"/>
      <c r="SPI722" s="423" t="s">
        <v>2795</v>
      </c>
      <c r="SPJ722" s="424"/>
      <c r="SPK722" s="424"/>
      <c r="SPL722" s="424"/>
      <c r="SPM722" s="423" t="s">
        <v>2795</v>
      </c>
      <c r="SPN722" s="424"/>
      <c r="SPO722" s="424"/>
      <c r="SPP722" s="424"/>
      <c r="SPQ722" s="423" t="s">
        <v>2795</v>
      </c>
      <c r="SPR722" s="424"/>
      <c r="SPS722" s="424"/>
      <c r="SPT722" s="424"/>
      <c r="SPU722" s="423" t="s">
        <v>2795</v>
      </c>
      <c r="SPV722" s="424"/>
      <c r="SPW722" s="424"/>
      <c r="SPX722" s="424"/>
      <c r="SPY722" s="423" t="s">
        <v>2795</v>
      </c>
      <c r="SPZ722" s="424"/>
      <c r="SQA722" s="424"/>
      <c r="SQB722" s="424"/>
      <c r="SQC722" s="423" t="s">
        <v>2795</v>
      </c>
      <c r="SQD722" s="424"/>
      <c r="SQE722" s="424"/>
      <c r="SQF722" s="424"/>
      <c r="SQG722" s="423" t="s">
        <v>2795</v>
      </c>
      <c r="SQH722" s="424"/>
      <c r="SQI722" s="424"/>
      <c r="SQJ722" s="424"/>
      <c r="SQK722" s="423" t="s">
        <v>2795</v>
      </c>
      <c r="SQL722" s="424"/>
      <c r="SQM722" s="424"/>
      <c r="SQN722" s="424"/>
      <c r="SQO722" s="423" t="s">
        <v>2795</v>
      </c>
      <c r="SQP722" s="424"/>
      <c r="SQQ722" s="424"/>
      <c r="SQR722" s="424"/>
      <c r="SQS722" s="423" t="s">
        <v>2795</v>
      </c>
      <c r="SQT722" s="424"/>
      <c r="SQU722" s="424"/>
      <c r="SQV722" s="424"/>
      <c r="SQW722" s="423" t="s">
        <v>2795</v>
      </c>
      <c r="SQX722" s="424"/>
      <c r="SQY722" s="424"/>
      <c r="SQZ722" s="424"/>
      <c r="SRA722" s="423" t="s">
        <v>2795</v>
      </c>
      <c r="SRB722" s="424"/>
      <c r="SRC722" s="424"/>
      <c r="SRD722" s="424"/>
      <c r="SRE722" s="423" t="s">
        <v>2795</v>
      </c>
      <c r="SRF722" s="424"/>
      <c r="SRG722" s="424"/>
      <c r="SRH722" s="424"/>
      <c r="SRI722" s="423" t="s">
        <v>2795</v>
      </c>
      <c r="SRJ722" s="424"/>
      <c r="SRK722" s="424"/>
      <c r="SRL722" s="424"/>
      <c r="SRM722" s="423" t="s">
        <v>2795</v>
      </c>
      <c r="SRN722" s="424"/>
      <c r="SRO722" s="424"/>
      <c r="SRP722" s="424"/>
      <c r="SRQ722" s="423" t="s">
        <v>2795</v>
      </c>
      <c r="SRR722" s="424"/>
      <c r="SRS722" s="424"/>
      <c r="SRT722" s="424"/>
      <c r="SRU722" s="423" t="s">
        <v>2795</v>
      </c>
      <c r="SRV722" s="424"/>
      <c r="SRW722" s="424"/>
      <c r="SRX722" s="424"/>
      <c r="SRY722" s="423" t="s">
        <v>2795</v>
      </c>
      <c r="SRZ722" s="424"/>
      <c r="SSA722" s="424"/>
      <c r="SSB722" s="424"/>
      <c r="SSC722" s="423" t="s">
        <v>2795</v>
      </c>
      <c r="SSD722" s="424"/>
      <c r="SSE722" s="424"/>
      <c r="SSF722" s="424"/>
      <c r="SSG722" s="423" t="s">
        <v>2795</v>
      </c>
      <c r="SSH722" s="424"/>
      <c r="SSI722" s="424"/>
      <c r="SSJ722" s="424"/>
      <c r="SSK722" s="423" t="s">
        <v>2795</v>
      </c>
      <c r="SSL722" s="424"/>
      <c r="SSM722" s="424"/>
      <c r="SSN722" s="424"/>
      <c r="SSO722" s="423" t="s">
        <v>2795</v>
      </c>
      <c r="SSP722" s="424"/>
      <c r="SSQ722" s="424"/>
      <c r="SSR722" s="424"/>
      <c r="SSS722" s="423" t="s">
        <v>2795</v>
      </c>
      <c r="SST722" s="424"/>
      <c r="SSU722" s="424"/>
      <c r="SSV722" s="424"/>
      <c r="SSW722" s="423" t="s">
        <v>2795</v>
      </c>
      <c r="SSX722" s="424"/>
      <c r="SSY722" s="424"/>
      <c r="SSZ722" s="424"/>
      <c r="STA722" s="423" t="s">
        <v>2795</v>
      </c>
      <c r="STB722" s="424"/>
      <c r="STC722" s="424"/>
      <c r="STD722" s="424"/>
      <c r="STE722" s="423" t="s">
        <v>2795</v>
      </c>
      <c r="STF722" s="424"/>
      <c r="STG722" s="424"/>
      <c r="STH722" s="424"/>
      <c r="STI722" s="423" t="s">
        <v>2795</v>
      </c>
      <c r="STJ722" s="424"/>
      <c r="STK722" s="424"/>
      <c r="STL722" s="424"/>
      <c r="STM722" s="423" t="s">
        <v>2795</v>
      </c>
      <c r="STN722" s="424"/>
      <c r="STO722" s="424"/>
      <c r="STP722" s="424"/>
      <c r="STQ722" s="423" t="s">
        <v>2795</v>
      </c>
      <c r="STR722" s="424"/>
      <c r="STS722" s="424"/>
      <c r="STT722" s="424"/>
      <c r="STU722" s="423" t="s">
        <v>2795</v>
      </c>
      <c r="STV722" s="424"/>
      <c r="STW722" s="424"/>
      <c r="STX722" s="424"/>
      <c r="STY722" s="423" t="s">
        <v>2795</v>
      </c>
      <c r="STZ722" s="424"/>
      <c r="SUA722" s="424"/>
      <c r="SUB722" s="424"/>
      <c r="SUC722" s="423" t="s">
        <v>2795</v>
      </c>
      <c r="SUD722" s="424"/>
      <c r="SUE722" s="424"/>
      <c r="SUF722" s="424"/>
      <c r="SUG722" s="423" t="s">
        <v>2795</v>
      </c>
      <c r="SUH722" s="424"/>
      <c r="SUI722" s="424"/>
      <c r="SUJ722" s="424"/>
      <c r="SUK722" s="423" t="s">
        <v>2795</v>
      </c>
      <c r="SUL722" s="424"/>
      <c r="SUM722" s="424"/>
      <c r="SUN722" s="424"/>
      <c r="SUO722" s="423" t="s">
        <v>2795</v>
      </c>
      <c r="SUP722" s="424"/>
      <c r="SUQ722" s="424"/>
      <c r="SUR722" s="424"/>
      <c r="SUS722" s="423" t="s">
        <v>2795</v>
      </c>
      <c r="SUT722" s="424"/>
      <c r="SUU722" s="424"/>
      <c r="SUV722" s="424"/>
      <c r="SUW722" s="423" t="s">
        <v>2795</v>
      </c>
      <c r="SUX722" s="424"/>
      <c r="SUY722" s="424"/>
      <c r="SUZ722" s="424"/>
      <c r="SVA722" s="423" t="s">
        <v>2795</v>
      </c>
      <c r="SVB722" s="424"/>
      <c r="SVC722" s="424"/>
      <c r="SVD722" s="424"/>
      <c r="SVE722" s="423" t="s">
        <v>2795</v>
      </c>
      <c r="SVF722" s="424"/>
      <c r="SVG722" s="424"/>
      <c r="SVH722" s="424"/>
      <c r="SVI722" s="423" t="s">
        <v>2795</v>
      </c>
      <c r="SVJ722" s="424"/>
      <c r="SVK722" s="424"/>
      <c r="SVL722" s="424"/>
      <c r="SVM722" s="423" t="s">
        <v>2795</v>
      </c>
      <c r="SVN722" s="424"/>
      <c r="SVO722" s="424"/>
      <c r="SVP722" s="424"/>
      <c r="SVQ722" s="423" t="s">
        <v>2795</v>
      </c>
      <c r="SVR722" s="424"/>
      <c r="SVS722" s="424"/>
      <c r="SVT722" s="424"/>
      <c r="SVU722" s="423" t="s">
        <v>2795</v>
      </c>
      <c r="SVV722" s="424"/>
      <c r="SVW722" s="424"/>
      <c r="SVX722" s="424"/>
      <c r="SVY722" s="423" t="s">
        <v>2795</v>
      </c>
      <c r="SVZ722" s="424"/>
      <c r="SWA722" s="424"/>
      <c r="SWB722" s="424"/>
      <c r="SWC722" s="423" t="s">
        <v>2795</v>
      </c>
      <c r="SWD722" s="424"/>
      <c r="SWE722" s="424"/>
      <c r="SWF722" s="424"/>
      <c r="SWG722" s="423" t="s">
        <v>2795</v>
      </c>
      <c r="SWH722" s="424"/>
      <c r="SWI722" s="424"/>
      <c r="SWJ722" s="424"/>
      <c r="SWK722" s="423" t="s">
        <v>2795</v>
      </c>
      <c r="SWL722" s="424"/>
      <c r="SWM722" s="424"/>
      <c r="SWN722" s="424"/>
      <c r="SWO722" s="423" t="s">
        <v>2795</v>
      </c>
      <c r="SWP722" s="424"/>
      <c r="SWQ722" s="424"/>
      <c r="SWR722" s="424"/>
      <c r="SWS722" s="423" t="s">
        <v>2795</v>
      </c>
      <c r="SWT722" s="424"/>
      <c r="SWU722" s="424"/>
      <c r="SWV722" s="424"/>
      <c r="SWW722" s="423" t="s">
        <v>2795</v>
      </c>
      <c r="SWX722" s="424"/>
      <c r="SWY722" s="424"/>
      <c r="SWZ722" s="424"/>
      <c r="SXA722" s="423" t="s">
        <v>2795</v>
      </c>
      <c r="SXB722" s="424"/>
      <c r="SXC722" s="424"/>
      <c r="SXD722" s="424"/>
      <c r="SXE722" s="423" t="s">
        <v>2795</v>
      </c>
      <c r="SXF722" s="424"/>
      <c r="SXG722" s="424"/>
      <c r="SXH722" s="424"/>
      <c r="SXI722" s="423" t="s">
        <v>2795</v>
      </c>
      <c r="SXJ722" s="424"/>
      <c r="SXK722" s="424"/>
      <c r="SXL722" s="424"/>
      <c r="SXM722" s="423" t="s">
        <v>2795</v>
      </c>
      <c r="SXN722" s="424"/>
      <c r="SXO722" s="424"/>
      <c r="SXP722" s="424"/>
      <c r="SXQ722" s="423" t="s">
        <v>2795</v>
      </c>
      <c r="SXR722" s="424"/>
      <c r="SXS722" s="424"/>
      <c r="SXT722" s="424"/>
      <c r="SXU722" s="423" t="s">
        <v>2795</v>
      </c>
      <c r="SXV722" s="424"/>
      <c r="SXW722" s="424"/>
      <c r="SXX722" s="424"/>
      <c r="SXY722" s="423" t="s">
        <v>2795</v>
      </c>
      <c r="SXZ722" s="424"/>
      <c r="SYA722" s="424"/>
      <c r="SYB722" s="424"/>
      <c r="SYC722" s="423" t="s">
        <v>2795</v>
      </c>
      <c r="SYD722" s="424"/>
      <c r="SYE722" s="424"/>
      <c r="SYF722" s="424"/>
      <c r="SYG722" s="423" t="s">
        <v>2795</v>
      </c>
      <c r="SYH722" s="424"/>
      <c r="SYI722" s="424"/>
      <c r="SYJ722" s="424"/>
      <c r="SYK722" s="423" t="s">
        <v>2795</v>
      </c>
      <c r="SYL722" s="424"/>
      <c r="SYM722" s="424"/>
      <c r="SYN722" s="424"/>
      <c r="SYO722" s="423" t="s">
        <v>2795</v>
      </c>
      <c r="SYP722" s="424"/>
      <c r="SYQ722" s="424"/>
      <c r="SYR722" s="424"/>
      <c r="SYS722" s="423" t="s">
        <v>2795</v>
      </c>
      <c r="SYT722" s="424"/>
      <c r="SYU722" s="424"/>
      <c r="SYV722" s="424"/>
      <c r="SYW722" s="423" t="s">
        <v>2795</v>
      </c>
      <c r="SYX722" s="424"/>
      <c r="SYY722" s="424"/>
      <c r="SYZ722" s="424"/>
      <c r="SZA722" s="423" t="s">
        <v>2795</v>
      </c>
      <c r="SZB722" s="424"/>
      <c r="SZC722" s="424"/>
      <c r="SZD722" s="424"/>
      <c r="SZE722" s="423" t="s">
        <v>2795</v>
      </c>
      <c r="SZF722" s="424"/>
      <c r="SZG722" s="424"/>
      <c r="SZH722" s="424"/>
      <c r="SZI722" s="423" t="s">
        <v>2795</v>
      </c>
      <c r="SZJ722" s="424"/>
      <c r="SZK722" s="424"/>
      <c r="SZL722" s="424"/>
      <c r="SZM722" s="423" t="s">
        <v>2795</v>
      </c>
      <c r="SZN722" s="424"/>
      <c r="SZO722" s="424"/>
      <c r="SZP722" s="424"/>
      <c r="SZQ722" s="423" t="s">
        <v>2795</v>
      </c>
      <c r="SZR722" s="424"/>
      <c r="SZS722" s="424"/>
      <c r="SZT722" s="424"/>
      <c r="SZU722" s="423" t="s">
        <v>2795</v>
      </c>
      <c r="SZV722" s="424"/>
      <c r="SZW722" s="424"/>
      <c r="SZX722" s="424"/>
      <c r="SZY722" s="423" t="s">
        <v>2795</v>
      </c>
      <c r="SZZ722" s="424"/>
      <c r="TAA722" s="424"/>
      <c r="TAB722" s="424"/>
      <c r="TAC722" s="423" t="s">
        <v>2795</v>
      </c>
      <c r="TAD722" s="424"/>
      <c r="TAE722" s="424"/>
      <c r="TAF722" s="424"/>
      <c r="TAG722" s="423" t="s">
        <v>2795</v>
      </c>
      <c r="TAH722" s="424"/>
      <c r="TAI722" s="424"/>
      <c r="TAJ722" s="424"/>
      <c r="TAK722" s="423" t="s">
        <v>2795</v>
      </c>
      <c r="TAL722" s="424"/>
      <c r="TAM722" s="424"/>
      <c r="TAN722" s="424"/>
      <c r="TAO722" s="423" t="s">
        <v>2795</v>
      </c>
      <c r="TAP722" s="424"/>
      <c r="TAQ722" s="424"/>
      <c r="TAR722" s="424"/>
      <c r="TAS722" s="423" t="s">
        <v>2795</v>
      </c>
      <c r="TAT722" s="424"/>
      <c r="TAU722" s="424"/>
      <c r="TAV722" s="424"/>
      <c r="TAW722" s="423" t="s">
        <v>2795</v>
      </c>
      <c r="TAX722" s="424"/>
      <c r="TAY722" s="424"/>
      <c r="TAZ722" s="424"/>
      <c r="TBA722" s="423" t="s">
        <v>2795</v>
      </c>
      <c r="TBB722" s="424"/>
      <c r="TBC722" s="424"/>
      <c r="TBD722" s="424"/>
      <c r="TBE722" s="423" t="s">
        <v>2795</v>
      </c>
      <c r="TBF722" s="424"/>
      <c r="TBG722" s="424"/>
      <c r="TBH722" s="424"/>
      <c r="TBI722" s="423" t="s">
        <v>2795</v>
      </c>
      <c r="TBJ722" s="424"/>
      <c r="TBK722" s="424"/>
      <c r="TBL722" s="424"/>
      <c r="TBM722" s="423" t="s">
        <v>2795</v>
      </c>
      <c r="TBN722" s="424"/>
      <c r="TBO722" s="424"/>
      <c r="TBP722" s="424"/>
      <c r="TBQ722" s="423" t="s">
        <v>2795</v>
      </c>
      <c r="TBR722" s="424"/>
      <c r="TBS722" s="424"/>
      <c r="TBT722" s="424"/>
      <c r="TBU722" s="423" t="s">
        <v>2795</v>
      </c>
      <c r="TBV722" s="424"/>
      <c r="TBW722" s="424"/>
      <c r="TBX722" s="424"/>
      <c r="TBY722" s="423" t="s">
        <v>2795</v>
      </c>
      <c r="TBZ722" s="424"/>
      <c r="TCA722" s="424"/>
      <c r="TCB722" s="424"/>
      <c r="TCC722" s="423" t="s">
        <v>2795</v>
      </c>
      <c r="TCD722" s="424"/>
      <c r="TCE722" s="424"/>
      <c r="TCF722" s="424"/>
      <c r="TCG722" s="423" t="s">
        <v>2795</v>
      </c>
      <c r="TCH722" s="424"/>
      <c r="TCI722" s="424"/>
      <c r="TCJ722" s="424"/>
      <c r="TCK722" s="423" t="s">
        <v>2795</v>
      </c>
      <c r="TCL722" s="424"/>
      <c r="TCM722" s="424"/>
      <c r="TCN722" s="424"/>
      <c r="TCO722" s="423" t="s">
        <v>2795</v>
      </c>
      <c r="TCP722" s="424"/>
      <c r="TCQ722" s="424"/>
      <c r="TCR722" s="424"/>
      <c r="TCS722" s="423" t="s">
        <v>2795</v>
      </c>
      <c r="TCT722" s="424"/>
      <c r="TCU722" s="424"/>
      <c r="TCV722" s="424"/>
      <c r="TCW722" s="423" t="s">
        <v>2795</v>
      </c>
      <c r="TCX722" s="424"/>
      <c r="TCY722" s="424"/>
      <c r="TCZ722" s="424"/>
      <c r="TDA722" s="423" t="s">
        <v>2795</v>
      </c>
      <c r="TDB722" s="424"/>
      <c r="TDC722" s="424"/>
      <c r="TDD722" s="424"/>
      <c r="TDE722" s="423" t="s">
        <v>2795</v>
      </c>
      <c r="TDF722" s="424"/>
      <c r="TDG722" s="424"/>
      <c r="TDH722" s="424"/>
      <c r="TDI722" s="423" t="s">
        <v>2795</v>
      </c>
      <c r="TDJ722" s="424"/>
      <c r="TDK722" s="424"/>
      <c r="TDL722" s="424"/>
      <c r="TDM722" s="423" t="s">
        <v>2795</v>
      </c>
      <c r="TDN722" s="424"/>
      <c r="TDO722" s="424"/>
      <c r="TDP722" s="424"/>
      <c r="TDQ722" s="423" t="s">
        <v>2795</v>
      </c>
      <c r="TDR722" s="424"/>
      <c r="TDS722" s="424"/>
      <c r="TDT722" s="424"/>
      <c r="TDU722" s="423" t="s">
        <v>2795</v>
      </c>
      <c r="TDV722" s="424"/>
      <c r="TDW722" s="424"/>
      <c r="TDX722" s="424"/>
      <c r="TDY722" s="423" t="s">
        <v>2795</v>
      </c>
      <c r="TDZ722" s="424"/>
      <c r="TEA722" s="424"/>
      <c r="TEB722" s="424"/>
      <c r="TEC722" s="423" t="s">
        <v>2795</v>
      </c>
      <c r="TED722" s="424"/>
      <c r="TEE722" s="424"/>
      <c r="TEF722" s="424"/>
      <c r="TEG722" s="423" t="s">
        <v>2795</v>
      </c>
      <c r="TEH722" s="424"/>
      <c r="TEI722" s="424"/>
      <c r="TEJ722" s="424"/>
      <c r="TEK722" s="423" t="s">
        <v>2795</v>
      </c>
      <c r="TEL722" s="424"/>
      <c r="TEM722" s="424"/>
      <c r="TEN722" s="424"/>
      <c r="TEO722" s="423" t="s">
        <v>2795</v>
      </c>
      <c r="TEP722" s="424"/>
      <c r="TEQ722" s="424"/>
      <c r="TER722" s="424"/>
      <c r="TES722" s="423" t="s">
        <v>2795</v>
      </c>
      <c r="TET722" s="424"/>
      <c r="TEU722" s="424"/>
      <c r="TEV722" s="424"/>
      <c r="TEW722" s="423" t="s">
        <v>2795</v>
      </c>
      <c r="TEX722" s="424"/>
      <c r="TEY722" s="424"/>
      <c r="TEZ722" s="424"/>
      <c r="TFA722" s="423" t="s">
        <v>2795</v>
      </c>
      <c r="TFB722" s="424"/>
      <c r="TFC722" s="424"/>
      <c r="TFD722" s="424"/>
      <c r="TFE722" s="423" t="s">
        <v>2795</v>
      </c>
      <c r="TFF722" s="424"/>
      <c r="TFG722" s="424"/>
      <c r="TFH722" s="424"/>
      <c r="TFI722" s="423" t="s">
        <v>2795</v>
      </c>
      <c r="TFJ722" s="424"/>
      <c r="TFK722" s="424"/>
      <c r="TFL722" s="424"/>
      <c r="TFM722" s="423" t="s">
        <v>2795</v>
      </c>
      <c r="TFN722" s="424"/>
      <c r="TFO722" s="424"/>
      <c r="TFP722" s="424"/>
      <c r="TFQ722" s="423" t="s">
        <v>2795</v>
      </c>
      <c r="TFR722" s="424"/>
      <c r="TFS722" s="424"/>
      <c r="TFT722" s="424"/>
      <c r="TFU722" s="423" t="s">
        <v>2795</v>
      </c>
      <c r="TFV722" s="424"/>
      <c r="TFW722" s="424"/>
      <c r="TFX722" s="424"/>
      <c r="TFY722" s="423" t="s">
        <v>2795</v>
      </c>
      <c r="TFZ722" s="424"/>
      <c r="TGA722" s="424"/>
      <c r="TGB722" s="424"/>
      <c r="TGC722" s="423" t="s">
        <v>2795</v>
      </c>
      <c r="TGD722" s="424"/>
      <c r="TGE722" s="424"/>
      <c r="TGF722" s="424"/>
      <c r="TGG722" s="423" t="s">
        <v>2795</v>
      </c>
      <c r="TGH722" s="424"/>
      <c r="TGI722" s="424"/>
      <c r="TGJ722" s="424"/>
      <c r="TGK722" s="423" t="s">
        <v>2795</v>
      </c>
      <c r="TGL722" s="424"/>
      <c r="TGM722" s="424"/>
      <c r="TGN722" s="424"/>
      <c r="TGO722" s="423" t="s">
        <v>2795</v>
      </c>
      <c r="TGP722" s="424"/>
      <c r="TGQ722" s="424"/>
      <c r="TGR722" s="424"/>
      <c r="TGS722" s="423" t="s">
        <v>2795</v>
      </c>
      <c r="TGT722" s="424"/>
      <c r="TGU722" s="424"/>
      <c r="TGV722" s="424"/>
      <c r="TGW722" s="423" t="s">
        <v>2795</v>
      </c>
      <c r="TGX722" s="424"/>
      <c r="TGY722" s="424"/>
      <c r="TGZ722" s="424"/>
      <c r="THA722" s="423" t="s">
        <v>2795</v>
      </c>
      <c r="THB722" s="424"/>
      <c r="THC722" s="424"/>
      <c r="THD722" s="424"/>
      <c r="THE722" s="423" t="s">
        <v>2795</v>
      </c>
      <c r="THF722" s="424"/>
      <c r="THG722" s="424"/>
      <c r="THH722" s="424"/>
      <c r="THI722" s="423" t="s">
        <v>2795</v>
      </c>
      <c r="THJ722" s="424"/>
      <c r="THK722" s="424"/>
      <c r="THL722" s="424"/>
      <c r="THM722" s="423" t="s">
        <v>2795</v>
      </c>
      <c r="THN722" s="424"/>
      <c r="THO722" s="424"/>
      <c r="THP722" s="424"/>
      <c r="THQ722" s="423" t="s">
        <v>2795</v>
      </c>
      <c r="THR722" s="424"/>
      <c r="THS722" s="424"/>
      <c r="THT722" s="424"/>
      <c r="THU722" s="423" t="s">
        <v>2795</v>
      </c>
      <c r="THV722" s="424"/>
      <c r="THW722" s="424"/>
      <c r="THX722" s="424"/>
      <c r="THY722" s="423" t="s">
        <v>2795</v>
      </c>
      <c r="THZ722" s="424"/>
      <c r="TIA722" s="424"/>
      <c r="TIB722" s="424"/>
      <c r="TIC722" s="423" t="s">
        <v>2795</v>
      </c>
      <c r="TID722" s="424"/>
      <c r="TIE722" s="424"/>
      <c r="TIF722" s="424"/>
      <c r="TIG722" s="423" t="s">
        <v>2795</v>
      </c>
      <c r="TIH722" s="424"/>
      <c r="TII722" s="424"/>
      <c r="TIJ722" s="424"/>
      <c r="TIK722" s="423" t="s">
        <v>2795</v>
      </c>
      <c r="TIL722" s="424"/>
      <c r="TIM722" s="424"/>
      <c r="TIN722" s="424"/>
      <c r="TIO722" s="423" t="s">
        <v>2795</v>
      </c>
      <c r="TIP722" s="424"/>
      <c r="TIQ722" s="424"/>
      <c r="TIR722" s="424"/>
      <c r="TIS722" s="423" t="s">
        <v>2795</v>
      </c>
      <c r="TIT722" s="424"/>
      <c r="TIU722" s="424"/>
      <c r="TIV722" s="424"/>
      <c r="TIW722" s="423" t="s">
        <v>2795</v>
      </c>
      <c r="TIX722" s="424"/>
      <c r="TIY722" s="424"/>
      <c r="TIZ722" s="424"/>
      <c r="TJA722" s="423" t="s">
        <v>2795</v>
      </c>
      <c r="TJB722" s="424"/>
      <c r="TJC722" s="424"/>
      <c r="TJD722" s="424"/>
      <c r="TJE722" s="423" t="s">
        <v>2795</v>
      </c>
      <c r="TJF722" s="424"/>
      <c r="TJG722" s="424"/>
      <c r="TJH722" s="424"/>
      <c r="TJI722" s="423" t="s">
        <v>2795</v>
      </c>
      <c r="TJJ722" s="424"/>
      <c r="TJK722" s="424"/>
      <c r="TJL722" s="424"/>
      <c r="TJM722" s="423" t="s">
        <v>2795</v>
      </c>
      <c r="TJN722" s="424"/>
      <c r="TJO722" s="424"/>
      <c r="TJP722" s="424"/>
      <c r="TJQ722" s="423" t="s">
        <v>2795</v>
      </c>
      <c r="TJR722" s="424"/>
      <c r="TJS722" s="424"/>
      <c r="TJT722" s="424"/>
      <c r="TJU722" s="423" t="s">
        <v>2795</v>
      </c>
      <c r="TJV722" s="424"/>
      <c r="TJW722" s="424"/>
      <c r="TJX722" s="424"/>
      <c r="TJY722" s="423" t="s">
        <v>2795</v>
      </c>
      <c r="TJZ722" s="424"/>
      <c r="TKA722" s="424"/>
      <c r="TKB722" s="424"/>
      <c r="TKC722" s="423" t="s">
        <v>2795</v>
      </c>
      <c r="TKD722" s="424"/>
      <c r="TKE722" s="424"/>
      <c r="TKF722" s="424"/>
      <c r="TKG722" s="423" t="s">
        <v>2795</v>
      </c>
      <c r="TKH722" s="424"/>
      <c r="TKI722" s="424"/>
      <c r="TKJ722" s="424"/>
      <c r="TKK722" s="423" t="s">
        <v>2795</v>
      </c>
      <c r="TKL722" s="424"/>
      <c r="TKM722" s="424"/>
      <c r="TKN722" s="424"/>
      <c r="TKO722" s="423" t="s">
        <v>2795</v>
      </c>
      <c r="TKP722" s="424"/>
      <c r="TKQ722" s="424"/>
      <c r="TKR722" s="424"/>
      <c r="TKS722" s="423" t="s">
        <v>2795</v>
      </c>
      <c r="TKT722" s="424"/>
      <c r="TKU722" s="424"/>
      <c r="TKV722" s="424"/>
      <c r="TKW722" s="423" t="s">
        <v>2795</v>
      </c>
      <c r="TKX722" s="424"/>
      <c r="TKY722" s="424"/>
      <c r="TKZ722" s="424"/>
      <c r="TLA722" s="423" t="s">
        <v>2795</v>
      </c>
      <c r="TLB722" s="424"/>
      <c r="TLC722" s="424"/>
      <c r="TLD722" s="424"/>
      <c r="TLE722" s="423" t="s">
        <v>2795</v>
      </c>
      <c r="TLF722" s="424"/>
      <c r="TLG722" s="424"/>
      <c r="TLH722" s="424"/>
      <c r="TLI722" s="423" t="s">
        <v>2795</v>
      </c>
      <c r="TLJ722" s="424"/>
      <c r="TLK722" s="424"/>
      <c r="TLL722" s="424"/>
      <c r="TLM722" s="423" t="s">
        <v>2795</v>
      </c>
      <c r="TLN722" s="424"/>
      <c r="TLO722" s="424"/>
      <c r="TLP722" s="424"/>
      <c r="TLQ722" s="423" t="s">
        <v>2795</v>
      </c>
      <c r="TLR722" s="424"/>
      <c r="TLS722" s="424"/>
      <c r="TLT722" s="424"/>
      <c r="TLU722" s="423" t="s">
        <v>2795</v>
      </c>
      <c r="TLV722" s="424"/>
      <c r="TLW722" s="424"/>
      <c r="TLX722" s="424"/>
      <c r="TLY722" s="423" t="s">
        <v>2795</v>
      </c>
      <c r="TLZ722" s="424"/>
      <c r="TMA722" s="424"/>
      <c r="TMB722" s="424"/>
      <c r="TMC722" s="423" t="s">
        <v>2795</v>
      </c>
      <c r="TMD722" s="424"/>
      <c r="TME722" s="424"/>
      <c r="TMF722" s="424"/>
      <c r="TMG722" s="423" t="s">
        <v>2795</v>
      </c>
      <c r="TMH722" s="424"/>
      <c r="TMI722" s="424"/>
      <c r="TMJ722" s="424"/>
      <c r="TMK722" s="423" t="s">
        <v>2795</v>
      </c>
      <c r="TML722" s="424"/>
      <c r="TMM722" s="424"/>
      <c r="TMN722" s="424"/>
      <c r="TMO722" s="423" t="s">
        <v>2795</v>
      </c>
      <c r="TMP722" s="424"/>
      <c r="TMQ722" s="424"/>
      <c r="TMR722" s="424"/>
      <c r="TMS722" s="423" t="s">
        <v>2795</v>
      </c>
      <c r="TMT722" s="424"/>
      <c r="TMU722" s="424"/>
      <c r="TMV722" s="424"/>
      <c r="TMW722" s="423" t="s">
        <v>2795</v>
      </c>
      <c r="TMX722" s="424"/>
      <c r="TMY722" s="424"/>
      <c r="TMZ722" s="424"/>
      <c r="TNA722" s="423" t="s">
        <v>2795</v>
      </c>
      <c r="TNB722" s="424"/>
      <c r="TNC722" s="424"/>
      <c r="TND722" s="424"/>
      <c r="TNE722" s="423" t="s">
        <v>2795</v>
      </c>
      <c r="TNF722" s="424"/>
      <c r="TNG722" s="424"/>
      <c r="TNH722" s="424"/>
      <c r="TNI722" s="423" t="s">
        <v>2795</v>
      </c>
      <c r="TNJ722" s="424"/>
      <c r="TNK722" s="424"/>
      <c r="TNL722" s="424"/>
      <c r="TNM722" s="423" t="s">
        <v>2795</v>
      </c>
      <c r="TNN722" s="424"/>
      <c r="TNO722" s="424"/>
      <c r="TNP722" s="424"/>
      <c r="TNQ722" s="423" t="s">
        <v>2795</v>
      </c>
      <c r="TNR722" s="424"/>
      <c r="TNS722" s="424"/>
      <c r="TNT722" s="424"/>
      <c r="TNU722" s="423" t="s">
        <v>2795</v>
      </c>
      <c r="TNV722" s="424"/>
      <c r="TNW722" s="424"/>
      <c r="TNX722" s="424"/>
      <c r="TNY722" s="423" t="s">
        <v>2795</v>
      </c>
      <c r="TNZ722" s="424"/>
      <c r="TOA722" s="424"/>
      <c r="TOB722" s="424"/>
      <c r="TOC722" s="423" t="s">
        <v>2795</v>
      </c>
      <c r="TOD722" s="424"/>
      <c r="TOE722" s="424"/>
      <c r="TOF722" s="424"/>
      <c r="TOG722" s="423" t="s">
        <v>2795</v>
      </c>
      <c r="TOH722" s="424"/>
      <c r="TOI722" s="424"/>
      <c r="TOJ722" s="424"/>
      <c r="TOK722" s="423" t="s">
        <v>2795</v>
      </c>
      <c r="TOL722" s="424"/>
      <c r="TOM722" s="424"/>
      <c r="TON722" s="424"/>
      <c r="TOO722" s="423" t="s">
        <v>2795</v>
      </c>
      <c r="TOP722" s="424"/>
      <c r="TOQ722" s="424"/>
      <c r="TOR722" s="424"/>
      <c r="TOS722" s="423" t="s">
        <v>2795</v>
      </c>
      <c r="TOT722" s="424"/>
      <c r="TOU722" s="424"/>
      <c r="TOV722" s="424"/>
      <c r="TOW722" s="423" t="s">
        <v>2795</v>
      </c>
      <c r="TOX722" s="424"/>
      <c r="TOY722" s="424"/>
      <c r="TOZ722" s="424"/>
      <c r="TPA722" s="423" t="s">
        <v>2795</v>
      </c>
      <c r="TPB722" s="424"/>
      <c r="TPC722" s="424"/>
      <c r="TPD722" s="424"/>
      <c r="TPE722" s="423" t="s">
        <v>2795</v>
      </c>
      <c r="TPF722" s="424"/>
      <c r="TPG722" s="424"/>
      <c r="TPH722" s="424"/>
      <c r="TPI722" s="423" t="s">
        <v>2795</v>
      </c>
      <c r="TPJ722" s="424"/>
      <c r="TPK722" s="424"/>
      <c r="TPL722" s="424"/>
      <c r="TPM722" s="423" t="s">
        <v>2795</v>
      </c>
      <c r="TPN722" s="424"/>
      <c r="TPO722" s="424"/>
      <c r="TPP722" s="424"/>
      <c r="TPQ722" s="423" t="s">
        <v>2795</v>
      </c>
      <c r="TPR722" s="424"/>
      <c r="TPS722" s="424"/>
      <c r="TPT722" s="424"/>
      <c r="TPU722" s="423" t="s">
        <v>2795</v>
      </c>
      <c r="TPV722" s="424"/>
      <c r="TPW722" s="424"/>
      <c r="TPX722" s="424"/>
      <c r="TPY722" s="423" t="s">
        <v>2795</v>
      </c>
      <c r="TPZ722" s="424"/>
      <c r="TQA722" s="424"/>
      <c r="TQB722" s="424"/>
      <c r="TQC722" s="423" t="s">
        <v>2795</v>
      </c>
      <c r="TQD722" s="424"/>
      <c r="TQE722" s="424"/>
      <c r="TQF722" s="424"/>
      <c r="TQG722" s="423" t="s">
        <v>2795</v>
      </c>
      <c r="TQH722" s="424"/>
      <c r="TQI722" s="424"/>
      <c r="TQJ722" s="424"/>
      <c r="TQK722" s="423" t="s">
        <v>2795</v>
      </c>
      <c r="TQL722" s="424"/>
      <c r="TQM722" s="424"/>
      <c r="TQN722" s="424"/>
      <c r="TQO722" s="423" t="s">
        <v>2795</v>
      </c>
      <c r="TQP722" s="424"/>
      <c r="TQQ722" s="424"/>
      <c r="TQR722" s="424"/>
      <c r="TQS722" s="423" t="s">
        <v>2795</v>
      </c>
      <c r="TQT722" s="424"/>
      <c r="TQU722" s="424"/>
      <c r="TQV722" s="424"/>
      <c r="TQW722" s="423" t="s">
        <v>2795</v>
      </c>
      <c r="TQX722" s="424"/>
      <c r="TQY722" s="424"/>
      <c r="TQZ722" s="424"/>
      <c r="TRA722" s="423" t="s">
        <v>2795</v>
      </c>
      <c r="TRB722" s="424"/>
      <c r="TRC722" s="424"/>
      <c r="TRD722" s="424"/>
      <c r="TRE722" s="423" t="s">
        <v>2795</v>
      </c>
      <c r="TRF722" s="424"/>
      <c r="TRG722" s="424"/>
      <c r="TRH722" s="424"/>
      <c r="TRI722" s="423" t="s">
        <v>2795</v>
      </c>
      <c r="TRJ722" s="424"/>
      <c r="TRK722" s="424"/>
      <c r="TRL722" s="424"/>
      <c r="TRM722" s="423" t="s">
        <v>2795</v>
      </c>
      <c r="TRN722" s="424"/>
      <c r="TRO722" s="424"/>
      <c r="TRP722" s="424"/>
      <c r="TRQ722" s="423" t="s">
        <v>2795</v>
      </c>
      <c r="TRR722" s="424"/>
      <c r="TRS722" s="424"/>
      <c r="TRT722" s="424"/>
      <c r="TRU722" s="423" t="s">
        <v>2795</v>
      </c>
      <c r="TRV722" s="424"/>
      <c r="TRW722" s="424"/>
      <c r="TRX722" s="424"/>
      <c r="TRY722" s="423" t="s">
        <v>2795</v>
      </c>
      <c r="TRZ722" s="424"/>
      <c r="TSA722" s="424"/>
      <c r="TSB722" s="424"/>
      <c r="TSC722" s="423" t="s">
        <v>2795</v>
      </c>
      <c r="TSD722" s="424"/>
      <c r="TSE722" s="424"/>
      <c r="TSF722" s="424"/>
      <c r="TSG722" s="423" t="s">
        <v>2795</v>
      </c>
      <c r="TSH722" s="424"/>
      <c r="TSI722" s="424"/>
      <c r="TSJ722" s="424"/>
      <c r="TSK722" s="423" t="s">
        <v>2795</v>
      </c>
      <c r="TSL722" s="424"/>
      <c r="TSM722" s="424"/>
      <c r="TSN722" s="424"/>
      <c r="TSO722" s="423" t="s">
        <v>2795</v>
      </c>
      <c r="TSP722" s="424"/>
      <c r="TSQ722" s="424"/>
      <c r="TSR722" s="424"/>
      <c r="TSS722" s="423" t="s">
        <v>2795</v>
      </c>
      <c r="TST722" s="424"/>
      <c r="TSU722" s="424"/>
      <c r="TSV722" s="424"/>
      <c r="TSW722" s="423" t="s">
        <v>2795</v>
      </c>
      <c r="TSX722" s="424"/>
      <c r="TSY722" s="424"/>
      <c r="TSZ722" s="424"/>
      <c r="TTA722" s="423" t="s">
        <v>2795</v>
      </c>
      <c r="TTB722" s="424"/>
      <c r="TTC722" s="424"/>
      <c r="TTD722" s="424"/>
      <c r="TTE722" s="423" t="s">
        <v>2795</v>
      </c>
      <c r="TTF722" s="424"/>
      <c r="TTG722" s="424"/>
      <c r="TTH722" s="424"/>
      <c r="TTI722" s="423" t="s">
        <v>2795</v>
      </c>
      <c r="TTJ722" s="424"/>
      <c r="TTK722" s="424"/>
      <c r="TTL722" s="424"/>
      <c r="TTM722" s="423" t="s">
        <v>2795</v>
      </c>
      <c r="TTN722" s="424"/>
      <c r="TTO722" s="424"/>
      <c r="TTP722" s="424"/>
      <c r="TTQ722" s="423" t="s">
        <v>2795</v>
      </c>
      <c r="TTR722" s="424"/>
      <c r="TTS722" s="424"/>
      <c r="TTT722" s="424"/>
      <c r="TTU722" s="423" t="s">
        <v>2795</v>
      </c>
      <c r="TTV722" s="424"/>
      <c r="TTW722" s="424"/>
      <c r="TTX722" s="424"/>
      <c r="TTY722" s="423" t="s">
        <v>2795</v>
      </c>
      <c r="TTZ722" s="424"/>
      <c r="TUA722" s="424"/>
      <c r="TUB722" s="424"/>
      <c r="TUC722" s="423" t="s">
        <v>2795</v>
      </c>
      <c r="TUD722" s="424"/>
      <c r="TUE722" s="424"/>
      <c r="TUF722" s="424"/>
      <c r="TUG722" s="423" t="s">
        <v>2795</v>
      </c>
      <c r="TUH722" s="424"/>
      <c r="TUI722" s="424"/>
      <c r="TUJ722" s="424"/>
      <c r="TUK722" s="423" t="s">
        <v>2795</v>
      </c>
      <c r="TUL722" s="424"/>
      <c r="TUM722" s="424"/>
      <c r="TUN722" s="424"/>
      <c r="TUO722" s="423" t="s">
        <v>2795</v>
      </c>
      <c r="TUP722" s="424"/>
      <c r="TUQ722" s="424"/>
      <c r="TUR722" s="424"/>
      <c r="TUS722" s="423" t="s">
        <v>2795</v>
      </c>
      <c r="TUT722" s="424"/>
      <c r="TUU722" s="424"/>
      <c r="TUV722" s="424"/>
      <c r="TUW722" s="423" t="s">
        <v>2795</v>
      </c>
      <c r="TUX722" s="424"/>
      <c r="TUY722" s="424"/>
      <c r="TUZ722" s="424"/>
      <c r="TVA722" s="423" t="s">
        <v>2795</v>
      </c>
      <c r="TVB722" s="424"/>
      <c r="TVC722" s="424"/>
      <c r="TVD722" s="424"/>
      <c r="TVE722" s="423" t="s">
        <v>2795</v>
      </c>
      <c r="TVF722" s="424"/>
      <c r="TVG722" s="424"/>
      <c r="TVH722" s="424"/>
      <c r="TVI722" s="423" t="s">
        <v>2795</v>
      </c>
      <c r="TVJ722" s="424"/>
      <c r="TVK722" s="424"/>
      <c r="TVL722" s="424"/>
      <c r="TVM722" s="423" t="s">
        <v>2795</v>
      </c>
      <c r="TVN722" s="424"/>
      <c r="TVO722" s="424"/>
      <c r="TVP722" s="424"/>
      <c r="TVQ722" s="423" t="s">
        <v>2795</v>
      </c>
      <c r="TVR722" s="424"/>
      <c r="TVS722" s="424"/>
      <c r="TVT722" s="424"/>
      <c r="TVU722" s="423" t="s">
        <v>2795</v>
      </c>
      <c r="TVV722" s="424"/>
      <c r="TVW722" s="424"/>
      <c r="TVX722" s="424"/>
      <c r="TVY722" s="423" t="s">
        <v>2795</v>
      </c>
      <c r="TVZ722" s="424"/>
      <c r="TWA722" s="424"/>
      <c r="TWB722" s="424"/>
      <c r="TWC722" s="423" t="s">
        <v>2795</v>
      </c>
      <c r="TWD722" s="424"/>
      <c r="TWE722" s="424"/>
      <c r="TWF722" s="424"/>
      <c r="TWG722" s="423" t="s">
        <v>2795</v>
      </c>
      <c r="TWH722" s="424"/>
      <c r="TWI722" s="424"/>
      <c r="TWJ722" s="424"/>
      <c r="TWK722" s="423" t="s">
        <v>2795</v>
      </c>
      <c r="TWL722" s="424"/>
      <c r="TWM722" s="424"/>
      <c r="TWN722" s="424"/>
      <c r="TWO722" s="423" t="s">
        <v>2795</v>
      </c>
      <c r="TWP722" s="424"/>
      <c r="TWQ722" s="424"/>
      <c r="TWR722" s="424"/>
      <c r="TWS722" s="423" t="s">
        <v>2795</v>
      </c>
      <c r="TWT722" s="424"/>
      <c r="TWU722" s="424"/>
      <c r="TWV722" s="424"/>
      <c r="TWW722" s="423" t="s">
        <v>2795</v>
      </c>
      <c r="TWX722" s="424"/>
      <c r="TWY722" s="424"/>
      <c r="TWZ722" s="424"/>
      <c r="TXA722" s="423" t="s">
        <v>2795</v>
      </c>
      <c r="TXB722" s="424"/>
      <c r="TXC722" s="424"/>
      <c r="TXD722" s="424"/>
      <c r="TXE722" s="423" t="s">
        <v>2795</v>
      </c>
      <c r="TXF722" s="424"/>
      <c r="TXG722" s="424"/>
      <c r="TXH722" s="424"/>
      <c r="TXI722" s="423" t="s">
        <v>2795</v>
      </c>
      <c r="TXJ722" s="424"/>
      <c r="TXK722" s="424"/>
      <c r="TXL722" s="424"/>
      <c r="TXM722" s="423" t="s">
        <v>2795</v>
      </c>
      <c r="TXN722" s="424"/>
      <c r="TXO722" s="424"/>
      <c r="TXP722" s="424"/>
      <c r="TXQ722" s="423" t="s">
        <v>2795</v>
      </c>
      <c r="TXR722" s="424"/>
      <c r="TXS722" s="424"/>
      <c r="TXT722" s="424"/>
      <c r="TXU722" s="423" t="s">
        <v>2795</v>
      </c>
      <c r="TXV722" s="424"/>
      <c r="TXW722" s="424"/>
      <c r="TXX722" s="424"/>
      <c r="TXY722" s="423" t="s">
        <v>2795</v>
      </c>
      <c r="TXZ722" s="424"/>
      <c r="TYA722" s="424"/>
      <c r="TYB722" s="424"/>
      <c r="TYC722" s="423" t="s">
        <v>2795</v>
      </c>
      <c r="TYD722" s="424"/>
      <c r="TYE722" s="424"/>
      <c r="TYF722" s="424"/>
      <c r="TYG722" s="423" t="s">
        <v>2795</v>
      </c>
      <c r="TYH722" s="424"/>
      <c r="TYI722" s="424"/>
      <c r="TYJ722" s="424"/>
      <c r="TYK722" s="423" t="s">
        <v>2795</v>
      </c>
      <c r="TYL722" s="424"/>
      <c r="TYM722" s="424"/>
      <c r="TYN722" s="424"/>
      <c r="TYO722" s="423" t="s">
        <v>2795</v>
      </c>
      <c r="TYP722" s="424"/>
      <c r="TYQ722" s="424"/>
      <c r="TYR722" s="424"/>
      <c r="TYS722" s="423" t="s">
        <v>2795</v>
      </c>
      <c r="TYT722" s="424"/>
      <c r="TYU722" s="424"/>
      <c r="TYV722" s="424"/>
      <c r="TYW722" s="423" t="s">
        <v>2795</v>
      </c>
      <c r="TYX722" s="424"/>
      <c r="TYY722" s="424"/>
      <c r="TYZ722" s="424"/>
      <c r="TZA722" s="423" t="s">
        <v>2795</v>
      </c>
      <c r="TZB722" s="424"/>
      <c r="TZC722" s="424"/>
      <c r="TZD722" s="424"/>
      <c r="TZE722" s="423" t="s">
        <v>2795</v>
      </c>
      <c r="TZF722" s="424"/>
      <c r="TZG722" s="424"/>
      <c r="TZH722" s="424"/>
      <c r="TZI722" s="423" t="s">
        <v>2795</v>
      </c>
      <c r="TZJ722" s="424"/>
      <c r="TZK722" s="424"/>
      <c r="TZL722" s="424"/>
      <c r="TZM722" s="423" t="s">
        <v>2795</v>
      </c>
      <c r="TZN722" s="424"/>
      <c r="TZO722" s="424"/>
      <c r="TZP722" s="424"/>
      <c r="TZQ722" s="423" t="s">
        <v>2795</v>
      </c>
      <c r="TZR722" s="424"/>
      <c r="TZS722" s="424"/>
      <c r="TZT722" s="424"/>
      <c r="TZU722" s="423" t="s">
        <v>2795</v>
      </c>
      <c r="TZV722" s="424"/>
      <c r="TZW722" s="424"/>
      <c r="TZX722" s="424"/>
      <c r="TZY722" s="423" t="s">
        <v>2795</v>
      </c>
      <c r="TZZ722" s="424"/>
      <c r="UAA722" s="424"/>
      <c r="UAB722" s="424"/>
      <c r="UAC722" s="423" t="s">
        <v>2795</v>
      </c>
      <c r="UAD722" s="424"/>
      <c r="UAE722" s="424"/>
      <c r="UAF722" s="424"/>
      <c r="UAG722" s="423" t="s">
        <v>2795</v>
      </c>
      <c r="UAH722" s="424"/>
      <c r="UAI722" s="424"/>
      <c r="UAJ722" s="424"/>
      <c r="UAK722" s="423" t="s">
        <v>2795</v>
      </c>
      <c r="UAL722" s="424"/>
      <c r="UAM722" s="424"/>
      <c r="UAN722" s="424"/>
      <c r="UAO722" s="423" t="s">
        <v>2795</v>
      </c>
      <c r="UAP722" s="424"/>
      <c r="UAQ722" s="424"/>
      <c r="UAR722" s="424"/>
      <c r="UAS722" s="423" t="s">
        <v>2795</v>
      </c>
      <c r="UAT722" s="424"/>
      <c r="UAU722" s="424"/>
      <c r="UAV722" s="424"/>
      <c r="UAW722" s="423" t="s">
        <v>2795</v>
      </c>
      <c r="UAX722" s="424"/>
      <c r="UAY722" s="424"/>
      <c r="UAZ722" s="424"/>
      <c r="UBA722" s="423" t="s">
        <v>2795</v>
      </c>
      <c r="UBB722" s="424"/>
      <c r="UBC722" s="424"/>
      <c r="UBD722" s="424"/>
      <c r="UBE722" s="423" t="s">
        <v>2795</v>
      </c>
      <c r="UBF722" s="424"/>
      <c r="UBG722" s="424"/>
      <c r="UBH722" s="424"/>
      <c r="UBI722" s="423" t="s">
        <v>2795</v>
      </c>
      <c r="UBJ722" s="424"/>
      <c r="UBK722" s="424"/>
      <c r="UBL722" s="424"/>
      <c r="UBM722" s="423" t="s">
        <v>2795</v>
      </c>
      <c r="UBN722" s="424"/>
      <c r="UBO722" s="424"/>
      <c r="UBP722" s="424"/>
      <c r="UBQ722" s="423" t="s">
        <v>2795</v>
      </c>
      <c r="UBR722" s="424"/>
      <c r="UBS722" s="424"/>
      <c r="UBT722" s="424"/>
      <c r="UBU722" s="423" t="s">
        <v>2795</v>
      </c>
      <c r="UBV722" s="424"/>
      <c r="UBW722" s="424"/>
      <c r="UBX722" s="424"/>
      <c r="UBY722" s="423" t="s">
        <v>2795</v>
      </c>
      <c r="UBZ722" s="424"/>
      <c r="UCA722" s="424"/>
      <c r="UCB722" s="424"/>
      <c r="UCC722" s="423" t="s">
        <v>2795</v>
      </c>
      <c r="UCD722" s="424"/>
      <c r="UCE722" s="424"/>
      <c r="UCF722" s="424"/>
      <c r="UCG722" s="423" t="s">
        <v>2795</v>
      </c>
      <c r="UCH722" s="424"/>
      <c r="UCI722" s="424"/>
      <c r="UCJ722" s="424"/>
      <c r="UCK722" s="423" t="s">
        <v>2795</v>
      </c>
      <c r="UCL722" s="424"/>
      <c r="UCM722" s="424"/>
      <c r="UCN722" s="424"/>
      <c r="UCO722" s="423" t="s">
        <v>2795</v>
      </c>
      <c r="UCP722" s="424"/>
      <c r="UCQ722" s="424"/>
      <c r="UCR722" s="424"/>
      <c r="UCS722" s="423" t="s">
        <v>2795</v>
      </c>
      <c r="UCT722" s="424"/>
      <c r="UCU722" s="424"/>
      <c r="UCV722" s="424"/>
      <c r="UCW722" s="423" t="s">
        <v>2795</v>
      </c>
      <c r="UCX722" s="424"/>
      <c r="UCY722" s="424"/>
      <c r="UCZ722" s="424"/>
      <c r="UDA722" s="423" t="s">
        <v>2795</v>
      </c>
      <c r="UDB722" s="424"/>
      <c r="UDC722" s="424"/>
      <c r="UDD722" s="424"/>
      <c r="UDE722" s="423" t="s">
        <v>2795</v>
      </c>
      <c r="UDF722" s="424"/>
      <c r="UDG722" s="424"/>
      <c r="UDH722" s="424"/>
      <c r="UDI722" s="423" t="s">
        <v>2795</v>
      </c>
      <c r="UDJ722" s="424"/>
      <c r="UDK722" s="424"/>
      <c r="UDL722" s="424"/>
      <c r="UDM722" s="423" t="s">
        <v>2795</v>
      </c>
      <c r="UDN722" s="424"/>
      <c r="UDO722" s="424"/>
      <c r="UDP722" s="424"/>
      <c r="UDQ722" s="423" t="s">
        <v>2795</v>
      </c>
      <c r="UDR722" s="424"/>
      <c r="UDS722" s="424"/>
      <c r="UDT722" s="424"/>
      <c r="UDU722" s="423" t="s">
        <v>2795</v>
      </c>
      <c r="UDV722" s="424"/>
      <c r="UDW722" s="424"/>
      <c r="UDX722" s="424"/>
      <c r="UDY722" s="423" t="s">
        <v>2795</v>
      </c>
      <c r="UDZ722" s="424"/>
      <c r="UEA722" s="424"/>
      <c r="UEB722" s="424"/>
      <c r="UEC722" s="423" t="s">
        <v>2795</v>
      </c>
      <c r="UED722" s="424"/>
      <c r="UEE722" s="424"/>
      <c r="UEF722" s="424"/>
      <c r="UEG722" s="423" t="s">
        <v>2795</v>
      </c>
      <c r="UEH722" s="424"/>
      <c r="UEI722" s="424"/>
      <c r="UEJ722" s="424"/>
      <c r="UEK722" s="423" t="s">
        <v>2795</v>
      </c>
      <c r="UEL722" s="424"/>
      <c r="UEM722" s="424"/>
      <c r="UEN722" s="424"/>
      <c r="UEO722" s="423" t="s">
        <v>2795</v>
      </c>
      <c r="UEP722" s="424"/>
      <c r="UEQ722" s="424"/>
      <c r="UER722" s="424"/>
      <c r="UES722" s="423" t="s">
        <v>2795</v>
      </c>
      <c r="UET722" s="424"/>
      <c r="UEU722" s="424"/>
      <c r="UEV722" s="424"/>
      <c r="UEW722" s="423" t="s">
        <v>2795</v>
      </c>
      <c r="UEX722" s="424"/>
      <c r="UEY722" s="424"/>
      <c r="UEZ722" s="424"/>
      <c r="UFA722" s="423" t="s">
        <v>2795</v>
      </c>
      <c r="UFB722" s="424"/>
      <c r="UFC722" s="424"/>
      <c r="UFD722" s="424"/>
      <c r="UFE722" s="423" t="s">
        <v>2795</v>
      </c>
      <c r="UFF722" s="424"/>
      <c r="UFG722" s="424"/>
      <c r="UFH722" s="424"/>
      <c r="UFI722" s="423" t="s">
        <v>2795</v>
      </c>
      <c r="UFJ722" s="424"/>
      <c r="UFK722" s="424"/>
      <c r="UFL722" s="424"/>
      <c r="UFM722" s="423" t="s">
        <v>2795</v>
      </c>
      <c r="UFN722" s="424"/>
      <c r="UFO722" s="424"/>
      <c r="UFP722" s="424"/>
      <c r="UFQ722" s="423" t="s">
        <v>2795</v>
      </c>
      <c r="UFR722" s="424"/>
      <c r="UFS722" s="424"/>
      <c r="UFT722" s="424"/>
      <c r="UFU722" s="423" t="s">
        <v>2795</v>
      </c>
      <c r="UFV722" s="424"/>
      <c r="UFW722" s="424"/>
      <c r="UFX722" s="424"/>
      <c r="UFY722" s="423" t="s">
        <v>2795</v>
      </c>
      <c r="UFZ722" s="424"/>
      <c r="UGA722" s="424"/>
      <c r="UGB722" s="424"/>
      <c r="UGC722" s="423" t="s">
        <v>2795</v>
      </c>
      <c r="UGD722" s="424"/>
      <c r="UGE722" s="424"/>
      <c r="UGF722" s="424"/>
      <c r="UGG722" s="423" t="s">
        <v>2795</v>
      </c>
      <c r="UGH722" s="424"/>
      <c r="UGI722" s="424"/>
      <c r="UGJ722" s="424"/>
      <c r="UGK722" s="423" t="s">
        <v>2795</v>
      </c>
      <c r="UGL722" s="424"/>
      <c r="UGM722" s="424"/>
      <c r="UGN722" s="424"/>
      <c r="UGO722" s="423" t="s">
        <v>2795</v>
      </c>
      <c r="UGP722" s="424"/>
      <c r="UGQ722" s="424"/>
      <c r="UGR722" s="424"/>
      <c r="UGS722" s="423" t="s">
        <v>2795</v>
      </c>
      <c r="UGT722" s="424"/>
      <c r="UGU722" s="424"/>
      <c r="UGV722" s="424"/>
      <c r="UGW722" s="423" t="s">
        <v>2795</v>
      </c>
      <c r="UGX722" s="424"/>
      <c r="UGY722" s="424"/>
      <c r="UGZ722" s="424"/>
      <c r="UHA722" s="423" t="s">
        <v>2795</v>
      </c>
      <c r="UHB722" s="424"/>
      <c r="UHC722" s="424"/>
      <c r="UHD722" s="424"/>
      <c r="UHE722" s="423" t="s">
        <v>2795</v>
      </c>
      <c r="UHF722" s="424"/>
      <c r="UHG722" s="424"/>
      <c r="UHH722" s="424"/>
      <c r="UHI722" s="423" t="s">
        <v>2795</v>
      </c>
      <c r="UHJ722" s="424"/>
      <c r="UHK722" s="424"/>
      <c r="UHL722" s="424"/>
      <c r="UHM722" s="423" t="s">
        <v>2795</v>
      </c>
      <c r="UHN722" s="424"/>
      <c r="UHO722" s="424"/>
      <c r="UHP722" s="424"/>
      <c r="UHQ722" s="423" t="s">
        <v>2795</v>
      </c>
      <c r="UHR722" s="424"/>
      <c r="UHS722" s="424"/>
      <c r="UHT722" s="424"/>
      <c r="UHU722" s="423" t="s">
        <v>2795</v>
      </c>
      <c r="UHV722" s="424"/>
      <c r="UHW722" s="424"/>
      <c r="UHX722" s="424"/>
      <c r="UHY722" s="423" t="s">
        <v>2795</v>
      </c>
      <c r="UHZ722" s="424"/>
      <c r="UIA722" s="424"/>
      <c r="UIB722" s="424"/>
      <c r="UIC722" s="423" t="s">
        <v>2795</v>
      </c>
      <c r="UID722" s="424"/>
      <c r="UIE722" s="424"/>
      <c r="UIF722" s="424"/>
      <c r="UIG722" s="423" t="s">
        <v>2795</v>
      </c>
      <c r="UIH722" s="424"/>
      <c r="UII722" s="424"/>
      <c r="UIJ722" s="424"/>
      <c r="UIK722" s="423" t="s">
        <v>2795</v>
      </c>
      <c r="UIL722" s="424"/>
      <c r="UIM722" s="424"/>
      <c r="UIN722" s="424"/>
      <c r="UIO722" s="423" t="s">
        <v>2795</v>
      </c>
      <c r="UIP722" s="424"/>
      <c r="UIQ722" s="424"/>
      <c r="UIR722" s="424"/>
      <c r="UIS722" s="423" t="s">
        <v>2795</v>
      </c>
      <c r="UIT722" s="424"/>
      <c r="UIU722" s="424"/>
      <c r="UIV722" s="424"/>
      <c r="UIW722" s="423" t="s">
        <v>2795</v>
      </c>
      <c r="UIX722" s="424"/>
      <c r="UIY722" s="424"/>
      <c r="UIZ722" s="424"/>
      <c r="UJA722" s="423" t="s">
        <v>2795</v>
      </c>
      <c r="UJB722" s="424"/>
      <c r="UJC722" s="424"/>
      <c r="UJD722" s="424"/>
      <c r="UJE722" s="423" t="s">
        <v>2795</v>
      </c>
      <c r="UJF722" s="424"/>
      <c r="UJG722" s="424"/>
      <c r="UJH722" s="424"/>
      <c r="UJI722" s="423" t="s">
        <v>2795</v>
      </c>
      <c r="UJJ722" s="424"/>
      <c r="UJK722" s="424"/>
      <c r="UJL722" s="424"/>
      <c r="UJM722" s="423" t="s">
        <v>2795</v>
      </c>
      <c r="UJN722" s="424"/>
      <c r="UJO722" s="424"/>
      <c r="UJP722" s="424"/>
      <c r="UJQ722" s="423" t="s">
        <v>2795</v>
      </c>
      <c r="UJR722" s="424"/>
      <c r="UJS722" s="424"/>
      <c r="UJT722" s="424"/>
      <c r="UJU722" s="423" t="s">
        <v>2795</v>
      </c>
      <c r="UJV722" s="424"/>
      <c r="UJW722" s="424"/>
      <c r="UJX722" s="424"/>
      <c r="UJY722" s="423" t="s">
        <v>2795</v>
      </c>
      <c r="UJZ722" s="424"/>
      <c r="UKA722" s="424"/>
      <c r="UKB722" s="424"/>
      <c r="UKC722" s="423" t="s">
        <v>2795</v>
      </c>
      <c r="UKD722" s="424"/>
      <c r="UKE722" s="424"/>
      <c r="UKF722" s="424"/>
      <c r="UKG722" s="423" t="s">
        <v>2795</v>
      </c>
      <c r="UKH722" s="424"/>
      <c r="UKI722" s="424"/>
      <c r="UKJ722" s="424"/>
      <c r="UKK722" s="423" t="s">
        <v>2795</v>
      </c>
      <c r="UKL722" s="424"/>
      <c r="UKM722" s="424"/>
      <c r="UKN722" s="424"/>
      <c r="UKO722" s="423" t="s">
        <v>2795</v>
      </c>
      <c r="UKP722" s="424"/>
      <c r="UKQ722" s="424"/>
      <c r="UKR722" s="424"/>
      <c r="UKS722" s="423" t="s">
        <v>2795</v>
      </c>
      <c r="UKT722" s="424"/>
      <c r="UKU722" s="424"/>
      <c r="UKV722" s="424"/>
      <c r="UKW722" s="423" t="s">
        <v>2795</v>
      </c>
      <c r="UKX722" s="424"/>
      <c r="UKY722" s="424"/>
      <c r="UKZ722" s="424"/>
      <c r="ULA722" s="423" t="s">
        <v>2795</v>
      </c>
      <c r="ULB722" s="424"/>
      <c r="ULC722" s="424"/>
      <c r="ULD722" s="424"/>
      <c r="ULE722" s="423" t="s">
        <v>2795</v>
      </c>
      <c r="ULF722" s="424"/>
      <c r="ULG722" s="424"/>
      <c r="ULH722" s="424"/>
      <c r="ULI722" s="423" t="s">
        <v>2795</v>
      </c>
      <c r="ULJ722" s="424"/>
      <c r="ULK722" s="424"/>
      <c r="ULL722" s="424"/>
      <c r="ULM722" s="423" t="s">
        <v>2795</v>
      </c>
      <c r="ULN722" s="424"/>
      <c r="ULO722" s="424"/>
      <c r="ULP722" s="424"/>
      <c r="ULQ722" s="423" t="s">
        <v>2795</v>
      </c>
      <c r="ULR722" s="424"/>
      <c r="ULS722" s="424"/>
      <c r="ULT722" s="424"/>
      <c r="ULU722" s="423" t="s">
        <v>2795</v>
      </c>
      <c r="ULV722" s="424"/>
      <c r="ULW722" s="424"/>
      <c r="ULX722" s="424"/>
      <c r="ULY722" s="423" t="s">
        <v>2795</v>
      </c>
      <c r="ULZ722" s="424"/>
      <c r="UMA722" s="424"/>
      <c r="UMB722" s="424"/>
      <c r="UMC722" s="423" t="s">
        <v>2795</v>
      </c>
      <c r="UMD722" s="424"/>
      <c r="UME722" s="424"/>
      <c r="UMF722" s="424"/>
      <c r="UMG722" s="423" t="s">
        <v>2795</v>
      </c>
      <c r="UMH722" s="424"/>
      <c r="UMI722" s="424"/>
      <c r="UMJ722" s="424"/>
      <c r="UMK722" s="423" t="s">
        <v>2795</v>
      </c>
      <c r="UML722" s="424"/>
      <c r="UMM722" s="424"/>
      <c r="UMN722" s="424"/>
      <c r="UMO722" s="423" t="s">
        <v>2795</v>
      </c>
      <c r="UMP722" s="424"/>
      <c r="UMQ722" s="424"/>
      <c r="UMR722" s="424"/>
      <c r="UMS722" s="423" t="s">
        <v>2795</v>
      </c>
      <c r="UMT722" s="424"/>
      <c r="UMU722" s="424"/>
      <c r="UMV722" s="424"/>
      <c r="UMW722" s="423" t="s">
        <v>2795</v>
      </c>
      <c r="UMX722" s="424"/>
      <c r="UMY722" s="424"/>
      <c r="UMZ722" s="424"/>
      <c r="UNA722" s="423" t="s">
        <v>2795</v>
      </c>
      <c r="UNB722" s="424"/>
      <c r="UNC722" s="424"/>
      <c r="UND722" s="424"/>
      <c r="UNE722" s="423" t="s">
        <v>2795</v>
      </c>
      <c r="UNF722" s="424"/>
      <c r="UNG722" s="424"/>
      <c r="UNH722" s="424"/>
      <c r="UNI722" s="423" t="s">
        <v>2795</v>
      </c>
      <c r="UNJ722" s="424"/>
      <c r="UNK722" s="424"/>
      <c r="UNL722" s="424"/>
      <c r="UNM722" s="423" t="s">
        <v>2795</v>
      </c>
      <c r="UNN722" s="424"/>
      <c r="UNO722" s="424"/>
      <c r="UNP722" s="424"/>
      <c r="UNQ722" s="423" t="s">
        <v>2795</v>
      </c>
      <c r="UNR722" s="424"/>
      <c r="UNS722" s="424"/>
      <c r="UNT722" s="424"/>
      <c r="UNU722" s="423" t="s">
        <v>2795</v>
      </c>
      <c r="UNV722" s="424"/>
      <c r="UNW722" s="424"/>
      <c r="UNX722" s="424"/>
      <c r="UNY722" s="423" t="s">
        <v>2795</v>
      </c>
      <c r="UNZ722" s="424"/>
      <c r="UOA722" s="424"/>
      <c r="UOB722" s="424"/>
      <c r="UOC722" s="423" t="s">
        <v>2795</v>
      </c>
      <c r="UOD722" s="424"/>
      <c r="UOE722" s="424"/>
      <c r="UOF722" s="424"/>
      <c r="UOG722" s="423" t="s">
        <v>2795</v>
      </c>
      <c r="UOH722" s="424"/>
      <c r="UOI722" s="424"/>
      <c r="UOJ722" s="424"/>
      <c r="UOK722" s="423" t="s">
        <v>2795</v>
      </c>
      <c r="UOL722" s="424"/>
      <c r="UOM722" s="424"/>
      <c r="UON722" s="424"/>
      <c r="UOO722" s="423" t="s">
        <v>2795</v>
      </c>
      <c r="UOP722" s="424"/>
      <c r="UOQ722" s="424"/>
      <c r="UOR722" s="424"/>
      <c r="UOS722" s="423" t="s">
        <v>2795</v>
      </c>
      <c r="UOT722" s="424"/>
      <c r="UOU722" s="424"/>
      <c r="UOV722" s="424"/>
      <c r="UOW722" s="423" t="s">
        <v>2795</v>
      </c>
      <c r="UOX722" s="424"/>
      <c r="UOY722" s="424"/>
      <c r="UOZ722" s="424"/>
      <c r="UPA722" s="423" t="s">
        <v>2795</v>
      </c>
      <c r="UPB722" s="424"/>
      <c r="UPC722" s="424"/>
      <c r="UPD722" s="424"/>
      <c r="UPE722" s="423" t="s">
        <v>2795</v>
      </c>
      <c r="UPF722" s="424"/>
      <c r="UPG722" s="424"/>
      <c r="UPH722" s="424"/>
      <c r="UPI722" s="423" t="s">
        <v>2795</v>
      </c>
      <c r="UPJ722" s="424"/>
      <c r="UPK722" s="424"/>
      <c r="UPL722" s="424"/>
      <c r="UPM722" s="423" t="s">
        <v>2795</v>
      </c>
      <c r="UPN722" s="424"/>
      <c r="UPO722" s="424"/>
      <c r="UPP722" s="424"/>
      <c r="UPQ722" s="423" t="s">
        <v>2795</v>
      </c>
      <c r="UPR722" s="424"/>
      <c r="UPS722" s="424"/>
      <c r="UPT722" s="424"/>
      <c r="UPU722" s="423" t="s">
        <v>2795</v>
      </c>
      <c r="UPV722" s="424"/>
      <c r="UPW722" s="424"/>
      <c r="UPX722" s="424"/>
      <c r="UPY722" s="423" t="s">
        <v>2795</v>
      </c>
      <c r="UPZ722" s="424"/>
      <c r="UQA722" s="424"/>
      <c r="UQB722" s="424"/>
      <c r="UQC722" s="423" t="s">
        <v>2795</v>
      </c>
      <c r="UQD722" s="424"/>
      <c r="UQE722" s="424"/>
      <c r="UQF722" s="424"/>
      <c r="UQG722" s="423" t="s">
        <v>2795</v>
      </c>
      <c r="UQH722" s="424"/>
      <c r="UQI722" s="424"/>
      <c r="UQJ722" s="424"/>
      <c r="UQK722" s="423" t="s">
        <v>2795</v>
      </c>
      <c r="UQL722" s="424"/>
      <c r="UQM722" s="424"/>
      <c r="UQN722" s="424"/>
      <c r="UQO722" s="423" t="s">
        <v>2795</v>
      </c>
      <c r="UQP722" s="424"/>
      <c r="UQQ722" s="424"/>
      <c r="UQR722" s="424"/>
      <c r="UQS722" s="423" t="s">
        <v>2795</v>
      </c>
      <c r="UQT722" s="424"/>
      <c r="UQU722" s="424"/>
      <c r="UQV722" s="424"/>
      <c r="UQW722" s="423" t="s">
        <v>2795</v>
      </c>
      <c r="UQX722" s="424"/>
      <c r="UQY722" s="424"/>
      <c r="UQZ722" s="424"/>
      <c r="URA722" s="423" t="s">
        <v>2795</v>
      </c>
      <c r="URB722" s="424"/>
      <c r="URC722" s="424"/>
      <c r="URD722" s="424"/>
      <c r="URE722" s="423" t="s">
        <v>2795</v>
      </c>
      <c r="URF722" s="424"/>
      <c r="URG722" s="424"/>
      <c r="URH722" s="424"/>
      <c r="URI722" s="423" t="s">
        <v>2795</v>
      </c>
      <c r="URJ722" s="424"/>
      <c r="URK722" s="424"/>
      <c r="URL722" s="424"/>
      <c r="URM722" s="423" t="s">
        <v>2795</v>
      </c>
      <c r="URN722" s="424"/>
      <c r="URO722" s="424"/>
      <c r="URP722" s="424"/>
      <c r="URQ722" s="423" t="s">
        <v>2795</v>
      </c>
      <c r="URR722" s="424"/>
      <c r="URS722" s="424"/>
      <c r="URT722" s="424"/>
      <c r="URU722" s="423" t="s">
        <v>2795</v>
      </c>
      <c r="URV722" s="424"/>
      <c r="URW722" s="424"/>
      <c r="URX722" s="424"/>
      <c r="URY722" s="423" t="s">
        <v>2795</v>
      </c>
      <c r="URZ722" s="424"/>
      <c r="USA722" s="424"/>
      <c r="USB722" s="424"/>
      <c r="USC722" s="423" t="s">
        <v>2795</v>
      </c>
      <c r="USD722" s="424"/>
      <c r="USE722" s="424"/>
      <c r="USF722" s="424"/>
      <c r="USG722" s="423" t="s">
        <v>2795</v>
      </c>
      <c r="USH722" s="424"/>
      <c r="USI722" s="424"/>
      <c r="USJ722" s="424"/>
      <c r="USK722" s="423" t="s">
        <v>2795</v>
      </c>
      <c r="USL722" s="424"/>
      <c r="USM722" s="424"/>
      <c r="USN722" s="424"/>
      <c r="USO722" s="423" t="s">
        <v>2795</v>
      </c>
      <c r="USP722" s="424"/>
      <c r="USQ722" s="424"/>
      <c r="USR722" s="424"/>
      <c r="USS722" s="423" t="s">
        <v>2795</v>
      </c>
      <c r="UST722" s="424"/>
      <c r="USU722" s="424"/>
      <c r="USV722" s="424"/>
      <c r="USW722" s="423" t="s">
        <v>2795</v>
      </c>
      <c r="USX722" s="424"/>
      <c r="USY722" s="424"/>
      <c r="USZ722" s="424"/>
      <c r="UTA722" s="423" t="s">
        <v>2795</v>
      </c>
      <c r="UTB722" s="424"/>
      <c r="UTC722" s="424"/>
      <c r="UTD722" s="424"/>
      <c r="UTE722" s="423" t="s">
        <v>2795</v>
      </c>
      <c r="UTF722" s="424"/>
      <c r="UTG722" s="424"/>
      <c r="UTH722" s="424"/>
      <c r="UTI722" s="423" t="s">
        <v>2795</v>
      </c>
      <c r="UTJ722" s="424"/>
      <c r="UTK722" s="424"/>
      <c r="UTL722" s="424"/>
      <c r="UTM722" s="423" t="s">
        <v>2795</v>
      </c>
      <c r="UTN722" s="424"/>
      <c r="UTO722" s="424"/>
      <c r="UTP722" s="424"/>
      <c r="UTQ722" s="423" t="s">
        <v>2795</v>
      </c>
      <c r="UTR722" s="424"/>
      <c r="UTS722" s="424"/>
      <c r="UTT722" s="424"/>
      <c r="UTU722" s="423" t="s">
        <v>2795</v>
      </c>
      <c r="UTV722" s="424"/>
      <c r="UTW722" s="424"/>
      <c r="UTX722" s="424"/>
      <c r="UTY722" s="423" t="s">
        <v>2795</v>
      </c>
      <c r="UTZ722" s="424"/>
      <c r="UUA722" s="424"/>
      <c r="UUB722" s="424"/>
      <c r="UUC722" s="423" t="s">
        <v>2795</v>
      </c>
      <c r="UUD722" s="424"/>
      <c r="UUE722" s="424"/>
      <c r="UUF722" s="424"/>
      <c r="UUG722" s="423" t="s">
        <v>2795</v>
      </c>
      <c r="UUH722" s="424"/>
      <c r="UUI722" s="424"/>
      <c r="UUJ722" s="424"/>
      <c r="UUK722" s="423" t="s">
        <v>2795</v>
      </c>
      <c r="UUL722" s="424"/>
      <c r="UUM722" s="424"/>
      <c r="UUN722" s="424"/>
      <c r="UUO722" s="423" t="s">
        <v>2795</v>
      </c>
      <c r="UUP722" s="424"/>
      <c r="UUQ722" s="424"/>
      <c r="UUR722" s="424"/>
      <c r="UUS722" s="423" t="s">
        <v>2795</v>
      </c>
      <c r="UUT722" s="424"/>
      <c r="UUU722" s="424"/>
      <c r="UUV722" s="424"/>
      <c r="UUW722" s="423" t="s">
        <v>2795</v>
      </c>
      <c r="UUX722" s="424"/>
      <c r="UUY722" s="424"/>
      <c r="UUZ722" s="424"/>
      <c r="UVA722" s="423" t="s">
        <v>2795</v>
      </c>
      <c r="UVB722" s="424"/>
      <c r="UVC722" s="424"/>
      <c r="UVD722" s="424"/>
      <c r="UVE722" s="423" t="s">
        <v>2795</v>
      </c>
      <c r="UVF722" s="424"/>
      <c r="UVG722" s="424"/>
      <c r="UVH722" s="424"/>
      <c r="UVI722" s="423" t="s">
        <v>2795</v>
      </c>
      <c r="UVJ722" s="424"/>
      <c r="UVK722" s="424"/>
      <c r="UVL722" s="424"/>
      <c r="UVM722" s="423" t="s">
        <v>2795</v>
      </c>
      <c r="UVN722" s="424"/>
      <c r="UVO722" s="424"/>
      <c r="UVP722" s="424"/>
      <c r="UVQ722" s="423" t="s">
        <v>2795</v>
      </c>
      <c r="UVR722" s="424"/>
      <c r="UVS722" s="424"/>
      <c r="UVT722" s="424"/>
      <c r="UVU722" s="423" t="s">
        <v>2795</v>
      </c>
      <c r="UVV722" s="424"/>
      <c r="UVW722" s="424"/>
      <c r="UVX722" s="424"/>
      <c r="UVY722" s="423" t="s">
        <v>2795</v>
      </c>
      <c r="UVZ722" s="424"/>
      <c r="UWA722" s="424"/>
      <c r="UWB722" s="424"/>
      <c r="UWC722" s="423" t="s">
        <v>2795</v>
      </c>
      <c r="UWD722" s="424"/>
      <c r="UWE722" s="424"/>
      <c r="UWF722" s="424"/>
      <c r="UWG722" s="423" t="s">
        <v>2795</v>
      </c>
      <c r="UWH722" s="424"/>
      <c r="UWI722" s="424"/>
      <c r="UWJ722" s="424"/>
      <c r="UWK722" s="423" t="s">
        <v>2795</v>
      </c>
      <c r="UWL722" s="424"/>
      <c r="UWM722" s="424"/>
      <c r="UWN722" s="424"/>
      <c r="UWO722" s="423" t="s">
        <v>2795</v>
      </c>
      <c r="UWP722" s="424"/>
      <c r="UWQ722" s="424"/>
      <c r="UWR722" s="424"/>
      <c r="UWS722" s="423" t="s">
        <v>2795</v>
      </c>
      <c r="UWT722" s="424"/>
      <c r="UWU722" s="424"/>
      <c r="UWV722" s="424"/>
      <c r="UWW722" s="423" t="s">
        <v>2795</v>
      </c>
      <c r="UWX722" s="424"/>
      <c r="UWY722" s="424"/>
      <c r="UWZ722" s="424"/>
      <c r="UXA722" s="423" t="s">
        <v>2795</v>
      </c>
      <c r="UXB722" s="424"/>
      <c r="UXC722" s="424"/>
      <c r="UXD722" s="424"/>
      <c r="UXE722" s="423" t="s">
        <v>2795</v>
      </c>
      <c r="UXF722" s="424"/>
      <c r="UXG722" s="424"/>
      <c r="UXH722" s="424"/>
      <c r="UXI722" s="423" t="s">
        <v>2795</v>
      </c>
      <c r="UXJ722" s="424"/>
      <c r="UXK722" s="424"/>
      <c r="UXL722" s="424"/>
      <c r="UXM722" s="423" t="s">
        <v>2795</v>
      </c>
      <c r="UXN722" s="424"/>
      <c r="UXO722" s="424"/>
      <c r="UXP722" s="424"/>
      <c r="UXQ722" s="423" t="s">
        <v>2795</v>
      </c>
      <c r="UXR722" s="424"/>
      <c r="UXS722" s="424"/>
      <c r="UXT722" s="424"/>
      <c r="UXU722" s="423" t="s">
        <v>2795</v>
      </c>
      <c r="UXV722" s="424"/>
      <c r="UXW722" s="424"/>
      <c r="UXX722" s="424"/>
      <c r="UXY722" s="423" t="s">
        <v>2795</v>
      </c>
      <c r="UXZ722" s="424"/>
      <c r="UYA722" s="424"/>
      <c r="UYB722" s="424"/>
      <c r="UYC722" s="423" t="s">
        <v>2795</v>
      </c>
      <c r="UYD722" s="424"/>
      <c r="UYE722" s="424"/>
      <c r="UYF722" s="424"/>
      <c r="UYG722" s="423" t="s">
        <v>2795</v>
      </c>
      <c r="UYH722" s="424"/>
      <c r="UYI722" s="424"/>
      <c r="UYJ722" s="424"/>
      <c r="UYK722" s="423" t="s">
        <v>2795</v>
      </c>
      <c r="UYL722" s="424"/>
      <c r="UYM722" s="424"/>
      <c r="UYN722" s="424"/>
      <c r="UYO722" s="423" t="s">
        <v>2795</v>
      </c>
      <c r="UYP722" s="424"/>
      <c r="UYQ722" s="424"/>
      <c r="UYR722" s="424"/>
      <c r="UYS722" s="423" t="s">
        <v>2795</v>
      </c>
      <c r="UYT722" s="424"/>
      <c r="UYU722" s="424"/>
      <c r="UYV722" s="424"/>
      <c r="UYW722" s="423" t="s">
        <v>2795</v>
      </c>
      <c r="UYX722" s="424"/>
      <c r="UYY722" s="424"/>
      <c r="UYZ722" s="424"/>
      <c r="UZA722" s="423" t="s">
        <v>2795</v>
      </c>
      <c r="UZB722" s="424"/>
      <c r="UZC722" s="424"/>
      <c r="UZD722" s="424"/>
      <c r="UZE722" s="423" t="s">
        <v>2795</v>
      </c>
      <c r="UZF722" s="424"/>
      <c r="UZG722" s="424"/>
      <c r="UZH722" s="424"/>
      <c r="UZI722" s="423" t="s">
        <v>2795</v>
      </c>
      <c r="UZJ722" s="424"/>
      <c r="UZK722" s="424"/>
      <c r="UZL722" s="424"/>
      <c r="UZM722" s="423" t="s">
        <v>2795</v>
      </c>
      <c r="UZN722" s="424"/>
      <c r="UZO722" s="424"/>
      <c r="UZP722" s="424"/>
      <c r="UZQ722" s="423" t="s">
        <v>2795</v>
      </c>
      <c r="UZR722" s="424"/>
      <c r="UZS722" s="424"/>
      <c r="UZT722" s="424"/>
      <c r="UZU722" s="423" t="s">
        <v>2795</v>
      </c>
      <c r="UZV722" s="424"/>
      <c r="UZW722" s="424"/>
      <c r="UZX722" s="424"/>
      <c r="UZY722" s="423" t="s">
        <v>2795</v>
      </c>
      <c r="UZZ722" s="424"/>
      <c r="VAA722" s="424"/>
      <c r="VAB722" s="424"/>
      <c r="VAC722" s="423" t="s">
        <v>2795</v>
      </c>
      <c r="VAD722" s="424"/>
      <c r="VAE722" s="424"/>
      <c r="VAF722" s="424"/>
      <c r="VAG722" s="423" t="s">
        <v>2795</v>
      </c>
      <c r="VAH722" s="424"/>
      <c r="VAI722" s="424"/>
      <c r="VAJ722" s="424"/>
      <c r="VAK722" s="423" t="s">
        <v>2795</v>
      </c>
      <c r="VAL722" s="424"/>
      <c r="VAM722" s="424"/>
      <c r="VAN722" s="424"/>
      <c r="VAO722" s="423" t="s">
        <v>2795</v>
      </c>
      <c r="VAP722" s="424"/>
      <c r="VAQ722" s="424"/>
      <c r="VAR722" s="424"/>
      <c r="VAS722" s="423" t="s">
        <v>2795</v>
      </c>
      <c r="VAT722" s="424"/>
      <c r="VAU722" s="424"/>
      <c r="VAV722" s="424"/>
      <c r="VAW722" s="423" t="s">
        <v>2795</v>
      </c>
      <c r="VAX722" s="424"/>
      <c r="VAY722" s="424"/>
      <c r="VAZ722" s="424"/>
      <c r="VBA722" s="423" t="s">
        <v>2795</v>
      </c>
      <c r="VBB722" s="424"/>
      <c r="VBC722" s="424"/>
      <c r="VBD722" s="424"/>
      <c r="VBE722" s="423" t="s">
        <v>2795</v>
      </c>
      <c r="VBF722" s="424"/>
      <c r="VBG722" s="424"/>
      <c r="VBH722" s="424"/>
      <c r="VBI722" s="423" t="s">
        <v>2795</v>
      </c>
      <c r="VBJ722" s="424"/>
      <c r="VBK722" s="424"/>
      <c r="VBL722" s="424"/>
      <c r="VBM722" s="423" t="s">
        <v>2795</v>
      </c>
      <c r="VBN722" s="424"/>
      <c r="VBO722" s="424"/>
      <c r="VBP722" s="424"/>
      <c r="VBQ722" s="423" t="s">
        <v>2795</v>
      </c>
      <c r="VBR722" s="424"/>
      <c r="VBS722" s="424"/>
      <c r="VBT722" s="424"/>
      <c r="VBU722" s="423" t="s">
        <v>2795</v>
      </c>
      <c r="VBV722" s="424"/>
      <c r="VBW722" s="424"/>
      <c r="VBX722" s="424"/>
      <c r="VBY722" s="423" t="s">
        <v>2795</v>
      </c>
      <c r="VBZ722" s="424"/>
      <c r="VCA722" s="424"/>
      <c r="VCB722" s="424"/>
      <c r="VCC722" s="423" t="s">
        <v>2795</v>
      </c>
      <c r="VCD722" s="424"/>
      <c r="VCE722" s="424"/>
      <c r="VCF722" s="424"/>
      <c r="VCG722" s="423" t="s">
        <v>2795</v>
      </c>
      <c r="VCH722" s="424"/>
      <c r="VCI722" s="424"/>
      <c r="VCJ722" s="424"/>
      <c r="VCK722" s="423" t="s">
        <v>2795</v>
      </c>
      <c r="VCL722" s="424"/>
      <c r="VCM722" s="424"/>
      <c r="VCN722" s="424"/>
      <c r="VCO722" s="423" t="s">
        <v>2795</v>
      </c>
      <c r="VCP722" s="424"/>
      <c r="VCQ722" s="424"/>
      <c r="VCR722" s="424"/>
      <c r="VCS722" s="423" t="s">
        <v>2795</v>
      </c>
      <c r="VCT722" s="424"/>
      <c r="VCU722" s="424"/>
      <c r="VCV722" s="424"/>
      <c r="VCW722" s="423" t="s">
        <v>2795</v>
      </c>
      <c r="VCX722" s="424"/>
      <c r="VCY722" s="424"/>
      <c r="VCZ722" s="424"/>
      <c r="VDA722" s="423" t="s">
        <v>2795</v>
      </c>
      <c r="VDB722" s="424"/>
      <c r="VDC722" s="424"/>
      <c r="VDD722" s="424"/>
      <c r="VDE722" s="423" t="s">
        <v>2795</v>
      </c>
      <c r="VDF722" s="424"/>
      <c r="VDG722" s="424"/>
      <c r="VDH722" s="424"/>
      <c r="VDI722" s="423" t="s">
        <v>2795</v>
      </c>
      <c r="VDJ722" s="424"/>
      <c r="VDK722" s="424"/>
      <c r="VDL722" s="424"/>
      <c r="VDM722" s="423" t="s">
        <v>2795</v>
      </c>
      <c r="VDN722" s="424"/>
      <c r="VDO722" s="424"/>
      <c r="VDP722" s="424"/>
      <c r="VDQ722" s="423" t="s">
        <v>2795</v>
      </c>
      <c r="VDR722" s="424"/>
      <c r="VDS722" s="424"/>
      <c r="VDT722" s="424"/>
      <c r="VDU722" s="423" t="s">
        <v>2795</v>
      </c>
      <c r="VDV722" s="424"/>
      <c r="VDW722" s="424"/>
      <c r="VDX722" s="424"/>
      <c r="VDY722" s="423" t="s">
        <v>2795</v>
      </c>
      <c r="VDZ722" s="424"/>
      <c r="VEA722" s="424"/>
      <c r="VEB722" s="424"/>
      <c r="VEC722" s="423" t="s">
        <v>2795</v>
      </c>
      <c r="VED722" s="424"/>
      <c r="VEE722" s="424"/>
      <c r="VEF722" s="424"/>
      <c r="VEG722" s="423" t="s">
        <v>2795</v>
      </c>
      <c r="VEH722" s="424"/>
      <c r="VEI722" s="424"/>
      <c r="VEJ722" s="424"/>
      <c r="VEK722" s="423" t="s">
        <v>2795</v>
      </c>
      <c r="VEL722" s="424"/>
      <c r="VEM722" s="424"/>
      <c r="VEN722" s="424"/>
      <c r="VEO722" s="423" t="s">
        <v>2795</v>
      </c>
      <c r="VEP722" s="424"/>
      <c r="VEQ722" s="424"/>
      <c r="VER722" s="424"/>
      <c r="VES722" s="423" t="s">
        <v>2795</v>
      </c>
      <c r="VET722" s="424"/>
      <c r="VEU722" s="424"/>
      <c r="VEV722" s="424"/>
      <c r="VEW722" s="423" t="s">
        <v>2795</v>
      </c>
      <c r="VEX722" s="424"/>
      <c r="VEY722" s="424"/>
      <c r="VEZ722" s="424"/>
      <c r="VFA722" s="423" t="s">
        <v>2795</v>
      </c>
      <c r="VFB722" s="424"/>
      <c r="VFC722" s="424"/>
      <c r="VFD722" s="424"/>
      <c r="VFE722" s="423" t="s">
        <v>2795</v>
      </c>
      <c r="VFF722" s="424"/>
      <c r="VFG722" s="424"/>
      <c r="VFH722" s="424"/>
      <c r="VFI722" s="423" t="s">
        <v>2795</v>
      </c>
      <c r="VFJ722" s="424"/>
      <c r="VFK722" s="424"/>
      <c r="VFL722" s="424"/>
      <c r="VFM722" s="423" t="s">
        <v>2795</v>
      </c>
      <c r="VFN722" s="424"/>
      <c r="VFO722" s="424"/>
      <c r="VFP722" s="424"/>
      <c r="VFQ722" s="423" t="s">
        <v>2795</v>
      </c>
      <c r="VFR722" s="424"/>
      <c r="VFS722" s="424"/>
      <c r="VFT722" s="424"/>
      <c r="VFU722" s="423" t="s">
        <v>2795</v>
      </c>
      <c r="VFV722" s="424"/>
      <c r="VFW722" s="424"/>
      <c r="VFX722" s="424"/>
      <c r="VFY722" s="423" t="s">
        <v>2795</v>
      </c>
      <c r="VFZ722" s="424"/>
      <c r="VGA722" s="424"/>
      <c r="VGB722" s="424"/>
      <c r="VGC722" s="423" t="s">
        <v>2795</v>
      </c>
      <c r="VGD722" s="424"/>
      <c r="VGE722" s="424"/>
      <c r="VGF722" s="424"/>
      <c r="VGG722" s="423" t="s">
        <v>2795</v>
      </c>
      <c r="VGH722" s="424"/>
      <c r="VGI722" s="424"/>
      <c r="VGJ722" s="424"/>
      <c r="VGK722" s="423" t="s">
        <v>2795</v>
      </c>
      <c r="VGL722" s="424"/>
      <c r="VGM722" s="424"/>
      <c r="VGN722" s="424"/>
      <c r="VGO722" s="423" t="s">
        <v>2795</v>
      </c>
      <c r="VGP722" s="424"/>
      <c r="VGQ722" s="424"/>
      <c r="VGR722" s="424"/>
      <c r="VGS722" s="423" t="s">
        <v>2795</v>
      </c>
      <c r="VGT722" s="424"/>
      <c r="VGU722" s="424"/>
      <c r="VGV722" s="424"/>
      <c r="VGW722" s="423" t="s">
        <v>2795</v>
      </c>
      <c r="VGX722" s="424"/>
      <c r="VGY722" s="424"/>
      <c r="VGZ722" s="424"/>
      <c r="VHA722" s="423" t="s">
        <v>2795</v>
      </c>
      <c r="VHB722" s="424"/>
      <c r="VHC722" s="424"/>
      <c r="VHD722" s="424"/>
      <c r="VHE722" s="423" t="s">
        <v>2795</v>
      </c>
      <c r="VHF722" s="424"/>
      <c r="VHG722" s="424"/>
      <c r="VHH722" s="424"/>
      <c r="VHI722" s="423" t="s">
        <v>2795</v>
      </c>
      <c r="VHJ722" s="424"/>
      <c r="VHK722" s="424"/>
      <c r="VHL722" s="424"/>
      <c r="VHM722" s="423" t="s">
        <v>2795</v>
      </c>
      <c r="VHN722" s="424"/>
      <c r="VHO722" s="424"/>
      <c r="VHP722" s="424"/>
      <c r="VHQ722" s="423" t="s">
        <v>2795</v>
      </c>
      <c r="VHR722" s="424"/>
      <c r="VHS722" s="424"/>
      <c r="VHT722" s="424"/>
      <c r="VHU722" s="423" t="s">
        <v>2795</v>
      </c>
      <c r="VHV722" s="424"/>
      <c r="VHW722" s="424"/>
      <c r="VHX722" s="424"/>
      <c r="VHY722" s="423" t="s">
        <v>2795</v>
      </c>
      <c r="VHZ722" s="424"/>
      <c r="VIA722" s="424"/>
      <c r="VIB722" s="424"/>
      <c r="VIC722" s="423" t="s">
        <v>2795</v>
      </c>
      <c r="VID722" s="424"/>
      <c r="VIE722" s="424"/>
      <c r="VIF722" s="424"/>
      <c r="VIG722" s="423" t="s">
        <v>2795</v>
      </c>
      <c r="VIH722" s="424"/>
      <c r="VII722" s="424"/>
      <c r="VIJ722" s="424"/>
      <c r="VIK722" s="423" t="s">
        <v>2795</v>
      </c>
      <c r="VIL722" s="424"/>
      <c r="VIM722" s="424"/>
      <c r="VIN722" s="424"/>
      <c r="VIO722" s="423" t="s">
        <v>2795</v>
      </c>
      <c r="VIP722" s="424"/>
      <c r="VIQ722" s="424"/>
      <c r="VIR722" s="424"/>
      <c r="VIS722" s="423" t="s">
        <v>2795</v>
      </c>
      <c r="VIT722" s="424"/>
      <c r="VIU722" s="424"/>
      <c r="VIV722" s="424"/>
      <c r="VIW722" s="423" t="s">
        <v>2795</v>
      </c>
      <c r="VIX722" s="424"/>
      <c r="VIY722" s="424"/>
      <c r="VIZ722" s="424"/>
      <c r="VJA722" s="423" t="s">
        <v>2795</v>
      </c>
      <c r="VJB722" s="424"/>
      <c r="VJC722" s="424"/>
      <c r="VJD722" s="424"/>
      <c r="VJE722" s="423" t="s">
        <v>2795</v>
      </c>
      <c r="VJF722" s="424"/>
      <c r="VJG722" s="424"/>
      <c r="VJH722" s="424"/>
      <c r="VJI722" s="423" t="s">
        <v>2795</v>
      </c>
      <c r="VJJ722" s="424"/>
      <c r="VJK722" s="424"/>
      <c r="VJL722" s="424"/>
      <c r="VJM722" s="423" t="s">
        <v>2795</v>
      </c>
      <c r="VJN722" s="424"/>
      <c r="VJO722" s="424"/>
      <c r="VJP722" s="424"/>
      <c r="VJQ722" s="423" t="s">
        <v>2795</v>
      </c>
      <c r="VJR722" s="424"/>
      <c r="VJS722" s="424"/>
      <c r="VJT722" s="424"/>
      <c r="VJU722" s="423" t="s">
        <v>2795</v>
      </c>
      <c r="VJV722" s="424"/>
      <c r="VJW722" s="424"/>
      <c r="VJX722" s="424"/>
      <c r="VJY722" s="423" t="s">
        <v>2795</v>
      </c>
      <c r="VJZ722" s="424"/>
      <c r="VKA722" s="424"/>
      <c r="VKB722" s="424"/>
      <c r="VKC722" s="423" t="s">
        <v>2795</v>
      </c>
      <c r="VKD722" s="424"/>
      <c r="VKE722" s="424"/>
      <c r="VKF722" s="424"/>
      <c r="VKG722" s="423" t="s">
        <v>2795</v>
      </c>
      <c r="VKH722" s="424"/>
      <c r="VKI722" s="424"/>
      <c r="VKJ722" s="424"/>
      <c r="VKK722" s="423" t="s">
        <v>2795</v>
      </c>
      <c r="VKL722" s="424"/>
      <c r="VKM722" s="424"/>
      <c r="VKN722" s="424"/>
      <c r="VKO722" s="423" t="s">
        <v>2795</v>
      </c>
      <c r="VKP722" s="424"/>
      <c r="VKQ722" s="424"/>
      <c r="VKR722" s="424"/>
      <c r="VKS722" s="423" t="s">
        <v>2795</v>
      </c>
      <c r="VKT722" s="424"/>
      <c r="VKU722" s="424"/>
      <c r="VKV722" s="424"/>
      <c r="VKW722" s="423" t="s">
        <v>2795</v>
      </c>
      <c r="VKX722" s="424"/>
      <c r="VKY722" s="424"/>
      <c r="VKZ722" s="424"/>
      <c r="VLA722" s="423" t="s">
        <v>2795</v>
      </c>
      <c r="VLB722" s="424"/>
      <c r="VLC722" s="424"/>
      <c r="VLD722" s="424"/>
      <c r="VLE722" s="423" t="s">
        <v>2795</v>
      </c>
      <c r="VLF722" s="424"/>
      <c r="VLG722" s="424"/>
      <c r="VLH722" s="424"/>
      <c r="VLI722" s="423" t="s">
        <v>2795</v>
      </c>
      <c r="VLJ722" s="424"/>
      <c r="VLK722" s="424"/>
      <c r="VLL722" s="424"/>
      <c r="VLM722" s="423" t="s">
        <v>2795</v>
      </c>
      <c r="VLN722" s="424"/>
      <c r="VLO722" s="424"/>
      <c r="VLP722" s="424"/>
      <c r="VLQ722" s="423" t="s">
        <v>2795</v>
      </c>
      <c r="VLR722" s="424"/>
      <c r="VLS722" s="424"/>
      <c r="VLT722" s="424"/>
      <c r="VLU722" s="423" t="s">
        <v>2795</v>
      </c>
      <c r="VLV722" s="424"/>
      <c r="VLW722" s="424"/>
      <c r="VLX722" s="424"/>
      <c r="VLY722" s="423" t="s">
        <v>2795</v>
      </c>
      <c r="VLZ722" s="424"/>
      <c r="VMA722" s="424"/>
      <c r="VMB722" s="424"/>
      <c r="VMC722" s="423" t="s">
        <v>2795</v>
      </c>
      <c r="VMD722" s="424"/>
      <c r="VME722" s="424"/>
      <c r="VMF722" s="424"/>
      <c r="VMG722" s="423" t="s">
        <v>2795</v>
      </c>
      <c r="VMH722" s="424"/>
      <c r="VMI722" s="424"/>
      <c r="VMJ722" s="424"/>
      <c r="VMK722" s="423" t="s">
        <v>2795</v>
      </c>
      <c r="VML722" s="424"/>
      <c r="VMM722" s="424"/>
      <c r="VMN722" s="424"/>
      <c r="VMO722" s="423" t="s">
        <v>2795</v>
      </c>
      <c r="VMP722" s="424"/>
      <c r="VMQ722" s="424"/>
      <c r="VMR722" s="424"/>
      <c r="VMS722" s="423" t="s">
        <v>2795</v>
      </c>
      <c r="VMT722" s="424"/>
      <c r="VMU722" s="424"/>
      <c r="VMV722" s="424"/>
      <c r="VMW722" s="423" t="s">
        <v>2795</v>
      </c>
      <c r="VMX722" s="424"/>
      <c r="VMY722" s="424"/>
      <c r="VMZ722" s="424"/>
      <c r="VNA722" s="423" t="s">
        <v>2795</v>
      </c>
      <c r="VNB722" s="424"/>
      <c r="VNC722" s="424"/>
      <c r="VND722" s="424"/>
      <c r="VNE722" s="423" t="s">
        <v>2795</v>
      </c>
      <c r="VNF722" s="424"/>
      <c r="VNG722" s="424"/>
      <c r="VNH722" s="424"/>
      <c r="VNI722" s="423" t="s">
        <v>2795</v>
      </c>
      <c r="VNJ722" s="424"/>
      <c r="VNK722" s="424"/>
      <c r="VNL722" s="424"/>
      <c r="VNM722" s="423" t="s">
        <v>2795</v>
      </c>
      <c r="VNN722" s="424"/>
      <c r="VNO722" s="424"/>
      <c r="VNP722" s="424"/>
      <c r="VNQ722" s="423" t="s">
        <v>2795</v>
      </c>
      <c r="VNR722" s="424"/>
      <c r="VNS722" s="424"/>
      <c r="VNT722" s="424"/>
      <c r="VNU722" s="423" t="s">
        <v>2795</v>
      </c>
      <c r="VNV722" s="424"/>
      <c r="VNW722" s="424"/>
      <c r="VNX722" s="424"/>
      <c r="VNY722" s="423" t="s">
        <v>2795</v>
      </c>
      <c r="VNZ722" s="424"/>
      <c r="VOA722" s="424"/>
      <c r="VOB722" s="424"/>
      <c r="VOC722" s="423" t="s">
        <v>2795</v>
      </c>
      <c r="VOD722" s="424"/>
      <c r="VOE722" s="424"/>
      <c r="VOF722" s="424"/>
      <c r="VOG722" s="423" t="s">
        <v>2795</v>
      </c>
      <c r="VOH722" s="424"/>
      <c r="VOI722" s="424"/>
      <c r="VOJ722" s="424"/>
      <c r="VOK722" s="423" t="s">
        <v>2795</v>
      </c>
      <c r="VOL722" s="424"/>
      <c r="VOM722" s="424"/>
      <c r="VON722" s="424"/>
      <c r="VOO722" s="423" t="s">
        <v>2795</v>
      </c>
      <c r="VOP722" s="424"/>
      <c r="VOQ722" s="424"/>
      <c r="VOR722" s="424"/>
      <c r="VOS722" s="423" t="s">
        <v>2795</v>
      </c>
      <c r="VOT722" s="424"/>
      <c r="VOU722" s="424"/>
      <c r="VOV722" s="424"/>
      <c r="VOW722" s="423" t="s">
        <v>2795</v>
      </c>
      <c r="VOX722" s="424"/>
      <c r="VOY722" s="424"/>
      <c r="VOZ722" s="424"/>
      <c r="VPA722" s="423" t="s">
        <v>2795</v>
      </c>
      <c r="VPB722" s="424"/>
      <c r="VPC722" s="424"/>
      <c r="VPD722" s="424"/>
      <c r="VPE722" s="423" t="s">
        <v>2795</v>
      </c>
      <c r="VPF722" s="424"/>
      <c r="VPG722" s="424"/>
      <c r="VPH722" s="424"/>
      <c r="VPI722" s="423" t="s">
        <v>2795</v>
      </c>
      <c r="VPJ722" s="424"/>
      <c r="VPK722" s="424"/>
      <c r="VPL722" s="424"/>
      <c r="VPM722" s="423" t="s">
        <v>2795</v>
      </c>
      <c r="VPN722" s="424"/>
      <c r="VPO722" s="424"/>
      <c r="VPP722" s="424"/>
      <c r="VPQ722" s="423" t="s">
        <v>2795</v>
      </c>
      <c r="VPR722" s="424"/>
      <c r="VPS722" s="424"/>
      <c r="VPT722" s="424"/>
      <c r="VPU722" s="423" t="s">
        <v>2795</v>
      </c>
      <c r="VPV722" s="424"/>
      <c r="VPW722" s="424"/>
      <c r="VPX722" s="424"/>
      <c r="VPY722" s="423" t="s">
        <v>2795</v>
      </c>
      <c r="VPZ722" s="424"/>
      <c r="VQA722" s="424"/>
      <c r="VQB722" s="424"/>
      <c r="VQC722" s="423" t="s">
        <v>2795</v>
      </c>
      <c r="VQD722" s="424"/>
      <c r="VQE722" s="424"/>
      <c r="VQF722" s="424"/>
      <c r="VQG722" s="423" t="s">
        <v>2795</v>
      </c>
      <c r="VQH722" s="424"/>
      <c r="VQI722" s="424"/>
      <c r="VQJ722" s="424"/>
      <c r="VQK722" s="423" t="s">
        <v>2795</v>
      </c>
      <c r="VQL722" s="424"/>
      <c r="VQM722" s="424"/>
      <c r="VQN722" s="424"/>
      <c r="VQO722" s="423" t="s">
        <v>2795</v>
      </c>
      <c r="VQP722" s="424"/>
      <c r="VQQ722" s="424"/>
      <c r="VQR722" s="424"/>
      <c r="VQS722" s="423" t="s">
        <v>2795</v>
      </c>
      <c r="VQT722" s="424"/>
      <c r="VQU722" s="424"/>
      <c r="VQV722" s="424"/>
      <c r="VQW722" s="423" t="s">
        <v>2795</v>
      </c>
      <c r="VQX722" s="424"/>
      <c r="VQY722" s="424"/>
      <c r="VQZ722" s="424"/>
      <c r="VRA722" s="423" t="s">
        <v>2795</v>
      </c>
      <c r="VRB722" s="424"/>
      <c r="VRC722" s="424"/>
      <c r="VRD722" s="424"/>
      <c r="VRE722" s="423" t="s">
        <v>2795</v>
      </c>
      <c r="VRF722" s="424"/>
      <c r="VRG722" s="424"/>
      <c r="VRH722" s="424"/>
      <c r="VRI722" s="423" t="s">
        <v>2795</v>
      </c>
      <c r="VRJ722" s="424"/>
      <c r="VRK722" s="424"/>
      <c r="VRL722" s="424"/>
      <c r="VRM722" s="423" t="s">
        <v>2795</v>
      </c>
      <c r="VRN722" s="424"/>
      <c r="VRO722" s="424"/>
      <c r="VRP722" s="424"/>
      <c r="VRQ722" s="423" t="s">
        <v>2795</v>
      </c>
      <c r="VRR722" s="424"/>
      <c r="VRS722" s="424"/>
      <c r="VRT722" s="424"/>
      <c r="VRU722" s="423" t="s">
        <v>2795</v>
      </c>
      <c r="VRV722" s="424"/>
      <c r="VRW722" s="424"/>
      <c r="VRX722" s="424"/>
      <c r="VRY722" s="423" t="s">
        <v>2795</v>
      </c>
      <c r="VRZ722" s="424"/>
      <c r="VSA722" s="424"/>
      <c r="VSB722" s="424"/>
      <c r="VSC722" s="423" t="s">
        <v>2795</v>
      </c>
      <c r="VSD722" s="424"/>
      <c r="VSE722" s="424"/>
      <c r="VSF722" s="424"/>
      <c r="VSG722" s="423" t="s">
        <v>2795</v>
      </c>
      <c r="VSH722" s="424"/>
      <c r="VSI722" s="424"/>
      <c r="VSJ722" s="424"/>
      <c r="VSK722" s="423" t="s">
        <v>2795</v>
      </c>
      <c r="VSL722" s="424"/>
      <c r="VSM722" s="424"/>
      <c r="VSN722" s="424"/>
      <c r="VSO722" s="423" t="s">
        <v>2795</v>
      </c>
      <c r="VSP722" s="424"/>
      <c r="VSQ722" s="424"/>
      <c r="VSR722" s="424"/>
      <c r="VSS722" s="423" t="s">
        <v>2795</v>
      </c>
      <c r="VST722" s="424"/>
      <c r="VSU722" s="424"/>
      <c r="VSV722" s="424"/>
      <c r="VSW722" s="423" t="s">
        <v>2795</v>
      </c>
      <c r="VSX722" s="424"/>
      <c r="VSY722" s="424"/>
      <c r="VSZ722" s="424"/>
      <c r="VTA722" s="423" t="s">
        <v>2795</v>
      </c>
      <c r="VTB722" s="424"/>
      <c r="VTC722" s="424"/>
      <c r="VTD722" s="424"/>
      <c r="VTE722" s="423" t="s">
        <v>2795</v>
      </c>
      <c r="VTF722" s="424"/>
      <c r="VTG722" s="424"/>
      <c r="VTH722" s="424"/>
      <c r="VTI722" s="423" t="s">
        <v>2795</v>
      </c>
      <c r="VTJ722" s="424"/>
      <c r="VTK722" s="424"/>
      <c r="VTL722" s="424"/>
      <c r="VTM722" s="423" t="s">
        <v>2795</v>
      </c>
      <c r="VTN722" s="424"/>
      <c r="VTO722" s="424"/>
      <c r="VTP722" s="424"/>
      <c r="VTQ722" s="423" t="s">
        <v>2795</v>
      </c>
      <c r="VTR722" s="424"/>
      <c r="VTS722" s="424"/>
      <c r="VTT722" s="424"/>
      <c r="VTU722" s="423" t="s">
        <v>2795</v>
      </c>
      <c r="VTV722" s="424"/>
      <c r="VTW722" s="424"/>
      <c r="VTX722" s="424"/>
      <c r="VTY722" s="423" t="s">
        <v>2795</v>
      </c>
      <c r="VTZ722" s="424"/>
      <c r="VUA722" s="424"/>
      <c r="VUB722" s="424"/>
      <c r="VUC722" s="423" t="s">
        <v>2795</v>
      </c>
      <c r="VUD722" s="424"/>
      <c r="VUE722" s="424"/>
      <c r="VUF722" s="424"/>
      <c r="VUG722" s="423" t="s">
        <v>2795</v>
      </c>
      <c r="VUH722" s="424"/>
      <c r="VUI722" s="424"/>
      <c r="VUJ722" s="424"/>
      <c r="VUK722" s="423" t="s">
        <v>2795</v>
      </c>
      <c r="VUL722" s="424"/>
      <c r="VUM722" s="424"/>
      <c r="VUN722" s="424"/>
      <c r="VUO722" s="423" t="s">
        <v>2795</v>
      </c>
      <c r="VUP722" s="424"/>
      <c r="VUQ722" s="424"/>
      <c r="VUR722" s="424"/>
      <c r="VUS722" s="423" t="s">
        <v>2795</v>
      </c>
      <c r="VUT722" s="424"/>
      <c r="VUU722" s="424"/>
      <c r="VUV722" s="424"/>
      <c r="VUW722" s="423" t="s">
        <v>2795</v>
      </c>
      <c r="VUX722" s="424"/>
      <c r="VUY722" s="424"/>
      <c r="VUZ722" s="424"/>
      <c r="VVA722" s="423" t="s">
        <v>2795</v>
      </c>
      <c r="VVB722" s="424"/>
      <c r="VVC722" s="424"/>
      <c r="VVD722" s="424"/>
      <c r="VVE722" s="423" t="s">
        <v>2795</v>
      </c>
      <c r="VVF722" s="424"/>
      <c r="VVG722" s="424"/>
      <c r="VVH722" s="424"/>
      <c r="VVI722" s="423" t="s">
        <v>2795</v>
      </c>
      <c r="VVJ722" s="424"/>
      <c r="VVK722" s="424"/>
      <c r="VVL722" s="424"/>
      <c r="VVM722" s="423" t="s">
        <v>2795</v>
      </c>
      <c r="VVN722" s="424"/>
      <c r="VVO722" s="424"/>
      <c r="VVP722" s="424"/>
      <c r="VVQ722" s="423" t="s">
        <v>2795</v>
      </c>
      <c r="VVR722" s="424"/>
      <c r="VVS722" s="424"/>
      <c r="VVT722" s="424"/>
      <c r="VVU722" s="423" t="s">
        <v>2795</v>
      </c>
      <c r="VVV722" s="424"/>
      <c r="VVW722" s="424"/>
      <c r="VVX722" s="424"/>
      <c r="VVY722" s="423" t="s">
        <v>2795</v>
      </c>
      <c r="VVZ722" s="424"/>
      <c r="VWA722" s="424"/>
      <c r="VWB722" s="424"/>
      <c r="VWC722" s="423" t="s">
        <v>2795</v>
      </c>
      <c r="VWD722" s="424"/>
      <c r="VWE722" s="424"/>
      <c r="VWF722" s="424"/>
      <c r="VWG722" s="423" t="s">
        <v>2795</v>
      </c>
      <c r="VWH722" s="424"/>
      <c r="VWI722" s="424"/>
      <c r="VWJ722" s="424"/>
      <c r="VWK722" s="423" t="s">
        <v>2795</v>
      </c>
      <c r="VWL722" s="424"/>
      <c r="VWM722" s="424"/>
      <c r="VWN722" s="424"/>
      <c r="VWO722" s="423" t="s">
        <v>2795</v>
      </c>
      <c r="VWP722" s="424"/>
      <c r="VWQ722" s="424"/>
      <c r="VWR722" s="424"/>
      <c r="VWS722" s="423" t="s">
        <v>2795</v>
      </c>
      <c r="VWT722" s="424"/>
      <c r="VWU722" s="424"/>
      <c r="VWV722" s="424"/>
      <c r="VWW722" s="423" t="s">
        <v>2795</v>
      </c>
      <c r="VWX722" s="424"/>
      <c r="VWY722" s="424"/>
      <c r="VWZ722" s="424"/>
      <c r="VXA722" s="423" t="s">
        <v>2795</v>
      </c>
      <c r="VXB722" s="424"/>
      <c r="VXC722" s="424"/>
      <c r="VXD722" s="424"/>
      <c r="VXE722" s="423" t="s">
        <v>2795</v>
      </c>
      <c r="VXF722" s="424"/>
      <c r="VXG722" s="424"/>
      <c r="VXH722" s="424"/>
      <c r="VXI722" s="423" t="s">
        <v>2795</v>
      </c>
      <c r="VXJ722" s="424"/>
      <c r="VXK722" s="424"/>
      <c r="VXL722" s="424"/>
      <c r="VXM722" s="423" t="s">
        <v>2795</v>
      </c>
      <c r="VXN722" s="424"/>
      <c r="VXO722" s="424"/>
      <c r="VXP722" s="424"/>
      <c r="VXQ722" s="423" t="s">
        <v>2795</v>
      </c>
      <c r="VXR722" s="424"/>
      <c r="VXS722" s="424"/>
      <c r="VXT722" s="424"/>
      <c r="VXU722" s="423" t="s">
        <v>2795</v>
      </c>
      <c r="VXV722" s="424"/>
      <c r="VXW722" s="424"/>
      <c r="VXX722" s="424"/>
      <c r="VXY722" s="423" t="s">
        <v>2795</v>
      </c>
      <c r="VXZ722" s="424"/>
      <c r="VYA722" s="424"/>
      <c r="VYB722" s="424"/>
      <c r="VYC722" s="423" t="s">
        <v>2795</v>
      </c>
      <c r="VYD722" s="424"/>
      <c r="VYE722" s="424"/>
      <c r="VYF722" s="424"/>
      <c r="VYG722" s="423" t="s">
        <v>2795</v>
      </c>
      <c r="VYH722" s="424"/>
      <c r="VYI722" s="424"/>
      <c r="VYJ722" s="424"/>
      <c r="VYK722" s="423" t="s">
        <v>2795</v>
      </c>
      <c r="VYL722" s="424"/>
      <c r="VYM722" s="424"/>
      <c r="VYN722" s="424"/>
      <c r="VYO722" s="423" t="s">
        <v>2795</v>
      </c>
      <c r="VYP722" s="424"/>
      <c r="VYQ722" s="424"/>
      <c r="VYR722" s="424"/>
      <c r="VYS722" s="423" t="s">
        <v>2795</v>
      </c>
      <c r="VYT722" s="424"/>
      <c r="VYU722" s="424"/>
      <c r="VYV722" s="424"/>
      <c r="VYW722" s="423" t="s">
        <v>2795</v>
      </c>
      <c r="VYX722" s="424"/>
      <c r="VYY722" s="424"/>
      <c r="VYZ722" s="424"/>
      <c r="VZA722" s="423" t="s">
        <v>2795</v>
      </c>
      <c r="VZB722" s="424"/>
      <c r="VZC722" s="424"/>
      <c r="VZD722" s="424"/>
      <c r="VZE722" s="423" t="s">
        <v>2795</v>
      </c>
      <c r="VZF722" s="424"/>
      <c r="VZG722" s="424"/>
      <c r="VZH722" s="424"/>
      <c r="VZI722" s="423" t="s">
        <v>2795</v>
      </c>
      <c r="VZJ722" s="424"/>
      <c r="VZK722" s="424"/>
      <c r="VZL722" s="424"/>
      <c r="VZM722" s="423" t="s">
        <v>2795</v>
      </c>
      <c r="VZN722" s="424"/>
      <c r="VZO722" s="424"/>
      <c r="VZP722" s="424"/>
      <c r="VZQ722" s="423" t="s">
        <v>2795</v>
      </c>
      <c r="VZR722" s="424"/>
      <c r="VZS722" s="424"/>
      <c r="VZT722" s="424"/>
      <c r="VZU722" s="423" t="s">
        <v>2795</v>
      </c>
      <c r="VZV722" s="424"/>
      <c r="VZW722" s="424"/>
      <c r="VZX722" s="424"/>
      <c r="VZY722" s="423" t="s">
        <v>2795</v>
      </c>
      <c r="VZZ722" s="424"/>
      <c r="WAA722" s="424"/>
      <c r="WAB722" s="424"/>
      <c r="WAC722" s="423" t="s">
        <v>2795</v>
      </c>
      <c r="WAD722" s="424"/>
      <c r="WAE722" s="424"/>
      <c r="WAF722" s="424"/>
      <c r="WAG722" s="423" t="s">
        <v>2795</v>
      </c>
      <c r="WAH722" s="424"/>
      <c r="WAI722" s="424"/>
      <c r="WAJ722" s="424"/>
      <c r="WAK722" s="423" t="s">
        <v>2795</v>
      </c>
      <c r="WAL722" s="424"/>
      <c r="WAM722" s="424"/>
      <c r="WAN722" s="424"/>
      <c r="WAO722" s="423" t="s">
        <v>2795</v>
      </c>
      <c r="WAP722" s="424"/>
      <c r="WAQ722" s="424"/>
      <c r="WAR722" s="424"/>
      <c r="WAS722" s="423" t="s">
        <v>2795</v>
      </c>
      <c r="WAT722" s="424"/>
      <c r="WAU722" s="424"/>
      <c r="WAV722" s="424"/>
      <c r="WAW722" s="423" t="s">
        <v>2795</v>
      </c>
      <c r="WAX722" s="424"/>
      <c r="WAY722" s="424"/>
      <c r="WAZ722" s="424"/>
      <c r="WBA722" s="423" t="s">
        <v>2795</v>
      </c>
      <c r="WBB722" s="424"/>
      <c r="WBC722" s="424"/>
      <c r="WBD722" s="424"/>
      <c r="WBE722" s="423" t="s">
        <v>2795</v>
      </c>
      <c r="WBF722" s="424"/>
      <c r="WBG722" s="424"/>
      <c r="WBH722" s="424"/>
      <c r="WBI722" s="423" t="s">
        <v>2795</v>
      </c>
      <c r="WBJ722" s="424"/>
      <c r="WBK722" s="424"/>
      <c r="WBL722" s="424"/>
      <c r="WBM722" s="423" t="s">
        <v>2795</v>
      </c>
      <c r="WBN722" s="424"/>
      <c r="WBO722" s="424"/>
      <c r="WBP722" s="424"/>
      <c r="WBQ722" s="423" t="s">
        <v>2795</v>
      </c>
      <c r="WBR722" s="424"/>
      <c r="WBS722" s="424"/>
      <c r="WBT722" s="424"/>
      <c r="WBU722" s="423" t="s">
        <v>2795</v>
      </c>
      <c r="WBV722" s="424"/>
      <c r="WBW722" s="424"/>
      <c r="WBX722" s="424"/>
      <c r="WBY722" s="423" t="s">
        <v>2795</v>
      </c>
      <c r="WBZ722" s="424"/>
      <c r="WCA722" s="424"/>
      <c r="WCB722" s="424"/>
      <c r="WCC722" s="423" t="s">
        <v>2795</v>
      </c>
      <c r="WCD722" s="424"/>
      <c r="WCE722" s="424"/>
      <c r="WCF722" s="424"/>
      <c r="WCG722" s="423" t="s">
        <v>2795</v>
      </c>
      <c r="WCH722" s="424"/>
      <c r="WCI722" s="424"/>
      <c r="WCJ722" s="424"/>
      <c r="WCK722" s="423" t="s">
        <v>2795</v>
      </c>
      <c r="WCL722" s="424"/>
      <c r="WCM722" s="424"/>
      <c r="WCN722" s="424"/>
      <c r="WCO722" s="423" t="s">
        <v>2795</v>
      </c>
      <c r="WCP722" s="424"/>
      <c r="WCQ722" s="424"/>
      <c r="WCR722" s="424"/>
      <c r="WCS722" s="423" t="s">
        <v>2795</v>
      </c>
      <c r="WCT722" s="424"/>
      <c r="WCU722" s="424"/>
      <c r="WCV722" s="424"/>
      <c r="WCW722" s="423" t="s">
        <v>2795</v>
      </c>
      <c r="WCX722" s="424"/>
      <c r="WCY722" s="424"/>
      <c r="WCZ722" s="424"/>
      <c r="WDA722" s="423" t="s">
        <v>2795</v>
      </c>
      <c r="WDB722" s="424"/>
      <c r="WDC722" s="424"/>
      <c r="WDD722" s="424"/>
      <c r="WDE722" s="423" t="s">
        <v>2795</v>
      </c>
      <c r="WDF722" s="424"/>
      <c r="WDG722" s="424"/>
      <c r="WDH722" s="424"/>
      <c r="WDI722" s="423" t="s">
        <v>2795</v>
      </c>
      <c r="WDJ722" s="424"/>
      <c r="WDK722" s="424"/>
      <c r="WDL722" s="424"/>
      <c r="WDM722" s="423" t="s">
        <v>2795</v>
      </c>
      <c r="WDN722" s="424"/>
      <c r="WDO722" s="424"/>
      <c r="WDP722" s="424"/>
      <c r="WDQ722" s="423" t="s">
        <v>2795</v>
      </c>
      <c r="WDR722" s="424"/>
      <c r="WDS722" s="424"/>
      <c r="WDT722" s="424"/>
      <c r="WDU722" s="423" t="s">
        <v>2795</v>
      </c>
      <c r="WDV722" s="424"/>
      <c r="WDW722" s="424"/>
      <c r="WDX722" s="424"/>
      <c r="WDY722" s="423" t="s">
        <v>2795</v>
      </c>
      <c r="WDZ722" s="424"/>
      <c r="WEA722" s="424"/>
      <c r="WEB722" s="424"/>
      <c r="WEC722" s="423" t="s">
        <v>2795</v>
      </c>
      <c r="WED722" s="424"/>
      <c r="WEE722" s="424"/>
      <c r="WEF722" s="424"/>
      <c r="WEG722" s="423" t="s">
        <v>2795</v>
      </c>
      <c r="WEH722" s="424"/>
      <c r="WEI722" s="424"/>
      <c r="WEJ722" s="424"/>
      <c r="WEK722" s="423" t="s">
        <v>2795</v>
      </c>
      <c r="WEL722" s="424"/>
      <c r="WEM722" s="424"/>
      <c r="WEN722" s="424"/>
      <c r="WEO722" s="423" t="s">
        <v>2795</v>
      </c>
      <c r="WEP722" s="424"/>
      <c r="WEQ722" s="424"/>
      <c r="WER722" s="424"/>
      <c r="WES722" s="423" t="s">
        <v>2795</v>
      </c>
      <c r="WET722" s="424"/>
      <c r="WEU722" s="424"/>
      <c r="WEV722" s="424"/>
      <c r="WEW722" s="423" t="s">
        <v>2795</v>
      </c>
      <c r="WEX722" s="424"/>
      <c r="WEY722" s="424"/>
      <c r="WEZ722" s="424"/>
      <c r="WFA722" s="423" t="s">
        <v>2795</v>
      </c>
      <c r="WFB722" s="424"/>
      <c r="WFC722" s="424"/>
      <c r="WFD722" s="424"/>
      <c r="WFE722" s="423" t="s">
        <v>2795</v>
      </c>
      <c r="WFF722" s="424"/>
      <c r="WFG722" s="424"/>
      <c r="WFH722" s="424"/>
      <c r="WFI722" s="423" t="s">
        <v>2795</v>
      </c>
      <c r="WFJ722" s="424"/>
      <c r="WFK722" s="424"/>
      <c r="WFL722" s="424"/>
      <c r="WFM722" s="423" t="s">
        <v>2795</v>
      </c>
      <c r="WFN722" s="424"/>
      <c r="WFO722" s="424"/>
      <c r="WFP722" s="424"/>
      <c r="WFQ722" s="423" t="s">
        <v>2795</v>
      </c>
      <c r="WFR722" s="424"/>
      <c r="WFS722" s="424"/>
      <c r="WFT722" s="424"/>
      <c r="WFU722" s="423" t="s">
        <v>2795</v>
      </c>
      <c r="WFV722" s="424"/>
      <c r="WFW722" s="424"/>
      <c r="WFX722" s="424"/>
      <c r="WFY722" s="423" t="s">
        <v>2795</v>
      </c>
      <c r="WFZ722" s="424"/>
      <c r="WGA722" s="424"/>
      <c r="WGB722" s="424"/>
      <c r="WGC722" s="423" t="s">
        <v>2795</v>
      </c>
      <c r="WGD722" s="424"/>
      <c r="WGE722" s="424"/>
      <c r="WGF722" s="424"/>
      <c r="WGG722" s="423" t="s">
        <v>2795</v>
      </c>
      <c r="WGH722" s="424"/>
      <c r="WGI722" s="424"/>
      <c r="WGJ722" s="424"/>
      <c r="WGK722" s="423" t="s">
        <v>2795</v>
      </c>
      <c r="WGL722" s="424"/>
      <c r="WGM722" s="424"/>
      <c r="WGN722" s="424"/>
      <c r="WGO722" s="423" t="s">
        <v>2795</v>
      </c>
      <c r="WGP722" s="424"/>
      <c r="WGQ722" s="424"/>
      <c r="WGR722" s="424"/>
      <c r="WGS722" s="423" t="s">
        <v>2795</v>
      </c>
      <c r="WGT722" s="424"/>
      <c r="WGU722" s="424"/>
      <c r="WGV722" s="424"/>
      <c r="WGW722" s="423" t="s">
        <v>2795</v>
      </c>
      <c r="WGX722" s="424"/>
      <c r="WGY722" s="424"/>
      <c r="WGZ722" s="424"/>
      <c r="WHA722" s="423" t="s">
        <v>2795</v>
      </c>
      <c r="WHB722" s="424"/>
      <c r="WHC722" s="424"/>
      <c r="WHD722" s="424"/>
      <c r="WHE722" s="423" t="s">
        <v>2795</v>
      </c>
      <c r="WHF722" s="424"/>
      <c r="WHG722" s="424"/>
      <c r="WHH722" s="424"/>
      <c r="WHI722" s="423" t="s">
        <v>2795</v>
      </c>
      <c r="WHJ722" s="424"/>
      <c r="WHK722" s="424"/>
      <c r="WHL722" s="424"/>
      <c r="WHM722" s="423" t="s">
        <v>2795</v>
      </c>
      <c r="WHN722" s="424"/>
      <c r="WHO722" s="424"/>
      <c r="WHP722" s="424"/>
      <c r="WHQ722" s="423" t="s">
        <v>2795</v>
      </c>
      <c r="WHR722" s="424"/>
      <c r="WHS722" s="424"/>
      <c r="WHT722" s="424"/>
      <c r="WHU722" s="423" t="s">
        <v>2795</v>
      </c>
      <c r="WHV722" s="424"/>
      <c r="WHW722" s="424"/>
      <c r="WHX722" s="424"/>
      <c r="WHY722" s="423" t="s">
        <v>2795</v>
      </c>
      <c r="WHZ722" s="424"/>
      <c r="WIA722" s="424"/>
      <c r="WIB722" s="424"/>
      <c r="WIC722" s="423" t="s">
        <v>2795</v>
      </c>
      <c r="WID722" s="424"/>
      <c r="WIE722" s="424"/>
      <c r="WIF722" s="424"/>
      <c r="WIG722" s="423" t="s">
        <v>2795</v>
      </c>
      <c r="WIH722" s="424"/>
      <c r="WII722" s="424"/>
      <c r="WIJ722" s="424"/>
      <c r="WIK722" s="423" t="s">
        <v>2795</v>
      </c>
      <c r="WIL722" s="424"/>
      <c r="WIM722" s="424"/>
      <c r="WIN722" s="424"/>
      <c r="WIO722" s="423" t="s">
        <v>2795</v>
      </c>
      <c r="WIP722" s="424"/>
      <c r="WIQ722" s="424"/>
      <c r="WIR722" s="424"/>
      <c r="WIS722" s="423" t="s">
        <v>2795</v>
      </c>
      <c r="WIT722" s="424"/>
      <c r="WIU722" s="424"/>
      <c r="WIV722" s="424"/>
      <c r="WIW722" s="423" t="s">
        <v>2795</v>
      </c>
      <c r="WIX722" s="424"/>
      <c r="WIY722" s="424"/>
      <c r="WIZ722" s="424"/>
      <c r="WJA722" s="423" t="s">
        <v>2795</v>
      </c>
      <c r="WJB722" s="424"/>
      <c r="WJC722" s="424"/>
      <c r="WJD722" s="424"/>
      <c r="WJE722" s="423" t="s">
        <v>2795</v>
      </c>
      <c r="WJF722" s="424"/>
      <c r="WJG722" s="424"/>
      <c r="WJH722" s="424"/>
      <c r="WJI722" s="423" t="s">
        <v>2795</v>
      </c>
      <c r="WJJ722" s="424"/>
      <c r="WJK722" s="424"/>
      <c r="WJL722" s="424"/>
      <c r="WJM722" s="423" t="s">
        <v>2795</v>
      </c>
      <c r="WJN722" s="424"/>
      <c r="WJO722" s="424"/>
      <c r="WJP722" s="424"/>
      <c r="WJQ722" s="423" t="s">
        <v>2795</v>
      </c>
      <c r="WJR722" s="424"/>
      <c r="WJS722" s="424"/>
      <c r="WJT722" s="424"/>
      <c r="WJU722" s="423" t="s">
        <v>2795</v>
      </c>
      <c r="WJV722" s="424"/>
      <c r="WJW722" s="424"/>
      <c r="WJX722" s="424"/>
      <c r="WJY722" s="423" t="s">
        <v>2795</v>
      </c>
      <c r="WJZ722" s="424"/>
      <c r="WKA722" s="424"/>
      <c r="WKB722" s="424"/>
      <c r="WKC722" s="423" t="s">
        <v>2795</v>
      </c>
      <c r="WKD722" s="424"/>
      <c r="WKE722" s="424"/>
      <c r="WKF722" s="424"/>
      <c r="WKG722" s="423" t="s">
        <v>2795</v>
      </c>
      <c r="WKH722" s="424"/>
      <c r="WKI722" s="424"/>
      <c r="WKJ722" s="424"/>
      <c r="WKK722" s="423" t="s">
        <v>2795</v>
      </c>
      <c r="WKL722" s="424"/>
      <c r="WKM722" s="424"/>
      <c r="WKN722" s="424"/>
      <c r="WKO722" s="423" t="s">
        <v>2795</v>
      </c>
      <c r="WKP722" s="424"/>
      <c r="WKQ722" s="424"/>
      <c r="WKR722" s="424"/>
      <c r="WKS722" s="423" t="s">
        <v>2795</v>
      </c>
      <c r="WKT722" s="424"/>
      <c r="WKU722" s="424"/>
      <c r="WKV722" s="424"/>
      <c r="WKW722" s="423" t="s">
        <v>2795</v>
      </c>
      <c r="WKX722" s="424"/>
      <c r="WKY722" s="424"/>
      <c r="WKZ722" s="424"/>
      <c r="WLA722" s="423" t="s">
        <v>2795</v>
      </c>
      <c r="WLB722" s="424"/>
      <c r="WLC722" s="424"/>
      <c r="WLD722" s="424"/>
      <c r="WLE722" s="423" t="s">
        <v>2795</v>
      </c>
      <c r="WLF722" s="424"/>
      <c r="WLG722" s="424"/>
      <c r="WLH722" s="424"/>
      <c r="WLI722" s="423" t="s">
        <v>2795</v>
      </c>
      <c r="WLJ722" s="424"/>
      <c r="WLK722" s="424"/>
      <c r="WLL722" s="424"/>
      <c r="WLM722" s="423" t="s">
        <v>2795</v>
      </c>
      <c r="WLN722" s="424"/>
      <c r="WLO722" s="424"/>
      <c r="WLP722" s="424"/>
      <c r="WLQ722" s="423" t="s">
        <v>2795</v>
      </c>
      <c r="WLR722" s="424"/>
      <c r="WLS722" s="424"/>
      <c r="WLT722" s="424"/>
      <c r="WLU722" s="423" t="s">
        <v>2795</v>
      </c>
      <c r="WLV722" s="424"/>
      <c r="WLW722" s="424"/>
      <c r="WLX722" s="424"/>
      <c r="WLY722" s="423" t="s">
        <v>2795</v>
      </c>
      <c r="WLZ722" s="424"/>
      <c r="WMA722" s="424"/>
      <c r="WMB722" s="424"/>
      <c r="WMC722" s="423" t="s">
        <v>2795</v>
      </c>
      <c r="WMD722" s="424"/>
      <c r="WME722" s="424"/>
      <c r="WMF722" s="424"/>
      <c r="WMG722" s="423" t="s">
        <v>2795</v>
      </c>
      <c r="WMH722" s="424"/>
      <c r="WMI722" s="424"/>
      <c r="WMJ722" s="424"/>
      <c r="WMK722" s="423" t="s">
        <v>2795</v>
      </c>
      <c r="WML722" s="424"/>
      <c r="WMM722" s="424"/>
      <c r="WMN722" s="424"/>
      <c r="WMO722" s="423" t="s">
        <v>2795</v>
      </c>
      <c r="WMP722" s="424"/>
      <c r="WMQ722" s="424"/>
      <c r="WMR722" s="424"/>
      <c r="WMS722" s="423" t="s">
        <v>2795</v>
      </c>
      <c r="WMT722" s="424"/>
      <c r="WMU722" s="424"/>
      <c r="WMV722" s="424"/>
      <c r="WMW722" s="423" t="s">
        <v>2795</v>
      </c>
      <c r="WMX722" s="424"/>
      <c r="WMY722" s="424"/>
      <c r="WMZ722" s="424"/>
      <c r="WNA722" s="423" t="s">
        <v>2795</v>
      </c>
      <c r="WNB722" s="424"/>
      <c r="WNC722" s="424"/>
      <c r="WND722" s="424"/>
      <c r="WNE722" s="423" t="s">
        <v>2795</v>
      </c>
      <c r="WNF722" s="424"/>
      <c r="WNG722" s="424"/>
      <c r="WNH722" s="424"/>
      <c r="WNI722" s="423" t="s">
        <v>2795</v>
      </c>
      <c r="WNJ722" s="424"/>
      <c r="WNK722" s="424"/>
      <c r="WNL722" s="424"/>
      <c r="WNM722" s="423" t="s">
        <v>2795</v>
      </c>
      <c r="WNN722" s="424"/>
      <c r="WNO722" s="424"/>
      <c r="WNP722" s="424"/>
      <c r="WNQ722" s="423" t="s">
        <v>2795</v>
      </c>
      <c r="WNR722" s="424"/>
      <c r="WNS722" s="424"/>
      <c r="WNT722" s="424"/>
      <c r="WNU722" s="423" t="s">
        <v>2795</v>
      </c>
      <c r="WNV722" s="424"/>
      <c r="WNW722" s="424"/>
      <c r="WNX722" s="424"/>
      <c r="WNY722" s="423" t="s">
        <v>2795</v>
      </c>
      <c r="WNZ722" s="424"/>
      <c r="WOA722" s="424"/>
      <c r="WOB722" s="424"/>
      <c r="WOC722" s="423" t="s">
        <v>2795</v>
      </c>
      <c r="WOD722" s="424"/>
      <c r="WOE722" s="424"/>
      <c r="WOF722" s="424"/>
      <c r="WOG722" s="423" t="s">
        <v>2795</v>
      </c>
      <c r="WOH722" s="424"/>
      <c r="WOI722" s="424"/>
      <c r="WOJ722" s="424"/>
      <c r="WOK722" s="423" t="s">
        <v>2795</v>
      </c>
      <c r="WOL722" s="424"/>
      <c r="WOM722" s="424"/>
      <c r="WON722" s="424"/>
      <c r="WOO722" s="423" t="s">
        <v>2795</v>
      </c>
      <c r="WOP722" s="424"/>
      <c r="WOQ722" s="424"/>
      <c r="WOR722" s="424"/>
      <c r="WOS722" s="423" t="s">
        <v>2795</v>
      </c>
      <c r="WOT722" s="424"/>
      <c r="WOU722" s="424"/>
      <c r="WOV722" s="424"/>
      <c r="WOW722" s="423" t="s">
        <v>2795</v>
      </c>
      <c r="WOX722" s="424"/>
      <c r="WOY722" s="424"/>
      <c r="WOZ722" s="424"/>
      <c r="WPA722" s="423" t="s">
        <v>2795</v>
      </c>
      <c r="WPB722" s="424"/>
      <c r="WPC722" s="424"/>
      <c r="WPD722" s="424"/>
      <c r="WPE722" s="423" t="s">
        <v>2795</v>
      </c>
      <c r="WPF722" s="424"/>
      <c r="WPG722" s="424"/>
      <c r="WPH722" s="424"/>
      <c r="WPI722" s="423" t="s">
        <v>2795</v>
      </c>
      <c r="WPJ722" s="424"/>
      <c r="WPK722" s="424"/>
      <c r="WPL722" s="424"/>
      <c r="WPM722" s="423" t="s">
        <v>2795</v>
      </c>
      <c r="WPN722" s="424"/>
      <c r="WPO722" s="424"/>
      <c r="WPP722" s="424"/>
      <c r="WPQ722" s="423" t="s">
        <v>2795</v>
      </c>
      <c r="WPR722" s="424"/>
      <c r="WPS722" s="424"/>
      <c r="WPT722" s="424"/>
      <c r="WPU722" s="423" t="s">
        <v>2795</v>
      </c>
      <c r="WPV722" s="424"/>
      <c r="WPW722" s="424"/>
      <c r="WPX722" s="424"/>
      <c r="WPY722" s="423" t="s">
        <v>2795</v>
      </c>
      <c r="WPZ722" s="424"/>
      <c r="WQA722" s="424"/>
      <c r="WQB722" s="424"/>
      <c r="WQC722" s="423" t="s">
        <v>2795</v>
      </c>
      <c r="WQD722" s="424"/>
      <c r="WQE722" s="424"/>
      <c r="WQF722" s="424"/>
      <c r="WQG722" s="423" t="s">
        <v>2795</v>
      </c>
      <c r="WQH722" s="424"/>
      <c r="WQI722" s="424"/>
      <c r="WQJ722" s="424"/>
      <c r="WQK722" s="423" t="s">
        <v>2795</v>
      </c>
      <c r="WQL722" s="424"/>
      <c r="WQM722" s="424"/>
      <c r="WQN722" s="424"/>
      <c r="WQO722" s="423" t="s">
        <v>2795</v>
      </c>
      <c r="WQP722" s="424"/>
      <c r="WQQ722" s="424"/>
      <c r="WQR722" s="424"/>
      <c r="WQS722" s="423" t="s">
        <v>2795</v>
      </c>
      <c r="WQT722" s="424"/>
      <c r="WQU722" s="424"/>
      <c r="WQV722" s="424"/>
      <c r="WQW722" s="423" t="s">
        <v>2795</v>
      </c>
      <c r="WQX722" s="424"/>
      <c r="WQY722" s="424"/>
      <c r="WQZ722" s="424"/>
      <c r="WRA722" s="423" t="s">
        <v>2795</v>
      </c>
      <c r="WRB722" s="424"/>
      <c r="WRC722" s="424"/>
      <c r="WRD722" s="424"/>
      <c r="WRE722" s="423" t="s">
        <v>2795</v>
      </c>
      <c r="WRF722" s="424"/>
      <c r="WRG722" s="424"/>
      <c r="WRH722" s="424"/>
      <c r="WRI722" s="423" t="s">
        <v>2795</v>
      </c>
      <c r="WRJ722" s="424"/>
      <c r="WRK722" s="424"/>
      <c r="WRL722" s="424"/>
      <c r="WRM722" s="423" t="s">
        <v>2795</v>
      </c>
      <c r="WRN722" s="424"/>
      <c r="WRO722" s="424"/>
      <c r="WRP722" s="424"/>
      <c r="WRQ722" s="423" t="s">
        <v>2795</v>
      </c>
      <c r="WRR722" s="424"/>
      <c r="WRS722" s="424"/>
      <c r="WRT722" s="424"/>
      <c r="WRU722" s="423" t="s">
        <v>2795</v>
      </c>
      <c r="WRV722" s="424"/>
      <c r="WRW722" s="424"/>
      <c r="WRX722" s="424"/>
      <c r="WRY722" s="423" t="s">
        <v>2795</v>
      </c>
      <c r="WRZ722" s="424"/>
      <c r="WSA722" s="424"/>
      <c r="WSB722" s="424"/>
      <c r="WSC722" s="423" t="s">
        <v>2795</v>
      </c>
      <c r="WSD722" s="424"/>
      <c r="WSE722" s="424"/>
      <c r="WSF722" s="424"/>
      <c r="WSG722" s="423" t="s">
        <v>2795</v>
      </c>
      <c r="WSH722" s="424"/>
      <c r="WSI722" s="424"/>
      <c r="WSJ722" s="424"/>
      <c r="WSK722" s="423" t="s">
        <v>2795</v>
      </c>
      <c r="WSL722" s="424"/>
      <c r="WSM722" s="424"/>
      <c r="WSN722" s="424"/>
      <c r="WSO722" s="423" t="s">
        <v>2795</v>
      </c>
      <c r="WSP722" s="424"/>
      <c r="WSQ722" s="424"/>
      <c r="WSR722" s="424"/>
      <c r="WSS722" s="423" t="s">
        <v>2795</v>
      </c>
      <c r="WST722" s="424"/>
      <c r="WSU722" s="424"/>
      <c r="WSV722" s="424"/>
      <c r="WSW722" s="423" t="s">
        <v>2795</v>
      </c>
      <c r="WSX722" s="424"/>
      <c r="WSY722" s="424"/>
      <c r="WSZ722" s="424"/>
      <c r="WTA722" s="423" t="s">
        <v>2795</v>
      </c>
      <c r="WTB722" s="424"/>
      <c r="WTC722" s="424"/>
      <c r="WTD722" s="424"/>
      <c r="WTE722" s="423" t="s">
        <v>2795</v>
      </c>
      <c r="WTF722" s="424"/>
      <c r="WTG722" s="424"/>
      <c r="WTH722" s="424"/>
      <c r="WTI722" s="423" t="s">
        <v>2795</v>
      </c>
      <c r="WTJ722" s="424"/>
      <c r="WTK722" s="424"/>
      <c r="WTL722" s="424"/>
      <c r="WTM722" s="423" t="s">
        <v>2795</v>
      </c>
      <c r="WTN722" s="424"/>
      <c r="WTO722" s="424"/>
      <c r="WTP722" s="424"/>
      <c r="WTQ722" s="423" t="s">
        <v>2795</v>
      </c>
      <c r="WTR722" s="424"/>
      <c r="WTS722" s="424"/>
      <c r="WTT722" s="424"/>
      <c r="WTU722" s="423" t="s">
        <v>2795</v>
      </c>
      <c r="WTV722" s="424"/>
      <c r="WTW722" s="424"/>
      <c r="WTX722" s="424"/>
      <c r="WTY722" s="423" t="s">
        <v>2795</v>
      </c>
      <c r="WTZ722" s="424"/>
      <c r="WUA722" s="424"/>
      <c r="WUB722" s="424"/>
      <c r="WUC722" s="423" t="s">
        <v>2795</v>
      </c>
      <c r="WUD722" s="424"/>
      <c r="WUE722" s="424"/>
      <c r="WUF722" s="424"/>
      <c r="WUG722" s="423" t="s">
        <v>2795</v>
      </c>
      <c r="WUH722" s="424"/>
      <c r="WUI722" s="424"/>
      <c r="WUJ722" s="424"/>
      <c r="WUK722" s="423" t="s">
        <v>2795</v>
      </c>
      <c r="WUL722" s="424"/>
      <c r="WUM722" s="424"/>
      <c r="WUN722" s="424"/>
      <c r="WUO722" s="423" t="s">
        <v>2795</v>
      </c>
      <c r="WUP722" s="424"/>
      <c r="WUQ722" s="424"/>
      <c r="WUR722" s="424"/>
      <c r="WUS722" s="423" t="s">
        <v>2795</v>
      </c>
      <c r="WUT722" s="424"/>
      <c r="WUU722" s="424"/>
      <c r="WUV722" s="424"/>
      <c r="WUW722" s="423" t="s">
        <v>2795</v>
      </c>
      <c r="WUX722" s="424"/>
      <c r="WUY722" s="424"/>
      <c r="WUZ722" s="424"/>
      <c r="WVA722" s="423" t="s">
        <v>2795</v>
      </c>
      <c r="WVB722" s="424"/>
      <c r="WVC722" s="424"/>
      <c r="WVD722" s="424"/>
      <c r="WVE722" s="423" t="s">
        <v>2795</v>
      </c>
      <c r="WVF722" s="424"/>
      <c r="WVG722" s="424"/>
      <c r="WVH722" s="424"/>
      <c r="WVI722" s="423" t="s">
        <v>2795</v>
      </c>
      <c r="WVJ722" s="424"/>
      <c r="WVK722" s="424"/>
      <c r="WVL722" s="424"/>
      <c r="WVM722" s="423" t="s">
        <v>2795</v>
      </c>
      <c r="WVN722" s="424"/>
      <c r="WVO722" s="424"/>
      <c r="WVP722" s="424"/>
      <c r="WVQ722" s="423" t="s">
        <v>2795</v>
      </c>
      <c r="WVR722" s="424"/>
      <c r="WVS722" s="424"/>
      <c r="WVT722" s="424"/>
      <c r="WVU722" s="423" t="s">
        <v>2795</v>
      </c>
      <c r="WVV722" s="424"/>
      <c r="WVW722" s="424"/>
      <c r="WVX722" s="424"/>
      <c r="WVY722" s="423" t="s">
        <v>2795</v>
      </c>
      <c r="WVZ722" s="424"/>
      <c r="WWA722" s="424"/>
      <c r="WWB722" s="424"/>
      <c r="WWC722" s="423" t="s">
        <v>2795</v>
      </c>
      <c r="WWD722" s="424"/>
      <c r="WWE722" s="424"/>
      <c r="WWF722" s="424"/>
      <c r="WWG722" s="423" t="s">
        <v>2795</v>
      </c>
      <c r="WWH722" s="424"/>
      <c r="WWI722" s="424"/>
      <c r="WWJ722" s="424"/>
      <c r="WWK722" s="423" t="s">
        <v>2795</v>
      </c>
      <c r="WWL722" s="424"/>
      <c r="WWM722" s="424"/>
      <c r="WWN722" s="424"/>
      <c r="WWO722" s="423" t="s">
        <v>2795</v>
      </c>
      <c r="WWP722" s="424"/>
      <c r="WWQ722" s="424"/>
      <c r="WWR722" s="424"/>
      <c r="WWS722" s="423" t="s">
        <v>2795</v>
      </c>
      <c r="WWT722" s="424"/>
      <c r="WWU722" s="424"/>
      <c r="WWV722" s="424"/>
      <c r="WWW722" s="423" t="s">
        <v>2795</v>
      </c>
      <c r="WWX722" s="424"/>
      <c r="WWY722" s="424"/>
      <c r="WWZ722" s="424"/>
      <c r="WXA722" s="423" t="s">
        <v>2795</v>
      </c>
      <c r="WXB722" s="424"/>
      <c r="WXC722" s="424"/>
      <c r="WXD722" s="424"/>
      <c r="WXE722" s="423" t="s">
        <v>2795</v>
      </c>
      <c r="WXF722" s="424"/>
      <c r="WXG722" s="424"/>
      <c r="WXH722" s="424"/>
      <c r="WXI722" s="423" t="s">
        <v>2795</v>
      </c>
      <c r="WXJ722" s="424"/>
      <c r="WXK722" s="424"/>
      <c r="WXL722" s="424"/>
      <c r="WXM722" s="423" t="s">
        <v>2795</v>
      </c>
      <c r="WXN722" s="424"/>
      <c r="WXO722" s="424"/>
      <c r="WXP722" s="424"/>
      <c r="WXQ722" s="423" t="s">
        <v>2795</v>
      </c>
      <c r="WXR722" s="424"/>
      <c r="WXS722" s="424"/>
      <c r="WXT722" s="424"/>
      <c r="WXU722" s="423" t="s">
        <v>2795</v>
      </c>
      <c r="WXV722" s="424"/>
      <c r="WXW722" s="424"/>
      <c r="WXX722" s="424"/>
      <c r="WXY722" s="423" t="s">
        <v>2795</v>
      </c>
      <c r="WXZ722" s="424"/>
      <c r="WYA722" s="424"/>
      <c r="WYB722" s="424"/>
      <c r="WYC722" s="423" t="s">
        <v>2795</v>
      </c>
      <c r="WYD722" s="424"/>
      <c r="WYE722" s="424"/>
      <c r="WYF722" s="424"/>
      <c r="WYG722" s="423" t="s">
        <v>2795</v>
      </c>
      <c r="WYH722" s="424"/>
      <c r="WYI722" s="424"/>
      <c r="WYJ722" s="424"/>
      <c r="WYK722" s="423" t="s">
        <v>2795</v>
      </c>
      <c r="WYL722" s="424"/>
      <c r="WYM722" s="424"/>
      <c r="WYN722" s="424"/>
      <c r="WYO722" s="423" t="s">
        <v>2795</v>
      </c>
      <c r="WYP722" s="424"/>
      <c r="WYQ722" s="424"/>
      <c r="WYR722" s="424"/>
      <c r="WYS722" s="423" t="s">
        <v>2795</v>
      </c>
      <c r="WYT722" s="424"/>
      <c r="WYU722" s="424"/>
      <c r="WYV722" s="424"/>
      <c r="WYW722" s="423" t="s">
        <v>2795</v>
      </c>
      <c r="WYX722" s="424"/>
      <c r="WYY722" s="424"/>
      <c r="WYZ722" s="424"/>
      <c r="WZA722" s="423" t="s">
        <v>2795</v>
      </c>
      <c r="WZB722" s="424"/>
      <c r="WZC722" s="424"/>
      <c r="WZD722" s="424"/>
      <c r="WZE722" s="423" t="s">
        <v>2795</v>
      </c>
      <c r="WZF722" s="424"/>
      <c r="WZG722" s="424"/>
      <c r="WZH722" s="424"/>
      <c r="WZI722" s="423" t="s">
        <v>2795</v>
      </c>
      <c r="WZJ722" s="424"/>
      <c r="WZK722" s="424"/>
      <c r="WZL722" s="424"/>
      <c r="WZM722" s="423" t="s">
        <v>2795</v>
      </c>
      <c r="WZN722" s="424"/>
      <c r="WZO722" s="424"/>
      <c r="WZP722" s="424"/>
      <c r="WZQ722" s="423" t="s">
        <v>2795</v>
      </c>
      <c r="WZR722" s="424"/>
      <c r="WZS722" s="424"/>
      <c r="WZT722" s="424"/>
      <c r="WZU722" s="423" t="s">
        <v>2795</v>
      </c>
      <c r="WZV722" s="424"/>
      <c r="WZW722" s="424"/>
      <c r="WZX722" s="424"/>
      <c r="WZY722" s="423" t="s">
        <v>2795</v>
      </c>
      <c r="WZZ722" s="424"/>
      <c r="XAA722" s="424"/>
      <c r="XAB722" s="424"/>
      <c r="XAC722" s="423" t="s">
        <v>2795</v>
      </c>
      <c r="XAD722" s="424"/>
      <c r="XAE722" s="424"/>
      <c r="XAF722" s="424"/>
      <c r="XAG722" s="423" t="s">
        <v>2795</v>
      </c>
      <c r="XAH722" s="424"/>
      <c r="XAI722" s="424"/>
      <c r="XAJ722" s="424"/>
      <c r="XAK722" s="423" t="s">
        <v>2795</v>
      </c>
      <c r="XAL722" s="424"/>
      <c r="XAM722" s="424"/>
      <c r="XAN722" s="424"/>
      <c r="XAO722" s="423" t="s">
        <v>2795</v>
      </c>
      <c r="XAP722" s="424"/>
      <c r="XAQ722" s="424"/>
      <c r="XAR722" s="424"/>
      <c r="XAS722" s="423" t="s">
        <v>2795</v>
      </c>
      <c r="XAT722" s="424"/>
      <c r="XAU722" s="424"/>
      <c r="XAV722" s="424"/>
      <c r="XAW722" s="423" t="s">
        <v>2795</v>
      </c>
      <c r="XAX722" s="424"/>
      <c r="XAY722" s="424"/>
      <c r="XAZ722" s="424"/>
      <c r="XBA722" s="423" t="s">
        <v>2795</v>
      </c>
      <c r="XBB722" s="424"/>
      <c r="XBC722" s="424"/>
      <c r="XBD722" s="424"/>
      <c r="XBE722" s="423" t="s">
        <v>2795</v>
      </c>
      <c r="XBF722" s="424"/>
      <c r="XBG722" s="424"/>
      <c r="XBH722" s="424"/>
      <c r="XBI722" s="423" t="s">
        <v>2795</v>
      </c>
      <c r="XBJ722" s="424"/>
      <c r="XBK722" s="424"/>
      <c r="XBL722" s="424"/>
      <c r="XBM722" s="423" t="s">
        <v>2795</v>
      </c>
      <c r="XBN722" s="424"/>
      <c r="XBO722" s="424"/>
      <c r="XBP722" s="424"/>
      <c r="XBQ722" s="423" t="s">
        <v>2795</v>
      </c>
      <c r="XBR722" s="424"/>
      <c r="XBS722" s="424"/>
      <c r="XBT722" s="424"/>
      <c r="XBU722" s="423" t="s">
        <v>2795</v>
      </c>
      <c r="XBV722" s="424"/>
      <c r="XBW722" s="424"/>
      <c r="XBX722" s="424"/>
      <c r="XBY722" s="423" t="s">
        <v>2795</v>
      </c>
      <c r="XBZ722" s="424"/>
      <c r="XCA722" s="424"/>
      <c r="XCB722" s="424"/>
      <c r="XCC722" s="423" t="s">
        <v>2795</v>
      </c>
      <c r="XCD722" s="424"/>
      <c r="XCE722" s="424"/>
      <c r="XCF722" s="424"/>
      <c r="XCG722" s="423" t="s">
        <v>2795</v>
      </c>
      <c r="XCH722" s="424"/>
      <c r="XCI722" s="424"/>
      <c r="XCJ722" s="424"/>
      <c r="XCK722" s="423" t="s">
        <v>2795</v>
      </c>
      <c r="XCL722" s="424"/>
      <c r="XCM722" s="424"/>
      <c r="XCN722" s="424"/>
      <c r="XCO722" s="423" t="s">
        <v>2795</v>
      </c>
      <c r="XCP722" s="424"/>
      <c r="XCQ722" s="424"/>
      <c r="XCR722" s="424"/>
      <c r="XCS722" s="423" t="s">
        <v>2795</v>
      </c>
      <c r="XCT722" s="424"/>
      <c r="XCU722" s="424"/>
      <c r="XCV722" s="424"/>
      <c r="XCW722" s="423" t="s">
        <v>2795</v>
      </c>
      <c r="XCX722" s="424"/>
      <c r="XCY722" s="424"/>
      <c r="XCZ722" s="424"/>
      <c r="XDA722" s="423" t="s">
        <v>2795</v>
      </c>
      <c r="XDB722" s="424"/>
      <c r="XDC722" s="424"/>
      <c r="XDD722" s="424"/>
      <c r="XDE722" s="423" t="s">
        <v>2795</v>
      </c>
      <c r="XDF722" s="424"/>
      <c r="XDG722" s="424"/>
      <c r="XDH722" s="424"/>
      <c r="XDI722" s="423" t="s">
        <v>2795</v>
      </c>
      <c r="XDJ722" s="424"/>
      <c r="XDK722" s="424"/>
      <c r="XDL722" s="424"/>
      <c r="XDM722" s="423" t="s">
        <v>2795</v>
      </c>
      <c r="XDN722" s="424"/>
      <c r="XDO722" s="424"/>
      <c r="XDP722" s="424"/>
      <c r="XDQ722" s="423" t="s">
        <v>2795</v>
      </c>
      <c r="XDR722" s="424"/>
      <c r="XDS722" s="424"/>
      <c r="XDT722" s="424"/>
      <c r="XDU722" s="423" t="s">
        <v>2795</v>
      </c>
      <c r="XDV722" s="424"/>
      <c r="XDW722" s="424"/>
      <c r="XDX722" s="424"/>
      <c r="XDY722" s="423" t="s">
        <v>2795</v>
      </c>
      <c r="XDZ722" s="424"/>
      <c r="XEA722" s="424"/>
      <c r="XEB722" s="424"/>
      <c r="XEC722" s="423" t="s">
        <v>2795</v>
      </c>
      <c r="XED722" s="424"/>
      <c r="XEE722" s="424"/>
      <c r="XEF722" s="424"/>
      <c r="XEG722" s="423" t="s">
        <v>2795</v>
      </c>
      <c r="XEH722" s="424"/>
      <c r="XEI722" s="424"/>
      <c r="XEJ722" s="424"/>
      <c r="XEK722" s="423" t="s">
        <v>2795</v>
      </c>
      <c r="XEL722" s="424"/>
      <c r="XEM722" s="424"/>
      <c r="XEN722" s="424"/>
      <c r="XEO722" s="423" t="s">
        <v>2795</v>
      </c>
      <c r="XEP722" s="424"/>
      <c r="XEQ722" s="424"/>
      <c r="XER722" s="424"/>
      <c r="XES722" s="423" t="s">
        <v>2795</v>
      </c>
      <c r="XET722" s="424"/>
      <c r="XEU722" s="424"/>
      <c r="XEV722" s="424"/>
      <c r="XEW722" s="423" t="s">
        <v>2795</v>
      </c>
      <c r="XEX722" s="424"/>
      <c r="XEY722" s="424"/>
      <c r="XEZ722" s="424"/>
      <c r="XFA722" s="423" t="s">
        <v>2795</v>
      </c>
      <c r="XFB722" s="424"/>
      <c r="XFC722" s="424"/>
      <c r="XFD722" s="424"/>
    </row>
    <row r="723" spans="1:16384" s="8" customFormat="1" ht="20" hidden="1">
      <c r="A723" s="423" t="s">
        <v>2795</v>
      </c>
      <c r="B723" s="424"/>
      <c r="C723" s="424"/>
      <c r="D723" s="424"/>
      <c r="E723" s="423" t="s">
        <v>2795</v>
      </c>
      <c r="F723" s="424"/>
      <c r="G723" s="424"/>
      <c r="H723" s="424"/>
      <c r="I723" s="423" t="s">
        <v>2795</v>
      </c>
      <c r="J723" s="424"/>
      <c r="K723" s="424"/>
      <c r="L723" s="424"/>
      <c r="M723" s="423" t="s">
        <v>2795</v>
      </c>
      <c r="N723" s="424"/>
      <c r="O723" s="424"/>
      <c r="P723" s="424"/>
      <c r="Q723" s="426" t="s">
        <v>2795</v>
      </c>
      <c r="R723" s="427"/>
      <c r="S723" s="427"/>
      <c r="T723" s="427"/>
      <c r="U723" s="423" t="s">
        <v>2795</v>
      </c>
      <c r="V723" s="424"/>
      <c r="W723" s="424"/>
      <c r="X723" s="424"/>
      <c r="Y723" s="423" t="s">
        <v>2795</v>
      </c>
      <c r="Z723" s="424"/>
      <c r="AA723" s="424"/>
      <c r="AB723" s="424"/>
      <c r="AC723" s="423" t="s">
        <v>2795</v>
      </c>
      <c r="AD723" s="424"/>
      <c r="AE723" s="424"/>
      <c r="AF723" s="424"/>
      <c r="AG723" s="423" t="s">
        <v>2795</v>
      </c>
      <c r="AH723" s="424"/>
      <c r="AI723" s="424"/>
      <c r="AJ723" s="424"/>
      <c r="AK723" s="423" t="s">
        <v>2795</v>
      </c>
      <c r="AL723" s="424"/>
      <c r="AM723" s="424"/>
      <c r="AN723" s="424"/>
      <c r="AO723" s="423" t="s">
        <v>2795</v>
      </c>
      <c r="AP723" s="424"/>
      <c r="AQ723" s="424"/>
      <c r="AR723" s="424"/>
      <c r="AS723" s="423" t="s">
        <v>2795</v>
      </c>
      <c r="AT723" s="424"/>
      <c r="AU723" s="424"/>
      <c r="AV723" s="424"/>
      <c r="AW723" s="423" t="s">
        <v>2795</v>
      </c>
      <c r="AX723" s="424"/>
      <c r="AY723" s="424"/>
      <c r="AZ723" s="424"/>
      <c r="BA723" s="423" t="s">
        <v>2795</v>
      </c>
      <c r="BB723" s="424"/>
      <c r="BC723" s="424"/>
      <c r="BD723" s="424"/>
      <c r="BE723" s="423" t="s">
        <v>2795</v>
      </c>
      <c r="BF723" s="424"/>
      <c r="BG723" s="424"/>
      <c r="BH723" s="424"/>
      <c r="BI723" s="423" t="s">
        <v>2795</v>
      </c>
      <c r="BJ723" s="424"/>
      <c r="BK723" s="424"/>
      <c r="BL723" s="424"/>
      <c r="BM723" s="423" t="s">
        <v>2795</v>
      </c>
      <c r="BN723" s="424"/>
      <c r="BO723" s="424"/>
      <c r="BP723" s="424"/>
      <c r="BQ723" s="423" t="s">
        <v>2795</v>
      </c>
      <c r="BR723" s="424"/>
      <c r="BS723" s="424"/>
      <c r="BT723" s="424"/>
      <c r="BU723" s="423" t="s">
        <v>2795</v>
      </c>
      <c r="BV723" s="424"/>
      <c r="BW723" s="424"/>
      <c r="BX723" s="424"/>
      <c r="BY723" s="423" t="s">
        <v>2795</v>
      </c>
      <c r="BZ723" s="424"/>
      <c r="CA723" s="424"/>
      <c r="CB723" s="424"/>
      <c r="CC723" s="423" t="s">
        <v>2795</v>
      </c>
      <c r="CD723" s="424"/>
      <c r="CE723" s="424"/>
      <c r="CF723" s="424"/>
      <c r="CG723" s="423" t="s">
        <v>2795</v>
      </c>
      <c r="CH723" s="424"/>
      <c r="CI723" s="424"/>
      <c r="CJ723" s="424"/>
      <c r="CK723" s="423" t="s">
        <v>2795</v>
      </c>
      <c r="CL723" s="424"/>
      <c r="CM723" s="424"/>
      <c r="CN723" s="424"/>
      <c r="CO723" s="423" t="s">
        <v>2795</v>
      </c>
      <c r="CP723" s="424"/>
      <c r="CQ723" s="424"/>
      <c r="CR723" s="424"/>
      <c r="CS723" s="423" t="s">
        <v>2795</v>
      </c>
      <c r="CT723" s="424"/>
      <c r="CU723" s="424"/>
      <c r="CV723" s="424"/>
      <c r="CW723" s="423" t="s">
        <v>2795</v>
      </c>
      <c r="CX723" s="424"/>
      <c r="CY723" s="424"/>
      <c r="CZ723" s="424"/>
      <c r="DA723" s="423" t="s">
        <v>2795</v>
      </c>
      <c r="DB723" s="424"/>
      <c r="DC723" s="424"/>
      <c r="DD723" s="424"/>
      <c r="DE723" s="423" t="s">
        <v>2795</v>
      </c>
      <c r="DF723" s="424"/>
      <c r="DG723" s="424"/>
      <c r="DH723" s="424"/>
      <c r="DI723" s="423" t="s">
        <v>2795</v>
      </c>
      <c r="DJ723" s="424"/>
      <c r="DK723" s="424"/>
      <c r="DL723" s="424"/>
      <c r="DM723" s="423" t="s">
        <v>2795</v>
      </c>
      <c r="DN723" s="424"/>
      <c r="DO723" s="424"/>
      <c r="DP723" s="424"/>
      <c r="DQ723" s="423" t="s">
        <v>2795</v>
      </c>
      <c r="DR723" s="424"/>
      <c r="DS723" s="424"/>
      <c r="DT723" s="424"/>
      <c r="DU723" s="423" t="s">
        <v>2795</v>
      </c>
      <c r="DV723" s="424"/>
      <c r="DW723" s="424"/>
      <c r="DX723" s="424"/>
      <c r="DY723" s="423" t="s">
        <v>2795</v>
      </c>
      <c r="DZ723" s="424"/>
      <c r="EA723" s="424"/>
      <c r="EB723" s="424"/>
      <c r="EC723" s="423" t="s">
        <v>2795</v>
      </c>
      <c r="ED723" s="424"/>
      <c r="EE723" s="424"/>
      <c r="EF723" s="424"/>
      <c r="EG723" s="423" t="s">
        <v>2795</v>
      </c>
      <c r="EH723" s="424"/>
      <c r="EI723" s="424"/>
      <c r="EJ723" s="424"/>
      <c r="EK723" s="423" t="s">
        <v>2795</v>
      </c>
      <c r="EL723" s="424"/>
      <c r="EM723" s="424"/>
      <c r="EN723" s="424"/>
      <c r="EO723" s="423" t="s">
        <v>2795</v>
      </c>
      <c r="EP723" s="424"/>
      <c r="EQ723" s="424"/>
      <c r="ER723" s="424"/>
      <c r="ES723" s="423" t="s">
        <v>2795</v>
      </c>
      <c r="ET723" s="424"/>
      <c r="EU723" s="424"/>
      <c r="EV723" s="424"/>
      <c r="EW723" s="423" t="s">
        <v>2795</v>
      </c>
      <c r="EX723" s="424"/>
      <c r="EY723" s="424"/>
      <c r="EZ723" s="424"/>
      <c r="FA723" s="423" t="s">
        <v>2795</v>
      </c>
      <c r="FB723" s="424"/>
      <c r="FC723" s="424"/>
      <c r="FD723" s="424"/>
      <c r="FE723" s="423" t="s">
        <v>2795</v>
      </c>
      <c r="FF723" s="424"/>
      <c r="FG723" s="424"/>
      <c r="FH723" s="424"/>
      <c r="FI723" s="423" t="s">
        <v>2795</v>
      </c>
      <c r="FJ723" s="424"/>
      <c r="FK723" s="424"/>
      <c r="FL723" s="424"/>
      <c r="FM723" s="423" t="s">
        <v>2795</v>
      </c>
      <c r="FN723" s="424"/>
      <c r="FO723" s="424"/>
      <c r="FP723" s="424"/>
      <c r="FQ723" s="423" t="s">
        <v>2795</v>
      </c>
      <c r="FR723" s="424"/>
      <c r="FS723" s="424"/>
      <c r="FT723" s="424"/>
      <c r="FU723" s="423" t="s">
        <v>2795</v>
      </c>
      <c r="FV723" s="424"/>
      <c r="FW723" s="424"/>
      <c r="FX723" s="424"/>
      <c r="FY723" s="423" t="s">
        <v>2795</v>
      </c>
      <c r="FZ723" s="424"/>
      <c r="GA723" s="424"/>
      <c r="GB723" s="424"/>
      <c r="GC723" s="423" t="s">
        <v>2795</v>
      </c>
      <c r="GD723" s="424"/>
      <c r="GE723" s="424"/>
      <c r="GF723" s="424"/>
      <c r="GG723" s="423" t="s">
        <v>2795</v>
      </c>
      <c r="GH723" s="424"/>
      <c r="GI723" s="424"/>
      <c r="GJ723" s="424"/>
      <c r="GK723" s="423" t="s">
        <v>2795</v>
      </c>
      <c r="GL723" s="424"/>
      <c r="GM723" s="424"/>
      <c r="GN723" s="424"/>
      <c r="GO723" s="423" t="s">
        <v>2795</v>
      </c>
      <c r="GP723" s="424"/>
      <c r="GQ723" s="424"/>
      <c r="GR723" s="424"/>
      <c r="GS723" s="423" t="s">
        <v>2795</v>
      </c>
      <c r="GT723" s="424"/>
      <c r="GU723" s="424"/>
      <c r="GV723" s="424"/>
      <c r="GW723" s="423" t="s">
        <v>2795</v>
      </c>
      <c r="GX723" s="424"/>
      <c r="GY723" s="424"/>
      <c r="GZ723" s="424"/>
      <c r="HA723" s="423" t="s">
        <v>2795</v>
      </c>
      <c r="HB723" s="424"/>
      <c r="HC723" s="424"/>
      <c r="HD723" s="424"/>
      <c r="HE723" s="423" t="s">
        <v>2795</v>
      </c>
      <c r="HF723" s="424"/>
      <c r="HG723" s="424"/>
      <c r="HH723" s="424"/>
      <c r="HI723" s="423" t="s">
        <v>2795</v>
      </c>
      <c r="HJ723" s="424"/>
      <c r="HK723" s="424"/>
      <c r="HL723" s="424"/>
      <c r="HM723" s="423" t="s">
        <v>2795</v>
      </c>
      <c r="HN723" s="424"/>
      <c r="HO723" s="424"/>
      <c r="HP723" s="424"/>
      <c r="HQ723" s="423" t="s">
        <v>2795</v>
      </c>
      <c r="HR723" s="424"/>
      <c r="HS723" s="424"/>
      <c r="HT723" s="424"/>
      <c r="HU723" s="423" t="s">
        <v>2795</v>
      </c>
      <c r="HV723" s="424"/>
      <c r="HW723" s="424"/>
      <c r="HX723" s="424"/>
      <c r="HY723" s="423" t="s">
        <v>2795</v>
      </c>
      <c r="HZ723" s="424"/>
      <c r="IA723" s="424"/>
      <c r="IB723" s="424"/>
      <c r="IC723" s="423" t="s">
        <v>2795</v>
      </c>
      <c r="ID723" s="424"/>
      <c r="IE723" s="424"/>
      <c r="IF723" s="424"/>
      <c r="IG723" s="423" t="s">
        <v>2795</v>
      </c>
      <c r="IH723" s="424"/>
      <c r="II723" s="424"/>
      <c r="IJ723" s="424"/>
      <c r="IK723" s="423" t="s">
        <v>2795</v>
      </c>
      <c r="IL723" s="424"/>
      <c r="IM723" s="424"/>
      <c r="IN723" s="424"/>
      <c r="IO723" s="423" t="s">
        <v>2795</v>
      </c>
      <c r="IP723" s="424"/>
      <c r="IQ723" s="424"/>
      <c r="IR723" s="424"/>
      <c r="IS723" s="423" t="s">
        <v>2795</v>
      </c>
      <c r="IT723" s="424"/>
      <c r="IU723" s="424"/>
      <c r="IV723" s="424"/>
      <c r="IW723" s="423" t="s">
        <v>2795</v>
      </c>
      <c r="IX723" s="424"/>
      <c r="IY723" s="424"/>
      <c r="IZ723" s="424"/>
      <c r="JA723" s="423" t="s">
        <v>2795</v>
      </c>
      <c r="JB723" s="424"/>
      <c r="JC723" s="424"/>
      <c r="JD723" s="424"/>
      <c r="JE723" s="423" t="s">
        <v>2795</v>
      </c>
      <c r="JF723" s="424"/>
      <c r="JG723" s="424"/>
      <c r="JH723" s="424"/>
      <c r="JI723" s="423" t="s">
        <v>2795</v>
      </c>
      <c r="JJ723" s="424"/>
      <c r="JK723" s="424"/>
      <c r="JL723" s="424"/>
      <c r="JM723" s="423" t="s">
        <v>2795</v>
      </c>
      <c r="JN723" s="424"/>
      <c r="JO723" s="424"/>
      <c r="JP723" s="424"/>
      <c r="JQ723" s="423" t="s">
        <v>2795</v>
      </c>
      <c r="JR723" s="424"/>
      <c r="JS723" s="424"/>
      <c r="JT723" s="424"/>
      <c r="JU723" s="423" t="s">
        <v>2795</v>
      </c>
      <c r="JV723" s="424"/>
      <c r="JW723" s="424"/>
      <c r="JX723" s="424"/>
      <c r="JY723" s="423" t="s">
        <v>2795</v>
      </c>
      <c r="JZ723" s="424"/>
      <c r="KA723" s="424"/>
      <c r="KB723" s="424"/>
      <c r="KC723" s="423" t="s">
        <v>2795</v>
      </c>
      <c r="KD723" s="424"/>
      <c r="KE723" s="424"/>
      <c r="KF723" s="424"/>
      <c r="KG723" s="423" t="s">
        <v>2795</v>
      </c>
      <c r="KH723" s="424"/>
      <c r="KI723" s="424"/>
      <c r="KJ723" s="424"/>
      <c r="KK723" s="423" t="s">
        <v>2795</v>
      </c>
      <c r="KL723" s="424"/>
      <c r="KM723" s="424"/>
      <c r="KN723" s="424"/>
      <c r="KO723" s="423" t="s">
        <v>2795</v>
      </c>
      <c r="KP723" s="424"/>
      <c r="KQ723" s="424"/>
      <c r="KR723" s="424"/>
      <c r="KS723" s="423" t="s">
        <v>2795</v>
      </c>
      <c r="KT723" s="424"/>
      <c r="KU723" s="424"/>
      <c r="KV723" s="424"/>
      <c r="KW723" s="423" t="s">
        <v>2795</v>
      </c>
      <c r="KX723" s="424"/>
      <c r="KY723" s="424"/>
      <c r="KZ723" s="424"/>
      <c r="LA723" s="423" t="s">
        <v>2795</v>
      </c>
      <c r="LB723" s="424"/>
      <c r="LC723" s="424"/>
      <c r="LD723" s="424"/>
      <c r="LE723" s="423" t="s">
        <v>2795</v>
      </c>
      <c r="LF723" s="424"/>
      <c r="LG723" s="424"/>
      <c r="LH723" s="424"/>
      <c r="LI723" s="423" t="s">
        <v>2795</v>
      </c>
      <c r="LJ723" s="424"/>
      <c r="LK723" s="424"/>
      <c r="LL723" s="424"/>
      <c r="LM723" s="423" t="s">
        <v>2795</v>
      </c>
      <c r="LN723" s="424"/>
      <c r="LO723" s="424"/>
      <c r="LP723" s="424"/>
      <c r="LQ723" s="423" t="s">
        <v>2795</v>
      </c>
      <c r="LR723" s="424"/>
      <c r="LS723" s="424"/>
      <c r="LT723" s="424"/>
      <c r="LU723" s="423" t="s">
        <v>2795</v>
      </c>
      <c r="LV723" s="424"/>
      <c r="LW723" s="424"/>
      <c r="LX723" s="424"/>
      <c r="LY723" s="423" t="s">
        <v>2795</v>
      </c>
      <c r="LZ723" s="424"/>
      <c r="MA723" s="424"/>
      <c r="MB723" s="424"/>
      <c r="MC723" s="423" t="s">
        <v>2795</v>
      </c>
      <c r="MD723" s="424"/>
      <c r="ME723" s="424"/>
      <c r="MF723" s="424"/>
      <c r="MG723" s="423" t="s">
        <v>2795</v>
      </c>
      <c r="MH723" s="424"/>
      <c r="MI723" s="424"/>
      <c r="MJ723" s="424"/>
      <c r="MK723" s="423" t="s">
        <v>2795</v>
      </c>
      <c r="ML723" s="424"/>
      <c r="MM723" s="424"/>
      <c r="MN723" s="424"/>
      <c r="MO723" s="423" t="s">
        <v>2795</v>
      </c>
      <c r="MP723" s="424"/>
      <c r="MQ723" s="424"/>
      <c r="MR723" s="424"/>
      <c r="MS723" s="423" t="s">
        <v>2795</v>
      </c>
      <c r="MT723" s="424"/>
      <c r="MU723" s="424"/>
      <c r="MV723" s="424"/>
      <c r="MW723" s="423" t="s">
        <v>2795</v>
      </c>
      <c r="MX723" s="424"/>
      <c r="MY723" s="424"/>
      <c r="MZ723" s="424"/>
      <c r="NA723" s="423" t="s">
        <v>2795</v>
      </c>
      <c r="NB723" s="424"/>
      <c r="NC723" s="424"/>
      <c r="ND723" s="424"/>
      <c r="NE723" s="423" t="s">
        <v>2795</v>
      </c>
      <c r="NF723" s="424"/>
      <c r="NG723" s="424"/>
      <c r="NH723" s="424"/>
      <c r="NI723" s="423" t="s">
        <v>2795</v>
      </c>
      <c r="NJ723" s="424"/>
      <c r="NK723" s="424"/>
      <c r="NL723" s="424"/>
      <c r="NM723" s="423" t="s">
        <v>2795</v>
      </c>
      <c r="NN723" s="424"/>
      <c r="NO723" s="424"/>
      <c r="NP723" s="424"/>
      <c r="NQ723" s="423" t="s">
        <v>2795</v>
      </c>
      <c r="NR723" s="424"/>
      <c r="NS723" s="424"/>
      <c r="NT723" s="424"/>
      <c r="NU723" s="423" t="s">
        <v>2795</v>
      </c>
      <c r="NV723" s="424"/>
      <c r="NW723" s="424"/>
      <c r="NX723" s="424"/>
      <c r="NY723" s="423" t="s">
        <v>2795</v>
      </c>
      <c r="NZ723" s="424"/>
      <c r="OA723" s="424"/>
      <c r="OB723" s="424"/>
      <c r="OC723" s="423" t="s">
        <v>2795</v>
      </c>
      <c r="OD723" s="424"/>
      <c r="OE723" s="424"/>
      <c r="OF723" s="424"/>
      <c r="OG723" s="423" t="s">
        <v>2795</v>
      </c>
      <c r="OH723" s="424"/>
      <c r="OI723" s="424"/>
      <c r="OJ723" s="424"/>
      <c r="OK723" s="423" t="s">
        <v>2795</v>
      </c>
      <c r="OL723" s="424"/>
      <c r="OM723" s="424"/>
      <c r="ON723" s="424"/>
      <c r="OO723" s="423" t="s">
        <v>2795</v>
      </c>
      <c r="OP723" s="424"/>
      <c r="OQ723" s="424"/>
      <c r="OR723" s="424"/>
      <c r="OS723" s="423" t="s">
        <v>2795</v>
      </c>
      <c r="OT723" s="424"/>
      <c r="OU723" s="424"/>
      <c r="OV723" s="424"/>
      <c r="OW723" s="423" t="s">
        <v>2795</v>
      </c>
      <c r="OX723" s="424"/>
      <c r="OY723" s="424"/>
      <c r="OZ723" s="424"/>
      <c r="PA723" s="423" t="s">
        <v>2795</v>
      </c>
      <c r="PB723" s="424"/>
      <c r="PC723" s="424"/>
      <c r="PD723" s="424"/>
      <c r="PE723" s="423" t="s">
        <v>2795</v>
      </c>
      <c r="PF723" s="424"/>
      <c r="PG723" s="424"/>
      <c r="PH723" s="424"/>
      <c r="PI723" s="423" t="s">
        <v>2795</v>
      </c>
      <c r="PJ723" s="424"/>
      <c r="PK723" s="424"/>
      <c r="PL723" s="424"/>
      <c r="PM723" s="423" t="s">
        <v>2795</v>
      </c>
      <c r="PN723" s="424"/>
      <c r="PO723" s="424"/>
      <c r="PP723" s="424"/>
      <c r="PQ723" s="423" t="s">
        <v>2795</v>
      </c>
      <c r="PR723" s="424"/>
      <c r="PS723" s="424"/>
      <c r="PT723" s="424"/>
      <c r="PU723" s="423" t="s">
        <v>2795</v>
      </c>
      <c r="PV723" s="424"/>
      <c r="PW723" s="424"/>
      <c r="PX723" s="424"/>
      <c r="PY723" s="423" t="s">
        <v>2795</v>
      </c>
      <c r="PZ723" s="424"/>
      <c r="QA723" s="424"/>
      <c r="QB723" s="424"/>
      <c r="QC723" s="423" t="s">
        <v>2795</v>
      </c>
      <c r="QD723" s="424"/>
      <c r="QE723" s="424"/>
      <c r="QF723" s="424"/>
      <c r="QG723" s="423" t="s">
        <v>2795</v>
      </c>
      <c r="QH723" s="424"/>
      <c r="QI723" s="424"/>
      <c r="QJ723" s="424"/>
      <c r="QK723" s="423" t="s">
        <v>2795</v>
      </c>
      <c r="QL723" s="424"/>
      <c r="QM723" s="424"/>
      <c r="QN723" s="424"/>
      <c r="QO723" s="423" t="s">
        <v>2795</v>
      </c>
      <c r="QP723" s="424"/>
      <c r="QQ723" s="424"/>
      <c r="QR723" s="424"/>
      <c r="QS723" s="423" t="s">
        <v>2795</v>
      </c>
      <c r="QT723" s="424"/>
      <c r="QU723" s="424"/>
      <c r="QV723" s="424"/>
      <c r="QW723" s="423" t="s">
        <v>2795</v>
      </c>
      <c r="QX723" s="424"/>
      <c r="QY723" s="424"/>
      <c r="QZ723" s="424"/>
      <c r="RA723" s="423" t="s">
        <v>2795</v>
      </c>
      <c r="RB723" s="424"/>
      <c r="RC723" s="424"/>
      <c r="RD723" s="424"/>
      <c r="RE723" s="423" t="s">
        <v>2795</v>
      </c>
      <c r="RF723" s="424"/>
      <c r="RG723" s="424"/>
      <c r="RH723" s="424"/>
      <c r="RI723" s="423" t="s">
        <v>2795</v>
      </c>
      <c r="RJ723" s="424"/>
      <c r="RK723" s="424"/>
      <c r="RL723" s="424"/>
      <c r="RM723" s="423" t="s">
        <v>2795</v>
      </c>
      <c r="RN723" s="424"/>
      <c r="RO723" s="424"/>
      <c r="RP723" s="424"/>
      <c r="RQ723" s="423" t="s">
        <v>2795</v>
      </c>
      <c r="RR723" s="424"/>
      <c r="RS723" s="424"/>
      <c r="RT723" s="424"/>
      <c r="RU723" s="423" t="s">
        <v>2795</v>
      </c>
      <c r="RV723" s="424"/>
      <c r="RW723" s="424"/>
      <c r="RX723" s="424"/>
      <c r="RY723" s="423" t="s">
        <v>2795</v>
      </c>
      <c r="RZ723" s="424"/>
      <c r="SA723" s="424"/>
      <c r="SB723" s="424"/>
      <c r="SC723" s="423" t="s">
        <v>2795</v>
      </c>
      <c r="SD723" s="424"/>
      <c r="SE723" s="424"/>
      <c r="SF723" s="424"/>
      <c r="SG723" s="423" t="s">
        <v>2795</v>
      </c>
      <c r="SH723" s="424"/>
      <c r="SI723" s="424"/>
      <c r="SJ723" s="424"/>
      <c r="SK723" s="423" t="s">
        <v>2795</v>
      </c>
      <c r="SL723" s="424"/>
      <c r="SM723" s="424"/>
      <c r="SN723" s="424"/>
      <c r="SO723" s="423" t="s">
        <v>2795</v>
      </c>
      <c r="SP723" s="424"/>
      <c r="SQ723" s="424"/>
      <c r="SR723" s="424"/>
      <c r="SS723" s="423" t="s">
        <v>2795</v>
      </c>
      <c r="ST723" s="424"/>
      <c r="SU723" s="424"/>
      <c r="SV723" s="424"/>
      <c r="SW723" s="423" t="s">
        <v>2795</v>
      </c>
      <c r="SX723" s="424"/>
      <c r="SY723" s="424"/>
      <c r="SZ723" s="424"/>
      <c r="TA723" s="423" t="s">
        <v>2795</v>
      </c>
      <c r="TB723" s="424"/>
      <c r="TC723" s="424"/>
      <c r="TD723" s="424"/>
      <c r="TE723" s="423" t="s">
        <v>2795</v>
      </c>
      <c r="TF723" s="424"/>
      <c r="TG723" s="424"/>
      <c r="TH723" s="424"/>
      <c r="TI723" s="423" t="s">
        <v>2795</v>
      </c>
      <c r="TJ723" s="424"/>
      <c r="TK723" s="424"/>
      <c r="TL723" s="424"/>
      <c r="TM723" s="423" t="s">
        <v>2795</v>
      </c>
      <c r="TN723" s="424"/>
      <c r="TO723" s="424"/>
      <c r="TP723" s="424"/>
      <c r="TQ723" s="423" t="s">
        <v>2795</v>
      </c>
      <c r="TR723" s="424"/>
      <c r="TS723" s="424"/>
      <c r="TT723" s="424"/>
      <c r="TU723" s="423" t="s">
        <v>2795</v>
      </c>
      <c r="TV723" s="424"/>
      <c r="TW723" s="424"/>
      <c r="TX723" s="424"/>
      <c r="TY723" s="423" t="s">
        <v>2795</v>
      </c>
      <c r="TZ723" s="424"/>
      <c r="UA723" s="424"/>
      <c r="UB723" s="424"/>
      <c r="UC723" s="423" t="s">
        <v>2795</v>
      </c>
      <c r="UD723" s="424"/>
      <c r="UE723" s="424"/>
      <c r="UF723" s="424"/>
      <c r="UG723" s="423" t="s">
        <v>2795</v>
      </c>
      <c r="UH723" s="424"/>
      <c r="UI723" s="424"/>
      <c r="UJ723" s="424"/>
      <c r="UK723" s="423" t="s">
        <v>2795</v>
      </c>
      <c r="UL723" s="424"/>
      <c r="UM723" s="424"/>
      <c r="UN723" s="424"/>
      <c r="UO723" s="423" t="s">
        <v>2795</v>
      </c>
      <c r="UP723" s="424"/>
      <c r="UQ723" s="424"/>
      <c r="UR723" s="424"/>
      <c r="US723" s="423" t="s">
        <v>2795</v>
      </c>
      <c r="UT723" s="424"/>
      <c r="UU723" s="424"/>
      <c r="UV723" s="424"/>
      <c r="UW723" s="423" t="s">
        <v>2795</v>
      </c>
      <c r="UX723" s="424"/>
      <c r="UY723" s="424"/>
      <c r="UZ723" s="424"/>
      <c r="VA723" s="423" t="s">
        <v>2795</v>
      </c>
      <c r="VB723" s="424"/>
      <c r="VC723" s="424"/>
      <c r="VD723" s="424"/>
      <c r="VE723" s="423" t="s">
        <v>2795</v>
      </c>
      <c r="VF723" s="424"/>
      <c r="VG723" s="424"/>
      <c r="VH723" s="424"/>
      <c r="VI723" s="423" t="s">
        <v>2795</v>
      </c>
      <c r="VJ723" s="424"/>
      <c r="VK723" s="424"/>
      <c r="VL723" s="424"/>
      <c r="VM723" s="423" t="s">
        <v>2795</v>
      </c>
      <c r="VN723" s="424"/>
      <c r="VO723" s="424"/>
      <c r="VP723" s="424"/>
      <c r="VQ723" s="423" t="s">
        <v>2795</v>
      </c>
      <c r="VR723" s="424"/>
      <c r="VS723" s="424"/>
      <c r="VT723" s="424"/>
      <c r="VU723" s="423" t="s">
        <v>2795</v>
      </c>
      <c r="VV723" s="424"/>
      <c r="VW723" s="424"/>
      <c r="VX723" s="424"/>
      <c r="VY723" s="423" t="s">
        <v>2795</v>
      </c>
      <c r="VZ723" s="424"/>
      <c r="WA723" s="424"/>
      <c r="WB723" s="424"/>
      <c r="WC723" s="423" t="s">
        <v>2795</v>
      </c>
      <c r="WD723" s="424"/>
      <c r="WE723" s="424"/>
      <c r="WF723" s="424"/>
      <c r="WG723" s="423" t="s">
        <v>2795</v>
      </c>
      <c r="WH723" s="424"/>
      <c r="WI723" s="424"/>
      <c r="WJ723" s="424"/>
      <c r="WK723" s="423" t="s">
        <v>2795</v>
      </c>
      <c r="WL723" s="424"/>
      <c r="WM723" s="424"/>
      <c r="WN723" s="424"/>
      <c r="WO723" s="423" t="s">
        <v>2795</v>
      </c>
      <c r="WP723" s="424"/>
      <c r="WQ723" s="424"/>
      <c r="WR723" s="424"/>
      <c r="WS723" s="423" t="s">
        <v>2795</v>
      </c>
      <c r="WT723" s="424"/>
      <c r="WU723" s="424"/>
      <c r="WV723" s="424"/>
      <c r="WW723" s="423" t="s">
        <v>2795</v>
      </c>
      <c r="WX723" s="424"/>
      <c r="WY723" s="424"/>
      <c r="WZ723" s="424"/>
      <c r="XA723" s="423" t="s">
        <v>2795</v>
      </c>
      <c r="XB723" s="424"/>
      <c r="XC723" s="424"/>
      <c r="XD723" s="424"/>
      <c r="XE723" s="423" t="s">
        <v>2795</v>
      </c>
      <c r="XF723" s="424"/>
      <c r="XG723" s="424"/>
      <c r="XH723" s="424"/>
      <c r="XI723" s="423" t="s">
        <v>2795</v>
      </c>
      <c r="XJ723" s="424"/>
      <c r="XK723" s="424"/>
      <c r="XL723" s="424"/>
      <c r="XM723" s="423" t="s">
        <v>2795</v>
      </c>
      <c r="XN723" s="424"/>
      <c r="XO723" s="424"/>
      <c r="XP723" s="424"/>
      <c r="XQ723" s="423" t="s">
        <v>2795</v>
      </c>
      <c r="XR723" s="424"/>
      <c r="XS723" s="424"/>
      <c r="XT723" s="424"/>
      <c r="XU723" s="423" t="s">
        <v>2795</v>
      </c>
      <c r="XV723" s="424"/>
      <c r="XW723" s="424"/>
      <c r="XX723" s="424"/>
      <c r="XY723" s="423" t="s">
        <v>2795</v>
      </c>
      <c r="XZ723" s="424"/>
      <c r="YA723" s="424"/>
      <c r="YB723" s="424"/>
      <c r="YC723" s="423" t="s">
        <v>2795</v>
      </c>
      <c r="YD723" s="424"/>
      <c r="YE723" s="424"/>
      <c r="YF723" s="424"/>
      <c r="YG723" s="423" t="s">
        <v>2795</v>
      </c>
      <c r="YH723" s="424"/>
      <c r="YI723" s="424"/>
      <c r="YJ723" s="424"/>
      <c r="YK723" s="423" t="s">
        <v>2795</v>
      </c>
      <c r="YL723" s="424"/>
      <c r="YM723" s="424"/>
      <c r="YN723" s="424"/>
      <c r="YO723" s="423" t="s">
        <v>2795</v>
      </c>
      <c r="YP723" s="424"/>
      <c r="YQ723" s="424"/>
      <c r="YR723" s="424"/>
      <c r="YS723" s="423" t="s">
        <v>2795</v>
      </c>
      <c r="YT723" s="424"/>
      <c r="YU723" s="424"/>
      <c r="YV723" s="424"/>
      <c r="YW723" s="423" t="s">
        <v>2795</v>
      </c>
      <c r="YX723" s="424"/>
      <c r="YY723" s="424"/>
      <c r="YZ723" s="424"/>
      <c r="ZA723" s="423" t="s">
        <v>2795</v>
      </c>
      <c r="ZB723" s="424"/>
      <c r="ZC723" s="424"/>
      <c r="ZD723" s="424"/>
      <c r="ZE723" s="423" t="s">
        <v>2795</v>
      </c>
      <c r="ZF723" s="424"/>
      <c r="ZG723" s="424"/>
      <c r="ZH723" s="424"/>
      <c r="ZI723" s="423" t="s">
        <v>2795</v>
      </c>
      <c r="ZJ723" s="424"/>
      <c r="ZK723" s="424"/>
      <c r="ZL723" s="424"/>
      <c r="ZM723" s="423" t="s">
        <v>2795</v>
      </c>
      <c r="ZN723" s="424"/>
      <c r="ZO723" s="424"/>
      <c r="ZP723" s="424"/>
      <c r="ZQ723" s="423" t="s">
        <v>2795</v>
      </c>
      <c r="ZR723" s="424"/>
      <c r="ZS723" s="424"/>
      <c r="ZT723" s="424"/>
      <c r="ZU723" s="423" t="s">
        <v>2795</v>
      </c>
      <c r="ZV723" s="424"/>
      <c r="ZW723" s="424"/>
      <c r="ZX723" s="424"/>
      <c r="ZY723" s="423" t="s">
        <v>2795</v>
      </c>
      <c r="ZZ723" s="424"/>
      <c r="AAA723" s="424"/>
      <c r="AAB723" s="424"/>
      <c r="AAC723" s="423" t="s">
        <v>2795</v>
      </c>
      <c r="AAD723" s="424"/>
      <c r="AAE723" s="424"/>
      <c r="AAF723" s="424"/>
      <c r="AAG723" s="423" t="s">
        <v>2795</v>
      </c>
      <c r="AAH723" s="424"/>
      <c r="AAI723" s="424"/>
      <c r="AAJ723" s="424"/>
      <c r="AAK723" s="423" t="s">
        <v>2795</v>
      </c>
      <c r="AAL723" s="424"/>
      <c r="AAM723" s="424"/>
      <c r="AAN723" s="424"/>
      <c r="AAO723" s="423" t="s">
        <v>2795</v>
      </c>
      <c r="AAP723" s="424"/>
      <c r="AAQ723" s="424"/>
      <c r="AAR723" s="424"/>
      <c r="AAS723" s="423" t="s">
        <v>2795</v>
      </c>
      <c r="AAT723" s="424"/>
      <c r="AAU723" s="424"/>
      <c r="AAV723" s="424"/>
      <c r="AAW723" s="423" t="s">
        <v>2795</v>
      </c>
      <c r="AAX723" s="424"/>
      <c r="AAY723" s="424"/>
      <c r="AAZ723" s="424"/>
      <c r="ABA723" s="423" t="s">
        <v>2795</v>
      </c>
      <c r="ABB723" s="424"/>
      <c r="ABC723" s="424"/>
      <c r="ABD723" s="424"/>
      <c r="ABE723" s="423" t="s">
        <v>2795</v>
      </c>
      <c r="ABF723" s="424"/>
      <c r="ABG723" s="424"/>
      <c r="ABH723" s="424"/>
      <c r="ABI723" s="423" t="s">
        <v>2795</v>
      </c>
      <c r="ABJ723" s="424"/>
      <c r="ABK723" s="424"/>
      <c r="ABL723" s="424"/>
      <c r="ABM723" s="423" t="s">
        <v>2795</v>
      </c>
      <c r="ABN723" s="424"/>
      <c r="ABO723" s="424"/>
      <c r="ABP723" s="424"/>
      <c r="ABQ723" s="423" t="s">
        <v>2795</v>
      </c>
      <c r="ABR723" s="424"/>
      <c r="ABS723" s="424"/>
      <c r="ABT723" s="424"/>
      <c r="ABU723" s="423" t="s">
        <v>2795</v>
      </c>
      <c r="ABV723" s="424"/>
      <c r="ABW723" s="424"/>
      <c r="ABX723" s="424"/>
      <c r="ABY723" s="423" t="s">
        <v>2795</v>
      </c>
      <c r="ABZ723" s="424"/>
      <c r="ACA723" s="424"/>
      <c r="ACB723" s="424"/>
      <c r="ACC723" s="423" t="s">
        <v>2795</v>
      </c>
      <c r="ACD723" s="424"/>
      <c r="ACE723" s="424"/>
      <c r="ACF723" s="424"/>
      <c r="ACG723" s="423" t="s">
        <v>2795</v>
      </c>
      <c r="ACH723" s="424"/>
      <c r="ACI723" s="424"/>
      <c r="ACJ723" s="424"/>
      <c r="ACK723" s="423" t="s">
        <v>2795</v>
      </c>
      <c r="ACL723" s="424"/>
      <c r="ACM723" s="424"/>
      <c r="ACN723" s="424"/>
      <c r="ACO723" s="423" t="s">
        <v>2795</v>
      </c>
      <c r="ACP723" s="424"/>
      <c r="ACQ723" s="424"/>
      <c r="ACR723" s="424"/>
      <c r="ACS723" s="423" t="s">
        <v>2795</v>
      </c>
      <c r="ACT723" s="424"/>
      <c r="ACU723" s="424"/>
      <c r="ACV723" s="424"/>
      <c r="ACW723" s="423" t="s">
        <v>2795</v>
      </c>
      <c r="ACX723" s="424"/>
      <c r="ACY723" s="424"/>
      <c r="ACZ723" s="424"/>
      <c r="ADA723" s="423" t="s">
        <v>2795</v>
      </c>
      <c r="ADB723" s="424"/>
      <c r="ADC723" s="424"/>
      <c r="ADD723" s="424"/>
      <c r="ADE723" s="423" t="s">
        <v>2795</v>
      </c>
      <c r="ADF723" s="424"/>
      <c r="ADG723" s="424"/>
      <c r="ADH723" s="424"/>
      <c r="ADI723" s="423" t="s">
        <v>2795</v>
      </c>
      <c r="ADJ723" s="424"/>
      <c r="ADK723" s="424"/>
      <c r="ADL723" s="424"/>
      <c r="ADM723" s="423" t="s">
        <v>2795</v>
      </c>
      <c r="ADN723" s="424"/>
      <c r="ADO723" s="424"/>
      <c r="ADP723" s="424"/>
      <c r="ADQ723" s="423" t="s">
        <v>2795</v>
      </c>
      <c r="ADR723" s="424"/>
      <c r="ADS723" s="424"/>
      <c r="ADT723" s="424"/>
      <c r="ADU723" s="423" t="s">
        <v>2795</v>
      </c>
      <c r="ADV723" s="424"/>
      <c r="ADW723" s="424"/>
      <c r="ADX723" s="424"/>
      <c r="ADY723" s="423" t="s">
        <v>2795</v>
      </c>
      <c r="ADZ723" s="424"/>
      <c r="AEA723" s="424"/>
      <c r="AEB723" s="424"/>
      <c r="AEC723" s="423" t="s">
        <v>2795</v>
      </c>
      <c r="AED723" s="424"/>
      <c r="AEE723" s="424"/>
      <c r="AEF723" s="424"/>
      <c r="AEG723" s="423" t="s">
        <v>2795</v>
      </c>
      <c r="AEH723" s="424"/>
      <c r="AEI723" s="424"/>
      <c r="AEJ723" s="424"/>
      <c r="AEK723" s="423" t="s">
        <v>2795</v>
      </c>
      <c r="AEL723" s="424"/>
      <c r="AEM723" s="424"/>
      <c r="AEN723" s="424"/>
      <c r="AEO723" s="423" t="s">
        <v>2795</v>
      </c>
      <c r="AEP723" s="424"/>
      <c r="AEQ723" s="424"/>
      <c r="AER723" s="424"/>
      <c r="AES723" s="423" t="s">
        <v>2795</v>
      </c>
      <c r="AET723" s="424"/>
      <c r="AEU723" s="424"/>
      <c r="AEV723" s="424"/>
      <c r="AEW723" s="423" t="s">
        <v>2795</v>
      </c>
      <c r="AEX723" s="424"/>
      <c r="AEY723" s="424"/>
      <c r="AEZ723" s="424"/>
      <c r="AFA723" s="423" t="s">
        <v>2795</v>
      </c>
      <c r="AFB723" s="424"/>
      <c r="AFC723" s="424"/>
      <c r="AFD723" s="424"/>
      <c r="AFE723" s="423" t="s">
        <v>2795</v>
      </c>
      <c r="AFF723" s="424"/>
      <c r="AFG723" s="424"/>
      <c r="AFH723" s="424"/>
      <c r="AFI723" s="423" t="s">
        <v>2795</v>
      </c>
      <c r="AFJ723" s="424"/>
      <c r="AFK723" s="424"/>
      <c r="AFL723" s="424"/>
      <c r="AFM723" s="423" t="s">
        <v>2795</v>
      </c>
      <c r="AFN723" s="424"/>
      <c r="AFO723" s="424"/>
      <c r="AFP723" s="424"/>
      <c r="AFQ723" s="423" t="s">
        <v>2795</v>
      </c>
      <c r="AFR723" s="424"/>
      <c r="AFS723" s="424"/>
      <c r="AFT723" s="424"/>
      <c r="AFU723" s="423" t="s">
        <v>2795</v>
      </c>
      <c r="AFV723" s="424"/>
      <c r="AFW723" s="424"/>
      <c r="AFX723" s="424"/>
      <c r="AFY723" s="423" t="s">
        <v>2795</v>
      </c>
      <c r="AFZ723" s="424"/>
      <c r="AGA723" s="424"/>
      <c r="AGB723" s="424"/>
      <c r="AGC723" s="423" t="s">
        <v>2795</v>
      </c>
      <c r="AGD723" s="424"/>
      <c r="AGE723" s="424"/>
      <c r="AGF723" s="424"/>
      <c r="AGG723" s="423" t="s">
        <v>2795</v>
      </c>
      <c r="AGH723" s="424"/>
      <c r="AGI723" s="424"/>
      <c r="AGJ723" s="424"/>
      <c r="AGK723" s="423" t="s">
        <v>2795</v>
      </c>
      <c r="AGL723" s="424"/>
      <c r="AGM723" s="424"/>
      <c r="AGN723" s="424"/>
      <c r="AGO723" s="423" t="s">
        <v>2795</v>
      </c>
      <c r="AGP723" s="424"/>
      <c r="AGQ723" s="424"/>
      <c r="AGR723" s="424"/>
      <c r="AGS723" s="423" t="s">
        <v>2795</v>
      </c>
      <c r="AGT723" s="424"/>
      <c r="AGU723" s="424"/>
      <c r="AGV723" s="424"/>
      <c r="AGW723" s="423" t="s">
        <v>2795</v>
      </c>
      <c r="AGX723" s="424"/>
      <c r="AGY723" s="424"/>
      <c r="AGZ723" s="424"/>
      <c r="AHA723" s="423" t="s">
        <v>2795</v>
      </c>
      <c r="AHB723" s="424"/>
      <c r="AHC723" s="424"/>
      <c r="AHD723" s="424"/>
      <c r="AHE723" s="423" t="s">
        <v>2795</v>
      </c>
      <c r="AHF723" s="424"/>
      <c r="AHG723" s="424"/>
      <c r="AHH723" s="424"/>
      <c r="AHI723" s="423" t="s">
        <v>2795</v>
      </c>
      <c r="AHJ723" s="424"/>
      <c r="AHK723" s="424"/>
      <c r="AHL723" s="424"/>
      <c r="AHM723" s="423" t="s">
        <v>2795</v>
      </c>
      <c r="AHN723" s="424"/>
      <c r="AHO723" s="424"/>
      <c r="AHP723" s="424"/>
      <c r="AHQ723" s="423" t="s">
        <v>2795</v>
      </c>
      <c r="AHR723" s="424"/>
      <c r="AHS723" s="424"/>
      <c r="AHT723" s="424"/>
      <c r="AHU723" s="423" t="s">
        <v>2795</v>
      </c>
      <c r="AHV723" s="424"/>
      <c r="AHW723" s="424"/>
      <c r="AHX723" s="424"/>
      <c r="AHY723" s="423" t="s">
        <v>2795</v>
      </c>
      <c r="AHZ723" s="424"/>
      <c r="AIA723" s="424"/>
      <c r="AIB723" s="424"/>
      <c r="AIC723" s="423" t="s">
        <v>2795</v>
      </c>
      <c r="AID723" s="424"/>
      <c r="AIE723" s="424"/>
      <c r="AIF723" s="424"/>
      <c r="AIG723" s="423" t="s">
        <v>2795</v>
      </c>
      <c r="AIH723" s="424"/>
      <c r="AII723" s="424"/>
      <c r="AIJ723" s="424"/>
      <c r="AIK723" s="423" t="s">
        <v>2795</v>
      </c>
      <c r="AIL723" s="424"/>
      <c r="AIM723" s="424"/>
      <c r="AIN723" s="424"/>
      <c r="AIO723" s="423" t="s">
        <v>2795</v>
      </c>
      <c r="AIP723" s="424"/>
      <c r="AIQ723" s="424"/>
      <c r="AIR723" s="424"/>
      <c r="AIS723" s="423" t="s">
        <v>2795</v>
      </c>
      <c r="AIT723" s="424"/>
      <c r="AIU723" s="424"/>
      <c r="AIV723" s="424"/>
      <c r="AIW723" s="423" t="s">
        <v>2795</v>
      </c>
      <c r="AIX723" s="424"/>
      <c r="AIY723" s="424"/>
      <c r="AIZ723" s="424"/>
      <c r="AJA723" s="423" t="s">
        <v>2795</v>
      </c>
      <c r="AJB723" s="424"/>
      <c r="AJC723" s="424"/>
      <c r="AJD723" s="424"/>
      <c r="AJE723" s="423" t="s">
        <v>2795</v>
      </c>
      <c r="AJF723" s="424"/>
      <c r="AJG723" s="424"/>
      <c r="AJH723" s="424"/>
      <c r="AJI723" s="423" t="s">
        <v>2795</v>
      </c>
      <c r="AJJ723" s="424"/>
      <c r="AJK723" s="424"/>
      <c r="AJL723" s="424"/>
      <c r="AJM723" s="423" t="s">
        <v>2795</v>
      </c>
      <c r="AJN723" s="424"/>
      <c r="AJO723" s="424"/>
      <c r="AJP723" s="424"/>
      <c r="AJQ723" s="423" t="s">
        <v>2795</v>
      </c>
      <c r="AJR723" s="424"/>
      <c r="AJS723" s="424"/>
      <c r="AJT723" s="424"/>
      <c r="AJU723" s="423" t="s">
        <v>2795</v>
      </c>
      <c r="AJV723" s="424"/>
      <c r="AJW723" s="424"/>
      <c r="AJX723" s="424"/>
      <c r="AJY723" s="423" t="s">
        <v>2795</v>
      </c>
      <c r="AJZ723" s="424"/>
      <c r="AKA723" s="424"/>
      <c r="AKB723" s="424"/>
      <c r="AKC723" s="423" t="s">
        <v>2795</v>
      </c>
      <c r="AKD723" s="424"/>
      <c r="AKE723" s="424"/>
      <c r="AKF723" s="424"/>
      <c r="AKG723" s="423" t="s">
        <v>2795</v>
      </c>
      <c r="AKH723" s="424"/>
      <c r="AKI723" s="424"/>
      <c r="AKJ723" s="424"/>
      <c r="AKK723" s="423" t="s">
        <v>2795</v>
      </c>
      <c r="AKL723" s="424"/>
      <c r="AKM723" s="424"/>
      <c r="AKN723" s="424"/>
      <c r="AKO723" s="423" t="s">
        <v>2795</v>
      </c>
      <c r="AKP723" s="424"/>
      <c r="AKQ723" s="424"/>
      <c r="AKR723" s="424"/>
      <c r="AKS723" s="423" t="s">
        <v>2795</v>
      </c>
      <c r="AKT723" s="424"/>
      <c r="AKU723" s="424"/>
      <c r="AKV723" s="424"/>
      <c r="AKW723" s="423" t="s">
        <v>2795</v>
      </c>
      <c r="AKX723" s="424"/>
      <c r="AKY723" s="424"/>
      <c r="AKZ723" s="424"/>
      <c r="ALA723" s="423" t="s">
        <v>2795</v>
      </c>
      <c r="ALB723" s="424"/>
      <c r="ALC723" s="424"/>
      <c r="ALD723" s="424"/>
      <c r="ALE723" s="423" t="s">
        <v>2795</v>
      </c>
      <c r="ALF723" s="424"/>
      <c r="ALG723" s="424"/>
      <c r="ALH723" s="424"/>
      <c r="ALI723" s="423" t="s">
        <v>2795</v>
      </c>
      <c r="ALJ723" s="424"/>
      <c r="ALK723" s="424"/>
      <c r="ALL723" s="424"/>
      <c r="ALM723" s="423" t="s">
        <v>2795</v>
      </c>
      <c r="ALN723" s="424"/>
      <c r="ALO723" s="424"/>
      <c r="ALP723" s="424"/>
      <c r="ALQ723" s="423" t="s">
        <v>2795</v>
      </c>
      <c r="ALR723" s="424"/>
      <c r="ALS723" s="424"/>
      <c r="ALT723" s="424"/>
      <c r="ALU723" s="423" t="s">
        <v>2795</v>
      </c>
      <c r="ALV723" s="424"/>
      <c r="ALW723" s="424"/>
      <c r="ALX723" s="424"/>
      <c r="ALY723" s="423" t="s">
        <v>2795</v>
      </c>
      <c r="ALZ723" s="424"/>
      <c r="AMA723" s="424"/>
      <c r="AMB723" s="424"/>
      <c r="AMC723" s="423" t="s">
        <v>2795</v>
      </c>
      <c r="AMD723" s="424"/>
      <c r="AME723" s="424"/>
      <c r="AMF723" s="424"/>
      <c r="AMG723" s="423" t="s">
        <v>2795</v>
      </c>
      <c r="AMH723" s="424"/>
      <c r="AMI723" s="424"/>
      <c r="AMJ723" s="424"/>
      <c r="AMK723" s="423" t="s">
        <v>2795</v>
      </c>
      <c r="AML723" s="424"/>
      <c r="AMM723" s="424"/>
      <c r="AMN723" s="424"/>
      <c r="AMO723" s="423" t="s">
        <v>2795</v>
      </c>
      <c r="AMP723" s="424"/>
      <c r="AMQ723" s="424"/>
      <c r="AMR723" s="424"/>
      <c r="AMS723" s="423" t="s">
        <v>2795</v>
      </c>
      <c r="AMT723" s="424"/>
      <c r="AMU723" s="424"/>
      <c r="AMV723" s="424"/>
      <c r="AMW723" s="423" t="s">
        <v>2795</v>
      </c>
      <c r="AMX723" s="424"/>
      <c r="AMY723" s="424"/>
      <c r="AMZ723" s="424"/>
      <c r="ANA723" s="423" t="s">
        <v>2795</v>
      </c>
      <c r="ANB723" s="424"/>
      <c r="ANC723" s="424"/>
      <c r="AND723" s="424"/>
      <c r="ANE723" s="423" t="s">
        <v>2795</v>
      </c>
      <c r="ANF723" s="424"/>
      <c r="ANG723" s="424"/>
      <c r="ANH723" s="424"/>
      <c r="ANI723" s="423" t="s">
        <v>2795</v>
      </c>
      <c r="ANJ723" s="424"/>
      <c r="ANK723" s="424"/>
      <c r="ANL723" s="424"/>
      <c r="ANM723" s="423" t="s">
        <v>2795</v>
      </c>
      <c r="ANN723" s="424"/>
      <c r="ANO723" s="424"/>
      <c r="ANP723" s="424"/>
      <c r="ANQ723" s="423" t="s">
        <v>2795</v>
      </c>
      <c r="ANR723" s="424"/>
      <c r="ANS723" s="424"/>
      <c r="ANT723" s="424"/>
      <c r="ANU723" s="423" t="s">
        <v>2795</v>
      </c>
      <c r="ANV723" s="424"/>
      <c r="ANW723" s="424"/>
      <c r="ANX723" s="424"/>
      <c r="ANY723" s="423" t="s">
        <v>2795</v>
      </c>
      <c r="ANZ723" s="424"/>
      <c r="AOA723" s="424"/>
      <c r="AOB723" s="424"/>
      <c r="AOC723" s="423" t="s">
        <v>2795</v>
      </c>
      <c r="AOD723" s="424"/>
      <c r="AOE723" s="424"/>
      <c r="AOF723" s="424"/>
      <c r="AOG723" s="423" t="s">
        <v>2795</v>
      </c>
      <c r="AOH723" s="424"/>
      <c r="AOI723" s="424"/>
      <c r="AOJ723" s="424"/>
      <c r="AOK723" s="423" t="s">
        <v>2795</v>
      </c>
      <c r="AOL723" s="424"/>
      <c r="AOM723" s="424"/>
      <c r="AON723" s="424"/>
      <c r="AOO723" s="423" t="s">
        <v>2795</v>
      </c>
      <c r="AOP723" s="424"/>
      <c r="AOQ723" s="424"/>
      <c r="AOR723" s="424"/>
      <c r="AOS723" s="423" t="s">
        <v>2795</v>
      </c>
      <c r="AOT723" s="424"/>
      <c r="AOU723" s="424"/>
      <c r="AOV723" s="424"/>
      <c r="AOW723" s="423" t="s">
        <v>2795</v>
      </c>
      <c r="AOX723" s="424"/>
      <c r="AOY723" s="424"/>
      <c r="AOZ723" s="424"/>
      <c r="APA723" s="423" t="s">
        <v>2795</v>
      </c>
      <c r="APB723" s="424"/>
      <c r="APC723" s="424"/>
      <c r="APD723" s="424"/>
      <c r="APE723" s="423" t="s">
        <v>2795</v>
      </c>
      <c r="APF723" s="424"/>
      <c r="APG723" s="424"/>
      <c r="APH723" s="424"/>
      <c r="API723" s="423" t="s">
        <v>2795</v>
      </c>
      <c r="APJ723" s="424"/>
      <c r="APK723" s="424"/>
      <c r="APL723" s="424"/>
      <c r="APM723" s="423" t="s">
        <v>2795</v>
      </c>
      <c r="APN723" s="424"/>
      <c r="APO723" s="424"/>
      <c r="APP723" s="424"/>
      <c r="APQ723" s="423" t="s">
        <v>2795</v>
      </c>
      <c r="APR723" s="424"/>
      <c r="APS723" s="424"/>
      <c r="APT723" s="424"/>
      <c r="APU723" s="423" t="s">
        <v>2795</v>
      </c>
      <c r="APV723" s="424"/>
      <c r="APW723" s="424"/>
      <c r="APX723" s="424"/>
      <c r="APY723" s="423" t="s">
        <v>2795</v>
      </c>
      <c r="APZ723" s="424"/>
      <c r="AQA723" s="424"/>
      <c r="AQB723" s="424"/>
      <c r="AQC723" s="423" t="s">
        <v>2795</v>
      </c>
      <c r="AQD723" s="424"/>
      <c r="AQE723" s="424"/>
      <c r="AQF723" s="424"/>
      <c r="AQG723" s="423" t="s">
        <v>2795</v>
      </c>
      <c r="AQH723" s="424"/>
      <c r="AQI723" s="424"/>
      <c r="AQJ723" s="424"/>
      <c r="AQK723" s="423" t="s">
        <v>2795</v>
      </c>
      <c r="AQL723" s="424"/>
      <c r="AQM723" s="424"/>
      <c r="AQN723" s="424"/>
      <c r="AQO723" s="423" t="s">
        <v>2795</v>
      </c>
      <c r="AQP723" s="424"/>
      <c r="AQQ723" s="424"/>
      <c r="AQR723" s="424"/>
      <c r="AQS723" s="423" t="s">
        <v>2795</v>
      </c>
      <c r="AQT723" s="424"/>
      <c r="AQU723" s="424"/>
      <c r="AQV723" s="424"/>
      <c r="AQW723" s="423" t="s">
        <v>2795</v>
      </c>
      <c r="AQX723" s="424"/>
      <c r="AQY723" s="424"/>
      <c r="AQZ723" s="424"/>
      <c r="ARA723" s="423" t="s">
        <v>2795</v>
      </c>
      <c r="ARB723" s="424"/>
      <c r="ARC723" s="424"/>
      <c r="ARD723" s="424"/>
      <c r="ARE723" s="423" t="s">
        <v>2795</v>
      </c>
      <c r="ARF723" s="424"/>
      <c r="ARG723" s="424"/>
      <c r="ARH723" s="424"/>
      <c r="ARI723" s="423" t="s">
        <v>2795</v>
      </c>
      <c r="ARJ723" s="424"/>
      <c r="ARK723" s="424"/>
      <c r="ARL723" s="424"/>
      <c r="ARM723" s="423" t="s">
        <v>2795</v>
      </c>
      <c r="ARN723" s="424"/>
      <c r="ARO723" s="424"/>
      <c r="ARP723" s="424"/>
      <c r="ARQ723" s="423" t="s">
        <v>2795</v>
      </c>
      <c r="ARR723" s="424"/>
      <c r="ARS723" s="424"/>
      <c r="ART723" s="424"/>
      <c r="ARU723" s="423" t="s">
        <v>2795</v>
      </c>
      <c r="ARV723" s="424"/>
      <c r="ARW723" s="424"/>
      <c r="ARX723" s="424"/>
      <c r="ARY723" s="423" t="s">
        <v>2795</v>
      </c>
      <c r="ARZ723" s="424"/>
      <c r="ASA723" s="424"/>
      <c r="ASB723" s="424"/>
      <c r="ASC723" s="423" t="s">
        <v>2795</v>
      </c>
      <c r="ASD723" s="424"/>
      <c r="ASE723" s="424"/>
      <c r="ASF723" s="424"/>
      <c r="ASG723" s="423" t="s">
        <v>2795</v>
      </c>
      <c r="ASH723" s="424"/>
      <c r="ASI723" s="424"/>
      <c r="ASJ723" s="424"/>
      <c r="ASK723" s="423" t="s">
        <v>2795</v>
      </c>
      <c r="ASL723" s="424"/>
      <c r="ASM723" s="424"/>
      <c r="ASN723" s="424"/>
      <c r="ASO723" s="423" t="s">
        <v>2795</v>
      </c>
      <c r="ASP723" s="424"/>
      <c r="ASQ723" s="424"/>
      <c r="ASR723" s="424"/>
      <c r="ASS723" s="423" t="s">
        <v>2795</v>
      </c>
      <c r="AST723" s="424"/>
      <c r="ASU723" s="424"/>
      <c r="ASV723" s="424"/>
      <c r="ASW723" s="423" t="s">
        <v>2795</v>
      </c>
      <c r="ASX723" s="424"/>
      <c r="ASY723" s="424"/>
      <c r="ASZ723" s="424"/>
      <c r="ATA723" s="423" t="s">
        <v>2795</v>
      </c>
      <c r="ATB723" s="424"/>
      <c r="ATC723" s="424"/>
      <c r="ATD723" s="424"/>
      <c r="ATE723" s="423" t="s">
        <v>2795</v>
      </c>
      <c r="ATF723" s="424"/>
      <c r="ATG723" s="424"/>
      <c r="ATH723" s="424"/>
      <c r="ATI723" s="423" t="s">
        <v>2795</v>
      </c>
      <c r="ATJ723" s="424"/>
      <c r="ATK723" s="424"/>
      <c r="ATL723" s="424"/>
      <c r="ATM723" s="423" t="s">
        <v>2795</v>
      </c>
      <c r="ATN723" s="424"/>
      <c r="ATO723" s="424"/>
      <c r="ATP723" s="424"/>
      <c r="ATQ723" s="423" t="s">
        <v>2795</v>
      </c>
      <c r="ATR723" s="424"/>
      <c r="ATS723" s="424"/>
      <c r="ATT723" s="424"/>
      <c r="ATU723" s="423" t="s">
        <v>2795</v>
      </c>
      <c r="ATV723" s="424"/>
      <c r="ATW723" s="424"/>
      <c r="ATX723" s="424"/>
      <c r="ATY723" s="423" t="s">
        <v>2795</v>
      </c>
      <c r="ATZ723" s="424"/>
      <c r="AUA723" s="424"/>
      <c r="AUB723" s="424"/>
      <c r="AUC723" s="423" t="s">
        <v>2795</v>
      </c>
      <c r="AUD723" s="424"/>
      <c r="AUE723" s="424"/>
      <c r="AUF723" s="424"/>
      <c r="AUG723" s="423" t="s">
        <v>2795</v>
      </c>
      <c r="AUH723" s="424"/>
      <c r="AUI723" s="424"/>
      <c r="AUJ723" s="424"/>
      <c r="AUK723" s="423" t="s">
        <v>2795</v>
      </c>
      <c r="AUL723" s="424"/>
      <c r="AUM723" s="424"/>
      <c r="AUN723" s="424"/>
      <c r="AUO723" s="423" t="s">
        <v>2795</v>
      </c>
      <c r="AUP723" s="424"/>
      <c r="AUQ723" s="424"/>
      <c r="AUR723" s="424"/>
      <c r="AUS723" s="423" t="s">
        <v>2795</v>
      </c>
      <c r="AUT723" s="424"/>
      <c r="AUU723" s="424"/>
      <c r="AUV723" s="424"/>
      <c r="AUW723" s="423" t="s">
        <v>2795</v>
      </c>
      <c r="AUX723" s="424"/>
      <c r="AUY723" s="424"/>
      <c r="AUZ723" s="424"/>
      <c r="AVA723" s="423" t="s">
        <v>2795</v>
      </c>
      <c r="AVB723" s="424"/>
      <c r="AVC723" s="424"/>
      <c r="AVD723" s="424"/>
      <c r="AVE723" s="423" t="s">
        <v>2795</v>
      </c>
      <c r="AVF723" s="424"/>
      <c r="AVG723" s="424"/>
      <c r="AVH723" s="424"/>
      <c r="AVI723" s="423" t="s">
        <v>2795</v>
      </c>
      <c r="AVJ723" s="424"/>
      <c r="AVK723" s="424"/>
      <c r="AVL723" s="424"/>
      <c r="AVM723" s="423" t="s">
        <v>2795</v>
      </c>
      <c r="AVN723" s="424"/>
      <c r="AVO723" s="424"/>
      <c r="AVP723" s="424"/>
      <c r="AVQ723" s="423" t="s">
        <v>2795</v>
      </c>
      <c r="AVR723" s="424"/>
      <c r="AVS723" s="424"/>
      <c r="AVT723" s="424"/>
      <c r="AVU723" s="423" t="s">
        <v>2795</v>
      </c>
      <c r="AVV723" s="424"/>
      <c r="AVW723" s="424"/>
      <c r="AVX723" s="424"/>
      <c r="AVY723" s="423" t="s">
        <v>2795</v>
      </c>
      <c r="AVZ723" s="424"/>
      <c r="AWA723" s="424"/>
      <c r="AWB723" s="424"/>
      <c r="AWC723" s="423" t="s">
        <v>2795</v>
      </c>
      <c r="AWD723" s="424"/>
      <c r="AWE723" s="424"/>
      <c r="AWF723" s="424"/>
      <c r="AWG723" s="423" t="s">
        <v>2795</v>
      </c>
      <c r="AWH723" s="424"/>
      <c r="AWI723" s="424"/>
      <c r="AWJ723" s="424"/>
      <c r="AWK723" s="423" t="s">
        <v>2795</v>
      </c>
      <c r="AWL723" s="424"/>
      <c r="AWM723" s="424"/>
      <c r="AWN723" s="424"/>
      <c r="AWO723" s="423" t="s">
        <v>2795</v>
      </c>
      <c r="AWP723" s="424"/>
      <c r="AWQ723" s="424"/>
      <c r="AWR723" s="424"/>
      <c r="AWS723" s="423" t="s">
        <v>2795</v>
      </c>
      <c r="AWT723" s="424"/>
      <c r="AWU723" s="424"/>
      <c r="AWV723" s="424"/>
      <c r="AWW723" s="423" t="s">
        <v>2795</v>
      </c>
      <c r="AWX723" s="424"/>
      <c r="AWY723" s="424"/>
      <c r="AWZ723" s="424"/>
      <c r="AXA723" s="423" t="s">
        <v>2795</v>
      </c>
      <c r="AXB723" s="424"/>
      <c r="AXC723" s="424"/>
      <c r="AXD723" s="424"/>
      <c r="AXE723" s="423" t="s">
        <v>2795</v>
      </c>
      <c r="AXF723" s="424"/>
      <c r="AXG723" s="424"/>
      <c r="AXH723" s="424"/>
      <c r="AXI723" s="423" t="s">
        <v>2795</v>
      </c>
      <c r="AXJ723" s="424"/>
      <c r="AXK723" s="424"/>
      <c r="AXL723" s="424"/>
      <c r="AXM723" s="423" t="s">
        <v>2795</v>
      </c>
      <c r="AXN723" s="424"/>
      <c r="AXO723" s="424"/>
      <c r="AXP723" s="424"/>
      <c r="AXQ723" s="423" t="s">
        <v>2795</v>
      </c>
      <c r="AXR723" s="424"/>
      <c r="AXS723" s="424"/>
      <c r="AXT723" s="424"/>
      <c r="AXU723" s="423" t="s">
        <v>2795</v>
      </c>
      <c r="AXV723" s="424"/>
      <c r="AXW723" s="424"/>
      <c r="AXX723" s="424"/>
      <c r="AXY723" s="423" t="s">
        <v>2795</v>
      </c>
      <c r="AXZ723" s="424"/>
      <c r="AYA723" s="424"/>
      <c r="AYB723" s="424"/>
      <c r="AYC723" s="423" t="s">
        <v>2795</v>
      </c>
      <c r="AYD723" s="424"/>
      <c r="AYE723" s="424"/>
      <c r="AYF723" s="424"/>
      <c r="AYG723" s="423" t="s">
        <v>2795</v>
      </c>
      <c r="AYH723" s="424"/>
      <c r="AYI723" s="424"/>
      <c r="AYJ723" s="424"/>
      <c r="AYK723" s="423" t="s">
        <v>2795</v>
      </c>
      <c r="AYL723" s="424"/>
      <c r="AYM723" s="424"/>
      <c r="AYN723" s="424"/>
      <c r="AYO723" s="423" t="s">
        <v>2795</v>
      </c>
      <c r="AYP723" s="424"/>
      <c r="AYQ723" s="424"/>
      <c r="AYR723" s="424"/>
      <c r="AYS723" s="423" t="s">
        <v>2795</v>
      </c>
      <c r="AYT723" s="424"/>
      <c r="AYU723" s="424"/>
      <c r="AYV723" s="424"/>
      <c r="AYW723" s="423" t="s">
        <v>2795</v>
      </c>
      <c r="AYX723" s="424"/>
      <c r="AYY723" s="424"/>
      <c r="AYZ723" s="424"/>
      <c r="AZA723" s="423" t="s">
        <v>2795</v>
      </c>
      <c r="AZB723" s="424"/>
      <c r="AZC723" s="424"/>
      <c r="AZD723" s="424"/>
      <c r="AZE723" s="423" t="s">
        <v>2795</v>
      </c>
      <c r="AZF723" s="424"/>
      <c r="AZG723" s="424"/>
      <c r="AZH723" s="424"/>
      <c r="AZI723" s="423" t="s">
        <v>2795</v>
      </c>
      <c r="AZJ723" s="424"/>
      <c r="AZK723" s="424"/>
      <c r="AZL723" s="424"/>
      <c r="AZM723" s="423" t="s">
        <v>2795</v>
      </c>
      <c r="AZN723" s="424"/>
      <c r="AZO723" s="424"/>
      <c r="AZP723" s="424"/>
      <c r="AZQ723" s="423" t="s">
        <v>2795</v>
      </c>
      <c r="AZR723" s="424"/>
      <c r="AZS723" s="424"/>
      <c r="AZT723" s="424"/>
      <c r="AZU723" s="423" t="s">
        <v>2795</v>
      </c>
      <c r="AZV723" s="424"/>
      <c r="AZW723" s="424"/>
      <c r="AZX723" s="424"/>
      <c r="AZY723" s="423" t="s">
        <v>2795</v>
      </c>
      <c r="AZZ723" s="424"/>
      <c r="BAA723" s="424"/>
      <c r="BAB723" s="424"/>
      <c r="BAC723" s="423" t="s">
        <v>2795</v>
      </c>
      <c r="BAD723" s="424"/>
      <c r="BAE723" s="424"/>
      <c r="BAF723" s="424"/>
      <c r="BAG723" s="423" t="s">
        <v>2795</v>
      </c>
      <c r="BAH723" s="424"/>
      <c r="BAI723" s="424"/>
      <c r="BAJ723" s="424"/>
      <c r="BAK723" s="423" t="s">
        <v>2795</v>
      </c>
      <c r="BAL723" s="424"/>
      <c r="BAM723" s="424"/>
      <c r="BAN723" s="424"/>
      <c r="BAO723" s="423" t="s">
        <v>2795</v>
      </c>
      <c r="BAP723" s="424"/>
      <c r="BAQ723" s="424"/>
      <c r="BAR723" s="424"/>
      <c r="BAS723" s="423" t="s">
        <v>2795</v>
      </c>
      <c r="BAT723" s="424"/>
      <c r="BAU723" s="424"/>
      <c r="BAV723" s="424"/>
      <c r="BAW723" s="423" t="s">
        <v>2795</v>
      </c>
      <c r="BAX723" s="424"/>
      <c r="BAY723" s="424"/>
      <c r="BAZ723" s="424"/>
      <c r="BBA723" s="423" t="s">
        <v>2795</v>
      </c>
      <c r="BBB723" s="424"/>
      <c r="BBC723" s="424"/>
      <c r="BBD723" s="424"/>
      <c r="BBE723" s="423" t="s">
        <v>2795</v>
      </c>
      <c r="BBF723" s="424"/>
      <c r="BBG723" s="424"/>
      <c r="BBH723" s="424"/>
      <c r="BBI723" s="423" t="s">
        <v>2795</v>
      </c>
      <c r="BBJ723" s="424"/>
      <c r="BBK723" s="424"/>
      <c r="BBL723" s="424"/>
      <c r="BBM723" s="423" t="s">
        <v>2795</v>
      </c>
      <c r="BBN723" s="424"/>
      <c r="BBO723" s="424"/>
      <c r="BBP723" s="424"/>
      <c r="BBQ723" s="423" t="s">
        <v>2795</v>
      </c>
      <c r="BBR723" s="424"/>
      <c r="BBS723" s="424"/>
      <c r="BBT723" s="424"/>
      <c r="BBU723" s="423" t="s">
        <v>2795</v>
      </c>
      <c r="BBV723" s="424"/>
      <c r="BBW723" s="424"/>
      <c r="BBX723" s="424"/>
      <c r="BBY723" s="423" t="s">
        <v>2795</v>
      </c>
      <c r="BBZ723" s="424"/>
      <c r="BCA723" s="424"/>
      <c r="BCB723" s="424"/>
      <c r="BCC723" s="423" t="s">
        <v>2795</v>
      </c>
      <c r="BCD723" s="424"/>
      <c r="BCE723" s="424"/>
      <c r="BCF723" s="424"/>
      <c r="BCG723" s="423" t="s">
        <v>2795</v>
      </c>
      <c r="BCH723" s="424"/>
      <c r="BCI723" s="424"/>
      <c r="BCJ723" s="424"/>
      <c r="BCK723" s="423" t="s">
        <v>2795</v>
      </c>
      <c r="BCL723" s="424"/>
      <c r="BCM723" s="424"/>
      <c r="BCN723" s="424"/>
      <c r="BCO723" s="423" t="s">
        <v>2795</v>
      </c>
      <c r="BCP723" s="424"/>
      <c r="BCQ723" s="424"/>
      <c r="BCR723" s="424"/>
      <c r="BCS723" s="423" t="s">
        <v>2795</v>
      </c>
      <c r="BCT723" s="424"/>
      <c r="BCU723" s="424"/>
      <c r="BCV723" s="424"/>
      <c r="BCW723" s="423" t="s">
        <v>2795</v>
      </c>
      <c r="BCX723" s="424"/>
      <c r="BCY723" s="424"/>
      <c r="BCZ723" s="424"/>
      <c r="BDA723" s="423" t="s">
        <v>2795</v>
      </c>
      <c r="BDB723" s="424"/>
      <c r="BDC723" s="424"/>
      <c r="BDD723" s="424"/>
      <c r="BDE723" s="423" t="s">
        <v>2795</v>
      </c>
      <c r="BDF723" s="424"/>
      <c r="BDG723" s="424"/>
      <c r="BDH723" s="424"/>
      <c r="BDI723" s="423" t="s">
        <v>2795</v>
      </c>
      <c r="BDJ723" s="424"/>
      <c r="BDK723" s="424"/>
      <c r="BDL723" s="424"/>
      <c r="BDM723" s="423" t="s">
        <v>2795</v>
      </c>
      <c r="BDN723" s="424"/>
      <c r="BDO723" s="424"/>
      <c r="BDP723" s="424"/>
      <c r="BDQ723" s="423" t="s">
        <v>2795</v>
      </c>
      <c r="BDR723" s="424"/>
      <c r="BDS723" s="424"/>
      <c r="BDT723" s="424"/>
      <c r="BDU723" s="423" t="s">
        <v>2795</v>
      </c>
      <c r="BDV723" s="424"/>
      <c r="BDW723" s="424"/>
      <c r="BDX723" s="424"/>
      <c r="BDY723" s="423" t="s">
        <v>2795</v>
      </c>
      <c r="BDZ723" s="424"/>
      <c r="BEA723" s="424"/>
      <c r="BEB723" s="424"/>
      <c r="BEC723" s="423" t="s">
        <v>2795</v>
      </c>
      <c r="BED723" s="424"/>
      <c r="BEE723" s="424"/>
      <c r="BEF723" s="424"/>
      <c r="BEG723" s="423" t="s">
        <v>2795</v>
      </c>
      <c r="BEH723" s="424"/>
      <c r="BEI723" s="424"/>
      <c r="BEJ723" s="424"/>
      <c r="BEK723" s="423" t="s">
        <v>2795</v>
      </c>
      <c r="BEL723" s="424"/>
      <c r="BEM723" s="424"/>
      <c r="BEN723" s="424"/>
      <c r="BEO723" s="423" t="s">
        <v>2795</v>
      </c>
      <c r="BEP723" s="424"/>
      <c r="BEQ723" s="424"/>
      <c r="BER723" s="424"/>
      <c r="BES723" s="423" t="s">
        <v>2795</v>
      </c>
      <c r="BET723" s="424"/>
      <c r="BEU723" s="424"/>
      <c r="BEV723" s="424"/>
      <c r="BEW723" s="423" t="s">
        <v>2795</v>
      </c>
      <c r="BEX723" s="424"/>
      <c r="BEY723" s="424"/>
      <c r="BEZ723" s="424"/>
      <c r="BFA723" s="423" t="s">
        <v>2795</v>
      </c>
      <c r="BFB723" s="424"/>
      <c r="BFC723" s="424"/>
      <c r="BFD723" s="424"/>
      <c r="BFE723" s="423" t="s">
        <v>2795</v>
      </c>
      <c r="BFF723" s="424"/>
      <c r="BFG723" s="424"/>
      <c r="BFH723" s="424"/>
      <c r="BFI723" s="423" t="s">
        <v>2795</v>
      </c>
      <c r="BFJ723" s="424"/>
      <c r="BFK723" s="424"/>
      <c r="BFL723" s="424"/>
      <c r="BFM723" s="423" t="s">
        <v>2795</v>
      </c>
      <c r="BFN723" s="424"/>
      <c r="BFO723" s="424"/>
      <c r="BFP723" s="424"/>
      <c r="BFQ723" s="423" t="s">
        <v>2795</v>
      </c>
      <c r="BFR723" s="424"/>
      <c r="BFS723" s="424"/>
      <c r="BFT723" s="424"/>
      <c r="BFU723" s="423" t="s">
        <v>2795</v>
      </c>
      <c r="BFV723" s="424"/>
      <c r="BFW723" s="424"/>
      <c r="BFX723" s="424"/>
      <c r="BFY723" s="423" t="s">
        <v>2795</v>
      </c>
      <c r="BFZ723" s="424"/>
      <c r="BGA723" s="424"/>
      <c r="BGB723" s="424"/>
      <c r="BGC723" s="423" t="s">
        <v>2795</v>
      </c>
      <c r="BGD723" s="424"/>
      <c r="BGE723" s="424"/>
      <c r="BGF723" s="424"/>
      <c r="BGG723" s="423" t="s">
        <v>2795</v>
      </c>
      <c r="BGH723" s="424"/>
      <c r="BGI723" s="424"/>
      <c r="BGJ723" s="424"/>
      <c r="BGK723" s="423" t="s">
        <v>2795</v>
      </c>
      <c r="BGL723" s="424"/>
      <c r="BGM723" s="424"/>
      <c r="BGN723" s="424"/>
      <c r="BGO723" s="423" t="s">
        <v>2795</v>
      </c>
      <c r="BGP723" s="424"/>
      <c r="BGQ723" s="424"/>
      <c r="BGR723" s="424"/>
      <c r="BGS723" s="423" t="s">
        <v>2795</v>
      </c>
      <c r="BGT723" s="424"/>
      <c r="BGU723" s="424"/>
      <c r="BGV723" s="424"/>
      <c r="BGW723" s="423" t="s">
        <v>2795</v>
      </c>
      <c r="BGX723" s="424"/>
      <c r="BGY723" s="424"/>
      <c r="BGZ723" s="424"/>
      <c r="BHA723" s="423" t="s">
        <v>2795</v>
      </c>
      <c r="BHB723" s="424"/>
      <c r="BHC723" s="424"/>
      <c r="BHD723" s="424"/>
      <c r="BHE723" s="423" t="s">
        <v>2795</v>
      </c>
      <c r="BHF723" s="424"/>
      <c r="BHG723" s="424"/>
      <c r="BHH723" s="424"/>
      <c r="BHI723" s="423" t="s">
        <v>2795</v>
      </c>
      <c r="BHJ723" s="424"/>
      <c r="BHK723" s="424"/>
      <c r="BHL723" s="424"/>
      <c r="BHM723" s="423" t="s">
        <v>2795</v>
      </c>
      <c r="BHN723" s="424"/>
      <c r="BHO723" s="424"/>
      <c r="BHP723" s="424"/>
      <c r="BHQ723" s="423" t="s">
        <v>2795</v>
      </c>
      <c r="BHR723" s="424"/>
      <c r="BHS723" s="424"/>
      <c r="BHT723" s="424"/>
      <c r="BHU723" s="423" t="s">
        <v>2795</v>
      </c>
      <c r="BHV723" s="424"/>
      <c r="BHW723" s="424"/>
      <c r="BHX723" s="424"/>
      <c r="BHY723" s="423" t="s">
        <v>2795</v>
      </c>
      <c r="BHZ723" s="424"/>
      <c r="BIA723" s="424"/>
      <c r="BIB723" s="424"/>
      <c r="BIC723" s="423" t="s">
        <v>2795</v>
      </c>
      <c r="BID723" s="424"/>
      <c r="BIE723" s="424"/>
      <c r="BIF723" s="424"/>
      <c r="BIG723" s="423" t="s">
        <v>2795</v>
      </c>
      <c r="BIH723" s="424"/>
      <c r="BII723" s="424"/>
      <c r="BIJ723" s="424"/>
      <c r="BIK723" s="423" t="s">
        <v>2795</v>
      </c>
      <c r="BIL723" s="424"/>
      <c r="BIM723" s="424"/>
      <c r="BIN723" s="424"/>
      <c r="BIO723" s="423" t="s">
        <v>2795</v>
      </c>
      <c r="BIP723" s="424"/>
      <c r="BIQ723" s="424"/>
      <c r="BIR723" s="424"/>
      <c r="BIS723" s="423" t="s">
        <v>2795</v>
      </c>
      <c r="BIT723" s="424"/>
      <c r="BIU723" s="424"/>
      <c r="BIV723" s="424"/>
      <c r="BIW723" s="423" t="s">
        <v>2795</v>
      </c>
      <c r="BIX723" s="424"/>
      <c r="BIY723" s="424"/>
      <c r="BIZ723" s="424"/>
      <c r="BJA723" s="423" t="s">
        <v>2795</v>
      </c>
      <c r="BJB723" s="424"/>
      <c r="BJC723" s="424"/>
      <c r="BJD723" s="424"/>
      <c r="BJE723" s="423" t="s">
        <v>2795</v>
      </c>
      <c r="BJF723" s="424"/>
      <c r="BJG723" s="424"/>
      <c r="BJH723" s="424"/>
      <c r="BJI723" s="423" t="s">
        <v>2795</v>
      </c>
      <c r="BJJ723" s="424"/>
      <c r="BJK723" s="424"/>
      <c r="BJL723" s="424"/>
      <c r="BJM723" s="423" t="s">
        <v>2795</v>
      </c>
      <c r="BJN723" s="424"/>
      <c r="BJO723" s="424"/>
      <c r="BJP723" s="424"/>
      <c r="BJQ723" s="423" t="s">
        <v>2795</v>
      </c>
      <c r="BJR723" s="424"/>
      <c r="BJS723" s="424"/>
      <c r="BJT723" s="424"/>
      <c r="BJU723" s="423" t="s">
        <v>2795</v>
      </c>
      <c r="BJV723" s="424"/>
      <c r="BJW723" s="424"/>
      <c r="BJX723" s="424"/>
      <c r="BJY723" s="423" t="s">
        <v>2795</v>
      </c>
      <c r="BJZ723" s="424"/>
      <c r="BKA723" s="424"/>
      <c r="BKB723" s="424"/>
      <c r="BKC723" s="423" t="s">
        <v>2795</v>
      </c>
      <c r="BKD723" s="424"/>
      <c r="BKE723" s="424"/>
      <c r="BKF723" s="424"/>
      <c r="BKG723" s="423" t="s">
        <v>2795</v>
      </c>
      <c r="BKH723" s="424"/>
      <c r="BKI723" s="424"/>
      <c r="BKJ723" s="424"/>
      <c r="BKK723" s="423" t="s">
        <v>2795</v>
      </c>
      <c r="BKL723" s="424"/>
      <c r="BKM723" s="424"/>
      <c r="BKN723" s="424"/>
      <c r="BKO723" s="423" t="s">
        <v>2795</v>
      </c>
      <c r="BKP723" s="424"/>
      <c r="BKQ723" s="424"/>
      <c r="BKR723" s="424"/>
      <c r="BKS723" s="423" t="s">
        <v>2795</v>
      </c>
      <c r="BKT723" s="424"/>
      <c r="BKU723" s="424"/>
      <c r="BKV723" s="424"/>
      <c r="BKW723" s="423" t="s">
        <v>2795</v>
      </c>
      <c r="BKX723" s="424"/>
      <c r="BKY723" s="424"/>
      <c r="BKZ723" s="424"/>
      <c r="BLA723" s="423" t="s">
        <v>2795</v>
      </c>
      <c r="BLB723" s="424"/>
      <c r="BLC723" s="424"/>
      <c r="BLD723" s="424"/>
      <c r="BLE723" s="423" t="s">
        <v>2795</v>
      </c>
      <c r="BLF723" s="424"/>
      <c r="BLG723" s="424"/>
      <c r="BLH723" s="424"/>
      <c r="BLI723" s="423" t="s">
        <v>2795</v>
      </c>
      <c r="BLJ723" s="424"/>
      <c r="BLK723" s="424"/>
      <c r="BLL723" s="424"/>
      <c r="BLM723" s="423" t="s">
        <v>2795</v>
      </c>
      <c r="BLN723" s="424"/>
      <c r="BLO723" s="424"/>
      <c r="BLP723" s="424"/>
      <c r="BLQ723" s="423" t="s">
        <v>2795</v>
      </c>
      <c r="BLR723" s="424"/>
      <c r="BLS723" s="424"/>
      <c r="BLT723" s="424"/>
      <c r="BLU723" s="423" t="s">
        <v>2795</v>
      </c>
      <c r="BLV723" s="424"/>
      <c r="BLW723" s="424"/>
      <c r="BLX723" s="424"/>
      <c r="BLY723" s="423" t="s">
        <v>2795</v>
      </c>
      <c r="BLZ723" s="424"/>
      <c r="BMA723" s="424"/>
      <c r="BMB723" s="424"/>
      <c r="BMC723" s="423" t="s">
        <v>2795</v>
      </c>
      <c r="BMD723" s="424"/>
      <c r="BME723" s="424"/>
      <c r="BMF723" s="424"/>
      <c r="BMG723" s="423" t="s">
        <v>2795</v>
      </c>
      <c r="BMH723" s="424"/>
      <c r="BMI723" s="424"/>
      <c r="BMJ723" s="424"/>
      <c r="BMK723" s="423" t="s">
        <v>2795</v>
      </c>
      <c r="BML723" s="424"/>
      <c r="BMM723" s="424"/>
      <c r="BMN723" s="424"/>
      <c r="BMO723" s="423" t="s">
        <v>2795</v>
      </c>
      <c r="BMP723" s="424"/>
      <c r="BMQ723" s="424"/>
      <c r="BMR723" s="424"/>
      <c r="BMS723" s="423" t="s">
        <v>2795</v>
      </c>
      <c r="BMT723" s="424"/>
      <c r="BMU723" s="424"/>
      <c r="BMV723" s="424"/>
      <c r="BMW723" s="423" t="s">
        <v>2795</v>
      </c>
      <c r="BMX723" s="424"/>
      <c r="BMY723" s="424"/>
      <c r="BMZ723" s="424"/>
      <c r="BNA723" s="423" t="s">
        <v>2795</v>
      </c>
      <c r="BNB723" s="424"/>
      <c r="BNC723" s="424"/>
      <c r="BND723" s="424"/>
      <c r="BNE723" s="423" t="s">
        <v>2795</v>
      </c>
      <c r="BNF723" s="424"/>
      <c r="BNG723" s="424"/>
      <c r="BNH723" s="424"/>
      <c r="BNI723" s="423" t="s">
        <v>2795</v>
      </c>
      <c r="BNJ723" s="424"/>
      <c r="BNK723" s="424"/>
      <c r="BNL723" s="424"/>
      <c r="BNM723" s="423" t="s">
        <v>2795</v>
      </c>
      <c r="BNN723" s="424"/>
      <c r="BNO723" s="424"/>
      <c r="BNP723" s="424"/>
      <c r="BNQ723" s="423" t="s">
        <v>2795</v>
      </c>
      <c r="BNR723" s="424"/>
      <c r="BNS723" s="424"/>
      <c r="BNT723" s="424"/>
      <c r="BNU723" s="423" t="s">
        <v>2795</v>
      </c>
      <c r="BNV723" s="424"/>
      <c r="BNW723" s="424"/>
      <c r="BNX723" s="424"/>
      <c r="BNY723" s="423" t="s">
        <v>2795</v>
      </c>
      <c r="BNZ723" s="424"/>
      <c r="BOA723" s="424"/>
      <c r="BOB723" s="424"/>
      <c r="BOC723" s="423" t="s">
        <v>2795</v>
      </c>
      <c r="BOD723" s="424"/>
      <c r="BOE723" s="424"/>
      <c r="BOF723" s="424"/>
      <c r="BOG723" s="423" t="s">
        <v>2795</v>
      </c>
      <c r="BOH723" s="424"/>
      <c r="BOI723" s="424"/>
      <c r="BOJ723" s="424"/>
      <c r="BOK723" s="423" t="s">
        <v>2795</v>
      </c>
      <c r="BOL723" s="424"/>
      <c r="BOM723" s="424"/>
      <c r="BON723" s="424"/>
      <c r="BOO723" s="423" t="s">
        <v>2795</v>
      </c>
      <c r="BOP723" s="424"/>
      <c r="BOQ723" s="424"/>
      <c r="BOR723" s="424"/>
      <c r="BOS723" s="423" t="s">
        <v>2795</v>
      </c>
      <c r="BOT723" s="424"/>
      <c r="BOU723" s="424"/>
      <c r="BOV723" s="424"/>
      <c r="BOW723" s="423" t="s">
        <v>2795</v>
      </c>
      <c r="BOX723" s="424"/>
      <c r="BOY723" s="424"/>
      <c r="BOZ723" s="424"/>
      <c r="BPA723" s="423" t="s">
        <v>2795</v>
      </c>
      <c r="BPB723" s="424"/>
      <c r="BPC723" s="424"/>
      <c r="BPD723" s="424"/>
      <c r="BPE723" s="423" t="s">
        <v>2795</v>
      </c>
      <c r="BPF723" s="424"/>
      <c r="BPG723" s="424"/>
      <c r="BPH723" s="424"/>
      <c r="BPI723" s="423" t="s">
        <v>2795</v>
      </c>
      <c r="BPJ723" s="424"/>
      <c r="BPK723" s="424"/>
      <c r="BPL723" s="424"/>
      <c r="BPM723" s="423" t="s">
        <v>2795</v>
      </c>
      <c r="BPN723" s="424"/>
      <c r="BPO723" s="424"/>
      <c r="BPP723" s="424"/>
      <c r="BPQ723" s="423" t="s">
        <v>2795</v>
      </c>
      <c r="BPR723" s="424"/>
      <c r="BPS723" s="424"/>
      <c r="BPT723" s="424"/>
      <c r="BPU723" s="423" t="s">
        <v>2795</v>
      </c>
      <c r="BPV723" s="424"/>
      <c r="BPW723" s="424"/>
      <c r="BPX723" s="424"/>
      <c r="BPY723" s="423" t="s">
        <v>2795</v>
      </c>
      <c r="BPZ723" s="424"/>
      <c r="BQA723" s="424"/>
      <c r="BQB723" s="424"/>
      <c r="BQC723" s="423" t="s">
        <v>2795</v>
      </c>
      <c r="BQD723" s="424"/>
      <c r="BQE723" s="424"/>
      <c r="BQF723" s="424"/>
      <c r="BQG723" s="423" t="s">
        <v>2795</v>
      </c>
      <c r="BQH723" s="424"/>
      <c r="BQI723" s="424"/>
      <c r="BQJ723" s="424"/>
      <c r="BQK723" s="423" t="s">
        <v>2795</v>
      </c>
      <c r="BQL723" s="424"/>
      <c r="BQM723" s="424"/>
      <c r="BQN723" s="424"/>
      <c r="BQO723" s="423" t="s">
        <v>2795</v>
      </c>
      <c r="BQP723" s="424"/>
      <c r="BQQ723" s="424"/>
      <c r="BQR723" s="424"/>
      <c r="BQS723" s="423" t="s">
        <v>2795</v>
      </c>
      <c r="BQT723" s="424"/>
      <c r="BQU723" s="424"/>
      <c r="BQV723" s="424"/>
      <c r="BQW723" s="423" t="s">
        <v>2795</v>
      </c>
      <c r="BQX723" s="424"/>
      <c r="BQY723" s="424"/>
      <c r="BQZ723" s="424"/>
      <c r="BRA723" s="423" t="s">
        <v>2795</v>
      </c>
      <c r="BRB723" s="424"/>
      <c r="BRC723" s="424"/>
      <c r="BRD723" s="424"/>
      <c r="BRE723" s="423" t="s">
        <v>2795</v>
      </c>
      <c r="BRF723" s="424"/>
      <c r="BRG723" s="424"/>
      <c r="BRH723" s="424"/>
      <c r="BRI723" s="423" t="s">
        <v>2795</v>
      </c>
      <c r="BRJ723" s="424"/>
      <c r="BRK723" s="424"/>
      <c r="BRL723" s="424"/>
      <c r="BRM723" s="423" t="s">
        <v>2795</v>
      </c>
      <c r="BRN723" s="424"/>
      <c r="BRO723" s="424"/>
      <c r="BRP723" s="424"/>
      <c r="BRQ723" s="423" t="s">
        <v>2795</v>
      </c>
      <c r="BRR723" s="424"/>
      <c r="BRS723" s="424"/>
      <c r="BRT723" s="424"/>
      <c r="BRU723" s="423" t="s">
        <v>2795</v>
      </c>
      <c r="BRV723" s="424"/>
      <c r="BRW723" s="424"/>
      <c r="BRX723" s="424"/>
      <c r="BRY723" s="423" t="s">
        <v>2795</v>
      </c>
      <c r="BRZ723" s="424"/>
      <c r="BSA723" s="424"/>
      <c r="BSB723" s="424"/>
      <c r="BSC723" s="423" t="s">
        <v>2795</v>
      </c>
      <c r="BSD723" s="424"/>
      <c r="BSE723" s="424"/>
      <c r="BSF723" s="424"/>
      <c r="BSG723" s="423" t="s">
        <v>2795</v>
      </c>
      <c r="BSH723" s="424"/>
      <c r="BSI723" s="424"/>
      <c r="BSJ723" s="424"/>
      <c r="BSK723" s="423" t="s">
        <v>2795</v>
      </c>
      <c r="BSL723" s="424"/>
      <c r="BSM723" s="424"/>
      <c r="BSN723" s="424"/>
      <c r="BSO723" s="423" t="s">
        <v>2795</v>
      </c>
      <c r="BSP723" s="424"/>
      <c r="BSQ723" s="424"/>
      <c r="BSR723" s="424"/>
      <c r="BSS723" s="423" t="s">
        <v>2795</v>
      </c>
      <c r="BST723" s="424"/>
      <c r="BSU723" s="424"/>
      <c r="BSV723" s="424"/>
      <c r="BSW723" s="423" t="s">
        <v>2795</v>
      </c>
      <c r="BSX723" s="424"/>
      <c r="BSY723" s="424"/>
      <c r="BSZ723" s="424"/>
      <c r="BTA723" s="423" t="s">
        <v>2795</v>
      </c>
      <c r="BTB723" s="424"/>
      <c r="BTC723" s="424"/>
      <c r="BTD723" s="424"/>
      <c r="BTE723" s="423" t="s">
        <v>2795</v>
      </c>
      <c r="BTF723" s="424"/>
      <c r="BTG723" s="424"/>
      <c r="BTH723" s="424"/>
      <c r="BTI723" s="423" t="s">
        <v>2795</v>
      </c>
      <c r="BTJ723" s="424"/>
      <c r="BTK723" s="424"/>
      <c r="BTL723" s="424"/>
      <c r="BTM723" s="423" t="s">
        <v>2795</v>
      </c>
      <c r="BTN723" s="424"/>
      <c r="BTO723" s="424"/>
      <c r="BTP723" s="424"/>
      <c r="BTQ723" s="423" t="s">
        <v>2795</v>
      </c>
      <c r="BTR723" s="424"/>
      <c r="BTS723" s="424"/>
      <c r="BTT723" s="424"/>
      <c r="BTU723" s="423" t="s">
        <v>2795</v>
      </c>
      <c r="BTV723" s="424"/>
      <c r="BTW723" s="424"/>
      <c r="BTX723" s="424"/>
      <c r="BTY723" s="423" t="s">
        <v>2795</v>
      </c>
      <c r="BTZ723" s="424"/>
      <c r="BUA723" s="424"/>
      <c r="BUB723" s="424"/>
      <c r="BUC723" s="423" t="s">
        <v>2795</v>
      </c>
      <c r="BUD723" s="424"/>
      <c r="BUE723" s="424"/>
      <c r="BUF723" s="424"/>
      <c r="BUG723" s="423" t="s">
        <v>2795</v>
      </c>
      <c r="BUH723" s="424"/>
      <c r="BUI723" s="424"/>
      <c r="BUJ723" s="424"/>
      <c r="BUK723" s="423" t="s">
        <v>2795</v>
      </c>
      <c r="BUL723" s="424"/>
      <c r="BUM723" s="424"/>
      <c r="BUN723" s="424"/>
      <c r="BUO723" s="423" t="s">
        <v>2795</v>
      </c>
      <c r="BUP723" s="424"/>
      <c r="BUQ723" s="424"/>
      <c r="BUR723" s="424"/>
      <c r="BUS723" s="423" t="s">
        <v>2795</v>
      </c>
      <c r="BUT723" s="424"/>
      <c r="BUU723" s="424"/>
      <c r="BUV723" s="424"/>
      <c r="BUW723" s="423" t="s">
        <v>2795</v>
      </c>
      <c r="BUX723" s="424"/>
      <c r="BUY723" s="424"/>
      <c r="BUZ723" s="424"/>
      <c r="BVA723" s="423" t="s">
        <v>2795</v>
      </c>
      <c r="BVB723" s="424"/>
      <c r="BVC723" s="424"/>
      <c r="BVD723" s="424"/>
      <c r="BVE723" s="423" t="s">
        <v>2795</v>
      </c>
      <c r="BVF723" s="424"/>
      <c r="BVG723" s="424"/>
      <c r="BVH723" s="424"/>
      <c r="BVI723" s="423" t="s">
        <v>2795</v>
      </c>
      <c r="BVJ723" s="424"/>
      <c r="BVK723" s="424"/>
      <c r="BVL723" s="424"/>
      <c r="BVM723" s="423" t="s">
        <v>2795</v>
      </c>
      <c r="BVN723" s="424"/>
      <c r="BVO723" s="424"/>
      <c r="BVP723" s="424"/>
      <c r="BVQ723" s="423" t="s">
        <v>2795</v>
      </c>
      <c r="BVR723" s="424"/>
      <c r="BVS723" s="424"/>
      <c r="BVT723" s="424"/>
      <c r="BVU723" s="423" t="s">
        <v>2795</v>
      </c>
      <c r="BVV723" s="424"/>
      <c r="BVW723" s="424"/>
      <c r="BVX723" s="424"/>
      <c r="BVY723" s="423" t="s">
        <v>2795</v>
      </c>
      <c r="BVZ723" s="424"/>
      <c r="BWA723" s="424"/>
      <c r="BWB723" s="424"/>
      <c r="BWC723" s="423" t="s">
        <v>2795</v>
      </c>
      <c r="BWD723" s="424"/>
      <c r="BWE723" s="424"/>
      <c r="BWF723" s="424"/>
      <c r="BWG723" s="423" t="s">
        <v>2795</v>
      </c>
      <c r="BWH723" s="424"/>
      <c r="BWI723" s="424"/>
      <c r="BWJ723" s="424"/>
      <c r="BWK723" s="423" t="s">
        <v>2795</v>
      </c>
      <c r="BWL723" s="424"/>
      <c r="BWM723" s="424"/>
      <c r="BWN723" s="424"/>
      <c r="BWO723" s="423" t="s">
        <v>2795</v>
      </c>
      <c r="BWP723" s="424"/>
      <c r="BWQ723" s="424"/>
      <c r="BWR723" s="424"/>
      <c r="BWS723" s="423" t="s">
        <v>2795</v>
      </c>
      <c r="BWT723" s="424"/>
      <c r="BWU723" s="424"/>
      <c r="BWV723" s="424"/>
      <c r="BWW723" s="423" t="s">
        <v>2795</v>
      </c>
      <c r="BWX723" s="424"/>
      <c r="BWY723" s="424"/>
      <c r="BWZ723" s="424"/>
      <c r="BXA723" s="423" t="s">
        <v>2795</v>
      </c>
      <c r="BXB723" s="424"/>
      <c r="BXC723" s="424"/>
      <c r="BXD723" s="424"/>
      <c r="BXE723" s="423" t="s">
        <v>2795</v>
      </c>
      <c r="BXF723" s="424"/>
      <c r="BXG723" s="424"/>
      <c r="BXH723" s="424"/>
      <c r="BXI723" s="423" t="s">
        <v>2795</v>
      </c>
      <c r="BXJ723" s="424"/>
      <c r="BXK723" s="424"/>
      <c r="BXL723" s="424"/>
      <c r="BXM723" s="423" t="s">
        <v>2795</v>
      </c>
      <c r="BXN723" s="424"/>
      <c r="BXO723" s="424"/>
      <c r="BXP723" s="424"/>
      <c r="BXQ723" s="423" t="s">
        <v>2795</v>
      </c>
      <c r="BXR723" s="424"/>
      <c r="BXS723" s="424"/>
      <c r="BXT723" s="424"/>
      <c r="BXU723" s="423" t="s">
        <v>2795</v>
      </c>
      <c r="BXV723" s="424"/>
      <c r="BXW723" s="424"/>
      <c r="BXX723" s="424"/>
      <c r="BXY723" s="423" t="s">
        <v>2795</v>
      </c>
      <c r="BXZ723" s="424"/>
      <c r="BYA723" s="424"/>
      <c r="BYB723" s="424"/>
      <c r="BYC723" s="423" t="s">
        <v>2795</v>
      </c>
      <c r="BYD723" s="424"/>
      <c r="BYE723" s="424"/>
      <c r="BYF723" s="424"/>
      <c r="BYG723" s="423" t="s">
        <v>2795</v>
      </c>
      <c r="BYH723" s="424"/>
      <c r="BYI723" s="424"/>
      <c r="BYJ723" s="424"/>
      <c r="BYK723" s="423" t="s">
        <v>2795</v>
      </c>
      <c r="BYL723" s="424"/>
      <c r="BYM723" s="424"/>
      <c r="BYN723" s="424"/>
      <c r="BYO723" s="423" t="s">
        <v>2795</v>
      </c>
      <c r="BYP723" s="424"/>
      <c r="BYQ723" s="424"/>
      <c r="BYR723" s="424"/>
      <c r="BYS723" s="423" t="s">
        <v>2795</v>
      </c>
      <c r="BYT723" s="424"/>
      <c r="BYU723" s="424"/>
      <c r="BYV723" s="424"/>
      <c r="BYW723" s="423" t="s">
        <v>2795</v>
      </c>
      <c r="BYX723" s="424"/>
      <c r="BYY723" s="424"/>
      <c r="BYZ723" s="424"/>
      <c r="BZA723" s="423" t="s">
        <v>2795</v>
      </c>
      <c r="BZB723" s="424"/>
      <c r="BZC723" s="424"/>
      <c r="BZD723" s="424"/>
      <c r="BZE723" s="423" t="s">
        <v>2795</v>
      </c>
      <c r="BZF723" s="424"/>
      <c r="BZG723" s="424"/>
      <c r="BZH723" s="424"/>
      <c r="BZI723" s="423" t="s">
        <v>2795</v>
      </c>
      <c r="BZJ723" s="424"/>
      <c r="BZK723" s="424"/>
      <c r="BZL723" s="424"/>
      <c r="BZM723" s="423" t="s">
        <v>2795</v>
      </c>
      <c r="BZN723" s="424"/>
      <c r="BZO723" s="424"/>
      <c r="BZP723" s="424"/>
      <c r="BZQ723" s="423" t="s">
        <v>2795</v>
      </c>
      <c r="BZR723" s="424"/>
      <c r="BZS723" s="424"/>
      <c r="BZT723" s="424"/>
      <c r="BZU723" s="423" t="s">
        <v>2795</v>
      </c>
      <c r="BZV723" s="424"/>
      <c r="BZW723" s="424"/>
      <c r="BZX723" s="424"/>
      <c r="BZY723" s="423" t="s">
        <v>2795</v>
      </c>
      <c r="BZZ723" s="424"/>
      <c r="CAA723" s="424"/>
      <c r="CAB723" s="424"/>
      <c r="CAC723" s="423" t="s">
        <v>2795</v>
      </c>
      <c r="CAD723" s="424"/>
      <c r="CAE723" s="424"/>
      <c r="CAF723" s="424"/>
      <c r="CAG723" s="423" t="s">
        <v>2795</v>
      </c>
      <c r="CAH723" s="424"/>
      <c r="CAI723" s="424"/>
      <c r="CAJ723" s="424"/>
      <c r="CAK723" s="423" t="s">
        <v>2795</v>
      </c>
      <c r="CAL723" s="424"/>
      <c r="CAM723" s="424"/>
      <c r="CAN723" s="424"/>
      <c r="CAO723" s="423" t="s">
        <v>2795</v>
      </c>
      <c r="CAP723" s="424"/>
      <c r="CAQ723" s="424"/>
      <c r="CAR723" s="424"/>
      <c r="CAS723" s="423" t="s">
        <v>2795</v>
      </c>
      <c r="CAT723" s="424"/>
      <c r="CAU723" s="424"/>
      <c r="CAV723" s="424"/>
      <c r="CAW723" s="423" t="s">
        <v>2795</v>
      </c>
      <c r="CAX723" s="424"/>
      <c r="CAY723" s="424"/>
      <c r="CAZ723" s="424"/>
      <c r="CBA723" s="423" t="s">
        <v>2795</v>
      </c>
      <c r="CBB723" s="424"/>
      <c r="CBC723" s="424"/>
      <c r="CBD723" s="424"/>
      <c r="CBE723" s="423" t="s">
        <v>2795</v>
      </c>
      <c r="CBF723" s="424"/>
      <c r="CBG723" s="424"/>
      <c r="CBH723" s="424"/>
      <c r="CBI723" s="423" t="s">
        <v>2795</v>
      </c>
      <c r="CBJ723" s="424"/>
      <c r="CBK723" s="424"/>
      <c r="CBL723" s="424"/>
      <c r="CBM723" s="423" t="s">
        <v>2795</v>
      </c>
      <c r="CBN723" s="424"/>
      <c r="CBO723" s="424"/>
      <c r="CBP723" s="424"/>
      <c r="CBQ723" s="423" t="s">
        <v>2795</v>
      </c>
      <c r="CBR723" s="424"/>
      <c r="CBS723" s="424"/>
      <c r="CBT723" s="424"/>
      <c r="CBU723" s="423" t="s">
        <v>2795</v>
      </c>
      <c r="CBV723" s="424"/>
      <c r="CBW723" s="424"/>
      <c r="CBX723" s="424"/>
      <c r="CBY723" s="423" t="s">
        <v>2795</v>
      </c>
      <c r="CBZ723" s="424"/>
      <c r="CCA723" s="424"/>
      <c r="CCB723" s="424"/>
      <c r="CCC723" s="423" t="s">
        <v>2795</v>
      </c>
      <c r="CCD723" s="424"/>
      <c r="CCE723" s="424"/>
      <c r="CCF723" s="424"/>
      <c r="CCG723" s="423" t="s">
        <v>2795</v>
      </c>
      <c r="CCH723" s="424"/>
      <c r="CCI723" s="424"/>
      <c r="CCJ723" s="424"/>
      <c r="CCK723" s="423" t="s">
        <v>2795</v>
      </c>
      <c r="CCL723" s="424"/>
      <c r="CCM723" s="424"/>
      <c r="CCN723" s="424"/>
      <c r="CCO723" s="423" t="s">
        <v>2795</v>
      </c>
      <c r="CCP723" s="424"/>
      <c r="CCQ723" s="424"/>
      <c r="CCR723" s="424"/>
      <c r="CCS723" s="423" t="s">
        <v>2795</v>
      </c>
      <c r="CCT723" s="424"/>
      <c r="CCU723" s="424"/>
      <c r="CCV723" s="424"/>
      <c r="CCW723" s="423" t="s">
        <v>2795</v>
      </c>
      <c r="CCX723" s="424"/>
      <c r="CCY723" s="424"/>
      <c r="CCZ723" s="424"/>
      <c r="CDA723" s="423" t="s">
        <v>2795</v>
      </c>
      <c r="CDB723" s="424"/>
      <c r="CDC723" s="424"/>
      <c r="CDD723" s="424"/>
      <c r="CDE723" s="423" t="s">
        <v>2795</v>
      </c>
      <c r="CDF723" s="424"/>
      <c r="CDG723" s="424"/>
      <c r="CDH723" s="424"/>
      <c r="CDI723" s="423" t="s">
        <v>2795</v>
      </c>
      <c r="CDJ723" s="424"/>
      <c r="CDK723" s="424"/>
      <c r="CDL723" s="424"/>
      <c r="CDM723" s="423" t="s">
        <v>2795</v>
      </c>
      <c r="CDN723" s="424"/>
      <c r="CDO723" s="424"/>
      <c r="CDP723" s="424"/>
      <c r="CDQ723" s="423" t="s">
        <v>2795</v>
      </c>
      <c r="CDR723" s="424"/>
      <c r="CDS723" s="424"/>
      <c r="CDT723" s="424"/>
      <c r="CDU723" s="423" t="s">
        <v>2795</v>
      </c>
      <c r="CDV723" s="424"/>
      <c r="CDW723" s="424"/>
      <c r="CDX723" s="424"/>
      <c r="CDY723" s="423" t="s">
        <v>2795</v>
      </c>
      <c r="CDZ723" s="424"/>
      <c r="CEA723" s="424"/>
      <c r="CEB723" s="424"/>
      <c r="CEC723" s="423" t="s">
        <v>2795</v>
      </c>
      <c r="CED723" s="424"/>
      <c r="CEE723" s="424"/>
      <c r="CEF723" s="424"/>
      <c r="CEG723" s="423" t="s">
        <v>2795</v>
      </c>
      <c r="CEH723" s="424"/>
      <c r="CEI723" s="424"/>
      <c r="CEJ723" s="424"/>
      <c r="CEK723" s="423" t="s">
        <v>2795</v>
      </c>
      <c r="CEL723" s="424"/>
      <c r="CEM723" s="424"/>
      <c r="CEN723" s="424"/>
      <c r="CEO723" s="423" t="s">
        <v>2795</v>
      </c>
      <c r="CEP723" s="424"/>
      <c r="CEQ723" s="424"/>
      <c r="CER723" s="424"/>
      <c r="CES723" s="423" t="s">
        <v>2795</v>
      </c>
      <c r="CET723" s="424"/>
      <c r="CEU723" s="424"/>
      <c r="CEV723" s="424"/>
      <c r="CEW723" s="423" t="s">
        <v>2795</v>
      </c>
      <c r="CEX723" s="424"/>
      <c r="CEY723" s="424"/>
      <c r="CEZ723" s="424"/>
      <c r="CFA723" s="423" t="s">
        <v>2795</v>
      </c>
      <c r="CFB723" s="424"/>
      <c r="CFC723" s="424"/>
      <c r="CFD723" s="424"/>
      <c r="CFE723" s="423" t="s">
        <v>2795</v>
      </c>
      <c r="CFF723" s="424"/>
      <c r="CFG723" s="424"/>
      <c r="CFH723" s="424"/>
      <c r="CFI723" s="423" t="s">
        <v>2795</v>
      </c>
      <c r="CFJ723" s="424"/>
      <c r="CFK723" s="424"/>
      <c r="CFL723" s="424"/>
      <c r="CFM723" s="423" t="s">
        <v>2795</v>
      </c>
      <c r="CFN723" s="424"/>
      <c r="CFO723" s="424"/>
      <c r="CFP723" s="424"/>
      <c r="CFQ723" s="423" t="s">
        <v>2795</v>
      </c>
      <c r="CFR723" s="424"/>
      <c r="CFS723" s="424"/>
      <c r="CFT723" s="424"/>
      <c r="CFU723" s="423" t="s">
        <v>2795</v>
      </c>
      <c r="CFV723" s="424"/>
      <c r="CFW723" s="424"/>
      <c r="CFX723" s="424"/>
      <c r="CFY723" s="423" t="s">
        <v>2795</v>
      </c>
      <c r="CFZ723" s="424"/>
      <c r="CGA723" s="424"/>
      <c r="CGB723" s="424"/>
      <c r="CGC723" s="423" t="s">
        <v>2795</v>
      </c>
      <c r="CGD723" s="424"/>
      <c r="CGE723" s="424"/>
      <c r="CGF723" s="424"/>
      <c r="CGG723" s="423" t="s">
        <v>2795</v>
      </c>
      <c r="CGH723" s="424"/>
      <c r="CGI723" s="424"/>
      <c r="CGJ723" s="424"/>
      <c r="CGK723" s="423" t="s">
        <v>2795</v>
      </c>
      <c r="CGL723" s="424"/>
      <c r="CGM723" s="424"/>
      <c r="CGN723" s="424"/>
      <c r="CGO723" s="423" t="s">
        <v>2795</v>
      </c>
      <c r="CGP723" s="424"/>
      <c r="CGQ723" s="424"/>
      <c r="CGR723" s="424"/>
      <c r="CGS723" s="423" t="s">
        <v>2795</v>
      </c>
      <c r="CGT723" s="424"/>
      <c r="CGU723" s="424"/>
      <c r="CGV723" s="424"/>
      <c r="CGW723" s="423" t="s">
        <v>2795</v>
      </c>
      <c r="CGX723" s="424"/>
      <c r="CGY723" s="424"/>
      <c r="CGZ723" s="424"/>
      <c r="CHA723" s="423" t="s">
        <v>2795</v>
      </c>
      <c r="CHB723" s="424"/>
      <c r="CHC723" s="424"/>
      <c r="CHD723" s="424"/>
      <c r="CHE723" s="423" t="s">
        <v>2795</v>
      </c>
      <c r="CHF723" s="424"/>
      <c r="CHG723" s="424"/>
      <c r="CHH723" s="424"/>
      <c r="CHI723" s="423" t="s">
        <v>2795</v>
      </c>
      <c r="CHJ723" s="424"/>
      <c r="CHK723" s="424"/>
      <c r="CHL723" s="424"/>
      <c r="CHM723" s="423" t="s">
        <v>2795</v>
      </c>
      <c r="CHN723" s="424"/>
      <c r="CHO723" s="424"/>
      <c r="CHP723" s="424"/>
      <c r="CHQ723" s="423" t="s">
        <v>2795</v>
      </c>
      <c r="CHR723" s="424"/>
      <c r="CHS723" s="424"/>
      <c r="CHT723" s="424"/>
      <c r="CHU723" s="423" t="s">
        <v>2795</v>
      </c>
      <c r="CHV723" s="424"/>
      <c r="CHW723" s="424"/>
      <c r="CHX723" s="424"/>
      <c r="CHY723" s="423" t="s">
        <v>2795</v>
      </c>
      <c r="CHZ723" s="424"/>
      <c r="CIA723" s="424"/>
      <c r="CIB723" s="424"/>
      <c r="CIC723" s="423" t="s">
        <v>2795</v>
      </c>
      <c r="CID723" s="424"/>
      <c r="CIE723" s="424"/>
      <c r="CIF723" s="424"/>
      <c r="CIG723" s="423" t="s">
        <v>2795</v>
      </c>
      <c r="CIH723" s="424"/>
      <c r="CII723" s="424"/>
      <c r="CIJ723" s="424"/>
      <c r="CIK723" s="423" t="s">
        <v>2795</v>
      </c>
      <c r="CIL723" s="424"/>
      <c r="CIM723" s="424"/>
      <c r="CIN723" s="424"/>
      <c r="CIO723" s="423" t="s">
        <v>2795</v>
      </c>
      <c r="CIP723" s="424"/>
      <c r="CIQ723" s="424"/>
      <c r="CIR723" s="424"/>
      <c r="CIS723" s="423" t="s">
        <v>2795</v>
      </c>
      <c r="CIT723" s="424"/>
      <c r="CIU723" s="424"/>
      <c r="CIV723" s="424"/>
      <c r="CIW723" s="423" t="s">
        <v>2795</v>
      </c>
      <c r="CIX723" s="424"/>
      <c r="CIY723" s="424"/>
      <c r="CIZ723" s="424"/>
      <c r="CJA723" s="423" t="s">
        <v>2795</v>
      </c>
      <c r="CJB723" s="424"/>
      <c r="CJC723" s="424"/>
      <c r="CJD723" s="424"/>
      <c r="CJE723" s="423" t="s">
        <v>2795</v>
      </c>
      <c r="CJF723" s="424"/>
      <c r="CJG723" s="424"/>
      <c r="CJH723" s="424"/>
      <c r="CJI723" s="423" t="s">
        <v>2795</v>
      </c>
      <c r="CJJ723" s="424"/>
      <c r="CJK723" s="424"/>
      <c r="CJL723" s="424"/>
      <c r="CJM723" s="423" t="s">
        <v>2795</v>
      </c>
      <c r="CJN723" s="424"/>
      <c r="CJO723" s="424"/>
      <c r="CJP723" s="424"/>
      <c r="CJQ723" s="423" t="s">
        <v>2795</v>
      </c>
      <c r="CJR723" s="424"/>
      <c r="CJS723" s="424"/>
      <c r="CJT723" s="424"/>
      <c r="CJU723" s="423" t="s">
        <v>2795</v>
      </c>
      <c r="CJV723" s="424"/>
      <c r="CJW723" s="424"/>
      <c r="CJX723" s="424"/>
      <c r="CJY723" s="423" t="s">
        <v>2795</v>
      </c>
      <c r="CJZ723" s="424"/>
      <c r="CKA723" s="424"/>
      <c r="CKB723" s="424"/>
      <c r="CKC723" s="423" t="s">
        <v>2795</v>
      </c>
      <c r="CKD723" s="424"/>
      <c r="CKE723" s="424"/>
      <c r="CKF723" s="424"/>
      <c r="CKG723" s="423" t="s">
        <v>2795</v>
      </c>
      <c r="CKH723" s="424"/>
      <c r="CKI723" s="424"/>
      <c r="CKJ723" s="424"/>
      <c r="CKK723" s="423" t="s">
        <v>2795</v>
      </c>
      <c r="CKL723" s="424"/>
      <c r="CKM723" s="424"/>
      <c r="CKN723" s="424"/>
      <c r="CKO723" s="423" t="s">
        <v>2795</v>
      </c>
      <c r="CKP723" s="424"/>
      <c r="CKQ723" s="424"/>
      <c r="CKR723" s="424"/>
      <c r="CKS723" s="423" t="s">
        <v>2795</v>
      </c>
      <c r="CKT723" s="424"/>
      <c r="CKU723" s="424"/>
      <c r="CKV723" s="424"/>
      <c r="CKW723" s="423" t="s">
        <v>2795</v>
      </c>
      <c r="CKX723" s="424"/>
      <c r="CKY723" s="424"/>
      <c r="CKZ723" s="424"/>
      <c r="CLA723" s="423" t="s">
        <v>2795</v>
      </c>
      <c r="CLB723" s="424"/>
      <c r="CLC723" s="424"/>
      <c r="CLD723" s="424"/>
      <c r="CLE723" s="423" t="s">
        <v>2795</v>
      </c>
      <c r="CLF723" s="424"/>
      <c r="CLG723" s="424"/>
      <c r="CLH723" s="424"/>
      <c r="CLI723" s="423" t="s">
        <v>2795</v>
      </c>
      <c r="CLJ723" s="424"/>
      <c r="CLK723" s="424"/>
      <c r="CLL723" s="424"/>
      <c r="CLM723" s="423" t="s">
        <v>2795</v>
      </c>
      <c r="CLN723" s="424"/>
      <c r="CLO723" s="424"/>
      <c r="CLP723" s="424"/>
      <c r="CLQ723" s="423" t="s">
        <v>2795</v>
      </c>
      <c r="CLR723" s="424"/>
      <c r="CLS723" s="424"/>
      <c r="CLT723" s="424"/>
      <c r="CLU723" s="423" t="s">
        <v>2795</v>
      </c>
      <c r="CLV723" s="424"/>
      <c r="CLW723" s="424"/>
      <c r="CLX723" s="424"/>
      <c r="CLY723" s="423" t="s">
        <v>2795</v>
      </c>
      <c r="CLZ723" s="424"/>
      <c r="CMA723" s="424"/>
      <c r="CMB723" s="424"/>
      <c r="CMC723" s="423" t="s">
        <v>2795</v>
      </c>
      <c r="CMD723" s="424"/>
      <c r="CME723" s="424"/>
      <c r="CMF723" s="424"/>
      <c r="CMG723" s="423" t="s">
        <v>2795</v>
      </c>
      <c r="CMH723" s="424"/>
      <c r="CMI723" s="424"/>
      <c r="CMJ723" s="424"/>
      <c r="CMK723" s="423" t="s">
        <v>2795</v>
      </c>
      <c r="CML723" s="424"/>
      <c r="CMM723" s="424"/>
      <c r="CMN723" s="424"/>
      <c r="CMO723" s="423" t="s">
        <v>2795</v>
      </c>
      <c r="CMP723" s="424"/>
      <c r="CMQ723" s="424"/>
      <c r="CMR723" s="424"/>
      <c r="CMS723" s="423" t="s">
        <v>2795</v>
      </c>
      <c r="CMT723" s="424"/>
      <c r="CMU723" s="424"/>
      <c r="CMV723" s="424"/>
      <c r="CMW723" s="423" t="s">
        <v>2795</v>
      </c>
      <c r="CMX723" s="424"/>
      <c r="CMY723" s="424"/>
      <c r="CMZ723" s="424"/>
      <c r="CNA723" s="423" t="s">
        <v>2795</v>
      </c>
      <c r="CNB723" s="424"/>
      <c r="CNC723" s="424"/>
      <c r="CND723" s="424"/>
      <c r="CNE723" s="423" t="s">
        <v>2795</v>
      </c>
      <c r="CNF723" s="424"/>
      <c r="CNG723" s="424"/>
      <c r="CNH723" s="424"/>
      <c r="CNI723" s="423" t="s">
        <v>2795</v>
      </c>
      <c r="CNJ723" s="424"/>
      <c r="CNK723" s="424"/>
      <c r="CNL723" s="424"/>
      <c r="CNM723" s="423" t="s">
        <v>2795</v>
      </c>
      <c r="CNN723" s="424"/>
      <c r="CNO723" s="424"/>
      <c r="CNP723" s="424"/>
      <c r="CNQ723" s="423" t="s">
        <v>2795</v>
      </c>
      <c r="CNR723" s="424"/>
      <c r="CNS723" s="424"/>
      <c r="CNT723" s="424"/>
      <c r="CNU723" s="423" t="s">
        <v>2795</v>
      </c>
      <c r="CNV723" s="424"/>
      <c r="CNW723" s="424"/>
      <c r="CNX723" s="424"/>
      <c r="CNY723" s="423" t="s">
        <v>2795</v>
      </c>
      <c r="CNZ723" s="424"/>
      <c r="COA723" s="424"/>
      <c r="COB723" s="424"/>
      <c r="COC723" s="423" t="s">
        <v>2795</v>
      </c>
      <c r="COD723" s="424"/>
      <c r="COE723" s="424"/>
      <c r="COF723" s="424"/>
      <c r="COG723" s="423" t="s">
        <v>2795</v>
      </c>
      <c r="COH723" s="424"/>
      <c r="COI723" s="424"/>
      <c r="COJ723" s="424"/>
      <c r="COK723" s="423" t="s">
        <v>2795</v>
      </c>
      <c r="COL723" s="424"/>
      <c r="COM723" s="424"/>
      <c r="CON723" s="424"/>
      <c r="COO723" s="423" t="s">
        <v>2795</v>
      </c>
      <c r="COP723" s="424"/>
      <c r="COQ723" s="424"/>
      <c r="COR723" s="424"/>
      <c r="COS723" s="423" t="s">
        <v>2795</v>
      </c>
      <c r="COT723" s="424"/>
      <c r="COU723" s="424"/>
      <c r="COV723" s="424"/>
      <c r="COW723" s="423" t="s">
        <v>2795</v>
      </c>
      <c r="COX723" s="424"/>
      <c r="COY723" s="424"/>
      <c r="COZ723" s="424"/>
      <c r="CPA723" s="423" t="s">
        <v>2795</v>
      </c>
      <c r="CPB723" s="424"/>
      <c r="CPC723" s="424"/>
      <c r="CPD723" s="424"/>
      <c r="CPE723" s="423" t="s">
        <v>2795</v>
      </c>
      <c r="CPF723" s="424"/>
      <c r="CPG723" s="424"/>
      <c r="CPH723" s="424"/>
      <c r="CPI723" s="423" t="s">
        <v>2795</v>
      </c>
      <c r="CPJ723" s="424"/>
      <c r="CPK723" s="424"/>
      <c r="CPL723" s="424"/>
      <c r="CPM723" s="423" t="s">
        <v>2795</v>
      </c>
      <c r="CPN723" s="424"/>
      <c r="CPO723" s="424"/>
      <c r="CPP723" s="424"/>
      <c r="CPQ723" s="423" t="s">
        <v>2795</v>
      </c>
      <c r="CPR723" s="424"/>
      <c r="CPS723" s="424"/>
      <c r="CPT723" s="424"/>
      <c r="CPU723" s="423" t="s">
        <v>2795</v>
      </c>
      <c r="CPV723" s="424"/>
      <c r="CPW723" s="424"/>
      <c r="CPX723" s="424"/>
      <c r="CPY723" s="423" t="s">
        <v>2795</v>
      </c>
      <c r="CPZ723" s="424"/>
      <c r="CQA723" s="424"/>
      <c r="CQB723" s="424"/>
      <c r="CQC723" s="423" t="s">
        <v>2795</v>
      </c>
      <c r="CQD723" s="424"/>
      <c r="CQE723" s="424"/>
      <c r="CQF723" s="424"/>
      <c r="CQG723" s="423" t="s">
        <v>2795</v>
      </c>
      <c r="CQH723" s="424"/>
      <c r="CQI723" s="424"/>
      <c r="CQJ723" s="424"/>
      <c r="CQK723" s="423" t="s">
        <v>2795</v>
      </c>
      <c r="CQL723" s="424"/>
      <c r="CQM723" s="424"/>
      <c r="CQN723" s="424"/>
      <c r="CQO723" s="423" t="s">
        <v>2795</v>
      </c>
      <c r="CQP723" s="424"/>
      <c r="CQQ723" s="424"/>
      <c r="CQR723" s="424"/>
      <c r="CQS723" s="423" t="s">
        <v>2795</v>
      </c>
      <c r="CQT723" s="424"/>
      <c r="CQU723" s="424"/>
      <c r="CQV723" s="424"/>
      <c r="CQW723" s="423" t="s">
        <v>2795</v>
      </c>
      <c r="CQX723" s="424"/>
      <c r="CQY723" s="424"/>
      <c r="CQZ723" s="424"/>
      <c r="CRA723" s="423" t="s">
        <v>2795</v>
      </c>
      <c r="CRB723" s="424"/>
      <c r="CRC723" s="424"/>
      <c r="CRD723" s="424"/>
      <c r="CRE723" s="423" t="s">
        <v>2795</v>
      </c>
      <c r="CRF723" s="424"/>
      <c r="CRG723" s="424"/>
      <c r="CRH723" s="424"/>
      <c r="CRI723" s="423" t="s">
        <v>2795</v>
      </c>
      <c r="CRJ723" s="424"/>
      <c r="CRK723" s="424"/>
      <c r="CRL723" s="424"/>
      <c r="CRM723" s="423" t="s">
        <v>2795</v>
      </c>
      <c r="CRN723" s="424"/>
      <c r="CRO723" s="424"/>
      <c r="CRP723" s="424"/>
      <c r="CRQ723" s="423" t="s">
        <v>2795</v>
      </c>
      <c r="CRR723" s="424"/>
      <c r="CRS723" s="424"/>
      <c r="CRT723" s="424"/>
      <c r="CRU723" s="423" t="s">
        <v>2795</v>
      </c>
      <c r="CRV723" s="424"/>
      <c r="CRW723" s="424"/>
      <c r="CRX723" s="424"/>
      <c r="CRY723" s="423" t="s">
        <v>2795</v>
      </c>
      <c r="CRZ723" s="424"/>
      <c r="CSA723" s="424"/>
      <c r="CSB723" s="424"/>
      <c r="CSC723" s="423" t="s">
        <v>2795</v>
      </c>
      <c r="CSD723" s="424"/>
      <c r="CSE723" s="424"/>
      <c r="CSF723" s="424"/>
      <c r="CSG723" s="423" t="s">
        <v>2795</v>
      </c>
      <c r="CSH723" s="424"/>
      <c r="CSI723" s="424"/>
      <c r="CSJ723" s="424"/>
      <c r="CSK723" s="423" t="s">
        <v>2795</v>
      </c>
      <c r="CSL723" s="424"/>
      <c r="CSM723" s="424"/>
      <c r="CSN723" s="424"/>
      <c r="CSO723" s="423" t="s">
        <v>2795</v>
      </c>
      <c r="CSP723" s="424"/>
      <c r="CSQ723" s="424"/>
      <c r="CSR723" s="424"/>
      <c r="CSS723" s="423" t="s">
        <v>2795</v>
      </c>
      <c r="CST723" s="424"/>
      <c r="CSU723" s="424"/>
      <c r="CSV723" s="424"/>
      <c r="CSW723" s="423" t="s">
        <v>2795</v>
      </c>
      <c r="CSX723" s="424"/>
      <c r="CSY723" s="424"/>
      <c r="CSZ723" s="424"/>
      <c r="CTA723" s="423" t="s">
        <v>2795</v>
      </c>
      <c r="CTB723" s="424"/>
      <c r="CTC723" s="424"/>
      <c r="CTD723" s="424"/>
      <c r="CTE723" s="423" t="s">
        <v>2795</v>
      </c>
      <c r="CTF723" s="424"/>
      <c r="CTG723" s="424"/>
      <c r="CTH723" s="424"/>
      <c r="CTI723" s="423" t="s">
        <v>2795</v>
      </c>
      <c r="CTJ723" s="424"/>
      <c r="CTK723" s="424"/>
      <c r="CTL723" s="424"/>
      <c r="CTM723" s="423" t="s">
        <v>2795</v>
      </c>
      <c r="CTN723" s="424"/>
      <c r="CTO723" s="424"/>
      <c r="CTP723" s="424"/>
      <c r="CTQ723" s="423" t="s">
        <v>2795</v>
      </c>
      <c r="CTR723" s="424"/>
      <c r="CTS723" s="424"/>
      <c r="CTT723" s="424"/>
      <c r="CTU723" s="423" t="s">
        <v>2795</v>
      </c>
      <c r="CTV723" s="424"/>
      <c r="CTW723" s="424"/>
      <c r="CTX723" s="424"/>
      <c r="CTY723" s="423" t="s">
        <v>2795</v>
      </c>
      <c r="CTZ723" s="424"/>
      <c r="CUA723" s="424"/>
      <c r="CUB723" s="424"/>
      <c r="CUC723" s="423" t="s">
        <v>2795</v>
      </c>
      <c r="CUD723" s="424"/>
      <c r="CUE723" s="424"/>
      <c r="CUF723" s="424"/>
      <c r="CUG723" s="423" t="s">
        <v>2795</v>
      </c>
      <c r="CUH723" s="424"/>
      <c r="CUI723" s="424"/>
      <c r="CUJ723" s="424"/>
      <c r="CUK723" s="423" t="s">
        <v>2795</v>
      </c>
      <c r="CUL723" s="424"/>
      <c r="CUM723" s="424"/>
      <c r="CUN723" s="424"/>
      <c r="CUO723" s="423" t="s">
        <v>2795</v>
      </c>
      <c r="CUP723" s="424"/>
      <c r="CUQ723" s="424"/>
      <c r="CUR723" s="424"/>
      <c r="CUS723" s="423" t="s">
        <v>2795</v>
      </c>
      <c r="CUT723" s="424"/>
      <c r="CUU723" s="424"/>
      <c r="CUV723" s="424"/>
      <c r="CUW723" s="423" t="s">
        <v>2795</v>
      </c>
      <c r="CUX723" s="424"/>
      <c r="CUY723" s="424"/>
      <c r="CUZ723" s="424"/>
      <c r="CVA723" s="423" t="s">
        <v>2795</v>
      </c>
      <c r="CVB723" s="424"/>
      <c r="CVC723" s="424"/>
      <c r="CVD723" s="424"/>
      <c r="CVE723" s="423" t="s">
        <v>2795</v>
      </c>
      <c r="CVF723" s="424"/>
      <c r="CVG723" s="424"/>
      <c r="CVH723" s="424"/>
      <c r="CVI723" s="423" t="s">
        <v>2795</v>
      </c>
      <c r="CVJ723" s="424"/>
      <c r="CVK723" s="424"/>
      <c r="CVL723" s="424"/>
      <c r="CVM723" s="423" t="s">
        <v>2795</v>
      </c>
      <c r="CVN723" s="424"/>
      <c r="CVO723" s="424"/>
      <c r="CVP723" s="424"/>
      <c r="CVQ723" s="423" t="s">
        <v>2795</v>
      </c>
      <c r="CVR723" s="424"/>
      <c r="CVS723" s="424"/>
      <c r="CVT723" s="424"/>
      <c r="CVU723" s="423" t="s">
        <v>2795</v>
      </c>
      <c r="CVV723" s="424"/>
      <c r="CVW723" s="424"/>
      <c r="CVX723" s="424"/>
      <c r="CVY723" s="423" t="s">
        <v>2795</v>
      </c>
      <c r="CVZ723" s="424"/>
      <c r="CWA723" s="424"/>
      <c r="CWB723" s="424"/>
      <c r="CWC723" s="423" t="s">
        <v>2795</v>
      </c>
      <c r="CWD723" s="424"/>
      <c r="CWE723" s="424"/>
      <c r="CWF723" s="424"/>
      <c r="CWG723" s="423" t="s">
        <v>2795</v>
      </c>
      <c r="CWH723" s="424"/>
      <c r="CWI723" s="424"/>
      <c r="CWJ723" s="424"/>
      <c r="CWK723" s="423" t="s">
        <v>2795</v>
      </c>
      <c r="CWL723" s="424"/>
      <c r="CWM723" s="424"/>
      <c r="CWN723" s="424"/>
      <c r="CWO723" s="423" t="s">
        <v>2795</v>
      </c>
      <c r="CWP723" s="424"/>
      <c r="CWQ723" s="424"/>
      <c r="CWR723" s="424"/>
      <c r="CWS723" s="423" t="s">
        <v>2795</v>
      </c>
      <c r="CWT723" s="424"/>
      <c r="CWU723" s="424"/>
      <c r="CWV723" s="424"/>
      <c r="CWW723" s="423" t="s">
        <v>2795</v>
      </c>
      <c r="CWX723" s="424"/>
      <c r="CWY723" s="424"/>
      <c r="CWZ723" s="424"/>
      <c r="CXA723" s="423" t="s">
        <v>2795</v>
      </c>
      <c r="CXB723" s="424"/>
      <c r="CXC723" s="424"/>
      <c r="CXD723" s="424"/>
      <c r="CXE723" s="423" t="s">
        <v>2795</v>
      </c>
      <c r="CXF723" s="424"/>
      <c r="CXG723" s="424"/>
      <c r="CXH723" s="424"/>
      <c r="CXI723" s="423" t="s">
        <v>2795</v>
      </c>
      <c r="CXJ723" s="424"/>
      <c r="CXK723" s="424"/>
      <c r="CXL723" s="424"/>
      <c r="CXM723" s="423" t="s">
        <v>2795</v>
      </c>
      <c r="CXN723" s="424"/>
      <c r="CXO723" s="424"/>
      <c r="CXP723" s="424"/>
      <c r="CXQ723" s="423" t="s">
        <v>2795</v>
      </c>
      <c r="CXR723" s="424"/>
      <c r="CXS723" s="424"/>
      <c r="CXT723" s="424"/>
      <c r="CXU723" s="423" t="s">
        <v>2795</v>
      </c>
      <c r="CXV723" s="424"/>
      <c r="CXW723" s="424"/>
      <c r="CXX723" s="424"/>
      <c r="CXY723" s="423" t="s">
        <v>2795</v>
      </c>
      <c r="CXZ723" s="424"/>
      <c r="CYA723" s="424"/>
      <c r="CYB723" s="424"/>
      <c r="CYC723" s="423" t="s">
        <v>2795</v>
      </c>
      <c r="CYD723" s="424"/>
      <c r="CYE723" s="424"/>
      <c r="CYF723" s="424"/>
      <c r="CYG723" s="423" t="s">
        <v>2795</v>
      </c>
      <c r="CYH723" s="424"/>
      <c r="CYI723" s="424"/>
      <c r="CYJ723" s="424"/>
      <c r="CYK723" s="423" t="s">
        <v>2795</v>
      </c>
      <c r="CYL723" s="424"/>
      <c r="CYM723" s="424"/>
      <c r="CYN723" s="424"/>
      <c r="CYO723" s="423" t="s">
        <v>2795</v>
      </c>
      <c r="CYP723" s="424"/>
      <c r="CYQ723" s="424"/>
      <c r="CYR723" s="424"/>
      <c r="CYS723" s="423" t="s">
        <v>2795</v>
      </c>
      <c r="CYT723" s="424"/>
      <c r="CYU723" s="424"/>
      <c r="CYV723" s="424"/>
      <c r="CYW723" s="423" t="s">
        <v>2795</v>
      </c>
      <c r="CYX723" s="424"/>
      <c r="CYY723" s="424"/>
      <c r="CYZ723" s="424"/>
      <c r="CZA723" s="423" t="s">
        <v>2795</v>
      </c>
      <c r="CZB723" s="424"/>
      <c r="CZC723" s="424"/>
      <c r="CZD723" s="424"/>
      <c r="CZE723" s="423" t="s">
        <v>2795</v>
      </c>
      <c r="CZF723" s="424"/>
      <c r="CZG723" s="424"/>
      <c r="CZH723" s="424"/>
      <c r="CZI723" s="423" t="s">
        <v>2795</v>
      </c>
      <c r="CZJ723" s="424"/>
      <c r="CZK723" s="424"/>
      <c r="CZL723" s="424"/>
      <c r="CZM723" s="423" t="s">
        <v>2795</v>
      </c>
      <c r="CZN723" s="424"/>
      <c r="CZO723" s="424"/>
      <c r="CZP723" s="424"/>
      <c r="CZQ723" s="423" t="s">
        <v>2795</v>
      </c>
      <c r="CZR723" s="424"/>
      <c r="CZS723" s="424"/>
      <c r="CZT723" s="424"/>
      <c r="CZU723" s="423" t="s">
        <v>2795</v>
      </c>
      <c r="CZV723" s="424"/>
      <c r="CZW723" s="424"/>
      <c r="CZX723" s="424"/>
      <c r="CZY723" s="423" t="s">
        <v>2795</v>
      </c>
      <c r="CZZ723" s="424"/>
      <c r="DAA723" s="424"/>
      <c r="DAB723" s="424"/>
      <c r="DAC723" s="423" t="s">
        <v>2795</v>
      </c>
      <c r="DAD723" s="424"/>
      <c r="DAE723" s="424"/>
      <c r="DAF723" s="424"/>
      <c r="DAG723" s="423" t="s">
        <v>2795</v>
      </c>
      <c r="DAH723" s="424"/>
      <c r="DAI723" s="424"/>
      <c r="DAJ723" s="424"/>
      <c r="DAK723" s="423" t="s">
        <v>2795</v>
      </c>
      <c r="DAL723" s="424"/>
      <c r="DAM723" s="424"/>
      <c r="DAN723" s="424"/>
      <c r="DAO723" s="423" t="s">
        <v>2795</v>
      </c>
      <c r="DAP723" s="424"/>
      <c r="DAQ723" s="424"/>
      <c r="DAR723" s="424"/>
      <c r="DAS723" s="423" t="s">
        <v>2795</v>
      </c>
      <c r="DAT723" s="424"/>
      <c r="DAU723" s="424"/>
      <c r="DAV723" s="424"/>
      <c r="DAW723" s="423" t="s">
        <v>2795</v>
      </c>
      <c r="DAX723" s="424"/>
      <c r="DAY723" s="424"/>
      <c r="DAZ723" s="424"/>
      <c r="DBA723" s="423" t="s">
        <v>2795</v>
      </c>
      <c r="DBB723" s="424"/>
      <c r="DBC723" s="424"/>
      <c r="DBD723" s="424"/>
      <c r="DBE723" s="423" t="s">
        <v>2795</v>
      </c>
      <c r="DBF723" s="424"/>
      <c r="DBG723" s="424"/>
      <c r="DBH723" s="424"/>
      <c r="DBI723" s="423" t="s">
        <v>2795</v>
      </c>
      <c r="DBJ723" s="424"/>
      <c r="DBK723" s="424"/>
      <c r="DBL723" s="424"/>
      <c r="DBM723" s="423" t="s">
        <v>2795</v>
      </c>
      <c r="DBN723" s="424"/>
      <c r="DBO723" s="424"/>
      <c r="DBP723" s="424"/>
      <c r="DBQ723" s="423" t="s">
        <v>2795</v>
      </c>
      <c r="DBR723" s="424"/>
      <c r="DBS723" s="424"/>
      <c r="DBT723" s="424"/>
      <c r="DBU723" s="423" t="s">
        <v>2795</v>
      </c>
      <c r="DBV723" s="424"/>
      <c r="DBW723" s="424"/>
      <c r="DBX723" s="424"/>
      <c r="DBY723" s="423" t="s">
        <v>2795</v>
      </c>
      <c r="DBZ723" s="424"/>
      <c r="DCA723" s="424"/>
      <c r="DCB723" s="424"/>
      <c r="DCC723" s="423" t="s">
        <v>2795</v>
      </c>
      <c r="DCD723" s="424"/>
      <c r="DCE723" s="424"/>
      <c r="DCF723" s="424"/>
      <c r="DCG723" s="423" t="s">
        <v>2795</v>
      </c>
      <c r="DCH723" s="424"/>
      <c r="DCI723" s="424"/>
      <c r="DCJ723" s="424"/>
      <c r="DCK723" s="423" t="s">
        <v>2795</v>
      </c>
      <c r="DCL723" s="424"/>
      <c r="DCM723" s="424"/>
      <c r="DCN723" s="424"/>
      <c r="DCO723" s="423" t="s">
        <v>2795</v>
      </c>
      <c r="DCP723" s="424"/>
      <c r="DCQ723" s="424"/>
      <c r="DCR723" s="424"/>
      <c r="DCS723" s="423" t="s">
        <v>2795</v>
      </c>
      <c r="DCT723" s="424"/>
      <c r="DCU723" s="424"/>
      <c r="DCV723" s="424"/>
      <c r="DCW723" s="423" t="s">
        <v>2795</v>
      </c>
      <c r="DCX723" s="424"/>
      <c r="DCY723" s="424"/>
      <c r="DCZ723" s="424"/>
      <c r="DDA723" s="423" t="s">
        <v>2795</v>
      </c>
      <c r="DDB723" s="424"/>
      <c r="DDC723" s="424"/>
      <c r="DDD723" s="424"/>
      <c r="DDE723" s="423" t="s">
        <v>2795</v>
      </c>
      <c r="DDF723" s="424"/>
      <c r="DDG723" s="424"/>
      <c r="DDH723" s="424"/>
      <c r="DDI723" s="423" t="s">
        <v>2795</v>
      </c>
      <c r="DDJ723" s="424"/>
      <c r="DDK723" s="424"/>
      <c r="DDL723" s="424"/>
      <c r="DDM723" s="423" t="s">
        <v>2795</v>
      </c>
      <c r="DDN723" s="424"/>
      <c r="DDO723" s="424"/>
      <c r="DDP723" s="424"/>
      <c r="DDQ723" s="423" t="s">
        <v>2795</v>
      </c>
      <c r="DDR723" s="424"/>
      <c r="DDS723" s="424"/>
      <c r="DDT723" s="424"/>
      <c r="DDU723" s="423" t="s">
        <v>2795</v>
      </c>
      <c r="DDV723" s="424"/>
      <c r="DDW723" s="424"/>
      <c r="DDX723" s="424"/>
      <c r="DDY723" s="423" t="s">
        <v>2795</v>
      </c>
      <c r="DDZ723" s="424"/>
      <c r="DEA723" s="424"/>
      <c r="DEB723" s="424"/>
      <c r="DEC723" s="423" t="s">
        <v>2795</v>
      </c>
      <c r="DED723" s="424"/>
      <c r="DEE723" s="424"/>
      <c r="DEF723" s="424"/>
      <c r="DEG723" s="423" t="s">
        <v>2795</v>
      </c>
      <c r="DEH723" s="424"/>
      <c r="DEI723" s="424"/>
      <c r="DEJ723" s="424"/>
      <c r="DEK723" s="423" t="s">
        <v>2795</v>
      </c>
      <c r="DEL723" s="424"/>
      <c r="DEM723" s="424"/>
      <c r="DEN723" s="424"/>
      <c r="DEO723" s="423" t="s">
        <v>2795</v>
      </c>
      <c r="DEP723" s="424"/>
      <c r="DEQ723" s="424"/>
      <c r="DER723" s="424"/>
      <c r="DES723" s="423" t="s">
        <v>2795</v>
      </c>
      <c r="DET723" s="424"/>
      <c r="DEU723" s="424"/>
      <c r="DEV723" s="424"/>
      <c r="DEW723" s="423" t="s">
        <v>2795</v>
      </c>
      <c r="DEX723" s="424"/>
      <c r="DEY723" s="424"/>
      <c r="DEZ723" s="424"/>
      <c r="DFA723" s="423" t="s">
        <v>2795</v>
      </c>
      <c r="DFB723" s="424"/>
      <c r="DFC723" s="424"/>
      <c r="DFD723" s="424"/>
      <c r="DFE723" s="423" t="s">
        <v>2795</v>
      </c>
      <c r="DFF723" s="424"/>
      <c r="DFG723" s="424"/>
      <c r="DFH723" s="424"/>
      <c r="DFI723" s="423" t="s">
        <v>2795</v>
      </c>
      <c r="DFJ723" s="424"/>
      <c r="DFK723" s="424"/>
      <c r="DFL723" s="424"/>
      <c r="DFM723" s="423" t="s">
        <v>2795</v>
      </c>
      <c r="DFN723" s="424"/>
      <c r="DFO723" s="424"/>
      <c r="DFP723" s="424"/>
      <c r="DFQ723" s="423" t="s">
        <v>2795</v>
      </c>
      <c r="DFR723" s="424"/>
      <c r="DFS723" s="424"/>
      <c r="DFT723" s="424"/>
      <c r="DFU723" s="423" t="s">
        <v>2795</v>
      </c>
      <c r="DFV723" s="424"/>
      <c r="DFW723" s="424"/>
      <c r="DFX723" s="424"/>
      <c r="DFY723" s="423" t="s">
        <v>2795</v>
      </c>
      <c r="DFZ723" s="424"/>
      <c r="DGA723" s="424"/>
      <c r="DGB723" s="424"/>
      <c r="DGC723" s="423" t="s">
        <v>2795</v>
      </c>
      <c r="DGD723" s="424"/>
      <c r="DGE723" s="424"/>
      <c r="DGF723" s="424"/>
      <c r="DGG723" s="423" t="s">
        <v>2795</v>
      </c>
      <c r="DGH723" s="424"/>
      <c r="DGI723" s="424"/>
      <c r="DGJ723" s="424"/>
      <c r="DGK723" s="423" t="s">
        <v>2795</v>
      </c>
      <c r="DGL723" s="424"/>
      <c r="DGM723" s="424"/>
      <c r="DGN723" s="424"/>
      <c r="DGO723" s="423" t="s">
        <v>2795</v>
      </c>
      <c r="DGP723" s="424"/>
      <c r="DGQ723" s="424"/>
      <c r="DGR723" s="424"/>
      <c r="DGS723" s="423" t="s">
        <v>2795</v>
      </c>
      <c r="DGT723" s="424"/>
      <c r="DGU723" s="424"/>
      <c r="DGV723" s="424"/>
      <c r="DGW723" s="423" t="s">
        <v>2795</v>
      </c>
      <c r="DGX723" s="424"/>
      <c r="DGY723" s="424"/>
      <c r="DGZ723" s="424"/>
      <c r="DHA723" s="423" t="s">
        <v>2795</v>
      </c>
      <c r="DHB723" s="424"/>
      <c r="DHC723" s="424"/>
      <c r="DHD723" s="424"/>
      <c r="DHE723" s="423" t="s">
        <v>2795</v>
      </c>
      <c r="DHF723" s="424"/>
      <c r="DHG723" s="424"/>
      <c r="DHH723" s="424"/>
      <c r="DHI723" s="423" t="s">
        <v>2795</v>
      </c>
      <c r="DHJ723" s="424"/>
      <c r="DHK723" s="424"/>
      <c r="DHL723" s="424"/>
      <c r="DHM723" s="423" t="s">
        <v>2795</v>
      </c>
      <c r="DHN723" s="424"/>
      <c r="DHO723" s="424"/>
      <c r="DHP723" s="424"/>
      <c r="DHQ723" s="423" t="s">
        <v>2795</v>
      </c>
      <c r="DHR723" s="424"/>
      <c r="DHS723" s="424"/>
      <c r="DHT723" s="424"/>
      <c r="DHU723" s="423" t="s">
        <v>2795</v>
      </c>
      <c r="DHV723" s="424"/>
      <c r="DHW723" s="424"/>
      <c r="DHX723" s="424"/>
      <c r="DHY723" s="423" t="s">
        <v>2795</v>
      </c>
      <c r="DHZ723" s="424"/>
      <c r="DIA723" s="424"/>
      <c r="DIB723" s="424"/>
      <c r="DIC723" s="423" t="s">
        <v>2795</v>
      </c>
      <c r="DID723" s="424"/>
      <c r="DIE723" s="424"/>
      <c r="DIF723" s="424"/>
      <c r="DIG723" s="423" t="s">
        <v>2795</v>
      </c>
      <c r="DIH723" s="424"/>
      <c r="DII723" s="424"/>
      <c r="DIJ723" s="424"/>
      <c r="DIK723" s="423" t="s">
        <v>2795</v>
      </c>
      <c r="DIL723" s="424"/>
      <c r="DIM723" s="424"/>
      <c r="DIN723" s="424"/>
      <c r="DIO723" s="423" t="s">
        <v>2795</v>
      </c>
      <c r="DIP723" s="424"/>
      <c r="DIQ723" s="424"/>
      <c r="DIR723" s="424"/>
      <c r="DIS723" s="423" t="s">
        <v>2795</v>
      </c>
      <c r="DIT723" s="424"/>
      <c r="DIU723" s="424"/>
      <c r="DIV723" s="424"/>
      <c r="DIW723" s="423" t="s">
        <v>2795</v>
      </c>
      <c r="DIX723" s="424"/>
      <c r="DIY723" s="424"/>
      <c r="DIZ723" s="424"/>
      <c r="DJA723" s="423" t="s">
        <v>2795</v>
      </c>
      <c r="DJB723" s="424"/>
      <c r="DJC723" s="424"/>
      <c r="DJD723" s="424"/>
      <c r="DJE723" s="423" t="s">
        <v>2795</v>
      </c>
      <c r="DJF723" s="424"/>
      <c r="DJG723" s="424"/>
      <c r="DJH723" s="424"/>
      <c r="DJI723" s="423" t="s">
        <v>2795</v>
      </c>
      <c r="DJJ723" s="424"/>
      <c r="DJK723" s="424"/>
      <c r="DJL723" s="424"/>
      <c r="DJM723" s="423" t="s">
        <v>2795</v>
      </c>
      <c r="DJN723" s="424"/>
      <c r="DJO723" s="424"/>
      <c r="DJP723" s="424"/>
      <c r="DJQ723" s="423" t="s">
        <v>2795</v>
      </c>
      <c r="DJR723" s="424"/>
      <c r="DJS723" s="424"/>
      <c r="DJT723" s="424"/>
      <c r="DJU723" s="423" t="s">
        <v>2795</v>
      </c>
      <c r="DJV723" s="424"/>
      <c r="DJW723" s="424"/>
      <c r="DJX723" s="424"/>
      <c r="DJY723" s="423" t="s">
        <v>2795</v>
      </c>
      <c r="DJZ723" s="424"/>
      <c r="DKA723" s="424"/>
      <c r="DKB723" s="424"/>
      <c r="DKC723" s="423" t="s">
        <v>2795</v>
      </c>
      <c r="DKD723" s="424"/>
      <c r="DKE723" s="424"/>
      <c r="DKF723" s="424"/>
      <c r="DKG723" s="423" t="s">
        <v>2795</v>
      </c>
      <c r="DKH723" s="424"/>
      <c r="DKI723" s="424"/>
      <c r="DKJ723" s="424"/>
      <c r="DKK723" s="423" t="s">
        <v>2795</v>
      </c>
      <c r="DKL723" s="424"/>
      <c r="DKM723" s="424"/>
      <c r="DKN723" s="424"/>
      <c r="DKO723" s="423" t="s">
        <v>2795</v>
      </c>
      <c r="DKP723" s="424"/>
      <c r="DKQ723" s="424"/>
      <c r="DKR723" s="424"/>
      <c r="DKS723" s="423" t="s">
        <v>2795</v>
      </c>
      <c r="DKT723" s="424"/>
      <c r="DKU723" s="424"/>
      <c r="DKV723" s="424"/>
      <c r="DKW723" s="423" t="s">
        <v>2795</v>
      </c>
      <c r="DKX723" s="424"/>
      <c r="DKY723" s="424"/>
      <c r="DKZ723" s="424"/>
      <c r="DLA723" s="423" t="s">
        <v>2795</v>
      </c>
      <c r="DLB723" s="424"/>
      <c r="DLC723" s="424"/>
      <c r="DLD723" s="424"/>
      <c r="DLE723" s="423" t="s">
        <v>2795</v>
      </c>
      <c r="DLF723" s="424"/>
      <c r="DLG723" s="424"/>
      <c r="DLH723" s="424"/>
      <c r="DLI723" s="423" t="s">
        <v>2795</v>
      </c>
      <c r="DLJ723" s="424"/>
      <c r="DLK723" s="424"/>
      <c r="DLL723" s="424"/>
      <c r="DLM723" s="423" t="s">
        <v>2795</v>
      </c>
      <c r="DLN723" s="424"/>
      <c r="DLO723" s="424"/>
      <c r="DLP723" s="424"/>
      <c r="DLQ723" s="423" t="s">
        <v>2795</v>
      </c>
      <c r="DLR723" s="424"/>
      <c r="DLS723" s="424"/>
      <c r="DLT723" s="424"/>
      <c r="DLU723" s="423" t="s">
        <v>2795</v>
      </c>
      <c r="DLV723" s="424"/>
      <c r="DLW723" s="424"/>
      <c r="DLX723" s="424"/>
      <c r="DLY723" s="423" t="s">
        <v>2795</v>
      </c>
      <c r="DLZ723" s="424"/>
      <c r="DMA723" s="424"/>
      <c r="DMB723" s="424"/>
      <c r="DMC723" s="423" t="s">
        <v>2795</v>
      </c>
      <c r="DMD723" s="424"/>
      <c r="DME723" s="424"/>
      <c r="DMF723" s="424"/>
      <c r="DMG723" s="423" t="s">
        <v>2795</v>
      </c>
      <c r="DMH723" s="424"/>
      <c r="DMI723" s="424"/>
      <c r="DMJ723" s="424"/>
      <c r="DMK723" s="423" t="s">
        <v>2795</v>
      </c>
      <c r="DML723" s="424"/>
      <c r="DMM723" s="424"/>
      <c r="DMN723" s="424"/>
      <c r="DMO723" s="423" t="s">
        <v>2795</v>
      </c>
      <c r="DMP723" s="424"/>
      <c r="DMQ723" s="424"/>
      <c r="DMR723" s="424"/>
      <c r="DMS723" s="423" t="s">
        <v>2795</v>
      </c>
      <c r="DMT723" s="424"/>
      <c r="DMU723" s="424"/>
      <c r="DMV723" s="424"/>
      <c r="DMW723" s="423" t="s">
        <v>2795</v>
      </c>
      <c r="DMX723" s="424"/>
      <c r="DMY723" s="424"/>
      <c r="DMZ723" s="424"/>
      <c r="DNA723" s="423" t="s">
        <v>2795</v>
      </c>
      <c r="DNB723" s="424"/>
      <c r="DNC723" s="424"/>
      <c r="DND723" s="424"/>
      <c r="DNE723" s="423" t="s">
        <v>2795</v>
      </c>
      <c r="DNF723" s="424"/>
      <c r="DNG723" s="424"/>
      <c r="DNH723" s="424"/>
      <c r="DNI723" s="423" t="s">
        <v>2795</v>
      </c>
      <c r="DNJ723" s="424"/>
      <c r="DNK723" s="424"/>
      <c r="DNL723" s="424"/>
      <c r="DNM723" s="423" t="s">
        <v>2795</v>
      </c>
      <c r="DNN723" s="424"/>
      <c r="DNO723" s="424"/>
      <c r="DNP723" s="424"/>
      <c r="DNQ723" s="423" t="s">
        <v>2795</v>
      </c>
      <c r="DNR723" s="424"/>
      <c r="DNS723" s="424"/>
      <c r="DNT723" s="424"/>
      <c r="DNU723" s="423" t="s">
        <v>2795</v>
      </c>
      <c r="DNV723" s="424"/>
      <c r="DNW723" s="424"/>
      <c r="DNX723" s="424"/>
      <c r="DNY723" s="423" t="s">
        <v>2795</v>
      </c>
      <c r="DNZ723" s="424"/>
      <c r="DOA723" s="424"/>
      <c r="DOB723" s="424"/>
      <c r="DOC723" s="423" t="s">
        <v>2795</v>
      </c>
      <c r="DOD723" s="424"/>
      <c r="DOE723" s="424"/>
      <c r="DOF723" s="424"/>
      <c r="DOG723" s="423" t="s">
        <v>2795</v>
      </c>
      <c r="DOH723" s="424"/>
      <c r="DOI723" s="424"/>
      <c r="DOJ723" s="424"/>
      <c r="DOK723" s="423" t="s">
        <v>2795</v>
      </c>
      <c r="DOL723" s="424"/>
      <c r="DOM723" s="424"/>
      <c r="DON723" s="424"/>
      <c r="DOO723" s="423" t="s">
        <v>2795</v>
      </c>
      <c r="DOP723" s="424"/>
      <c r="DOQ723" s="424"/>
      <c r="DOR723" s="424"/>
      <c r="DOS723" s="423" t="s">
        <v>2795</v>
      </c>
      <c r="DOT723" s="424"/>
      <c r="DOU723" s="424"/>
      <c r="DOV723" s="424"/>
      <c r="DOW723" s="423" t="s">
        <v>2795</v>
      </c>
      <c r="DOX723" s="424"/>
      <c r="DOY723" s="424"/>
      <c r="DOZ723" s="424"/>
      <c r="DPA723" s="423" t="s">
        <v>2795</v>
      </c>
      <c r="DPB723" s="424"/>
      <c r="DPC723" s="424"/>
      <c r="DPD723" s="424"/>
      <c r="DPE723" s="423" t="s">
        <v>2795</v>
      </c>
      <c r="DPF723" s="424"/>
      <c r="DPG723" s="424"/>
      <c r="DPH723" s="424"/>
      <c r="DPI723" s="423" t="s">
        <v>2795</v>
      </c>
      <c r="DPJ723" s="424"/>
      <c r="DPK723" s="424"/>
      <c r="DPL723" s="424"/>
      <c r="DPM723" s="423" t="s">
        <v>2795</v>
      </c>
      <c r="DPN723" s="424"/>
      <c r="DPO723" s="424"/>
      <c r="DPP723" s="424"/>
      <c r="DPQ723" s="423" t="s">
        <v>2795</v>
      </c>
      <c r="DPR723" s="424"/>
      <c r="DPS723" s="424"/>
      <c r="DPT723" s="424"/>
      <c r="DPU723" s="423" t="s">
        <v>2795</v>
      </c>
      <c r="DPV723" s="424"/>
      <c r="DPW723" s="424"/>
      <c r="DPX723" s="424"/>
      <c r="DPY723" s="423" t="s">
        <v>2795</v>
      </c>
      <c r="DPZ723" s="424"/>
      <c r="DQA723" s="424"/>
      <c r="DQB723" s="424"/>
      <c r="DQC723" s="423" t="s">
        <v>2795</v>
      </c>
      <c r="DQD723" s="424"/>
      <c r="DQE723" s="424"/>
      <c r="DQF723" s="424"/>
      <c r="DQG723" s="423" t="s">
        <v>2795</v>
      </c>
      <c r="DQH723" s="424"/>
      <c r="DQI723" s="424"/>
      <c r="DQJ723" s="424"/>
      <c r="DQK723" s="423" t="s">
        <v>2795</v>
      </c>
      <c r="DQL723" s="424"/>
      <c r="DQM723" s="424"/>
      <c r="DQN723" s="424"/>
      <c r="DQO723" s="423" t="s">
        <v>2795</v>
      </c>
      <c r="DQP723" s="424"/>
      <c r="DQQ723" s="424"/>
      <c r="DQR723" s="424"/>
      <c r="DQS723" s="423" t="s">
        <v>2795</v>
      </c>
      <c r="DQT723" s="424"/>
      <c r="DQU723" s="424"/>
      <c r="DQV723" s="424"/>
      <c r="DQW723" s="423" t="s">
        <v>2795</v>
      </c>
      <c r="DQX723" s="424"/>
      <c r="DQY723" s="424"/>
      <c r="DQZ723" s="424"/>
      <c r="DRA723" s="423" t="s">
        <v>2795</v>
      </c>
      <c r="DRB723" s="424"/>
      <c r="DRC723" s="424"/>
      <c r="DRD723" s="424"/>
      <c r="DRE723" s="423" t="s">
        <v>2795</v>
      </c>
      <c r="DRF723" s="424"/>
      <c r="DRG723" s="424"/>
      <c r="DRH723" s="424"/>
      <c r="DRI723" s="423" t="s">
        <v>2795</v>
      </c>
      <c r="DRJ723" s="424"/>
      <c r="DRK723" s="424"/>
      <c r="DRL723" s="424"/>
      <c r="DRM723" s="423" t="s">
        <v>2795</v>
      </c>
      <c r="DRN723" s="424"/>
      <c r="DRO723" s="424"/>
      <c r="DRP723" s="424"/>
      <c r="DRQ723" s="423" t="s">
        <v>2795</v>
      </c>
      <c r="DRR723" s="424"/>
      <c r="DRS723" s="424"/>
      <c r="DRT723" s="424"/>
      <c r="DRU723" s="423" t="s">
        <v>2795</v>
      </c>
      <c r="DRV723" s="424"/>
      <c r="DRW723" s="424"/>
      <c r="DRX723" s="424"/>
      <c r="DRY723" s="423" t="s">
        <v>2795</v>
      </c>
      <c r="DRZ723" s="424"/>
      <c r="DSA723" s="424"/>
      <c r="DSB723" s="424"/>
      <c r="DSC723" s="423" t="s">
        <v>2795</v>
      </c>
      <c r="DSD723" s="424"/>
      <c r="DSE723" s="424"/>
      <c r="DSF723" s="424"/>
      <c r="DSG723" s="423" t="s">
        <v>2795</v>
      </c>
      <c r="DSH723" s="424"/>
      <c r="DSI723" s="424"/>
      <c r="DSJ723" s="424"/>
      <c r="DSK723" s="423" t="s">
        <v>2795</v>
      </c>
      <c r="DSL723" s="424"/>
      <c r="DSM723" s="424"/>
      <c r="DSN723" s="424"/>
      <c r="DSO723" s="423" t="s">
        <v>2795</v>
      </c>
      <c r="DSP723" s="424"/>
      <c r="DSQ723" s="424"/>
      <c r="DSR723" s="424"/>
      <c r="DSS723" s="423" t="s">
        <v>2795</v>
      </c>
      <c r="DST723" s="424"/>
      <c r="DSU723" s="424"/>
      <c r="DSV723" s="424"/>
      <c r="DSW723" s="423" t="s">
        <v>2795</v>
      </c>
      <c r="DSX723" s="424"/>
      <c r="DSY723" s="424"/>
      <c r="DSZ723" s="424"/>
      <c r="DTA723" s="423" t="s">
        <v>2795</v>
      </c>
      <c r="DTB723" s="424"/>
      <c r="DTC723" s="424"/>
      <c r="DTD723" s="424"/>
      <c r="DTE723" s="423" t="s">
        <v>2795</v>
      </c>
      <c r="DTF723" s="424"/>
      <c r="DTG723" s="424"/>
      <c r="DTH723" s="424"/>
      <c r="DTI723" s="423" t="s">
        <v>2795</v>
      </c>
      <c r="DTJ723" s="424"/>
      <c r="DTK723" s="424"/>
      <c r="DTL723" s="424"/>
      <c r="DTM723" s="423" t="s">
        <v>2795</v>
      </c>
      <c r="DTN723" s="424"/>
      <c r="DTO723" s="424"/>
      <c r="DTP723" s="424"/>
      <c r="DTQ723" s="423" t="s">
        <v>2795</v>
      </c>
      <c r="DTR723" s="424"/>
      <c r="DTS723" s="424"/>
      <c r="DTT723" s="424"/>
      <c r="DTU723" s="423" t="s">
        <v>2795</v>
      </c>
      <c r="DTV723" s="424"/>
      <c r="DTW723" s="424"/>
      <c r="DTX723" s="424"/>
      <c r="DTY723" s="423" t="s">
        <v>2795</v>
      </c>
      <c r="DTZ723" s="424"/>
      <c r="DUA723" s="424"/>
      <c r="DUB723" s="424"/>
      <c r="DUC723" s="423" t="s">
        <v>2795</v>
      </c>
      <c r="DUD723" s="424"/>
      <c r="DUE723" s="424"/>
      <c r="DUF723" s="424"/>
      <c r="DUG723" s="423" t="s">
        <v>2795</v>
      </c>
      <c r="DUH723" s="424"/>
      <c r="DUI723" s="424"/>
      <c r="DUJ723" s="424"/>
      <c r="DUK723" s="423" t="s">
        <v>2795</v>
      </c>
      <c r="DUL723" s="424"/>
      <c r="DUM723" s="424"/>
      <c r="DUN723" s="424"/>
      <c r="DUO723" s="423" t="s">
        <v>2795</v>
      </c>
      <c r="DUP723" s="424"/>
      <c r="DUQ723" s="424"/>
      <c r="DUR723" s="424"/>
      <c r="DUS723" s="423" t="s">
        <v>2795</v>
      </c>
      <c r="DUT723" s="424"/>
      <c r="DUU723" s="424"/>
      <c r="DUV723" s="424"/>
      <c r="DUW723" s="423" t="s">
        <v>2795</v>
      </c>
      <c r="DUX723" s="424"/>
      <c r="DUY723" s="424"/>
      <c r="DUZ723" s="424"/>
      <c r="DVA723" s="423" t="s">
        <v>2795</v>
      </c>
      <c r="DVB723" s="424"/>
      <c r="DVC723" s="424"/>
      <c r="DVD723" s="424"/>
      <c r="DVE723" s="423" t="s">
        <v>2795</v>
      </c>
      <c r="DVF723" s="424"/>
      <c r="DVG723" s="424"/>
      <c r="DVH723" s="424"/>
      <c r="DVI723" s="423" t="s">
        <v>2795</v>
      </c>
      <c r="DVJ723" s="424"/>
      <c r="DVK723" s="424"/>
      <c r="DVL723" s="424"/>
      <c r="DVM723" s="423" t="s">
        <v>2795</v>
      </c>
      <c r="DVN723" s="424"/>
      <c r="DVO723" s="424"/>
      <c r="DVP723" s="424"/>
      <c r="DVQ723" s="423" t="s">
        <v>2795</v>
      </c>
      <c r="DVR723" s="424"/>
      <c r="DVS723" s="424"/>
      <c r="DVT723" s="424"/>
      <c r="DVU723" s="423" t="s">
        <v>2795</v>
      </c>
      <c r="DVV723" s="424"/>
      <c r="DVW723" s="424"/>
      <c r="DVX723" s="424"/>
      <c r="DVY723" s="423" t="s">
        <v>2795</v>
      </c>
      <c r="DVZ723" s="424"/>
      <c r="DWA723" s="424"/>
      <c r="DWB723" s="424"/>
      <c r="DWC723" s="423" t="s">
        <v>2795</v>
      </c>
      <c r="DWD723" s="424"/>
      <c r="DWE723" s="424"/>
      <c r="DWF723" s="424"/>
      <c r="DWG723" s="423" t="s">
        <v>2795</v>
      </c>
      <c r="DWH723" s="424"/>
      <c r="DWI723" s="424"/>
      <c r="DWJ723" s="424"/>
      <c r="DWK723" s="423" t="s">
        <v>2795</v>
      </c>
      <c r="DWL723" s="424"/>
      <c r="DWM723" s="424"/>
      <c r="DWN723" s="424"/>
      <c r="DWO723" s="423" t="s">
        <v>2795</v>
      </c>
      <c r="DWP723" s="424"/>
      <c r="DWQ723" s="424"/>
      <c r="DWR723" s="424"/>
      <c r="DWS723" s="423" t="s">
        <v>2795</v>
      </c>
      <c r="DWT723" s="424"/>
      <c r="DWU723" s="424"/>
      <c r="DWV723" s="424"/>
      <c r="DWW723" s="423" t="s">
        <v>2795</v>
      </c>
      <c r="DWX723" s="424"/>
      <c r="DWY723" s="424"/>
      <c r="DWZ723" s="424"/>
      <c r="DXA723" s="423" t="s">
        <v>2795</v>
      </c>
      <c r="DXB723" s="424"/>
      <c r="DXC723" s="424"/>
      <c r="DXD723" s="424"/>
      <c r="DXE723" s="423" t="s">
        <v>2795</v>
      </c>
      <c r="DXF723" s="424"/>
      <c r="DXG723" s="424"/>
      <c r="DXH723" s="424"/>
      <c r="DXI723" s="423" t="s">
        <v>2795</v>
      </c>
      <c r="DXJ723" s="424"/>
      <c r="DXK723" s="424"/>
      <c r="DXL723" s="424"/>
      <c r="DXM723" s="423" t="s">
        <v>2795</v>
      </c>
      <c r="DXN723" s="424"/>
      <c r="DXO723" s="424"/>
      <c r="DXP723" s="424"/>
      <c r="DXQ723" s="423" t="s">
        <v>2795</v>
      </c>
      <c r="DXR723" s="424"/>
      <c r="DXS723" s="424"/>
      <c r="DXT723" s="424"/>
      <c r="DXU723" s="423" t="s">
        <v>2795</v>
      </c>
      <c r="DXV723" s="424"/>
      <c r="DXW723" s="424"/>
      <c r="DXX723" s="424"/>
      <c r="DXY723" s="423" t="s">
        <v>2795</v>
      </c>
      <c r="DXZ723" s="424"/>
      <c r="DYA723" s="424"/>
      <c r="DYB723" s="424"/>
      <c r="DYC723" s="423" t="s">
        <v>2795</v>
      </c>
      <c r="DYD723" s="424"/>
      <c r="DYE723" s="424"/>
      <c r="DYF723" s="424"/>
      <c r="DYG723" s="423" t="s">
        <v>2795</v>
      </c>
      <c r="DYH723" s="424"/>
      <c r="DYI723" s="424"/>
      <c r="DYJ723" s="424"/>
      <c r="DYK723" s="423" t="s">
        <v>2795</v>
      </c>
      <c r="DYL723" s="424"/>
      <c r="DYM723" s="424"/>
      <c r="DYN723" s="424"/>
      <c r="DYO723" s="423" t="s">
        <v>2795</v>
      </c>
      <c r="DYP723" s="424"/>
      <c r="DYQ723" s="424"/>
      <c r="DYR723" s="424"/>
      <c r="DYS723" s="423" t="s">
        <v>2795</v>
      </c>
      <c r="DYT723" s="424"/>
      <c r="DYU723" s="424"/>
      <c r="DYV723" s="424"/>
      <c r="DYW723" s="423" t="s">
        <v>2795</v>
      </c>
      <c r="DYX723" s="424"/>
      <c r="DYY723" s="424"/>
      <c r="DYZ723" s="424"/>
      <c r="DZA723" s="423" t="s">
        <v>2795</v>
      </c>
      <c r="DZB723" s="424"/>
      <c r="DZC723" s="424"/>
      <c r="DZD723" s="424"/>
      <c r="DZE723" s="423" t="s">
        <v>2795</v>
      </c>
      <c r="DZF723" s="424"/>
      <c r="DZG723" s="424"/>
      <c r="DZH723" s="424"/>
      <c r="DZI723" s="423" t="s">
        <v>2795</v>
      </c>
      <c r="DZJ723" s="424"/>
      <c r="DZK723" s="424"/>
      <c r="DZL723" s="424"/>
      <c r="DZM723" s="423" t="s">
        <v>2795</v>
      </c>
      <c r="DZN723" s="424"/>
      <c r="DZO723" s="424"/>
      <c r="DZP723" s="424"/>
      <c r="DZQ723" s="423" t="s">
        <v>2795</v>
      </c>
      <c r="DZR723" s="424"/>
      <c r="DZS723" s="424"/>
      <c r="DZT723" s="424"/>
      <c r="DZU723" s="423" t="s">
        <v>2795</v>
      </c>
      <c r="DZV723" s="424"/>
      <c r="DZW723" s="424"/>
      <c r="DZX723" s="424"/>
      <c r="DZY723" s="423" t="s">
        <v>2795</v>
      </c>
      <c r="DZZ723" s="424"/>
      <c r="EAA723" s="424"/>
      <c r="EAB723" s="424"/>
      <c r="EAC723" s="423" t="s">
        <v>2795</v>
      </c>
      <c r="EAD723" s="424"/>
      <c r="EAE723" s="424"/>
      <c r="EAF723" s="424"/>
      <c r="EAG723" s="423" t="s">
        <v>2795</v>
      </c>
      <c r="EAH723" s="424"/>
      <c r="EAI723" s="424"/>
      <c r="EAJ723" s="424"/>
      <c r="EAK723" s="423" t="s">
        <v>2795</v>
      </c>
      <c r="EAL723" s="424"/>
      <c r="EAM723" s="424"/>
      <c r="EAN723" s="424"/>
      <c r="EAO723" s="423" t="s">
        <v>2795</v>
      </c>
      <c r="EAP723" s="424"/>
      <c r="EAQ723" s="424"/>
      <c r="EAR723" s="424"/>
      <c r="EAS723" s="423" t="s">
        <v>2795</v>
      </c>
      <c r="EAT723" s="424"/>
      <c r="EAU723" s="424"/>
      <c r="EAV723" s="424"/>
      <c r="EAW723" s="423" t="s">
        <v>2795</v>
      </c>
      <c r="EAX723" s="424"/>
      <c r="EAY723" s="424"/>
      <c r="EAZ723" s="424"/>
      <c r="EBA723" s="423" t="s">
        <v>2795</v>
      </c>
      <c r="EBB723" s="424"/>
      <c r="EBC723" s="424"/>
      <c r="EBD723" s="424"/>
      <c r="EBE723" s="423" t="s">
        <v>2795</v>
      </c>
      <c r="EBF723" s="424"/>
      <c r="EBG723" s="424"/>
      <c r="EBH723" s="424"/>
      <c r="EBI723" s="423" t="s">
        <v>2795</v>
      </c>
      <c r="EBJ723" s="424"/>
      <c r="EBK723" s="424"/>
      <c r="EBL723" s="424"/>
      <c r="EBM723" s="423" t="s">
        <v>2795</v>
      </c>
      <c r="EBN723" s="424"/>
      <c r="EBO723" s="424"/>
      <c r="EBP723" s="424"/>
      <c r="EBQ723" s="423" t="s">
        <v>2795</v>
      </c>
      <c r="EBR723" s="424"/>
      <c r="EBS723" s="424"/>
      <c r="EBT723" s="424"/>
      <c r="EBU723" s="423" t="s">
        <v>2795</v>
      </c>
      <c r="EBV723" s="424"/>
      <c r="EBW723" s="424"/>
      <c r="EBX723" s="424"/>
      <c r="EBY723" s="423" t="s">
        <v>2795</v>
      </c>
      <c r="EBZ723" s="424"/>
      <c r="ECA723" s="424"/>
      <c r="ECB723" s="424"/>
      <c r="ECC723" s="423" t="s">
        <v>2795</v>
      </c>
      <c r="ECD723" s="424"/>
      <c r="ECE723" s="424"/>
      <c r="ECF723" s="424"/>
      <c r="ECG723" s="423" t="s">
        <v>2795</v>
      </c>
      <c r="ECH723" s="424"/>
      <c r="ECI723" s="424"/>
      <c r="ECJ723" s="424"/>
      <c r="ECK723" s="423" t="s">
        <v>2795</v>
      </c>
      <c r="ECL723" s="424"/>
      <c r="ECM723" s="424"/>
      <c r="ECN723" s="424"/>
      <c r="ECO723" s="423" t="s">
        <v>2795</v>
      </c>
      <c r="ECP723" s="424"/>
      <c r="ECQ723" s="424"/>
      <c r="ECR723" s="424"/>
      <c r="ECS723" s="423" t="s">
        <v>2795</v>
      </c>
      <c r="ECT723" s="424"/>
      <c r="ECU723" s="424"/>
      <c r="ECV723" s="424"/>
      <c r="ECW723" s="423" t="s">
        <v>2795</v>
      </c>
      <c r="ECX723" s="424"/>
      <c r="ECY723" s="424"/>
      <c r="ECZ723" s="424"/>
      <c r="EDA723" s="423" t="s">
        <v>2795</v>
      </c>
      <c r="EDB723" s="424"/>
      <c r="EDC723" s="424"/>
      <c r="EDD723" s="424"/>
      <c r="EDE723" s="423" t="s">
        <v>2795</v>
      </c>
      <c r="EDF723" s="424"/>
      <c r="EDG723" s="424"/>
      <c r="EDH723" s="424"/>
      <c r="EDI723" s="423" t="s">
        <v>2795</v>
      </c>
      <c r="EDJ723" s="424"/>
      <c r="EDK723" s="424"/>
      <c r="EDL723" s="424"/>
      <c r="EDM723" s="423" t="s">
        <v>2795</v>
      </c>
      <c r="EDN723" s="424"/>
      <c r="EDO723" s="424"/>
      <c r="EDP723" s="424"/>
      <c r="EDQ723" s="423" t="s">
        <v>2795</v>
      </c>
      <c r="EDR723" s="424"/>
      <c r="EDS723" s="424"/>
      <c r="EDT723" s="424"/>
      <c r="EDU723" s="423" t="s">
        <v>2795</v>
      </c>
      <c r="EDV723" s="424"/>
      <c r="EDW723" s="424"/>
      <c r="EDX723" s="424"/>
      <c r="EDY723" s="423" t="s">
        <v>2795</v>
      </c>
      <c r="EDZ723" s="424"/>
      <c r="EEA723" s="424"/>
      <c r="EEB723" s="424"/>
      <c r="EEC723" s="423" t="s">
        <v>2795</v>
      </c>
      <c r="EED723" s="424"/>
      <c r="EEE723" s="424"/>
      <c r="EEF723" s="424"/>
      <c r="EEG723" s="423" t="s">
        <v>2795</v>
      </c>
      <c r="EEH723" s="424"/>
      <c r="EEI723" s="424"/>
      <c r="EEJ723" s="424"/>
      <c r="EEK723" s="423" t="s">
        <v>2795</v>
      </c>
      <c r="EEL723" s="424"/>
      <c r="EEM723" s="424"/>
      <c r="EEN723" s="424"/>
      <c r="EEO723" s="423" t="s">
        <v>2795</v>
      </c>
      <c r="EEP723" s="424"/>
      <c r="EEQ723" s="424"/>
      <c r="EER723" s="424"/>
      <c r="EES723" s="423" t="s">
        <v>2795</v>
      </c>
      <c r="EET723" s="424"/>
      <c r="EEU723" s="424"/>
      <c r="EEV723" s="424"/>
      <c r="EEW723" s="423" t="s">
        <v>2795</v>
      </c>
      <c r="EEX723" s="424"/>
      <c r="EEY723" s="424"/>
      <c r="EEZ723" s="424"/>
      <c r="EFA723" s="423" t="s">
        <v>2795</v>
      </c>
      <c r="EFB723" s="424"/>
      <c r="EFC723" s="424"/>
      <c r="EFD723" s="424"/>
      <c r="EFE723" s="423" t="s">
        <v>2795</v>
      </c>
      <c r="EFF723" s="424"/>
      <c r="EFG723" s="424"/>
      <c r="EFH723" s="424"/>
      <c r="EFI723" s="423" t="s">
        <v>2795</v>
      </c>
      <c r="EFJ723" s="424"/>
      <c r="EFK723" s="424"/>
      <c r="EFL723" s="424"/>
      <c r="EFM723" s="423" t="s">
        <v>2795</v>
      </c>
      <c r="EFN723" s="424"/>
      <c r="EFO723" s="424"/>
      <c r="EFP723" s="424"/>
      <c r="EFQ723" s="423" t="s">
        <v>2795</v>
      </c>
      <c r="EFR723" s="424"/>
      <c r="EFS723" s="424"/>
      <c r="EFT723" s="424"/>
      <c r="EFU723" s="423" t="s">
        <v>2795</v>
      </c>
      <c r="EFV723" s="424"/>
      <c r="EFW723" s="424"/>
      <c r="EFX723" s="424"/>
      <c r="EFY723" s="423" t="s">
        <v>2795</v>
      </c>
      <c r="EFZ723" s="424"/>
      <c r="EGA723" s="424"/>
      <c r="EGB723" s="424"/>
      <c r="EGC723" s="423" t="s">
        <v>2795</v>
      </c>
      <c r="EGD723" s="424"/>
      <c r="EGE723" s="424"/>
      <c r="EGF723" s="424"/>
      <c r="EGG723" s="423" t="s">
        <v>2795</v>
      </c>
      <c r="EGH723" s="424"/>
      <c r="EGI723" s="424"/>
      <c r="EGJ723" s="424"/>
      <c r="EGK723" s="423" t="s">
        <v>2795</v>
      </c>
      <c r="EGL723" s="424"/>
      <c r="EGM723" s="424"/>
      <c r="EGN723" s="424"/>
      <c r="EGO723" s="423" t="s">
        <v>2795</v>
      </c>
      <c r="EGP723" s="424"/>
      <c r="EGQ723" s="424"/>
      <c r="EGR723" s="424"/>
      <c r="EGS723" s="423" t="s">
        <v>2795</v>
      </c>
      <c r="EGT723" s="424"/>
      <c r="EGU723" s="424"/>
      <c r="EGV723" s="424"/>
      <c r="EGW723" s="423" t="s">
        <v>2795</v>
      </c>
      <c r="EGX723" s="424"/>
      <c r="EGY723" s="424"/>
      <c r="EGZ723" s="424"/>
      <c r="EHA723" s="423" t="s">
        <v>2795</v>
      </c>
      <c r="EHB723" s="424"/>
      <c r="EHC723" s="424"/>
      <c r="EHD723" s="424"/>
      <c r="EHE723" s="423" t="s">
        <v>2795</v>
      </c>
      <c r="EHF723" s="424"/>
      <c r="EHG723" s="424"/>
      <c r="EHH723" s="424"/>
      <c r="EHI723" s="423" t="s">
        <v>2795</v>
      </c>
      <c r="EHJ723" s="424"/>
      <c r="EHK723" s="424"/>
      <c r="EHL723" s="424"/>
      <c r="EHM723" s="423" t="s">
        <v>2795</v>
      </c>
      <c r="EHN723" s="424"/>
      <c r="EHO723" s="424"/>
      <c r="EHP723" s="424"/>
      <c r="EHQ723" s="423" t="s">
        <v>2795</v>
      </c>
      <c r="EHR723" s="424"/>
      <c r="EHS723" s="424"/>
      <c r="EHT723" s="424"/>
      <c r="EHU723" s="423" t="s">
        <v>2795</v>
      </c>
      <c r="EHV723" s="424"/>
      <c r="EHW723" s="424"/>
      <c r="EHX723" s="424"/>
      <c r="EHY723" s="423" t="s">
        <v>2795</v>
      </c>
      <c r="EHZ723" s="424"/>
      <c r="EIA723" s="424"/>
      <c r="EIB723" s="424"/>
      <c r="EIC723" s="423" t="s">
        <v>2795</v>
      </c>
      <c r="EID723" s="424"/>
      <c r="EIE723" s="424"/>
      <c r="EIF723" s="424"/>
      <c r="EIG723" s="423" t="s">
        <v>2795</v>
      </c>
      <c r="EIH723" s="424"/>
      <c r="EII723" s="424"/>
      <c r="EIJ723" s="424"/>
      <c r="EIK723" s="423" t="s">
        <v>2795</v>
      </c>
      <c r="EIL723" s="424"/>
      <c r="EIM723" s="424"/>
      <c r="EIN723" s="424"/>
      <c r="EIO723" s="423" t="s">
        <v>2795</v>
      </c>
      <c r="EIP723" s="424"/>
      <c r="EIQ723" s="424"/>
      <c r="EIR723" s="424"/>
      <c r="EIS723" s="423" t="s">
        <v>2795</v>
      </c>
      <c r="EIT723" s="424"/>
      <c r="EIU723" s="424"/>
      <c r="EIV723" s="424"/>
      <c r="EIW723" s="423" t="s">
        <v>2795</v>
      </c>
      <c r="EIX723" s="424"/>
      <c r="EIY723" s="424"/>
      <c r="EIZ723" s="424"/>
      <c r="EJA723" s="423" t="s">
        <v>2795</v>
      </c>
      <c r="EJB723" s="424"/>
      <c r="EJC723" s="424"/>
      <c r="EJD723" s="424"/>
      <c r="EJE723" s="423" t="s">
        <v>2795</v>
      </c>
      <c r="EJF723" s="424"/>
      <c r="EJG723" s="424"/>
      <c r="EJH723" s="424"/>
      <c r="EJI723" s="423" t="s">
        <v>2795</v>
      </c>
      <c r="EJJ723" s="424"/>
      <c r="EJK723" s="424"/>
      <c r="EJL723" s="424"/>
      <c r="EJM723" s="423" t="s">
        <v>2795</v>
      </c>
      <c r="EJN723" s="424"/>
      <c r="EJO723" s="424"/>
      <c r="EJP723" s="424"/>
      <c r="EJQ723" s="423" t="s">
        <v>2795</v>
      </c>
      <c r="EJR723" s="424"/>
      <c r="EJS723" s="424"/>
      <c r="EJT723" s="424"/>
      <c r="EJU723" s="423" t="s">
        <v>2795</v>
      </c>
      <c r="EJV723" s="424"/>
      <c r="EJW723" s="424"/>
      <c r="EJX723" s="424"/>
      <c r="EJY723" s="423" t="s">
        <v>2795</v>
      </c>
      <c r="EJZ723" s="424"/>
      <c r="EKA723" s="424"/>
      <c r="EKB723" s="424"/>
      <c r="EKC723" s="423" t="s">
        <v>2795</v>
      </c>
      <c r="EKD723" s="424"/>
      <c r="EKE723" s="424"/>
      <c r="EKF723" s="424"/>
      <c r="EKG723" s="423" t="s">
        <v>2795</v>
      </c>
      <c r="EKH723" s="424"/>
      <c r="EKI723" s="424"/>
      <c r="EKJ723" s="424"/>
      <c r="EKK723" s="423" t="s">
        <v>2795</v>
      </c>
      <c r="EKL723" s="424"/>
      <c r="EKM723" s="424"/>
      <c r="EKN723" s="424"/>
      <c r="EKO723" s="423" t="s">
        <v>2795</v>
      </c>
      <c r="EKP723" s="424"/>
      <c r="EKQ723" s="424"/>
      <c r="EKR723" s="424"/>
      <c r="EKS723" s="423" t="s">
        <v>2795</v>
      </c>
      <c r="EKT723" s="424"/>
      <c r="EKU723" s="424"/>
      <c r="EKV723" s="424"/>
      <c r="EKW723" s="423" t="s">
        <v>2795</v>
      </c>
      <c r="EKX723" s="424"/>
      <c r="EKY723" s="424"/>
      <c r="EKZ723" s="424"/>
      <c r="ELA723" s="423" t="s">
        <v>2795</v>
      </c>
      <c r="ELB723" s="424"/>
      <c r="ELC723" s="424"/>
      <c r="ELD723" s="424"/>
      <c r="ELE723" s="423" t="s">
        <v>2795</v>
      </c>
      <c r="ELF723" s="424"/>
      <c r="ELG723" s="424"/>
      <c r="ELH723" s="424"/>
      <c r="ELI723" s="423" t="s">
        <v>2795</v>
      </c>
      <c r="ELJ723" s="424"/>
      <c r="ELK723" s="424"/>
      <c r="ELL723" s="424"/>
      <c r="ELM723" s="423" t="s">
        <v>2795</v>
      </c>
      <c r="ELN723" s="424"/>
      <c r="ELO723" s="424"/>
      <c r="ELP723" s="424"/>
      <c r="ELQ723" s="423" t="s">
        <v>2795</v>
      </c>
      <c r="ELR723" s="424"/>
      <c r="ELS723" s="424"/>
      <c r="ELT723" s="424"/>
      <c r="ELU723" s="423" t="s">
        <v>2795</v>
      </c>
      <c r="ELV723" s="424"/>
      <c r="ELW723" s="424"/>
      <c r="ELX723" s="424"/>
      <c r="ELY723" s="423" t="s">
        <v>2795</v>
      </c>
      <c r="ELZ723" s="424"/>
      <c r="EMA723" s="424"/>
      <c r="EMB723" s="424"/>
      <c r="EMC723" s="423" t="s">
        <v>2795</v>
      </c>
      <c r="EMD723" s="424"/>
      <c r="EME723" s="424"/>
      <c r="EMF723" s="424"/>
      <c r="EMG723" s="423" t="s">
        <v>2795</v>
      </c>
      <c r="EMH723" s="424"/>
      <c r="EMI723" s="424"/>
      <c r="EMJ723" s="424"/>
      <c r="EMK723" s="423" t="s">
        <v>2795</v>
      </c>
      <c r="EML723" s="424"/>
      <c r="EMM723" s="424"/>
      <c r="EMN723" s="424"/>
      <c r="EMO723" s="423" t="s">
        <v>2795</v>
      </c>
      <c r="EMP723" s="424"/>
      <c r="EMQ723" s="424"/>
      <c r="EMR723" s="424"/>
      <c r="EMS723" s="423" t="s">
        <v>2795</v>
      </c>
      <c r="EMT723" s="424"/>
      <c r="EMU723" s="424"/>
      <c r="EMV723" s="424"/>
      <c r="EMW723" s="423" t="s">
        <v>2795</v>
      </c>
      <c r="EMX723" s="424"/>
      <c r="EMY723" s="424"/>
      <c r="EMZ723" s="424"/>
      <c r="ENA723" s="423" t="s">
        <v>2795</v>
      </c>
      <c r="ENB723" s="424"/>
      <c r="ENC723" s="424"/>
      <c r="END723" s="424"/>
      <c r="ENE723" s="423" t="s">
        <v>2795</v>
      </c>
      <c r="ENF723" s="424"/>
      <c r="ENG723" s="424"/>
      <c r="ENH723" s="424"/>
      <c r="ENI723" s="423" t="s">
        <v>2795</v>
      </c>
      <c r="ENJ723" s="424"/>
      <c r="ENK723" s="424"/>
      <c r="ENL723" s="424"/>
      <c r="ENM723" s="423" t="s">
        <v>2795</v>
      </c>
      <c r="ENN723" s="424"/>
      <c r="ENO723" s="424"/>
      <c r="ENP723" s="424"/>
      <c r="ENQ723" s="423" t="s">
        <v>2795</v>
      </c>
      <c r="ENR723" s="424"/>
      <c r="ENS723" s="424"/>
      <c r="ENT723" s="424"/>
      <c r="ENU723" s="423" t="s">
        <v>2795</v>
      </c>
      <c r="ENV723" s="424"/>
      <c r="ENW723" s="424"/>
      <c r="ENX723" s="424"/>
      <c r="ENY723" s="423" t="s">
        <v>2795</v>
      </c>
      <c r="ENZ723" s="424"/>
      <c r="EOA723" s="424"/>
      <c r="EOB723" s="424"/>
      <c r="EOC723" s="423" t="s">
        <v>2795</v>
      </c>
      <c r="EOD723" s="424"/>
      <c r="EOE723" s="424"/>
      <c r="EOF723" s="424"/>
      <c r="EOG723" s="423" t="s">
        <v>2795</v>
      </c>
      <c r="EOH723" s="424"/>
      <c r="EOI723" s="424"/>
      <c r="EOJ723" s="424"/>
      <c r="EOK723" s="423" t="s">
        <v>2795</v>
      </c>
      <c r="EOL723" s="424"/>
      <c r="EOM723" s="424"/>
      <c r="EON723" s="424"/>
      <c r="EOO723" s="423" t="s">
        <v>2795</v>
      </c>
      <c r="EOP723" s="424"/>
      <c r="EOQ723" s="424"/>
      <c r="EOR723" s="424"/>
      <c r="EOS723" s="423" t="s">
        <v>2795</v>
      </c>
      <c r="EOT723" s="424"/>
      <c r="EOU723" s="424"/>
      <c r="EOV723" s="424"/>
      <c r="EOW723" s="423" t="s">
        <v>2795</v>
      </c>
      <c r="EOX723" s="424"/>
      <c r="EOY723" s="424"/>
      <c r="EOZ723" s="424"/>
      <c r="EPA723" s="423" t="s">
        <v>2795</v>
      </c>
      <c r="EPB723" s="424"/>
      <c r="EPC723" s="424"/>
      <c r="EPD723" s="424"/>
      <c r="EPE723" s="423" t="s">
        <v>2795</v>
      </c>
      <c r="EPF723" s="424"/>
      <c r="EPG723" s="424"/>
      <c r="EPH723" s="424"/>
      <c r="EPI723" s="423" t="s">
        <v>2795</v>
      </c>
      <c r="EPJ723" s="424"/>
      <c r="EPK723" s="424"/>
      <c r="EPL723" s="424"/>
      <c r="EPM723" s="423" t="s">
        <v>2795</v>
      </c>
      <c r="EPN723" s="424"/>
      <c r="EPO723" s="424"/>
      <c r="EPP723" s="424"/>
      <c r="EPQ723" s="423" t="s">
        <v>2795</v>
      </c>
      <c r="EPR723" s="424"/>
      <c r="EPS723" s="424"/>
      <c r="EPT723" s="424"/>
      <c r="EPU723" s="423" t="s">
        <v>2795</v>
      </c>
      <c r="EPV723" s="424"/>
      <c r="EPW723" s="424"/>
      <c r="EPX723" s="424"/>
      <c r="EPY723" s="423" t="s">
        <v>2795</v>
      </c>
      <c r="EPZ723" s="424"/>
      <c r="EQA723" s="424"/>
      <c r="EQB723" s="424"/>
      <c r="EQC723" s="423" t="s">
        <v>2795</v>
      </c>
      <c r="EQD723" s="424"/>
      <c r="EQE723" s="424"/>
      <c r="EQF723" s="424"/>
      <c r="EQG723" s="423" t="s">
        <v>2795</v>
      </c>
      <c r="EQH723" s="424"/>
      <c r="EQI723" s="424"/>
      <c r="EQJ723" s="424"/>
      <c r="EQK723" s="423" t="s">
        <v>2795</v>
      </c>
      <c r="EQL723" s="424"/>
      <c r="EQM723" s="424"/>
      <c r="EQN723" s="424"/>
      <c r="EQO723" s="423" t="s">
        <v>2795</v>
      </c>
      <c r="EQP723" s="424"/>
      <c r="EQQ723" s="424"/>
      <c r="EQR723" s="424"/>
      <c r="EQS723" s="423" t="s">
        <v>2795</v>
      </c>
      <c r="EQT723" s="424"/>
      <c r="EQU723" s="424"/>
      <c r="EQV723" s="424"/>
      <c r="EQW723" s="423" t="s">
        <v>2795</v>
      </c>
      <c r="EQX723" s="424"/>
      <c r="EQY723" s="424"/>
      <c r="EQZ723" s="424"/>
      <c r="ERA723" s="423" t="s">
        <v>2795</v>
      </c>
      <c r="ERB723" s="424"/>
      <c r="ERC723" s="424"/>
      <c r="ERD723" s="424"/>
      <c r="ERE723" s="423" t="s">
        <v>2795</v>
      </c>
      <c r="ERF723" s="424"/>
      <c r="ERG723" s="424"/>
      <c r="ERH723" s="424"/>
      <c r="ERI723" s="423" t="s">
        <v>2795</v>
      </c>
      <c r="ERJ723" s="424"/>
      <c r="ERK723" s="424"/>
      <c r="ERL723" s="424"/>
      <c r="ERM723" s="423" t="s">
        <v>2795</v>
      </c>
      <c r="ERN723" s="424"/>
      <c r="ERO723" s="424"/>
      <c r="ERP723" s="424"/>
      <c r="ERQ723" s="423" t="s">
        <v>2795</v>
      </c>
      <c r="ERR723" s="424"/>
      <c r="ERS723" s="424"/>
      <c r="ERT723" s="424"/>
      <c r="ERU723" s="423" t="s">
        <v>2795</v>
      </c>
      <c r="ERV723" s="424"/>
      <c r="ERW723" s="424"/>
      <c r="ERX723" s="424"/>
      <c r="ERY723" s="423" t="s">
        <v>2795</v>
      </c>
      <c r="ERZ723" s="424"/>
      <c r="ESA723" s="424"/>
      <c r="ESB723" s="424"/>
      <c r="ESC723" s="423" t="s">
        <v>2795</v>
      </c>
      <c r="ESD723" s="424"/>
      <c r="ESE723" s="424"/>
      <c r="ESF723" s="424"/>
      <c r="ESG723" s="423" t="s">
        <v>2795</v>
      </c>
      <c r="ESH723" s="424"/>
      <c r="ESI723" s="424"/>
      <c r="ESJ723" s="424"/>
      <c r="ESK723" s="423" t="s">
        <v>2795</v>
      </c>
      <c r="ESL723" s="424"/>
      <c r="ESM723" s="424"/>
      <c r="ESN723" s="424"/>
      <c r="ESO723" s="423" t="s">
        <v>2795</v>
      </c>
      <c r="ESP723" s="424"/>
      <c r="ESQ723" s="424"/>
      <c r="ESR723" s="424"/>
      <c r="ESS723" s="423" t="s">
        <v>2795</v>
      </c>
      <c r="EST723" s="424"/>
      <c r="ESU723" s="424"/>
      <c r="ESV723" s="424"/>
      <c r="ESW723" s="423" t="s">
        <v>2795</v>
      </c>
      <c r="ESX723" s="424"/>
      <c r="ESY723" s="424"/>
      <c r="ESZ723" s="424"/>
      <c r="ETA723" s="423" t="s">
        <v>2795</v>
      </c>
      <c r="ETB723" s="424"/>
      <c r="ETC723" s="424"/>
      <c r="ETD723" s="424"/>
      <c r="ETE723" s="423" t="s">
        <v>2795</v>
      </c>
      <c r="ETF723" s="424"/>
      <c r="ETG723" s="424"/>
      <c r="ETH723" s="424"/>
      <c r="ETI723" s="423" t="s">
        <v>2795</v>
      </c>
      <c r="ETJ723" s="424"/>
      <c r="ETK723" s="424"/>
      <c r="ETL723" s="424"/>
      <c r="ETM723" s="423" t="s">
        <v>2795</v>
      </c>
      <c r="ETN723" s="424"/>
      <c r="ETO723" s="424"/>
      <c r="ETP723" s="424"/>
      <c r="ETQ723" s="423" t="s">
        <v>2795</v>
      </c>
      <c r="ETR723" s="424"/>
      <c r="ETS723" s="424"/>
      <c r="ETT723" s="424"/>
      <c r="ETU723" s="423" t="s">
        <v>2795</v>
      </c>
      <c r="ETV723" s="424"/>
      <c r="ETW723" s="424"/>
      <c r="ETX723" s="424"/>
      <c r="ETY723" s="423" t="s">
        <v>2795</v>
      </c>
      <c r="ETZ723" s="424"/>
      <c r="EUA723" s="424"/>
      <c r="EUB723" s="424"/>
      <c r="EUC723" s="423" t="s">
        <v>2795</v>
      </c>
      <c r="EUD723" s="424"/>
      <c r="EUE723" s="424"/>
      <c r="EUF723" s="424"/>
      <c r="EUG723" s="423" t="s">
        <v>2795</v>
      </c>
      <c r="EUH723" s="424"/>
      <c r="EUI723" s="424"/>
      <c r="EUJ723" s="424"/>
      <c r="EUK723" s="423" t="s">
        <v>2795</v>
      </c>
      <c r="EUL723" s="424"/>
      <c r="EUM723" s="424"/>
      <c r="EUN723" s="424"/>
      <c r="EUO723" s="423" t="s">
        <v>2795</v>
      </c>
      <c r="EUP723" s="424"/>
      <c r="EUQ723" s="424"/>
      <c r="EUR723" s="424"/>
      <c r="EUS723" s="423" t="s">
        <v>2795</v>
      </c>
      <c r="EUT723" s="424"/>
      <c r="EUU723" s="424"/>
      <c r="EUV723" s="424"/>
      <c r="EUW723" s="423" t="s">
        <v>2795</v>
      </c>
      <c r="EUX723" s="424"/>
      <c r="EUY723" s="424"/>
      <c r="EUZ723" s="424"/>
      <c r="EVA723" s="423" t="s">
        <v>2795</v>
      </c>
      <c r="EVB723" s="424"/>
      <c r="EVC723" s="424"/>
      <c r="EVD723" s="424"/>
      <c r="EVE723" s="423" t="s">
        <v>2795</v>
      </c>
      <c r="EVF723" s="424"/>
      <c r="EVG723" s="424"/>
      <c r="EVH723" s="424"/>
      <c r="EVI723" s="423" t="s">
        <v>2795</v>
      </c>
      <c r="EVJ723" s="424"/>
      <c r="EVK723" s="424"/>
      <c r="EVL723" s="424"/>
      <c r="EVM723" s="423" t="s">
        <v>2795</v>
      </c>
      <c r="EVN723" s="424"/>
      <c r="EVO723" s="424"/>
      <c r="EVP723" s="424"/>
      <c r="EVQ723" s="423" t="s">
        <v>2795</v>
      </c>
      <c r="EVR723" s="424"/>
      <c r="EVS723" s="424"/>
      <c r="EVT723" s="424"/>
      <c r="EVU723" s="423" t="s">
        <v>2795</v>
      </c>
      <c r="EVV723" s="424"/>
      <c r="EVW723" s="424"/>
      <c r="EVX723" s="424"/>
      <c r="EVY723" s="423" t="s">
        <v>2795</v>
      </c>
      <c r="EVZ723" s="424"/>
      <c r="EWA723" s="424"/>
      <c r="EWB723" s="424"/>
      <c r="EWC723" s="423" t="s">
        <v>2795</v>
      </c>
      <c r="EWD723" s="424"/>
      <c r="EWE723" s="424"/>
      <c r="EWF723" s="424"/>
      <c r="EWG723" s="423" t="s">
        <v>2795</v>
      </c>
      <c r="EWH723" s="424"/>
      <c r="EWI723" s="424"/>
      <c r="EWJ723" s="424"/>
      <c r="EWK723" s="423" t="s">
        <v>2795</v>
      </c>
      <c r="EWL723" s="424"/>
      <c r="EWM723" s="424"/>
      <c r="EWN723" s="424"/>
      <c r="EWO723" s="423" t="s">
        <v>2795</v>
      </c>
      <c r="EWP723" s="424"/>
      <c r="EWQ723" s="424"/>
      <c r="EWR723" s="424"/>
      <c r="EWS723" s="423" t="s">
        <v>2795</v>
      </c>
      <c r="EWT723" s="424"/>
      <c r="EWU723" s="424"/>
      <c r="EWV723" s="424"/>
      <c r="EWW723" s="423" t="s">
        <v>2795</v>
      </c>
      <c r="EWX723" s="424"/>
      <c r="EWY723" s="424"/>
      <c r="EWZ723" s="424"/>
      <c r="EXA723" s="423" t="s">
        <v>2795</v>
      </c>
      <c r="EXB723" s="424"/>
      <c r="EXC723" s="424"/>
      <c r="EXD723" s="424"/>
      <c r="EXE723" s="423" t="s">
        <v>2795</v>
      </c>
      <c r="EXF723" s="424"/>
      <c r="EXG723" s="424"/>
      <c r="EXH723" s="424"/>
      <c r="EXI723" s="423" t="s">
        <v>2795</v>
      </c>
      <c r="EXJ723" s="424"/>
      <c r="EXK723" s="424"/>
      <c r="EXL723" s="424"/>
      <c r="EXM723" s="423" t="s">
        <v>2795</v>
      </c>
      <c r="EXN723" s="424"/>
      <c r="EXO723" s="424"/>
      <c r="EXP723" s="424"/>
      <c r="EXQ723" s="423" t="s">
        <v>2795</v>
      </c>
      <c r="EXR723" s="424"/>
      <c r="EXS723" s="424"/>
      <c r="EXT723" s="424"/>
      <c r="EXU723" s="423" t="s">
        <v>2795</v>
      </c>
      <c r="EXV723" s="424"/>
      <c r="EXW723" s="424"/>
      <c r="EXX723" s="424"/>
      <c r="EXY723" s="423" t="s">
        <v>2795</v>
      </c>
      <c r="EXZ723" s="424"/>
      <c r="EYA723" s="424"/>
      <c r="EYB723" s="424"/>
      <c r="EYC723" s="423" t="s">
        <v>2795</v>
      </c>
      <c r="EYD723" s="424"/>
      <c r="EYE723" s="424"/>
      <c r="EYF723" s="424"/>
      <c r="EYG723" s="423" t="s">
        <v>2795</v>
      </c>
      <c r="EYH723" s="424"/>
      <c r="EYI723" s="424"/>
      <c r="EYJ723" s="424"/>
      <c r="EYK723" s="423" t="s">
        <v>2795</v>
      </c>
      <c r="EYL723" s="424"/>
      <c r="EYM723" s="424"/>
      <c r="EYN723" s="424"/>
      <c r="EYO723" s="423" t="s">
        <v>2795</v>
      </c>
      <c r="EYP723" s="424"/>
      <c r="EYQ723" s="424"/>
      <c r="EYR723" s="424"/>
      <c r="EYS723" s="423" t="s">
        <v>2795</v>
      </c>
      <c r="EYT723" s="424"/>
      <c r="EYU723" s="424"/>
      <c r="EYV723" s="424"/>
      <c r="EYW723" s="423" t="s">
        <v>2795</v>
      </c>
      <c r="EYX723" s="424"/>
      <c r="EYY723" s="424"/>
      <c r="EYZ723" s="424"/>
      <c r="EZA723" s="423" t="s">
        <v>2795</v>
      </c>
      <c r="EZB723" s="424"/>
      <c r="EZC723" s="424"/>
      <c r="EZD723" s="424"/>
      <c r="EZE723" s="423" t="s">
        <v>2795</v>
      </c>
      <c r="EZF723" s="424"/>
      <c r="EZG723" s="424"/>
      <c r="EZH723" s="424"/>
      <c r="EZI723" s="423" t="s">
        <v>2795</v>
      </c>
      <c r="EZJ723" s="424"/>
      <c r="EZK723" s="424"/>
      <c r="EZL723" s="424"/>
      <c r="EZM723" s="423" t="s">
        <v>2795</v>
      </c>
      <c r="EZN723" s="424"/>
      <c r="EZO723" s="424"/>
      <c r="EZP723" s="424"/>
      <c r="EZQ723" s="423" t="s">
        <v>2795</v>
      </c>
      <c r="EZR723" s="424"/>
      <c r="EZS723" s="424"/>
      <c r="EZT723" s="424"/>
      <c r="EZU723" s="423" t="s">
        <v>2795</v>
      </c>
      <c r="EZV723" s="424"/>
      <c r="EZW723" s="424"/>
      <c r="EZX723" s="424"/>
      <c r="EZY723" s="423" t="s">
        <v>2795</v>
      </c>
      <c r="EZZ723" s="424"/>
      <c r="FAA723" s="424"/>
      <c r="FAB723" s="424"/>
      <c r="FAC723" s="423" t="s">
        <v>2795</v>
      </c>
      <c r="FAD723" s="424"/>
      <c r="FAE723" s="424"/>
      <c r="FAF723" s="424"/>
      <c r="FAG723" s="423" t="s">
        <v>2795</v>
      </c>
      <c r="FAH723" s="424"/>
      <c r="FAI723" s="424"/>
      <c r="FAJ723" s="424"/>
      <c r="FAK723" s="423" t="s">
        <v>2795</v>
      </c>
      <c r="FAL723" s="424"/>
      <c r="FAM723" s="424"/>
      <c r="FAN723" s="424"/>
      <c r="FAO723" s="423" t="s">
        <v>2795</v>
      </c>
      <c r="FAP723" s="424"/>
      <c r="FAQ723" s="424"/>
      <c r="FAR723" s="424"/>
      <c r="FAS723" s="423" t="s">
        <v>2795</v>
      </c>
      <c r="FAT723" s="424"/>
      <c r="FAU723" s="424"/>
      <c r="FAV723" s="424"/>
      <c r="FAW723" s="423" t="s">
        <v>2795</v>
      </c>
      <c r="FAX723" s="424"/>
      <c r="FAY723" s="424"/>
      <c r="FAZ723" s="424"/>
      <c r="FBA723" s="423" t="s">
        <v>2795</v>
      </c>
      <c r="FBB723" s="424"/>
      <c r="FBC723" s="424"/>
      <c r="FBD723" s="424"/>
      <c r="FBE723" s="423" t="s">
        <v>2795</v>
      </c>
      <c r="FBF723" s="424"/>
      <c r="FBG723" s="424"/>
      <c r="FBH723" s="424"/>
      <c r="FBI723" s="423" t="s">
        <v>2795</v>
      </c>
      <c r="FBJ723" s="424"/>
      <c r="FBK723" s="424"/>
      <c r="FBL723" s="424"/>
      <c r="FBM723" s="423" t="s">
        <v>2795</v>
      </c>
      <c r="FBN723" s="424"/>
      <c r="FBO723" s="424"/>
      <c r="FBP723" s="424"/>
      <c r="FBQ723" s="423" t="s">
        <v>2795</v>
      </c>
      <c r="FBR723" s="424"/>
      <c r="FBS723" s="424"/>
      <c r="FBT723" s="424"/>
      <c r="FBU723" s="423" t="s">
        <v>2795</v>
      </c>
      <c r="FBV723" s="424"/>
      <c r="FBW723" s="424"/>
      <c r="FBX723" s="424"/>
      <c r="FBY723" s="423" t="s">
        <v>2795</v>
      </c>
      <c r="FBZ723" s="424"/>
      <c r="FCA723" s="424"/>
      <c r="FCB723" s="424"/>
      <c r="FCC723" s="423" t="s">
        <v>2795</v>
      </c>
      <c r="FCD723" s="424"/>
      <c r="FCE723" s="424"/>
      <c r="FCF723" s="424"/>
      <c r="FCG723" s="423" t="s">
        <v>2795</v>
      </c>
      <c r="FCH723" s="424"/>
      <c r="FCI723" s="424"/>
      <c r="FCJ723" s="424"/>
      <c r="FCK723" s="423" t="s">
        <v>2795</v>
      </c>
      <c r="FCL723" s="424"/>
      <c r="FCM723" s="424"/>
      <c r="FCN723" s="424"/>
      <c r="FCO723" s="423" t="s">
        <v>2795</v>
      </c>
      <c r="FCP723" s="424"/>
      <c r="FCQ723" s="424"/>
      <c r="FCR723" s="424"/>
      <c r="FCS723" s="423" t="s">
        <v>2795</v>
      </c>
      <c r="FCT723" s="424"/>
      <c r="FCU723" s="424"/>
      <c r="FCV723" s="424"/>
      <c r="FCW723" s="423" t="s">
        <v>2795</v>
      </c>
      <c r="FCX723" s="424"/>
      <c r="FCY723" s="424"/>
      <c r="FCZ723" s="424"/>
      <c r="FDA723" s="423" t="s">
        <v>2795</v>
      </c>
      <c r="FDB723" s="424"/>
      <c r="FDC723" s="424"/>
      <c r="FDD723" s="424"/>
      <c r="FDE723" s="423" t="s">
        <v>2795</v>
      </c>
      <c r="FDF723" s="424"/>
      <c r="FDG723" s="424"/>
      <c r="FDH723" s="424"/>
      <c r="FDI723" s="423" t="s">
        <v>2795</v>
      </c>
      <c r="FDJ723" s="424"/>
      <c r="FDK723" s="424"/>
      <c r="FDL723" s="424"/>
      <c r="FDM723" s="423" t="s">
        <v>2795</v>
      </c>
      <c r="FDN723" s="424"/>
      <c r="FDO723" s="424"/>
      <c r="FDP723" s="424"/>
      <c r="FDQ723" s="423" t="s">
        <v>2795</v>
      </c>
      <c r="FDR723" s="424"/>
      <c r="FDS723" s="424"/>
      <c r="FDT723" s="424"/>
      <c r="FDU723" s="423" t="s">
        <v>2795</v>
      </c>
      <c r="FDV723" s="424"/>
      <c r="FDW723" s="424"/>
      <c r="FDX723" s="424"/>
      <c r="FDY723" s="423" t="s">
        <v>2795</v>
      </c>
      <c r="FDZ723" s="424"/>
      <c r="FEA723" s="424"/>
      <c r="FEB723" s="424"/>
      <c r="FEC723" s="423" t="s">
        <v>2795</v>
      </c>
      <c r="FED723" s="424"/>
      <c r="FEE723" s="424"/>
      <c r="FEF723" s="424"/>
      <c r="FEG723" s="423" t="s">
        <v>2795</v>
      </c>
      <c r="FEH723" s="424"/>
      <c r="FEI723" s="424"/>
      <c r="FEJ723" s="424"/>
      <c r="FEK723" s="423" t="s">
        <v>2795</v>
      </c>
      <c r="FEL723" s="424"/>
      <c r="FEM723" s="424"/>
      <c r="FEN723" s="424"/>
      <c r="FEO723" s="423" t="s">
        <v>2795</v>
      </c>
      <c r="FEP723" s="424"/>
      <c r="FEQ723" s="424"/>
      <c r="FER723" s="424"/>
      <c r="FES723" s="423" t="s">
        <v>2795</v>
      </c>
      <c r="FET723" s="424"/>
      <c r="FEU723" s="424"/>
      <c r="FEV723" s="424"/>
      <c r="FEW723" s="423" t="s">
        <v>2795</v>
      </c>
      <c r="FEX723" s="424"/>
      <c r="FEY723" s="424"/>
      <c r="FEZ723" s="424"/>
      <c r="FFA723" s="423" t="s">
        <v>2795</v>
      </c>
      <c r="FFB723" s="424"/>
      <c r="FFC723" s="424"/>
      <c r="FFD723" s="424"/>
      <c r="FFE723" s="423" t="s">
        <v>2795</v>
      </c>
      <c r="FFF723" s="424"/>
      <c r="FFG723" s="424"/>
      <c r="FFH723" s="424"/>
      <c r="FFI723" s="423" t="s">
        <v>2795</v>
      </c>
      <c r="FFJ723" s="424"/>
      <c r="FFK723" s="424"/>
      <c r="FFL723" s="424"/>
      <c r="FFM723" s="423" t="s">
        <v>2795</v>
      </c>
      <c r="FFN723" s="424"/>
      <c r="FFO723" s="424"/>
      <c r="FFP723" s="424"/>
      <c r="FFQ723" s="423" t="s">
        <v>2795</v>
      </c>
      <c r="FFR723" s="424"/>
      <c r="FFS723" s="424"/>
      <c r="FFT723" s="424"/>
      <c r="FFU723" s="423" t="s">
        <v>2795</v>
      </c>
      <c r="FFV723" s="424"/>
      <c r="FFW723" s="424"/>
      <c r="FFX723" s="424"/>
      <c r="FFY723" s="423" t="s">
        <v>2795</v>
      </c>
      <c r="FFZ723" s="424"/>
      <c r="FGA723" s="424"/>
      <c r="FGB723" s="424"/>
      <c r="FGC723" s="423" t="s">
        <v>2795</v>
      </c>
      <c r="FGD723" s="424"/>
      <c r="FGE723" s="424"/>
      <c r="FGF723" s="424"/>
      <c r="FGG723" s="423" t="s">
        <v>2795</v>
      </c>
      <c r="FGH723" s="424"/>
      <c r="FGI723" s="424"/>
      <c r="FGJ723" s="424"/>
      <c r="FGK723" s="423" t="s">
        <v>2795</v>
      </c>
      <c r="FGL723" s="424"/>
      <c r="FGM723" s="424"/>
      <c r="FGN723" s="424"/>
      <c r="FGO723" s="423" t="s">
        <v>2795</v>
      </c>
      <c r="FGP723" s="424"/>
      <c r="FGQ723" s="424"/>
      <c r="FGR723" s="424"/>
      <c r="FGS723" s="423" t="s">
        <v>2795</v>
      </c>
      <c r="FGT723" s="424"/>
      <c r="FGU723" s="424"/>
      <c r="FGV723" s="424"/>
      <c r="FGW723" s="423" t="s">
        <v>2795</v>
      </c>
      <c r="FGX723" s="424"/>
      <c r="FGY723" s="424"/>
      <c r="FGZ723" s="424"/>
      <c r="FHA723" s="423" t="s">
        <v>2795</v>
      </c>
      <c r="FHB723" s="424"/>
      <c r="FHC723" s="424"/>
      <c r="FHD723" s="424"/>
      <c r="FHE723" s="423" t="s">
        <v>2795</v>
      </c>
      <c r="FHF723" s="424"/>
      <c r="FHG723" s="424"/>
      <c r="FHH723" s="424"/>
      <c r="FHI723" s="423" t="s">
        <v>2795</v>
      </c>
      <c r="FHJ723" s="424"/>
      <c r="FHK723" s="424"/>
      <c r="FHL723" s="424"/>
      <c r="FHM723" s="423" t="s">
        <v>2795</v>
      </c>
      <c r="FHN723" s="424"/>
      <c r="FHO723" s="424"/>
      <c r="FHP723" s="424"/>
      <c r="FHQ723" s="423" t="s">
        <v>2795</v>
      </c>
      <c r="FHR723" s="424"/>
      <c r="FHS723" s="424"/>
      <c r="FHT723" s="424"/>
      <c r="FHU723" s="423" t="s">
        <v>2795</v>
      </c>
      <c r="FHV723" s="424"/>
      <c r="FHW723" s="424"/>
      <c r="FHX723" s="424"/>
      <c r="FHY723" s="423" t="s">
        <v>2795</v>
      </c>
      <c r="FHZ723" s="424"/>
      <c r="FIA723" s="424"/>
      <c r="FIB723" s="424"/>
      <c r="FIC723" s="423" t="s">
        <v>2795</v>
      </c>
      <c r="FID723" s="424"/>
      <c r="FIE723" s="424"/>
      <c r="FIF723" s="424"/>
      <c r="FIG723" s="423" t="s">
        <v>2795</v>
      </c>
      <c r="FIH723" s="424"/>
      <c r="FII723" s="424"/>
      <c r="FIJ723" s="424"/>
      <c r="FIK723" s="423" t="s">
        <v>2795</v>
      </c>
      <c r="FIL723" s="424"/>
      <c r="FIM723" s="424"/>
      <c r="FIN723" s="424"/>
      <c r="FIO723" s="423" t="s">
        <v>2795</v>
      </c>
      <c r="FIP723" s="424"/>
      <c r="FIQ723" s="424"/>
      <c r="FIR723" s="424"/>
      <c r="FIS723" s="423" t="s">
        <v>2795</v>
      </c>
      <c r="FIT723" s="424"/>
      <c r="FIU723" s="424"/>
      <c r="FIV723" s="424"/>
      <c r="FIW723" s="423" t="s">
        <v>2795</v>
      </c>
      <c r="FIX723" s="424"/>
      <c r="FIY723" s="424"/>
      <c r="FIZ723" s="424"/>
      <c r="FJA723" s="423" t="s">
        <v>2795</v>
      </c>
      <c r="FJB723" s="424"/>
      <c r="FJC723" s="424"/>
      <c r="FJD723" s="424"/>
      <c r="FJE723" s="423" t="s">
        <v>2795</v>
      </c>
      <c r="FJF723" s="424"/>
      <c r="FJG723" s="424"/>
      <c r="FJH723" s="424"/>
      <c r="FJI723" s="423" t="s">
        <v>2795</v>
      </c>
      <c r="FJJ723" s="424"/>
      <c r="FJK723" s="424"/>
      <c r="FJL723" s="424"/>
      <c r="FJM723" s="423" t="s">
        <v>2795</v>
      </c>
      <c r="FJN723" s="424"/>
      <c r="FJO723" s="424"/>
      <c r="FJP723" s="424"/>
      <c r="FJQ723" s="423" t="s">
        <v>2795</v>
      </c>
      <c r="FJR723" s="424"/>
      <c r="FJS723" s="424"/>
      <c r="FJT723" s="424"/>
      <c r="FJU723" s="423" t="s">
        <v>2795</v>
      </c>
      <c r="FJV723" s="424"/>
      <c r="FJW723" s="424"/>
      <c r="FJX723" s="424"/>
      <c r="FJY723" s="423" t="s">
        <v>2795</v>
      </c>
      <c r="FJZ723" s="424"/>
      <c r="FKA723" s="424"/>
      <c r="FKB723" s="424"/>
      <c r="FKC723" s="423" t="s">
        <v>2795</v>
      </c>
      <c r="FKD723" s="424"/>
      <c r="FKE723" s="424"/>
      <c r="FKF723" s="424"/>
      <c r="FKG723" s="423" t="s">
        <v>2795</v>
      </c>
      <c r="FKH723" s="424"/>
      <c r="FKI723" s="424"/>
      <c r="FKJ723" s="424"/>
      <c r="FKK723" s="423" t="s">
        <v>2795</v>
      </c>
      <c r="FKL723" s="424"/>
      <c r="FKM723" s="424"/>
      <c r="FKN723" s="424"/>
      <c r="FKO723" s="423" t="s">
        <v>2795</v>
      </c>
      <c r="FKP723" s="424"/>
      <c r="FKQ723" s="424"/>
      <c r="FKR723" s="424"/>
      <c r="FKS723" s="423" t="s">
        <v>2795</v>
      </c>
      <c r="FKT723" s="424"/>
      <c r="FKU723" s="424"/>
      <c r="FKV723" s="424"/>
      <c r="FKW723" s="423" t="s">
        <v>2795</v>
      </c>
      <c r="FKX723" s="424"/>
      <c r="FKY723" s="424"/>
      <c r="FKZ723" s="424"/>
      <c r="FLA723" s="423" t="s">
        <v>2795</v>
      </c>
      <c r="FLB723" s="424"/>
      <c r="FLC723" s="424"/>
      <c r="FLD723" s="424"/>
      <c r="FLE723" s="423" t="s">
        <v>2795</v>
      </c>
      <c r="FLF723" s="424"/>
      <c r="FLG723" s="424"/>
      <c r="FLH723" s="424"/>
      <c r="FLI723" s="423" t="s">
        <v>2795</v>
      </c>
      <c r="FLJ723" s="424"/>
      <c r="FLK723" s="424"/>
      <c r="FLL723" s="424"/>
      <c r="FLM723" s="423" t="s">
        <v>2795</v>
      </c>
      <c r="FLN723" s="424"/>
      <c r="FLO723" s="424"/>
      <c r="FLP723" s="424"/>
      <c r="FLQ723" s="423" t="s">
        <v>2795</v>
      </c>
      <c r="FLR723" s="424"/>
      <c r="FLS723" s="424"/>
      <c r="FLT723" s="424"/>
      <c r="FLU723" s="423" t="s">
        <v>2795</v>
      </c>
      <c r="FLV723" s="424"/>
      <c r="FLW723" s="424"/>
      <c r="FLX723" s="424"/>
      <c r="FLY723" s="423" t="s">
        <v>2795</v>
      </c>
      <c r="FLZ723" s="424"/>
      <c r="FMA723" s="424"/>
      <c r="FMB723" s="424"/>
      <c r="FMC723" s="423" t="s">
        <v>2795</v>
      </c>
      <c r="FMD723" s="424"/>
      <c r="FME723" s="424"/>
      <c r="FMF723" s="424"/>
      <c r="FMG723" s="423" t="s">
        <v>2795</v>
      </c>
      <c r="FMH723" s="424"/>
      <c r="FMI723" s="424"/>
      <c r="FMJ723" s="424"/>
      <c r="FMK723" s="423" t="s">
        <v>2795</v>
      </c>
      <c r="FML723" s="424"/>
      <c r="FMM723" s="424"/>
      <c r="FMN723" s="424"/>
      <c r="FMO723" s="423" t="s">
        <v>2795</v>
      </c>
      <c r="FMP723" s="424"/>
      <c r="FMQ723" s="424"/>
      <c r="FMR723" s="424"/>
      <c r="FMS723" s="423" t="s">
        <v>2795</v>
      </c>
      <c r="FMT723" s="424"/>
      <c r="FMU723" s="424"/>
      <c r="FMV723" s="424"/>
      <c r="FMW723" s="423" t="s">
        <v>2795</v>
      </c>
      <c r="FMX723" s="424"/>
      <c r="FMY723" s="424"/>
      <c r="FMZ723" s="424"/>
      <c r="FNA723" s="423" t="s">
        <v>2795</v>
      </c>
      <c r="FNB723" s="424"/>
      <c r="FNC723" s="424"/>
      <c r="FND723" s="424"/>
      <c r="FNE723" s="423" t="s">
        <v>2795</v>
      </c>
      <c r="FNF723" s="424"/>
      <c r="FNG723" s="424"/>
      <c r="FNH723" s="424"/>
      <c r="FNI723" s="423" t="s">
        <v>2795</v>
      </c>
      <c r="FNJ723" s="424"/>
      <c r="FNK723" s="424"/>
      <c r="FNL723" s="424"/>
      <c r="FNM723" s="423" t="s">
        <v>2795</v>
      </c>
      <c r="FNN723" s="424"/>
      <c r="FNO723" s="424"/>
      <c r="FNP723" s="424"/>
      <c r="FNQ723" s="423" t="s">
        <v>2795</v>
      </c>
      <c r="FNR723" s="424"/>
      <c r="FNS723" s="424"/>
      <c r="FNT723" s="424"/>
      <c r="FNU723" s="423" t="s">
        <v>2795</v>
      </c>
      <c r="FNV723" s="424"/>
      <c r="FNW723" s="424"/>
      <c r="FNX723" s="424"/>
      <c r="FNY723" s="423" t="s">
        <v>2795</v>
      </c>
      <c r="FNZ723" s="424"/>
      <c r="FOA723" s="424"/>
      <c r="FOB723" s="424"/>
      <c r="FOC723" s="423" t="s">
        <v>2795</v>
      </c>
      <c r="FOD723" s="424"/>
      <c r="FOE723" s="424"/>
      <c r="FOF723" s="424"/>
      <c r="FOG723" s="423" t="s">
        <v>2795</v>
      </c>
      <c r="FOH723" s="424"/>
      <c r="FOI723" s="424"/>
      <c r="FOJ723" s="424"/>
      <c r="FOK723" s="423" t="s">
        <v>2795</v>
      </c>
      <c r="FOL723" s="424"/>
      <c r="FOM723" s="424"/>
      <c r="FON723" s="424"/>
      <c r="FOO723" s="423" t="s">
        <v>2795</v>
      </c>
      <c r="FOP723" s="424"/>
      <c r="FOQ723" s="424"/>
      <c r="FOR723" s="424"/>
      <c r="FOS723" s="423" t="s">
        <v>2795</v>
      </c>
      <c r="FOT723" s="424"/>
      <c r="FOU723" s="424"/>
      <c r="FOV723" s="424"/>
      <c r="FOW723" s="423" t="s">
        <v>2795</v>
      </c>
      <c r="FOX723" s="424"/>
      <c r="FOY723" s="424"/>
      <c r="FOZ723" s="424"/>
      <c r="FPA723" s="423" t="s">
        <v>2795</v>
      </c>
      <c r="FPB723" s="424"/>
      <c r="FPC723" s="424"/>
      <c r="FPD723" s="424"/>
      <c r="FPE723" s="423" t="s">
        <v>2795</v>
      </c>
      <c r="FPF723" s="424"/>
      <c r="FPG723" s="424"/>
      <c r="FPH723" s="424"/>
      <c r="FPI723" s="423" t="s">
        <v>2795</v>
      </c>
      <c r="FPJ723" s="424"/>
      <c r="FPK723" s="424"/>
      <c r="FPL723" s="424"/>
      <c r="FPM723" s="423" t="s">
        <v>2795</v>
      </c>
      <c r="FPN723" s="424"/>
      <c r="FPO723" s="424"/>
      <c r="FPP723" s="424"/>
      <c r="FPQ723" s="423" t="s">
        <v>2795</v>
      </c>
      <c r="FPR723" s="424"/>
      <c r="FPS723" s="424"/>
      <c r="FPT723" s="424"/>
      <c r="FPU723" s="423" t="s">
        <v>2795</v>
      </c>
      <c r="FPV723" s="424"/>
      <c r="FPW723" s="424"/>
      <c r="FPX723" s="424"/>
      <c r="FPY723" s="423" t="s">
        <v>2795</v>
      </c>
      <c r="FPZ723" s="424"/>
      <c r="FQA723" s="424"/>
      <c r="FQB723" s="424"/>
      <c r="FQC723" s="423" t="s">
        <v>2795</v>
      </c>
      <c r="FQD723" s="424"/>
      <c r="FQE723" s="424"/>
      <c r="FQF723" s="424"/>
      <c r="FQG723" s="423" t="s">
        <v>2795</v>
      </c>
      <c r="FQH723" s="424"/>
      <c r="FQI723" s="424"/>
      <c r="FQJ723" s="424"/>
      <c r="FQK723" s="423" t="s">
        <v>2795</v>
      </c>
      <c r="FQL723" s="424"/>
      <c r="FQM723" s="424"/>
      <c r="FQN723" s="424"/>
      <c r="FQO723" s="423" t="s">
        <v>2795</v>
      </c>
      <c r="FQP723" s="424"/>
      <c r="FQQ723" s="424"/>
      <c r="FQR723" s="424"/>
      <c r="FQS723" s="423" t="s">
        <v>2795</v>
      </c>
      <c r="FQT723" s="424"/>
      <c r="FQU723" s="424"/>
      <c r="FQV723" s="424"/>
      <c r="FQW723" s="423" t="s">
        <v>2795</v>
      </c>
      <c r="FQX723" s="424"/>
      <c r="FQY723" s="424"/>
      <c r="FQZ723" s="424"/>
      <c r="FRA723" s="423" t="s">
        <v>2795</v>
      </c>
      <c r="FRB723" s="424"/>
      <c r="FRC723" s="424"/>
      <c r="FRD723" s="424"/>
      <c r="FRE723" s="423" t="s">
        <v>2795</v>
      </c>
      <c r="FRF723" s="424"/>
      <c r="FRG723" s="424"/>
      <c r="FRH723" s="424"/>
      <c r="FRI723" s="423" t="s">
        <v>2795</v>
      </c>
      <c r="FRJ723" s="424"/>
      <c r="FRK723" s="424"/>
      <c r="FRL723" s="424"/>
      <c r="FRM723" s="423" t="s">
        <v>2795</v>
      </c>
      <c r="FRN723" s="424"/>
      <c r="FRO723" s="424"/>
      <c r="FRP723" s="424"/>
      <c r="FRQ723" s="423" t="s">
        <v>2795</v>
      </c>
      <c r="FRR723" s="424"/>
      <c r="FRS723" s="424"/>
      <c r="FRT723" s="424"/>
      <c r="FRU723" s="423" t="s">
        <v>2795</v>
      </c>
      <c r="FRV723" s="424"/>
      <c r="FRW723" s="424"/>
      <c r="FRX723" s="424"/>
      <c r="FRY723" s="423" t="s">
        <v>2795</v>
      </c>
      <c r="FRZ723" s="424"/>
      <c r="FSA723" s="424"/>
      <c r="FSB723" s="424"/>
      <c r="FSC723" s="423" t="s">
        <v>2795</v>
      </c>
      <c r="FSD723" s="424"/>
      <c r="FSE723" s="424"/>
      <c r="FSF723" s="424"/>
      <c r="FSG723" s="423" t="s">
        <v>2795</v>
      </c>
      <c r="FSH723" s="424"/>
      <c r="FSI723" s="424"/>
      <c r="FSJ723" s="424"/>
      <c r="FSK723" s="423" t="s">
        <v>2795</v>
      </c>
      <c r="FSL723" s="424"/>
      <c r="FSM723" s="424"/>
      <c r="FSN723" s="424"/>
      <c r="FSO723" s="423" t="s">
        <v>2795</v>
      </c>
      <c r="FSP723" s="424"/>
      <c r="FSQ723" s="424"/>
      <c r="FSR723" s="424"/>
      <c r="FSS723" s="423" t="s">
        <v>2795</v>
      </c>
      <c r="FST723" s="424"/>
      <c r="FSU723" s="424"/>
      <c r="FSV723" s="424"/>
      <c r="FSW723" s="423" t="s">
        <v>2795</v>
      </c>
      <c r="FSX723" s="424"/>
      <c r="FSY723" s="424"/>
      <c r="FSZ723" s="424"/>
      <c r="FTA723" s="423" t="s">
        <v>2795</v>
      </c>
      <c r="FTB723" s="424"/>
      <c r="FTC723" s="424"/>
      <c r="FTD723" s="424"/>
      <c r="FTE723" s="423" t="s">
        <v>2795</v>
      </c>
      <c r="FTF723" s="424"/>
      <c r="FTG723" s="424"/>
      <c r="FTH723" s="424"/>
      <c r="FTI723" s="423" t="s">
        <v>2795</v>
      </c>
      <c r="FTJ723" s="424"/>
      <c r="FTK723" s="424"/>
      <c r="FTL723" s="424"/>
      <c r="FTM723" s="423" t="s">
        <v>2795</v>
      </c>
      <c r="FTN723" s="424"/>
      <c r="FTO723" s="424"/>
      <c r="FTP723" s="424"/>
      <c r="FTQ723" s="423" t="s">
        <v>2795</v>
      </c>
      <c r="FTR723" s="424"/>
      <c r="FTS723" s="424"/>
      <c r="FTT723" s="424"/>
      <c r="FTU723" s="423" t="s">
        <v>2795</v>
      </c>
      <c r="FTV723" s="424"/>
      <c r="FTW723" s="424"/>
      <c r="FTX723" s="424"/>
      <c r="FTY723" s="423" t="s">
        <v>2795</v>
      </c>
      <c r="FTZ723" s="424"/>
      <c r="FUA723" s="424"/>
      <c r="FUB723" s="424"/>
      <c r="FUC723" s="423" t="s">
        <v>2795</v>
      </c>
      <c r="FUD723" s="424"/>
      <c r="FUE723" s="424"/>
      <c r="FUF723" s="424"/>
      <c r="FUG723" s="423" t="s">
        <v>2795</v>
      </c>
      <c r="FUH723" s="424"/>
      <c r="FUI723" s="424"/>
      <c r="FUJ723" s="424"/>
      <c r="FUK723" s="423" t="s">
        <v>2795</v>
      </c>
      <c r="FUL723" s="424"/>
      <c r="FUM723" s="424"/>
      <c r="FUN723" s="424"/>
      <c r="FUO723" s="423" t="s">
        <v>2795</v>
      </c>
      <c r="FUP723" s="424"/>
      <c r="FUQ723" s="424"/>
      <c r="FUR723" s="424"/>
      <c r="FUS723" s="423" t="s">
        <v>2795</v>
      </c>
      <c r="FUT723" s="424"/>
      <c r="FUU723" s="424"/>
      <c r="FUV723" s="424"/>
      <c r="FUW723" s="423" t="s">
        <v>2795</v>
      </c>
      <c r="FUX723" s="424"/>
      <c r="FUY723" s="424"/>
      <c r="FUZ723" s="424"/>
      <c r="FVA723" s="423" t="s">
        <v>2795</v>
      </c>
      <c r="FVB723" s="424"/>
      <c r="FVC723" s="424"/>
      <c r="FVD723" s="424"/>
      <c r="FVE723" s="423" t="s">
        <v>2795</v>
      </c>
      <c r="FVF723" s="424"/>
      <c r="FVG723" s="424"/>
      <c r="FVH723" s="424"/>
      <c r="FVI723" s="423" t="s">
        <v>2795</v>
      </c>
      <c r="FVJ723" s="424"/>
      <c r="FVK723" s="424"/>
      <c r="FVL723" s="424"/>
      <c r="FVM723" s="423" t="s">
        <v>2795</v>
      </c>
      <c r="FVN723" s="424"/>
      <c r="FVO723" s="424"/>
      <c r="FVP723" s="424"/>
      <c r="FVQ723" s="423" t="s">
        <v>2795</v>
      </c>
      <c r="FVR723" s="424"/>
      <c r="FVS723" s="424"/>
      <c r="FVT723" s="424"/>
      <c r="FVU723" s="423" t="s">
        <v>2795</v>
      </c>
      <c r="FVV723" s="424"/>
      <c r="FVW723" s="424"/>
      <c r="FVX723" s="424"/>
      <c r="FVY723" s="423" t="s">
        <v>2795</v>
      </c>
      <c r="FVZ723" s="424"/>
      <c r="FWA723" s="424"/>
      <c r="FWB723" s="424"/>
      <c r="FWC723" s="423" t="s">
        <v>2795</v>
      </c>
      <c r="FWD723" s="424"/>
      <c r="FWE723" s="424"/>
      <c r="FWF723" s="424"/>
      <c r="FWG723" s="423" t="s">
        <v>2795</v>
      </c>
      <c r="FWH723" s="424"/>
      <c r="FWI723" s="424"/>
      <c r="FWJ723" s="424"/>
      <c r="FWK723" s="423" t="s">
        <v>2795</v>
      </c>
      <c r="FWL723" s="424"/>
      <c r="FWM723" s="424"/>
      <c r="FWN723" s="424"/>
      <c r="FWO723" s="423" t="s">
        <v>2795</v>
      </c>
      <c r="FWP723" s="424"/>
      <c r="FWQ723" s="424"/>
      <c r="FWR723" s="424"/>
      <c r="FWS723" s="423" t="s">
        <v>2795</v>
      </c>
      <c r="FWT723" s="424"/>
      <c r="FWU723" s="424"/>
      <c r="FWV723" s="424"/>
      <c r="FWW723" s="423" t="s">
        <v>2795</v>
      </c>
      <c r="FWX723" s="424"/>
      <c r="FWY723" s="424"/>
      <c r="FWZ723" s="424"/>
      <c r="FXA723" s="423" t="s">
        <v>2795</v>
      </c>
      <c r="FXB723" s="424"/>
      <c r="FXC723" s="424"/>
      <c r="FXD723" s="424"/>
      <c r="FXE723" s="423" t="s">
        <v>2795</v>
      </c>
      <c r="FXF723" s="424"/>
      <c r="FXG723" s="424"/>
      <c r="FXH723" s="424"/>
      <c r="FXI723" s="423" t="s">
        <v>2795</v>
      </c>
      <c r="FXJ723" s="424"/>
      <c r="FXK723" s="424"/>
      <c r="FXL723" s="424"/>
      <c r="FXM723" s="423" t="s">
        <v>2795</v>
      </c>
      <c r="FXN723" s="424"/>
      <c r="FXO723" s="424"/>
      <c r="FXP723" s="424"/>
      <c r="FXQ723" s="423" t="s">
        <v>2795</v>
      </c>
      <c r="FXR723" s="424"/>
      <c r="FXS723" s="424"/>
      <c r="FXT723" s="424"/>
      <c r="FXU723" s="423" t="s">
        <v>2795</v>
      </c>
      <c r="FXV723" s="424"/>
      <c r="FXW723" s="424"/>
      <c r="FXX723" s="424"/>
      <c r="FXY723" s="423" t="s">
        <v>2795</v>
      </c>
      <c r="FXZ723" s="424"/>
      <c r="FYA723" s="424"/>
      <c r="FYB723" s="424"/>
      <c r="FYC723" s="423" t="s">
        <v>2795</v>
      </c>
      <c r="FYD723" s="424"/>
      <c r="FYE723" s="424"/>
      <c r="FYF723" s="424"/>
      <c r="FYG723" s="423" t="s">
        <v>2795</v>
      </c>
      <c r="FYH723" s="424"/>
      <c r="FYI723" s="424"/>
      <c r="FYJ723" s="424"/>
      <c r="FYK723" s="423" t="s">
        <v>2795</v>
      </c>
      <c r="FYL723" s="424"/>
      <c r="FYM723" s="424"/>
      <c r="FYN723" s="424"/>
      <c r="FYO723" s="423" t="s">
        <v>2795</v>
      </c>
      <c r="FYP723" s="424"/>
      <c r="FYQ723" s="424"/>
      <c r="FYR723" s="424"/>
      <c r="FYS723" s="423" t="s">
        <v>2795</v>
      </c>
      <c r="FYT723" s="424"/>
      <c r="FYU723" s="424"/>
      <c r="FYV723" s="424"/>
      <c r="FYW723" s="423" t="s">
        <v>2795</v>
      </c>
      <c r="FYX723" s="424"/>
      <c r="FYY723" s="424"/>
      <c r="FYZ723" s="424"/>
      <c r="FZA723" s="423" t="s">
        <v>2795</v>
      </c>
      <c r="FZB723" s="424"/>
      <c r="FZC723" s="424"/>
      <c r="FZD723" s="424"/>
      <c r="FZE723" s="423" t="s">
        <v>2795</v>
      </c>
      <c r="FZF723" s="424"/>
      <c r="FZG723" s="424"/>
      <c r="FZH723" s="424"/>
      <c r="FZI723" s="423" t="s">
        <v>2795</v>
      </c>
      <c r="FZJ723" s="424"/>
      <c r="FZK723" s="424"/>
      <c r="FZL723" s="424"/>
      <c r="FZM723" s="423" t="s">
        <v>2795</v>
      </c>
      <c r="FZN723" s="424"/>
      <c r="FZO723" s="424"/>
      <c r="FZP723" s="424"/>
      <c r="FZQ723" s="423" t="s">
        <v>2795</v>
      </c>
      <c r="FZR723" s="424"/>
      <c r="FZS723" s="424"/>
      <c r="FZT723" s="424"/>
      <c r="FZU723" s="423" t="s">
        <v>2795</v>
      </c>
      <c r="FZV723" s="424"/>
      <c r="FZW723" s="424"/>
      <c r="FZX723" s="424"/>
      <c r="FZY723" s="423" t="s">
        <v>2795</v>
      </c>
      <c r="FZZ723" s="424"/>
      <c r="GAA723" s="424"/>
      <c r="GAB723" s="424"/>
      <c r="GAC723" s="423" t="s">
        <v>2795</v>
      </c>
      <c r="GAD723" s="424"/>
      <c r="GAE723" s="424"/>
      <c r="GAF723" s="424"/>
      <c r="GAG723" s="423" t="s">
        <v>2795</v>
      </c>
      <c r="GAH723" s="424"/>
      <c r="GAI723" s="424"/>
      <c r="GAJ723" s="424"/>
      <c r="GAK723" s="423" t="s">
        <v>2795</v>
      </c>
      <c r="GAL723" s="424"/>
      <c r="GAM723" s="424"/>
      <c r="GAN723" s="424"/>
      <c r="GAO723" s="423" t="s">
        <v>2795</v>
      </c>
      <c r="GAP723" s="424"/>
      <c r="GAQ723" s="424"/>
      <c r="GAR723" s="424"/>
      <c r="GAS723" s="423" t="s">
        <v>2795</v>
      </c>
      <c r="GAT723" s="424"/>
      <c r="GAU723" s="424"/>
      <c r="GAV723" s="424"/>
      <c r="GAW723" s="423" t="s">
        <v>2795</v>
      </c>
      <c r="GAX723" s="424"/>
      <c r="GAY723" s="424"/>
      <c r="GAZ723" s="424"/>
      <c r="GBA723" s="423" t="s">
        <v>2795</v>
      </c>
      <c r="GBB723" s="424"/>
      <c r="GBC723" s="424"/>
      <c r="GBD723" s="424"/>
      <c r="GBE723" s="423" t="s">
        <v>2795</v>
      </c>
      <c r="GBF723" s="424"/>
      <c r="GBG723" s="424"/>
      <c r="GBH723" s="424"/>
      <c r="GBI723" s="423" t="s">
        <v>2795</v>
      </c>
      <c r="GBJ723" s="424"/>
      <c r="GBK723" s="424"/>
      <c r="GBL723" s="424"/>
      <c r="GBM723" s="423" t="s">
        <v>2795</v>
      </c>
      <c r="GBN723" s="424"/>
      <c r="GBO723" s="424"/>
      <c r="GBP723" s="424"/>
      <c r="GBQ723" s="423" t="s">
        <v>2795</v>
      </c>
      <c r="GBR723" s="424"/>
      <c r="GBS723" s="424"/>
      <c r="GBT723" s="424"/>
      <c r="GBU723" s="423" t="s">
        <v>2795</v>
      </c>
      <c r="GBV723" s="424"/>
      <c r="GBW723" s="424"/>
      <c r="GBX723" s="424"/>
      <c r="GBY723" s="423" t="s">
        <v>2795</v>
      </c>
      <c r="GBZ723" s="424"/>
      <c r="GCA723" s="424"/>
      <c r="GCB723" s="424"/>
      <c r="GCC723" s="423" t="s">
        <v>2795</v>
      </c>
      <c r="GCD723" s="424"/>
      <c r="GCE723" s="424"/>
      <c r="GCF723" s="424"/>
      <c r="GCG723" s="423" t="s">
        <v>2795</v>
      </c>
      <c r="GCH723" s="424"/>
      <c r="GCI723" s="424"/>
      <c r="GCJ723" s="424"/>
      <c r="GCK723" s="423" t="s">
        <v>2795</v>
      </c>
      <c r="GCL723" s="424"/>
      <c r="GCM723" s="424"/>
      <c r="GCN723" s="424"/>
      <c r="GCO723" s="423" t="s">
        <v>2795</v>
      </c>
      <c r="GCP723" s="424"/>
      <c r="GCQ723" s="424"/>
      <c r="GCR723" s="424"/>
      <c r="GCS723" s="423" t="s">
        <v>2795</v>
      </c>
      <c r="GCT723" s="424"/>
      <c r="GCU723" s="424"/>
      <c r="GCV723" s="424"/>
      <c r="GCW723" s="423" t="s">
        <v>2795</v>
      </c>
      <c r="GCX723" s="424"/>
      <c r="GCY723" s="424"/>
      <c r="GCZ723" s="424"/>
      <c r="GDA723" s="423" t="s">
        <v>2795</v>
      </c>
      <c r="GDB723" s="424"/>
      <c r="GDC723" s="424"/>
      <c r="GDD723" s="424"/>
      <c r="GDE723" s="423" t="s">
        <v>2795</v>
      </c>
      <c r="GDF723" s="424"/>
      <c r="GDG723" s="424"/>
      <c r="GDH723" s="424"/>
      <c r="GDI723" s="423" t="s">
        <v>2795</v>
      </c>
      <c r="GDJ723" s="424"/>
      <c r="GDK723" s="424"/>
      <c r="GDL723" s="424"/>
      <c r="GDM723" s="423" t="s">
        <v>2795</v>
      </c>
      <c r="GDN723" s="424"/>
      <c r="GDO723" s="424"/>
      <c r="GDP723" s="424"/>
      <c r="GDQ723" s="423" t="s">
        <v>2795</v>
      </c>
      <c r="GDR723" s="424"/>
      <c r="GDS723" s="424"/>
      <c r="GDT723" s="424"/>
      <c r="GDU723" s="423" t="s">
        <v>2795</v>
      </c>
      <c r="GDV723" s="424"/>
      <c r="GDW723" s="424"/>
      <c r="GDX723" s="424"/>
      <c r="GDY723" s="423" t="s">
        <v>2795</v>
      </c>
      <c r="GDZ723" s="424"/>
      <c r="GEA723" s="424"/>
      <c r="GEB723" s="424"/>
      <c r="GEC723" s="423" t="s">
        <v>2795</v>
      </c>
      <c r="GED723" s="424"/>
      <c r="GEE723" s="424"/>
      <c r="GEF723" s="424"/>
      <c r="GEG723" s="423" t="s">
        <v>2795</v>
      </c>
      <c r="GEH723" s="424"/>
      <c r="GEI723" s="424"/>
      <c r="GEJ723" s="424"/>
      <c r="GEK723" s="423" t="s">
        <v>2795</v>
      </c>
      <c r="GEL723" s="424"/>
      <c r="GEM723" s="424"/>
      <c r="GEN723" s="424"/>
      <c r="GEO723" s="423" t="s">
        <v>2795</v>
      </c>
      <c r="GEP723" s="424"/>
      <c r="GEQ723" s="424"/>
      <c r="GER723" s="424"/>
      <c r="GES723" s="423" t="s">
        <v>2795</v>
      </c>
      <c r="GET723" s="424"/>
      <c r="GEU723" s="424"/>
      <c r="GEV723" s="424"/>
      <c r="GEW723" s="423" t="s">
        <v>2795</v>
      </c>
      <c r="GEX723" s="424"/>
      <c r="GEY723" s="424"/>
      <c r="GEZ723" s="424"/>
      <c r="GFA723" s="423" t="s">
        <v>2795</v>
      </c>
      <c r="GFB723" s="424"/>
      <c r="GFC723" s="424"/>
      <c r="GFD723" s="424"/>
      <c r="GFE723" s="423" t="s">
        <v>2795</v>
      </c>
      <c r="GFF723" s="424"/>
      <c r="GFG723" s="424"/>
      <c r="GFH723" s="424"/>
      <c r="GFI723" s="423" t="s">
        <v>2795</v>
      </c>
      <c r="GFJ723" s="424"/>
      <c r="GFK723" s="424"/>
      <c r="GFL723" s="424"/>
      <c r="GFM723" s="423" t="s">
        <v>2795</v>
      </c>
      <c r="GFN723" s="424"/>
      <c r="GFO723" s="424"/>
      <c r="GFP723" s="424"/>
      <c r="GFQ723" s="423" t="s">
        <v>2795</v>
      </c>
      <c r="GFR723" s="424"/>
      <c r="GFS723" s="424"/>
      <c r="GFT723" s="424"/>
      <c r="GFU723" s="423" t="s">
        <v>2795</v>
      </c>
      <c r="GFV723" s="424"/>
      <c r="GFW723" s="424"/>
      <c r="GFX723" s="424"/>
      <c r="GFY723" s="423" t="s">
        <v>2795</v>
      </c>
      <c r="GFZ723" s="424"/>
      <c r="GGA723" s="424"/>
      <c r="GGB723" s="424"/>
      <c r="GGC723" s="423" t="s">
        <v>2795</v>
      </c>
      <c r="GGD723" s="424"/>
      <c r="GGE723" s="424"/>
      <c r="GGF723" s="424"/>
      <c r="GGG723" s="423" t="s">
        <v>2795</v>
      </c>
      <c r="GGH723" s="424"/>
      <c r="GGI723" s="424"/>
      <c r="GGJ723" s="424"/>
      <c r="GGK723" s="423" t="s">
        <v>2795</v>
      </c>
      <c r="GGL723" s="424"/>
      <c r="GGM723" s="424"/>
      <c r="GGN723" s="424"/>
      <c r="GGO723" s="423" t="s">
        <v>2795</v>
      </c>
      <c r="GGP723" s="424"/>
      <c r="GGQ723" s="424"/>
      <c r="GGR723" s="424"/>
      <c r="GGS723" s="423" t="s">
        <v>2795</v>
      </c>
      <c r="GGT723" s="424"/>
      <c r="GGU723" s="424"/>
      <c r="GGV723" s="424"/>
      <c r="GGW723" s="423" t="s">
        <v>2795</v>
      </c>
      <c r="GGX723" s="424"/>
      <c r="GGY723" s="424"/>
      <c r="GGZ723" s="424"/>
      <c r="GHA723" s="423" t="s">
        <v>2795</v>
      </c>
      <c r="GHB723" s="424"/>
      <c r="GHC723" s="424"/>
      <c r="GHD723" s="424"/>
      <c r="GHE723" s="423" t="s">
        <v>2795</v>
      </c>
      <c r="GHF723" s="424"/>
      <c r="GHG723" s="424"/>
      <c r="GHH723" s="424"/>
      <c r="GHI723" s="423" t="s">
        <v>2795</v>
      </c>
      <c r="GHJ723" s="424"/>
      <c r="GHK723" s="424"/>
      <c r="GHL723" s="424"/>
      <c r="GHM723" s="423" t="s">
        <v>2795</v>
      </c>
      <c r="GHN723" s="424"/>
      <c r="GHO723" s="424"/>
      <c r="GHP723" s="424"/>
      <c r="GHQ723" s="423" t="s">
        <v>2795</v>
      </c>
      <c r="GHR723" s="424"/>
      <c r="GHS723" s="424"/>
      <c r="GHT723" s="424"/>
      <c r="GHU723" s="423" t="s">
        <v>2795</v>
      </c>
      <c r="GHV723" s="424"/>
      <c r="GHW723" s="424"/>
      <c r="GHX723" s="424"/>
      <c r="GHY723" s="423" t="s">
        <v>2795</v>
      </c>
      <c r="GHZ723" s="424"/>
      <c r="GIA723" s="424"/>
      <c r="GIB723" s="424"/>
      <c r="GIC723" s="423" t="s">
        <v>2795</v>
      </c>
      <c r="GID723" s="424"/>
      <c r="GIE723" s="424"/>
      <c r="GIF723" s="424"/>
      <c r="GIG723" s="423" t="s">
        <v>2795</v>
      </c>
      <c r="GIH723" s="424"/>
      <c r="GII723" s="424"/>
      <c r="GIJ723" s="424"/>
      <c r="GIK723" s="423" t="s">
        <v>2795</v>
      </c>
      <c r="GIL723" s="424"/>
      <c r="GIM723" s="424"/>
      <c r="GIN723" s="424"/>
      <c r="GIO723" s="423" t="s">
        <v>2795</v>
      </c>
      <c r="GIP723" s="424"/>
      <c r="GIQ723" s="424"/>
      <c r="GIR723" s="424"/>
      <c r="GIS723" s="423" t="s">
        <v>2795</v>
      </c>
      <c r="GIT723" s="424"/>
      <c r="GIU723" s="424"/>
      <c r="GIV723" s="424"/>
      <c r="GIW723" s="423" t="s">
        <v>2795</v>
      </c>
      <c r="GIX723" s="424"/>
      <c r="GIY723" s="424"/>
      <c r="GIZ723" s="424"/>
      <c r="GJA723" s="423" t="s">
        <v>2795</v>
      </c>
      <c r="GJB723" s="424"/>
      <c r="GJC723" s="424"/>
      <c r="GJD723" s="424"/>
      <c r="GJE723" s="423" t="s">
        <v>2795</v>
      </c>
      <c r="GJF723" s="424"/>
      <c r="GJG723" s="424"/>
      <c r="GJH723" s="424"/>
      <c r="GJI723" s="423" t="s">
        <v>2795</v>
      </c>
      <c r="GJJ723" s="424"/>
      <c r="GJK723" s="424"/>
      <c r="GJL723" s="424"/>
      <c r="GJM723" s="423" t="s">
        <v>2795</v>
      </c>
      <c r="GJN723" s="424"/>
      <c r="GJO723" s="424"/>
      <c r="GJP723" s="424"/>
      <c r="GJQ723" s="423" t="s">
        <v>2795</v>
      </c>
      <c r="GJR723" s="424"/>
      <c r="GJS723" s="424"/>
      <c r="GJT723" s="424"/>
      <c r="GJU723" s="423" t="s">
        <v>2795</v>
      </c>
      <c r="GJV723" s="424"/>
      <c r="GJW723" s="424"/>
      <c r="GJX723" s="424"/>
      <c r="GJY723" s="423" t="s">
        <v>2795</v>
      </c>
      <c r="GJZ723" s="424"/>
      <c r="GKA723" s="424"/>
      <c r="GKB723" s="424"/>
      <c r="GKC723" s="423" t="s">
        <v>2795</v>
      </c>
      <c r="GKD723" s="424"/>
      <c r="GKE723" s="424"/>
      <c r="GKF723" s="424"/>
      <c r="GKG723" s="423" t="s">
        <v>2795</v>
      </c>
      <c r="GKH723" s="424"/>
      <c r="GKI723" s="424"/>
      <c r="GKJ723" s="424"/>
      <c r="GKK723" s="423" t="s">
        <v>2795</v>
      </c>
      <c r="GKL723" s="424"/>
      <c r="GKM723" s="424"/>
      <c r="GKN723" s="424"/>
      <c r="GKO723" s="423" t="s">
        <v>2795</v>
      </c>
      <c r="GKP723" s="424"/>
      <c r="GKQ723" s="424"/>
      <c r="GKR723" s="424"/>
      <c r="GKS723" s="423" t="s">
        <v>2795</v>
      </c>
      <c r="GKT723" s="424"/>
      <c r="GKU723" s="424"/>
      <c r="GKV723" s="424"/>
      <c r="GKW723" s="423" t="s">
        <v>2795</v>
      </c>
      <c r="GKX723" s="424"/>
      <c r="GKY723" s="424"/>
      <c r="GKZ723" s="424"/>
      <c r="GLA723" s="423" t="s">
        <v>2795</v>
      </c>
      <c r="GLB723" s="424"/>
      <c r="GLC723" s="424"/>
      <c r="GLD723" s="424"/>
      <c r="GLE723" s="423" t="s">
        <v>2795</v>
      </c>
      <c r="GLF723" s="424"/>
      <c r="GLG723" s="424"/>
      <c r="GLH723" s="424"/>
      <c r="GLI723" s="423" t="s">
        <v>2795</v>
      </c>
      <c r="GLJ723" s="424"/>
      <c r="GLK723" s="424"/>
      <c r="GLL723" s="424"/>
      <c r="GLM723" s="423" t="s">
        <v>2795</v>
      </c>
      <c r="GLN723" s="424"/>
      <c r="GLO723" s="424"/>
      <c r="GLP723" s="424"/>
      <c r="GLQ723" s="423" t="s">
        <v>2795</v>
      </c>
      <c r="GLR723" s="424"/>
      <c r="GLS723" s="424"/>
      <c r="GLT723" s="424"/>
      <c r="GLU723" s="423" t="s">
        <v>2795</v>
      </c>
      <c r="GLV723" s="424"/>
      <c r="GLW723" s="424"/>
      <c r="GLX723" s="424"/>
      <c r="GLY723" s="423" t="s">
        <v>2795</v>
      </c>
      <c r="GLZ723" s="424"/>
      <c r="GMA723" s="424"/>
      <c r="GMB723" s="424"/>
      <c r="GMC723" s="423" t="s">
        <v>2795</v>
      </c>
      <c r="GMD723" s="424"/>
      <c r="GME723" s="424"/>
      <c r="GMF723" s="424"/>
      <c r="GMG723" s="423" t="s">
        <v>2795</v>
      </c>
      <c r="GMH723" s="424"/>
      <c r="GMI723" s="424"/>
      <c r="GMJ723" s="424"/>
      <c r="GMK723" s="423" t="s">
        <v>2795</v>
      </c>
      <c r="GML723" s="424"/>
      <c r="GMM723" s="424"/>
      <c r="GMN723" s="424"/>
      <c r="GMO723" s="423" t="s">
        <v>2795</v>
      </c>
      <c r="GMP723" s="424"/>
      <c r="GMQ723" s="424"/>
      <c r="GMR723" s="424"/>
      <c r="GMS723" s="423" t="s">
        <v>2795</v>
      </c>
      <c r="GMT723" s="424"/>
      <c r="GMU723" s="424"/>
      <c r="GMV723" s="424"/>
      <c r="GMW723" s="423" t="s">
        <v>2795</v>
      </c>
      <c r="GMX723" s="424"/>
      <c r="GMY723" s="424"/>
      <c r="GMZ723" s="424"/>
      <c r="GNA723" s="423" t="s">
        <v>2795</v>
      </c>
      <c r="GNB723" s="424"/>
      <c r="GNC723" s="424"/>
      <c r="GND723" s="424"/>
      <c r="GNE723" s="423" t="s">
        <v>2795</v>
      </c>
      <c r="GNF723" s="424"/>
      <c r="GNG723" s="424"/>
      <c r="GNH723" s="424"/>
      <c r="GNI723" s="423" t="s">
        <v>2795</v>
      </c>
      <c r="GNJ723" s="424"/>
      <c r="GNK723" s="424"/>
      <c r="GNL723" s="424"/>
      <c r="GNM723" s="423" t="s">
        <v>2795</v>
      </c>
      <c r="GNN723" s="424"/>
      <c r="GNO723" s="424"/>
      <c r="GNP723" s="424"/>
      <c r="GNQ723" s="423" t="s">
        <v>2795</v>
      </c>
      <c r="GNR723" s="424"/>
      <c r="GNS723" s="424"/>
      <c r="GNT723" s="424"/>
      <c r="GNU723" s="423" t="s">
        <v>2795</v>
      </c>
      <c r="GNV723" s="424"/>
      <c r="GNW723" s="424"/>
      <c r="GNX723" s="424"/>
      <c r="GNY723" s="423" t="s">
        <v>2795</v>
      </c>
      <c r="GNZ723" s="424"/>
      <c r="GOA723" s="424"/>
      <c r="GOB723" s="424"/>
      <c r="GOC723" s="423" t="s">
        <v>2795</v>
      </c>
      <c r="GOD723" s="424"/>
      <c r="GOE723" s="424"/>
      <c r="GOF723" s="424"/>
      <c r="GOG723" s="423" t="s">
        <v>2795</v>
      </c>
      <c r="GOH723" s="424"/>
      <c r="GOI723" s="424"/>
      <c r="GOJ723" s="424"/>
      <c r="GOK723" s="423" t="s">
        <v>2795</v>
      </c>
      <c r="GOL723" s="424"/>
      <c r="GOM723" s="424"/>
      <c r="GON723" s="424"/>
      <c r="GOO723" s="423" t="s">
        <v>2795</v>
      </c>
      <c r="GOP723" s="424"/>
      <c r="GOQ723" s="424"/>
      <c r="GOR723" s="424"/>
      <c r="GOS723" s="423" t="s">
        <v>2795</v>
      </c>
      <c r="GOT723" s="424"/>
      <c r="GOU723" s="424"/>
      <c r="GOV723" s="424"/>
      <c r="GOW723" s="423" t="s">
        <v>2795</v>
      </c>
      <c r="GOX723" s="424"/>
      <c r="GOY723" s="424"/>
      <c r="GOZ723" s="424"/>
      <c r="GPA723" s="423" t="s">
        <v>2795</v>
      </c>
      <c r="GPB723" s="424"/>
      <c r="GPC723" s="424"/>
      <c r="GPD723" s="424"/>
      <c r="GPE723" s="423" t="s">
        <v>2795</v>
      </c>
      <c r="GPF723" s="424"/>
      <c r="GPG723" s="424"/>
      <c r="GPH723" s="424"/>
      <c r="GPI723" s="423" t="s">
        <v>2795</v>
      </c>
      <c r="GPJ723" s="424"/>
      <c r="GPK723" s="424"/>
      <c r="GPL723" s="424"/>
      <c r="GPM723" s="423" t="s">
        <v>2795</v>
      </c>
      <c r="GPN723" s="424"/>
      <c r="GPO723" s="424"/>
      <c r="GPP723" s="424"/>
      <c r="GPQ723" s="423" t="s">
        <v>2795</v>
      </c>
      <c r="GPR723" s="424"/>
      <c r="GPS723" s="424"/>
      <c r="GPT723" s="424"/>
      <c r="GPU723" s="423" t="s">
        <v>2795</v>
      </c>
      <c r="GPV723" s="424"/>
      <c r="GPW723" s="424"/>
      <c r="GPX723" s="424"/>
      <c r="GPY723" s="423" t="s">
        <v>2795</v>
      </c>
      <c r="GPZ723" s="424"/>
      <c r="GQA723" s="424"/>
      <c r="GQB723" s="424"/>
      <c r="GQC723" s="423" t="s">
        <v>2795</v>
      </c>
      <c r="GQD723" s="424"/>
      <c r="GQE723" s="424"/>
      <c r="GQF723" s="424"/>
      <c r="GQG723" s="423" t="s">
        <v>2795</v>
      </c>
      <c r="GQH723" s="424"/>
      <c r="GQI723" s="424"/>
      <c r="GQJ723" s="424"/>
      <c r="GQK723" s="423" t="s">
        <v>2795</v>
      </c>
      <c r="GQL723" s="424"/>
      <c r="GQM723" s="424"/>
      <c r="GQN723" s="424"/>
      <c r="GQO723" s="423" t="s">
        <v>2795</v>
      </c>
      <c r="GQP723" s="424"/>
      <c r="GQQ723" s="424"/>
      <c r="GQR723" s="424"/>
      <c r="GQS723" s="423" t="s">
        <v>2795</v>
      </c>
      <c r="GQT723" s="424"/>
      <c r="GQU723" s="424"/>
      <c r="GQV723" s="424"/>
      <c r="GQW723" s="423" t="s">
        <v>2795</v>
      </c>
      <c r="GQX723" s="424"/>
      <c r="GQY723" s="424"/>
      <c r="GQZ723" s="424"/>
      <c r="GRA723" s="423" t="s">
        <v>2795</v>
      </c>
      <c r="GRB723" s="424"/>
      <c r="GRC723" s="424"/>
      <c r="GRD723" s="424"/>
      <c r="GRE723" s="423" t="s">
        <v>2795</v>
      </c>
      <c r="GRF723" s="424"/>
      <c r="GRG723" s="424"/>
      <c r="GRH723" s="424"/>
      <c r="GRI723" s="423" t="s">
        <v>2795</v>
      </c>
      <c r="GRJ723" s="424"/>
      <c r="GRK723" s="424"/>
      <c r="GRL723" s="424"/>
      <c r="GRM723" s="423" t="s">
        <v>2795</v>
      </c>
      <c r="GRN723" s="424"/>
      <c r="GRO723" s="424"/>
      <c r="GRP723" s="424"/>
      <c r="GRQ723" s="423" t="s">
        <v>2795</v>
      </c>
      <c r="GRR723" s="424"/>
      <c r="GRS723" s="424"/>
      <c r="GRT723" s="424"/>
      <c r="GRU723" s="423" t="s">
        <v>2795</v>
      </c>
      <c r="GRV723" s="424"/>
      <c r="GRW723" s="424"/>
      <c r="GRX723" s="424"/>
      <c r="GRY723" s="423" t="s">
        <v>2795</v>
      </c>
      <c r="GRZ723" s="424"/>
      <c r="GSA723" s="424"/>
      <c r="GSB723" s="424"/>
      <c r="GSC723" s="423" t="s">
        <v>2795</v>
      </c>
      <c r="GSD723" s="424"/>
      <c r="GSE723" s="424"/>
      <c r="GSF723" s="424"/>
      <c r="GSG723" s="423" t="s">
        <v>2795</v>
      </c>
      <c r="GSH723" s="424"/>
      <c r="GSI723" s="424"/>
      <c r="GSJ723" s="424"/>
      <c r="GSK723" s="423" t="s">
        <v>2795</v>
      </c>
      <c r="GSL723" s="424"/>
      <c r="GSM723" s="424"/>
      <c r="GSN723" s="424"/>
      <c r="GSO723" s="423" t="s">
        <v>2795</v>
      </c>
      <c r="GSP723" s="424"/>
      <c r="GSQ723" s="424"/>
      <c r="GSR723" s="424"/>
      <c r="GSS723" s="423" t="s">
        <v>2795</v>
      </c>
      <c r="GST723" s="424"/>
      <c r="GSU723" s="424"/>
      <c r="GSV723" s="424"/>
      <c r="GSW723" s="423" t="s">
        <v>2795</v>
      </c>
      <c r="GSX723" s="424"/>
      <c r="GSY723" s="424"/>
      <c r="GSZ723" s="424"/>
      <c r="GTA723" s="423" t="s">
        <v>2795</v>
      </c>
      <c r="GTB723" s="424"/>
      <c r="GTC723" s="424"/>
      <c r="GTD723" s="424"/>
      <c r="GTE723" s="423" t="s">
        <v>2795</v>
      </c>
      <c r="GTF723" s="424"/>
      <c r="GTG723" s="424"/>
      <c r="GTH723" s="424"/>
      <c r="GTI723" s="423" t="s">
        <v>2795</v>
      </c>
      <c r="GTJ723" s="424"/>
      <c r="GTK723" s="424"/>
      <c r="GTL723" s="424"/>
      <c r="GTM723" s="423" t="s">
        <v>2795</v>
      </c>
      <c r="GTN723" s="424"/>
      <c r="GTO723" s="424"/>
      <c r="GTP723" s="424"/>
      <c r="GTQ723" s="423" t="s">
        <v>2795</v>
      </c>
      <c r="GTR723" s="424"/>
      <c r="GTS723" s="424"/>
      <c r="GTT723" s="424"/>
      <c r="GTU723" s="423" t="s">
        <v>2795</v>
      </c>
      <c r="GTV723" s="424"/>
      <c r="GTW723" s="424"/>
      <c r="GTX723" s="424"/>
      <c r="GTY723" s="423" t="s">
        <v>2795</v>
      </c>
      <c r="GTZ723" s="424"/>
      <c r="GUA723" s="424"/>
      <c r="GUB723" s="424"/>
      <c r="GUC723" s="423" t="s">
        <v>2795</v>
      </c>
      <c r="GUD723" s="424"/>
      <c r="GUE723" s="424"/>
      <c r="GUF723" s="424"/>
      <c r="GUG723" s="423" t="s">
        <v>2795</v>
      </c>
      <c r="GUH723" s="424"/>
      <c r="GUI723" s="424"/>
      <c r="GUJ723" s="424"/>
      <c r="GUK723" s="423" t="s">
        <v>2795</v>
      </c>
      <c r="GUL723" s="424"/>
      <c r="GUM723" s="424"/>
      <c r="GUN723" s="424"/>
      <c r="GUO723" s="423" t="s">
        <v>2795</v>
      </c>
      <c r="GUP723" s="424"/>
      <c r="GUQ723" s="424"/>
      <c r="GUR723" s="424"/>
      <c r="GUS723" s="423" t="s">
        <v>2795</v>
      </c>
      <c r="GUT723" s="424"/>
      <c r="GUU723" s="424"/>
      <c r="GUV723" s="424"/>
      <c r="GUW723" s="423" t="s">
        <v>2795</v>
      </c>
      <c r="GUX723" s="424"/>
      <c r="GUY723" s="424"/>
      <c r="GUZ723" s="424"/>
      <c r="GVA723" s="423" t="s">
        <v>2795</v>
      </c>
      <c r="GVB723" s="424"/>
      <c r="GVC723" s="424"/>
      <c r="GVD723" s="424"/>
      <c r="GVE723" s="423" t="s">
        <v>2795</v>
      </c>
      <c r="GVF723" s="424"/>
      <c r="GVG723" s="424"/>
      <c r="GVH723" s="424"/>
      <c r="GVI723" s="423" t="s">
        <v>2795</v>
      </c>
      <c r="GVJ723" s="424"/>
      <c r="GVK723" s="424"/>
      <c r="GVL723" s="424"/>
      <c r="GVM723" s="423" t="s">
        <v>2795</v>
      </c>
      <c r="GVN723" s="424"/>
      <c r="GVO723" s="424"/>
      <c r="GVP723" s="424"/>
      <c r="GVQ723" s="423" t="s">
        <v>2795</v>
      </c>
      <c r="GVR723" s="424"/>
      <c r="GVS723" s="424"/>
      <c r="GVT723" s="424"/>
      <c r="GVU723" s="423" t="s">
        <v>2795</v>
      </c>
      <c r="GVV723" s="424"/>
      <c r="GVW723" s="424"/>
      <c r="GVX723" s="424"/>
      <c r="GVY723" s="423" t="s">
        <v>2795</v>
      </c>
      <c r="GVZ723" s="424"/>
      <c r="GWA723" s="424"/>
      <c r="GWB723" s="424"/>
      <c r="GWC723" s="423" t="s">
        <v>2795</v>
      </c>
      <c r="GWD723" s="424"/>
      <c r="GWE723" s="424"/>
      <c r="GWF723" s="424"/>
      <c r="GWG723" s="423" t="s">
        <v>2795</v>
      </c>
      <c r="GWH723" s="424"/>
      <c r="GWI723" s="424"/>
      <c r="GWJ723" s="424"/>
      <c r="GWK723" s="423" t="s">
        <v>2795</v>
      </c>
      <c r="GWL723" s="424"/>
      <c r="GWM723" s="424"/>
      <c r="GWN723" s="424"/>
      <c r="GWO723" s="423" t="s">
        <v>2795</v>
      </c>
      <c r="GWP723" s="424"/>
      <c r="GWQ723" s="424"/>
      <c r="GWR723" s="424"/>
      <c r="GWS723" s="423" t="s">
        <v>2795</v>
      </c>
      <c r="GWT723" s="424"/>
      <c r="GWU723" s="424"/>
      <c r="GWV723" s="424"/>
      <c r="GWW723" s="423" t="s">
        <v>2795</v>
      </c>
      <c r="GWX723" s="424"/>
      <c r="GWY723" s="424"/>
      <c r="GWZ723" s="424"/>
      <c r="GXA723" s="423" t="s">
        <v>2795</v>
      </c>
      <c r="GXB723" s="424"/>
      <c r="GXC723" s="424"/>
      <c r="GXD723" s="424"/>
      <c r="GXE723" s="423" t="s">
        <v>2795</v>
      </c>
      <c r="GXF723" s="424"/>
      <c r="GXG723" s="424"/>
      <c r="GXH723" s="424"/>
      <c r="GXI723" s="423" t="s">
        <v>2795</v>
      </c>
      <c r="GXJ723" s="424"/>
      <c r="GXK723" s="424"/>
      <c r="GXL723" s="424"/>
      <c r="GXM723" s="423" t="s">
        <v>2795</v>
      </c>
      <c r="GXN723" s="424"/>
      <c r="GXO723" s="424"/>
      <c r="GXP723" s="424"/>
      <c r="GXQ723" s="423" t="s">
        <v>2795</v>
      </c>
      <c r="GXR723" s="424"/>
      <c r="GXS723" s="424"/>
      <c r="GXT723" s="424"/>
      <c r="GXU723" s="423" t="s">
        <v>2795</v>
      </c>
      <c r="GXV723" s="424"/>
      <c r="GXW723" s="424"/>
      <c r="GXX723" s="424"/>
      <c r="GXY723" s="423" t="s">
        <v>2795</v>
      </c>
      <c r="GXZ723" s="424"/>
      <c r="GYA723" s="424"/>
      <c r="GYB723" s="424"/>
      <c r="GYC723" s="423" t="s">
        <v>2795</v>
      </c>
      <c r="GYD723" s="424"/>
      <c r="GYE723" s="424"/>
      <c r="GYF723" s="424"/>
      <c r="GYG723" s="423" t="s">
        <v>2795</v>
      </c>
      <c r="GYH723" s="424"/>
      <c r="GYI723" s="424"/>
      <c r="GYJ723" s="424"/>
      <c r="GYK723" s="423" t="s">
        <v>2795</v>
      </c>
      <c r="GYL723" s="424"/>
      <c r="GYM723" s="424"/>
      <c r="GYN723" s="424"/>
      <c r="GYO723" s="423" t="s">
        <v>2795</v>
      </c>
      <c r="GYP723" s="424"/>
      <c r="GYQ723" s="424"/>
      <c r="GYR723" s="424"/>
      <c r="GYS723" s="423" t="s">
        <v>2795</v>
      </c>
      <c r="GYT723" s="424"/>
      <c r="GYU723" s="424"/>
      <c r="GYV723" s="424"/>
      <c r="GYW723" s="423" t="s">
        <v>2795</v>
      </c>
      <c r="GYX723" s="424"/>
      <c r="GYY723" s="424"/>
      <c r="GYZ723" s="424"/>
      <c r="GZA723" s="423" t="s">
        <v>2795</v>
      </c>
      <c r="GZB723" s="424"/>
      <c r="GZC723" s="424"/>
      <c r="GZD723" s="424"/>
      <c r="GZE723" s="423" t="s">
        <v>2795</v>
      </c>
      <c r="GZF723" s="424"/>
      <c r="GZG723" s="424"/>
      <c r="GZH723" s="424"/>
      <c r="GZI723" s="423" t="s">
        <v>2795</v>
      </c>
      <c r="GZJ723" s="424"/>
      <c r="GZK723" s="424"/>
      <c r="GZL723" s="424"/>
      <c r="GZM723" s="423" t="s">
        <v>2795</v>
      </c>
      <c r="GZN723" s="424"/>
      <c r="GZO723" s="424"/>
      <c r="GZP723" s="424"/>
      <c r="GZQ723" s="423" t="s">
        <v>2795</v>
      </c>
      <c r="GZR723" s="424"/>
      <c r="GZS723" s="424"/>
      <c r="GZT723" s="424"/>
      <c r="GZU723" s="423" t="s">
        <v>2795</v>
      </c>
      <c r="GZV723" s="424"/>
      <c r="GZW723" s="424"/>
      <c r="GZX723" s="424"/>
      <c r="GZY723" s="423" t="s">
        <v>2795</v>
      </c>
      <c r="GZZ723" s="424"/>
      <c r="HAA723" s="424"/>
      <c r="HAB723" s="424"/>
      <c r="HAC723" s="423" t="s">
        <v>2795</v>
      </c>
      <c r="HAD723" s="424"/>
      <c r="HAE723" s="424"/>
      <c r="HAF723" s="424"/>
      <c r="HAG723" s="423" t="s">
        <v>2795</v>
      </c>
      <c r="HAH723" s="424"/>
      <c r="HAI723" s="424"/>
      <c r="HAJ723" s="424"/>
      <c r="HAK723" s="423" t="s">
        <v>2795</v>
      </c>
      <c r="HAL723" s="424"/>
      <c r="HAM723" s="424"/>
      <c r="HAN723" s="424"/>
      <c r="HAO723" s="423" t="s">
        <v>2795</v>
      </c>
      <c r="HAP723" s="424"/>
      <c r="HAQ723" s="424"/>
      <c r="HAR723" s="424"/>
      <c r="HAS723" s="423" t="s">
        <v>2795</v>
      </c>
      <c r="HAT723" s="424"/>
      <c r="HAU723" s="424"/>
      <c r="HAV723" s="424"/>
      <c r="HAW723" s="423" t="s">
        <v>2795</v>
      </c>
      <c r="HAX723" s="424"/>
      <c r="HAY723" s="424"/>
      <c r="HAZ723" s="424"/>
      <c r="HBA723" s="423" t="s">
        <v>2795</v>
      </c>
      <c r="HBB723" s="424"/>
      <c r="HBC723" s="424"/>
      <c r="HBD723" s="424"/>
      <c r="HBE723" s="423" t="s">
        <v>2795</v>
      </c>
      <c r="HBF723" s="424"/>
      <c r="HBG723" s="424"/>
      <c r="HBH723" s="424"/>
      <c r="HBI723" s="423" t="s">
        <v>2795</v>
      </c>
      <c r="HBJ723" s="424"/>
      <c r="HBK723" s="424"/>
      <c r="HBL723" s="424"/>
      <c r="HBM723" s="423" t="s">
        <v>2795</v>
      </c>
      <c r="HBN723" s="424"/>
      <c r="HBO723" s="424"/>
      <c r="HBP723" s="424"/>
      <c r="HBQ723" s="423" t="s">
        <v>2795</v>
      </c>
      <c r="HBR723" s="424"/>
      <c r="HBS723" s="424"/>
      <c r="HBT723" s="424"/>
      <c r="HBU723" s="423" t="s">
        <v>2795</v>
      </c>
      <c r="HBV723" s="424"/>
      <c r="HBW723" s="424"/>
      <c r="HBX723" s="424"/>
      <c r="HBY723" s="423" t="s">
        <v>2795</v>
      </c>
      <c r="HBZ723" s="424"/>
      <c r="HCA723" s="424"/>
      <c r="HCB723" s="424"/>
      <c r="HCC723" s="423" t="s">
        <v>2795</v>
      </c>
      <c r="HCD723" s="424"/>
      <c r="HCE723" s="424"/>
      <c r="HCF723" s="424"/>
      <c r="HCG723" s="423" t="s">
        <v>2795</v>
      </c>
      <c r="HCH723" s="424"/>
      <c r="HCI723" s="424"/>
      <c r="HCJ723" s="424"/>
      <c r="HCK723" s="423" t="s">
        <v>2795</v>
      </c>
      <c r="HCL723" s="424"/>
      <c r="HCM723" s="424"/>
      <c r="HCN723" s="424"/>
      <c r="HCO723" s="423" t="s">
        <v>2795</v>
      </c>
      <c r="HCP723" s="424"/>
      <c r="HCQ723" s="424"/>
      <c r="HCR723" s="424"/>
      <c r="HCS723" s="423" t="s">
        <v>2795</v>
      </c>
      <c r="HCT723" s="424"/>
      <c r="HCU723" s="424"/>
      <c r="HCV723" s="424"/>
      <c r="HCW723" s="423" t="s">
        <v>2795</v>
      </c>
      <c r="HCX723" s="424"/>
      <c r="HCY723" s="424"/>
      <c r="HCZ723" s="424"/>
      <c r="HDA723" s="423" t="s">
        <v>2795</v>
      </c>
      <c r="HDB723" s="424"/>
      <c r="HDC723" s="424"/>
      <c r="HDD723" s="424"/>
      <c r="HDE723" s="423" t="s">
        <v>2795</v>
      </c>
      <c r="HDF723" s="424"/>
      <c r="HDG723" s="424"/>
      <c r="HDH723" s="424"/>
      <c r="HDI723" s="423" t="s">
        <v>2795</v>
      </c>
      <c r="HDJ723" s="424"/>
      <c r="HDK723" s="424"/>
      <c r="HDL723" s="424"/>
      <c r="HDM723" s="423" t="s">
        <v>2795</v>
      </c>
      <c r="HDN723" s="424"/>
      <c r="HDO723" s="424"/>
      <c r="HDP723" s="424"/>
      <c r="HDQ723" s="423" t="s">
        <v>2795</v>
      </c>
      <c r="HDR723" s="424"/>
      <c r="HDS723" s="424"/>
      <c r="HDT723" s="424"/>
      <c r="HDU723" s="423" t="s">
        <v>2795</v>
      </c>
      <c r="HDV723" s="424"/>
      <c r="HDW723" s="424"/>
      <c r="HDX723" s="424"/>
      <c r="HDY723" s="423" t="s">
        <v>2795</v>
      </c>
      <c r="HDZ723" s="424"/>
      <c r="HEA723" s="424"/>
      <c r="HEB723" s="424"/>
      <c r="HEC723" s="423" t="s">
        <v>2795</v>
      </c>
      <c r="HED723" s="424"/>
      <c r="HEE723" s="424"/>
      <c r="HEF723" s="424"/>
      <c r="HEG723" s="423" t="s">
        <v>2795</v>
      </c>
      <c r="HEH723" s="424"/>
      <c r="HEI723" s="424"/>
      <c r="HEJ723" s="424"/>
      <c r="HEK723" s="423" t="s">
        <v>2795</v>
      </c>
      <c r="HEL723" s="424"/>
      <c r="HEM723" s="424"/>
      <c r="HEN723" s="424"/>
      <c r="HEO723" s="423" t="s">
        <v>2795</v>
      </c>
      <c r="HEP723" s="424"/>
      <c r="HEQ723" s="424"/>
      <c r="HER723" s="424"/>
      <c r="HES723" s="423" t="s">
        <v>2795</v>
      </c>
      <c r="HET723" s="424"/>
      <c r="HEU723" s="424"/>
      <c r="HEV723" s="424"/>
      <c r="HEW723" s="423" t="s">
        <v>2795</v>
      </c>
      <c r="HEX723" s="424"/>
      <c r="HEY723" s="424"/>
      <c r="HEZ723" s="424"/>
      <c r="HFA723" s="423" t="s">
        <v>2795</v>
      </c>
      <c r="HFB723" s="424"/>
      <c r="HFC723" s="424"/>
      <c r="HFD723" s="424"/>
      <c r="HFE723" s="423" t="s">
        <v>2795</v>
      </c>
      <c r="HFF723" s="424"/>
      <c r="HFG723" s="424"/>
      <c r="HFH723" s="424"/>
      <c r="HFI723" s="423" t="s">
        <v>2795</v>
      </c>
      <c r="HFJ723" s="424"/>
      <c r="HFK723" s="424"/>
      <c r="HFL723" s="424"/>
      <c r="HFM723" s="423" t="s">
        <v>2795</v>
      </c>
      <c r="HFN723" s="424"/>
      <c r="HFO723" s="424"/>
      <c r="HFP723" s="424"/>
      <c r="HFQ723" s="423" t="s">
        <v>2795</v>
      </c>
      <c r="HFR723" s="424"/>
      <c r="HFS723" s="424"/>
      <c r="HFT723" s="424"/>
      <c r="HFU723" s="423" t="s">
        <v>2795</v>
      </c>
      <c r="HFV723" s="424"/>
      <c r="HFW723" s="424"/>
      <c r="HFX723" s="424"/>
      <c r="HFY723" s="423" t="s">
        <v>2795</v>
      </c>
      <c r="HFZ723" s="424"/>
      <c r="HGA723" s="424"/>
      <c r="HGB723" s="424"/>
      <c r="HGC723" s="423" t="s">
        <v>2795</v>
      </c>
      <c r="HGD723" s="424"/>
      <c r="HGE723" s="424"/>
      <c r="HGF723" s="424"/>
      <c r="HGG723" s="423" t="s">
        <v>2795</v>
      </c>
      <c r="HGH723" s="424"/>
      <c r="HGI723" s="424"/>
      <c r="HGJ723" s="424"/>
      <c r="HGK723" s="423" t="s">
        <v>2795</v>
      </c>
      <c r="HGL723" s="424"/>
      <c r="HGM723" s="424"/>
      <c r="HGN723" s="424"/>
      <c r="HGO723" s="423" t="s">
        <v>2795</v>
      </c>
      <c r="HGP723" s="424"/>
      <c r="HGQ723" s="424"/>
      <c r="HGR723" s="424"/>
      <c r="HGS723" s="423" t="s">
        <v>2795</v>
      </c>
      <c r="HGT723" s="424"/>
      <c r="HGU723" s="424"/>
      <c r="HGV723" s="424"/>
      <c r="HGW723" s="423" t="s">
        <v>2795</v>
      </c>
      <c r="HGX723" s="424"/>
      <c r="HGY723" s="424"/>
      <c r="HGZ723" s="424"/>
      <c r="HHA723" s="423" t="s">
        <v>2795</v>
      </c>
      <c r="HHB723" s="424"/>
      <c r="HHC723" s="424"/>
      <c r="HHD723" s="424"/>
      <c r="HHE723" s="423" t="s">
        <v>2795</v>
      </c>
      <c r="HHF723" s="424"/>
      <c r="HHG723" s="424"/>
      <c r="HHH723" s="424"/>
      <c r="HHI723" s="423" t="s">
        <v>2795</v>
      </c>
      <c r="HHJ723" s="424"/>
      <c r="HHK723" s="424"/>
      <c r="HHL723" s="424"/>
      <c r="HHM723" s="423" t="s">
        <v>2795</v>
      </c>
      <c r="HHN723" s="424"/>
      <c r="HHO723" s="424"/>
      <c r="HHP723" s="424"/>
      <c r="HHQ723" s="423" t="s">
        <v>2795</v>
      </c>
      <c r="HHR723" s="424"/>
      <c r="HHS723" s="424"/>
      <c r="HHT723" s="424"/>
      <c r="HHU723" s="423" t="s">
        <v>2795</v>
      </c>
      <c r="HHV723" s="424"/>
      <c r="HHW723" s="424"/>
      <c r="HHX723" s="424"/>
      <c r="HHY723" s="423" t="s">
        <v>2795</v>
      </c>
      <c r="HHZ723" s="424"/>
      <c r="HIA723" s="424"/>
      <c r="HIB723" s="424"/>
      <c r="HIC723" s="423" t="s">
        <v>2795</v>
      </c>
      <c r="HID723" s="424"/>
      <c r="HIE723" s="424"/>
      <c r="HIF723" s="424"/>
      <c r="HIG723" s="423" t="s">
        <v>2795</v>
      </c>
      <c r="HIH723" s="424"/>
      <c r="HII723" s="424"/>
      <c r="HIJ723" s="424"/>
      <c r="HIK723" s="423" t="s">
        <v>2795</v>
      </c>
      <c r="HIL723" s="424"/>
      <c r="HIM723" s="424"/>
      <c r="HIN723" s="424"/>
      <c r="HIO723" s="423" t="s">
        <v>2795</v>
      </c>
      <c r="HIP723" s="424"/>
      <c r="HIQ723" s="424"/>
      <c r="HIR723" s="424"/>
      <c r="HIS723" s="423" t="s">
        <v>2795</v>
      </c>
      <c r="HIT723" s="424"/>
      <c r="HIU723" s="424"/>
      <c r="HIV723" s="424"/>
      <c r="HIW723" s="423" t="s">
        <v>2795</v>
      </c>
      <c r="HIX723" s="424"/>
      <c r="HIY723" s="424"/>
      <c r="HIZ723" s="424"/>
      <c r="HJA723" s="423" t="s">
        <v>2795</v>
      </c>
      <c r="HJB723" s="424"/>
      <c r="HJC723" s="424"/>
      <c r="HJD723" s="424"/>
      <c r="HJE723" s="423" t="s">
        <v>2795</v>
      </c>
      <c r="HJF723" s="424"/>
      <c r="HJG723" s="424"/>
      <c r="HJH723" s="424"/>
      <c r="HJI723" s="423" t="s">
        <v>2795</v>
      </c>
      <c r="HJJ723" s="424"/>
      <c r="HJK723" s="424"/>
      <c r="HJL723" s="424"/>
      <c r="HJM723" s="423" t="s">
        <v>2795</v>
      </c>
      <c r="HJN723" s="424"/>
      <c r="HJO723" s="424"/>
      <c r="HJP723" s="424"/>
      <c r="HJQ723" s="423" t="s">
        <v>2795</v>
      </c>
      <c r="HJR723" s="424"/>
      <c r="HJS723" s="424"/>
      <c r="HJT723" s="424"/>
      <c r="HJU723" s="423" t="s">
        <v>2795</v>
      </c>
      <c r="HJV723" s="424"/>
      <c r="HJW723" s="424"/>
      <c r="HJX723" s="424"/>
      <c r="HJY723" s="423" t="s">
        <v>2795</v>
      </c>
      <c r="HJZ723" s="424"/>
      <c r="HKA723" s="424"/>
      <c r="HKB723" s="424"/>
      <c r="HKC723" s="423" t="s">
        <v>2795</v>
      </c>
      <c r="HKD723" s="424"/>
      <c r="HKE723" s="424"/>
      <c r="HKF723" s="424"/>
      <c r="HKG723" s="423" t="s">
        <v>2795</v>
      </c>
      <c r="HKH723" s="424"/>
      <c r="HKI723" s="424"/>
      <c r="HKJ723" s="424"/>
      <c r="HKK723" s="423" t="s">
        <v>2795</v>
      </c>
      <c r="HKL723" s="424"/>
      <c r="HKM723" s="424"/>
      <c r="HKN723" s="424"/>
      <c r="HKO723" s="423" t="s">
        <v>2795</v>
      </c>
      <c r="HKP723" s="424"/>
      <c r="HKQ723" s="424"/>
      <c r="HKR723" s="424"/>
      <c r="HKS723" s="423" t="s">
        <v>2795</v>
      </c>
      <c r="HKT723" s="424"/>
      <c r="HKU723" s="424"/>
      <c r="HKV723" s="424"/>
      <c r="HKW723" s="423" t="s">
        <v>2795</v>
      </c>
      <c r="HKX723" s="424"/>
      <c r="HKY723" s="424"/>
      <c r="HKZ723" s="424"/>
      <c r="HLA723" s="423" t="s">
        <v>2795</v>
      </c>
      <c r="HLB723" s="424"/>
      <c r="HLC723" s="424"/>
      <c r="HLD723" s="424"/>
      <c r="HLE723" s="423" t="s">
        <v>2795</v>
      </c>
      <c r="HLF723" s="424"/>
      <c r="HLG723" s="424"/>
      <c r="HLH723" s="424"/>
      <c r="HLI723" s="423" t="s">
        <v>2795</v>
      </c>
      <c r="HLJ723" s="424"/>
      <c r="HLK723" s="424"/>
      <c r="HLL723" s="424"/>
      <c r="HLM723" s="423" t="s">
        <v>2795</v>
      </c>
      <c r="HLN723" s="424"/>
      <c r="HLO723" s="424"/>
      <c r="HLP723" s="424"/>
      <c r="HLQ723" s="423" t="s">
        <v>2795</v>
      </c>
      <c r="HLR723" s="424"/>
      <c r="HLS723" s="424"/>
      <c r="HLT723" s="424"/>
      <c r="HLU723" s="423" t="s">
        <v>2795</v>
      </c>
      <c r="HLV723" s="424"/>
      <c r="HLW723" s="424"/>
      <c r="HLX723" s="424"/>
      <c r="HLY723" s="423" t="s">
        <v>2795</v>
      </c>
      <c r="HLZ723" s="424"/>
      <c r="HMA723" s="424"/>
      <c r="HMB723" s="424"/>
      <c r="HMC723" s="423" t="s">
        <v>2795</v>
      </c>
      <c r="HMD723" s="424"/>
      <c r="HME723" s="424"/>
      <c r="HMF723" s="424"/>
      <c r="HMG723" s="423" t="s">
        <v>2795</v>
      </c>
      <c r="HMH723" s="424"/>
      <c r="HMI723" s="424"/>
      <c r="HMJ723" s="424"/>
      <c r="HMK723" s="423" t="s">
        <v>2795</v>
      </c>
      <c r="HML723" s="424"/>
      <c r="HMM723" s="424"/>
      <c r="HMN723" s="424"/>
      <c r="HMO723" s="423" t="s">
        <v>2795</v>
      </c>
      <c r="HMP723" s="424"/>
      <c r="HMQ723" s="424"/>
      <c r="HMR723" s="424"/>
      <c r="HMS723" s="423" t="s">
        <v>2795</v>
      </c>
      <c r="HMT723" s="424"/>
      <c r="HMU723" s="424"/>
      <c r="HMV723" s="424"/>
      <c r="HMW723" s="423" t="s">
        <v>2795</v>
      </c>
      <c r="HMX723" s="424"/>
      <c r="HMY723" s="424"/>
      <c r="HMZ723" s="424"/>
      <c r="HNA723" s="423" t="s">
        <v>2795</v>
      </c>
      <c r="HNB723" s="424"/>
      <c r="HNC723" s="424"/>
      <c r="HND723" s="424"/>
      <c r="HNE723" s="423" t="s">
        <v>2795</v>
      </c>
      <c r="HNF723" s="424"/>
      <c r="HNG723" s="424"/>
      <c r="HNH723" s="424"/>
      <c r="HNI723" s="423" t="s">
        <v>2795</v>
      </c>
      <c r="HNJ723" s="424"/>
      <c r="HNK723" s="424"/>
      <c r="HNL723" s="424"/>
      <c r="HNM723" s="423" t="s">
        <v>2795</v>
      </c>
      <c r="HNN723" s="424"/>
      <c r="HNO723" s="424"/>
      <c r="HNP723" s="424"/>
      <c r="HNQ723" s="423" t="s">
        <v>2795</v>
      </c>
      <c r="HNR723" s="424"/>
      <c r="HNS723" s="424"/>
      <c r="HNT723" s="424"/>
      <c r="HNU723" s="423" t="s">
        <v>2795</v>
      </c>
      <c r="HNV723" s="424"/>
      <c r="HNW723" s="424"/>
      <c r="HNX723" s="424"/>
      <c r="HNY723" s="423" t="s">
        <v>2795</v>
      </c>
      <c r="HNZ723" s="424"/>
      <c r="HOA723" s="424"/>
      <c r="HOB723" s="424"/>
      <c r="HOC723" s="423" t="s">
        <v>2795</v>
      </c>
      <c r="HOD723" s="424"/>
      <c r="HOE723" s="424"/>
      <c r="HOF723" s="424"/>
      <c r="HOG723" s="423" t="s">
        <v>2795</v>
      </c>
      <c r="HOH723" s="424"/>
      <c r="HOI723" s="424"/>
      <c r="HOJ723" s="424"/>
      <c r="HOK723" s="423" t="s">
        <v>2795</v>
      </c>
      <c r="HOL723" s="424"/>
      <c r="HOM723" s="424"/>
      <c r="HON723" s="424"/>
      <c r="HOO723" s="423" t="s">
        <v>2795</v>
      </c>
      <c r="HOP723" s="424"/>
      <c r="HOQ723" s="424"/>
      <c r="HOR723" s="424"/>
      <c r="HOS723" s="423" t="s">
        <v>2795</v>
      </c>
      <c r="HOT723" s="424"/>
      <c r="HOU723" s="424"/>
      <c r="HOV723" s="424"/>
      <c r="HOW723" s="423" t="s">
        <v>2795</v>
      </c>
      <c r="HOX723" s="424"/>
      <c r="HOY723" s="424"/>
      <c r="HOZ723" s="424"/>
      <c r="HPA723" s="423" t="s">
        <v>2795</v>
      </c>
      <c r="HPB723" s="424"/>
      <c r="HPC723" s="424"/>
      <c r="HPD723" s="424"/>
      <c r="HPE723" s="423" t="s">
        <v>2795</v>
      </c>
      <c r="HPF723" s="424"/>
      <c r="HPG723" s="424"/>
      <c r="HPH723" s="424"/>
      <c r="HPI723" s="423" t="s">
        <v>2795</v>
      </c>
      <c r="HPJ723" s="424"/>
      <c r="HPK723" s="424"/>
      <c r="HPL723" s="424"/>
      <c r="HPM723" s="423" t="s">
        <v>2795</v>
      </c>
      <c r="HPN723" s="424"/>
      <c r="HPO723" s="424"/>
      <c r="HPP723" s="424"/>
      <c r="HPQ723" s="423" t="s">
        <v>2795</v>
      </c>
      <c r="HPR723" s="424"/>
      <c r="HPS723" s="424"/>
      <c r="HPT723" s="424"/>
      <c r="HPU723" s="423" t="s">
        <v>2795</v>
      </c>
      <c r="HPV723" s="424"/>
      <c r="HPW723" s="424"/>
      <c r="HPX723" s="424"/>
      <c r="HPY723" s="423" t="s">
        <v>2795</v>
      </c>
      <c r="HPZ723" s="424"/>
      <c r="HQA723" s="424"/>
      <c r="HQB723" s="424"/>
      <c r="HQC723" s="423" t="s">
        <v>2795</v>
      </c>
      <c r="HQD723" s="424"/>
      <c r="HQE723" s="424"/>
      <c r="HQF723" s="424"/>
      <c r="HQG723" s="423" t="s">
        <v>2795</v>
      </c>
      <c r="HQH723" s="424"/>
      <c r="HQI723" s="424"/>
      <c r="HQJ723" s="424"/>
      <c r="HQK723" s="423" t="s">
        <v>2795</v>
      </c>
      <c r="HQL723" s="424"/>
      <c r="HQM723" s="424"/>
      <c r="HQN723" s="424"/>
      <c r="HQO723" s="423" t="s">
        <v>2795</v>
      </c>
      <c r="HQP723" s="424"/>
      <c r="HQQ723" s="424"/>
      <c r="HQR723" s="424"/>
      <c r="HQS723" s="423" t="s">
        <v>2795</v>
      </c>
      <c r="HQT723" s="424"/>
      <c r="HQU723" s="424"/>
      <c r="HQV723" s="424"/>
      <c r="HQW723" s="423" t="s">
        <v>2795</v>
      </c>
      <c r="HQX723" s="424"/>
      <c r="HQY723" s="424"/>
      <c r="HQZ723" s="424"/>
      <c r="HRA723" s="423" t="s">
        <v>2795</v>
      </c>
      <c r="HRB723" s="424"/>
      <c r="HRC723" s="424"/>
      <c r="HRD723" s="424"/>
      <c r="HRE723" s="423" t="s">
        <v>2795</v>
      </c>
      <c r="HRF723" s="424"/>
      <c r="HRG723" s="424"/>
      <c r="HRH723" s="424"/>
      <c r="HRI723" s="423" t="s">
        <v>2795</v>
      </c>
      <c r="HRJ723" s="424"/>
      <c r="HRK723" s="424"/>
      <c r="HRL723" s="424"/>
      <c r="HRM723" s="423" t="s">
        <v>2795</v>
      </c>
      <c r="HRN723" s="424"/>
      <c r="HRO723" s="424"/>
      <c r="HRP723" s="424"/>
      <c r="HRQ723" s="423" t="s">
        <v>2795</v>
      </c>
      <c r="HRR723" s="424"/>
      <c r="HRS723" s="424"/>
      <c r="HRT723" s="424"/>
      <c r="HRU723" s="423" t="s">
        <v>2795</v>
      </c>
      <c r="HRV723" s="424"/>
      <c r="HRW723" s="424"/>
      <c r="HRX723" s="424"/>
      <c r="HRY723" s="423" t="s">
        <v>2795</v>
      </c>
      <c r="HRZ723" s="424"/>
      <c r="HSA723" s="424"/>
      <c r="HSB723" s="424"/>
      <c r="HSC723" s="423" t="s">
        <v>2795</v>
      </c>
      <c r="HSD723" s="424"/>
      <c r="HSE723" s="424"/>
      <c r="HSF723" s="424"/>
      <c r="HSG723" s="423" t="s">
        <v>2795</v>
      </c>
      <c r="HSH723" s="424"/>
      <c r="HSI723" s="424"/>
      <c r="HSJ723" s="424"/>
      <c r="HSK723" s="423" t="s">
        <v>2795</v>
      </c>
      <c r="HSL723" s="424"/>
      <c r="HSM723" s="424"/>
      <c r="HSN723" s="424"/>
      <c r="HSO723" s="423" t="s">
        <v>2795</v>
      </c>
      <c r="HSP723" s="424"/>
      <c r="HSQ723" s="424"/>
      <c r="HSR723" s="424"/>
      <c r="HSS723" s="423" t="s">
        <v>2795</v>
      </c>
      <c r="HST723" s="424"/>
      <c r="HSU723" s="424"/>
      <c r="HSV723" s="424"/>
      <c r="HSW723" s="423" t="s">
        <v>2795</v>
      </c>
      <c r="HSX723" s="424"/>
      <c r="HSY723" s="424"/>
      <c r="HSZ723" s="424"/>
      <c r="HTA723" s="423" t="s">
        <v>2795</v>
      </c>
      <c r="HTB723" s="424"/>
      <c r="HTC723" s="424"/>
      <c r="HTD723" s="424"/>
      <c r="HTE723" s="423" t="s">
        <v>2795</v>
      </c>
      <c r="HTF723" s="424"/>
      <c r="HTG723" s="424"/>
      <c r="HTH723" s="424"/>
      <c r="HTI723" s="423" t="s">
        <v>2795</v>
      </c>
      <c r="HTJ723" s="424"/>
      <c r="HTK723" s="424"/>
      <c r="HTL723" s="424"/>
      <c r="HTM723" s="423" t="s">
        <v>2795</v>
      </c>
      <c r="HTN723" s="424"/>
      <c r="HTO723" s="424"/>
      <c r="HTP723" s="424"/>
      <c r="HTQ723" s="423" t="s">
        <v>2795</v>
      </c>
      <c r="HTR723" s="424"/>
      <c r="HTS723" s="424"/>
      <c r="HTT723" s="424"/>
      <c r="HTU723" s="423" t="s">
        <v>2795</v>
      </c>
      <c r="HTV723" s="424"/>
      <c r="HTW723" s="424"/>
      <c r="HTX723" s="424"/>
      <c r="HTY723" s="423" t="s">
        <v>2795</v>
      </c>
      <c r="HTZ723" s="424"/>
      <c r="HUA723" s="424"/>
      <c r="HUB723" s="424"/>
      <c r="HUC723" s="423" t="s">
        <v>2795</v>
      </c>
      <c r="HUD723" s="424"/>
      <c r="HUE723" s="424"/>
      <c r="HUF723" s="424"/>
      <c r="HUG723" s="423" t="s">
        <v>2795</v>
      </c>
      <c r="HUH723" s="424"/>
      <c r="HUI723" s="424"/>
      <c r="HUJ723" s="424"/>
      <c r="HUK723" s="423" t="s">
        <v>2795</v>
      </c>
      <c r="HUL723" s="424"/>
      <c r="HUM723" s="424"/>
      <c r="HUN723" s="424"/>
      <c r="HUO723" s="423" t="s">
        <v>2795</v>
      </c>
      <c r="HUP723" s="424"/>
      <c r="HUQ723" s="424"/>
      <c r="HUR723" s="424"/>
      <c r="HUS723" s="423" t="s">
        <v>2795</v>
      </c>
      <c r="HUT723" s="424"/>
      <c r="HUU723" s="424"/>
      <c r="HUV723" s="424"/>
      <c r="HUW723" s="423" t="s">
        <v>2795</v>
      </c>
      <c r="HUX723" s="424"/>
      <c r="HUY723" s="424"/>
      <c r="HUZ723" s="424"/>
      <c r="HVA723" s="423" t="s">
        <v>2795</v>
      </c>
      <c r="HVB723" s="424"/>
      <c r="HVC723" s="424"/>
      <c r="HVD723" s="424"/>
      <c r="HVE723" s="423" t="s">
        <v>2795</v>
      </c>
      <c r="HVF723" s="424"/>
      <c r="HVG723" s="424"/>
      <c r="HVH723" s="424"/>
      <c r="HVI723" s="423" t="s">
        <v>2795</v>
      </c>
      <c r="HVJ723" s="424"/>
      <c r="HVK723" s="424"/>
      <c r="HVL723" s="424"/>
      <c r="HVM723" s="423" t="s">
        <v>2795</v>
      </c>
      <c r="HVN723" s="424"/>
      <c r="HVO723" s="424"/>
      <c r="HVP723" s="424"/>
      <c r="HVQ723" s="423" t="s">
        <v>2795</v>
      </c>
      <c r="HVR723" s="424"/>
      <c r="HVS723" s="424"/>
      <c r="HVT723" s="424"/>
      <c r="HVU723" s="423" t="s">
        <v>2795</v>
      </c>
      <c r="HVV723" s="424"/>
      <c r="HVW723" s="424"/>
      <c r="HVX723" s="424"/>
      <c r="HVY723" s="423" t="s">
        <v>2795</v>
      </c>
      <c r="HVZ723" s="424"/>
      <c r="HWA723" s="424"/>
      <c r="HWB723" s="424"/>
      <c r="HWC723" s="423" t="s">
        <v>2795</v>
      </c>
      <c r="HWD723" s="424"/>
      <c r="HWE723" s="424"/>
      <c r="HWF723" s="424"/>
      <c r="HWG723" s="423" t="s">
        <v>2795</v>
      </c>
      <c r="HWH723" s="424"/>
      <c r="HWI723" s="424"/>
      <c r="HWJ723" s="424"/>
      <c r="HWK723" s="423" t="s">
        <v>2795</v>
      </c>
      <c r="HWL723" s="424"/>
      <c r="HWM723" s="424"/>
      <c r="HWN723" s="424"/>
      <c r="HWO723" s="423" t="s">
        <v>2795</v>
      </c>
      <c r="HWP723" s="424"/>
      <c r="HWQ723" s="424"/>
      <c r="HWR723" s="424"/>
      <c r="HWS723" s="423" t="s">
        <v>2795</v>
      </c>
      <c r="HWT723" s="424"/>
      <c r="HWU723" s="424"/>
      <c r="HWV723" s="424"/>
      <c r="HWW723" s="423" t="s">
        <v>2795</v>
      </c>
      <c r="HWX723" s="424"/>
      <c r="HWY723" s="424"/>
      <c r="HWZ723" s="424"/>
      <c r="HXA723" s="423" t="s">
        <v>2795</v>
      </c>
      <c r="HXB723" s="424"/>
      <c r="HXC723" s="424"/>
      <c r="HXD723" s="424"/>
      <c r="HXE723" s="423" t="s">
        <v>2795</v>
      </c>
      <c r="HXF723" s="424"/>
      <c r="HXG723" s="424"/>
      <c r="HXH723" s="424"/>
      <c r="HXI723" s="423" t="s">
        <v>2795</v>
      </c>
      <c r="HXJ723" s="424"/>
      <c r="HXK723" s="424"/>
      <c r="HXL723" s="424"/>
      <c r="HXM723" s="423" t="s">
        <v>2795</v>
      </c>
      <c r="HXN723" s="424"/>
      <c r="HXO723" s="424"/>
      <c r="HXP723" s="424"/>
      <c r="HXQ723" s="423" t="s">
        <v>2795</v>
      </c>
      <c r="HXR723" s="424"/>
      <c r="HXS723" s="424"/>
      <c r="HXT723" s="424"/>
      <c r="HXU723" s="423" t="s">
        <v>2795</v>
      </c>
      <c r="HXV723" s="424"/>
      <c r="HXW723" s="424"/>
      <c r="HXX723" s="424"/>
      <c r="HXY723" s="423" t="s">
        <v>2795</v>
      </c>
      <c r="HXZ723" s="424"/>
      <c r="HYA723" s="424"/>
      <c r="HYB723" s="424"/>
      <c r="HYC723" s="423" t="s">
        <v>2795</v>
      </c>
      <c r="HYD723" s="424"/>
      <c r="HYE723" s="424"/>
      <c r="HYF723" s="424"/>
      <c r="HYG723" s="423" t="s">
        <v>2795</v>
      </c>
      <c r="HYH723" s="424"/>
      <c r="HYI723" s="424"/>
      <c r="HYJ723" s="424"/>
      <c r="HYK723" s="423" t="s">
        <v>2795</v>
      </c>
      <c r="HYL723" s="424"/>
      <c r="HYM723" s="424"/>
      <c r="HYN723" s="424"/>
      <c r="HYO723" s="423" t="s">
        <v>2795</v>
      </c>
      <c r="HYP723" s="424"/>
      <c r="HYQ723" s="424"/>
      <c r="HYR723" s="424"/>
      <c r="HYS723" s="423" t="s">
        <v>2795</v>
      </c>
      <c r="HYT723" s="424"/>
      <c r="HYU723" s="424"/>
      <c r="HYV723" s="424"/>
      <c r="HYW723" s="423" t="s">
        <v>2795</v>
      </c>
      <c r="HYX723" s="424"/>
      <c r="HYY723" s="424"/>
      <c r="HYZ723" s="424"/>
      <c r="HZA723" s="423" t="s">
        <v>2795</v>
      </c>
      <c r="HZB723" s="424"/>
      <c r="HZC723" s="424"/>
      <c r="HZD723" s="424"/>
      <c r="HZE723" s="423" t="s">
        <v>2795</v>
      </c>
      <c r="HZF723" s="424"/>
      <c r="HZG723" s="424"/>
      <c r="HZH723" s="424"/>
      <c r="HZI723" s="423" t="s">
        <v>2795</v>
      </c>
      <c r="HZJ723" s="424"/>
      <c r="HZK723" s="424"/>
      <c r="HZL723" s="424"/>
      <c r="HZM723" s="423" t="s">
        <v>2795</v>
      </c>
      <c r="HZN723" s="424"/>
      <c r="HZO723" s="424"/>
      <c r="HZP723" s="424"/>
      <c r="HZQ723" s="423" t="s">
        <v>2795</v>
      </c>
      <c r="HZR723" s="424"/>
      <c r="HZS723" s="424"/>
      <c r="HZT723" s="424"/>
      <c r="HZU723" s="423" t="s">
        <v>2795</v>
      </c>
      <c r="HZV723" s="424"/>
      <c r="HZW723" s="424"/>
      <c r="HZX723" s="424"/>
      <c r="HZY723" s="423" t="s">
        <v>2795</v>
      </c>
      <c r="HZZ723" s="424"/>
      <c r="IAA723" s="424"/>
      <c r="IAB723" s="424"/>
      <c r="IAC723" s="423" t="s">
        <v>2795</v>
      </c>
      <c r="IAD723" s="424"/>
      <c r="IAE723" s="424"/>
      <c r="IAF723" s="424"/>
      <c r="IAG723" s="423" t="s">
        <v>2795</v>
      </c>
      <c r="IAH723" s="424"/>
      <c r="IAI723" s="424"/>
      <c r="IAJ723" s="424"/>
      <c r="IAK723" s="423" t="s">
        <v>2795</v>
      </c>
      <c r="IAL723" s="424"/>
      <c r="IAM723" s="424"/>
      <c r="IAN723" s="424"/>
      <c r="IAO723" s="423" t="s">
        <v>2795</v>
      </c>
      <c r="IAP723" s="424"/>
      <c r="IAQ723" s="424"/>
      <c r="IAR723" s="424"/>
      <c r="IAS723" s="423" t="s">
        <v>2795</v>
      </c>
      <c r="IAT723" s="424"/>
      <c r="IAU723" s="424"/>
      <c r="IAV723" s="424"/>
      <c r="IAW723" s="423" t="s">
        <v>2795</v>
      </c>
      <c r="IAX723" s="424"/>
      <c r="IAY723" s="424"/>
      <c r="IAZ723" s="424"/>
      <c r="IBA723" s="423" t="s">
        <v>2795</v>
      </c>
      <c r="IBB723" s="424"/>
      <c r="IBC723" s="424"/>
      <c r="IBD723" s="424"/>
      <c r="IBE723" s="423" t="s">
        <v>2795</v>
      </c>
      <c r="IBF723" s="424"/>
      <c r="IBG723" s="424"/>
      <c r="IBH723" s="424"/>
      <c r="IBI723" s="423" t="s">
        <v>2795</v>
      </c>
      <c r="IBJ723" s="424"/>
      <c r="IBK723" s="424"/>
      <c r="IBL723" s="424"/>
      <c r="IBM723" s="423" t="s">
        <v>2795</v>
      </c>
      <c r="IBN723" s="424"/>
      <c r="IBO723" s="424"/>
      <c r="IBP723" s="424"/>
      <c r="IBQ723" s="423" t="s">
        <v>2795</v>
      </c>
      <c r="IBR723" s="424"/>
      <c r="IBS723" s="424"/>
      <c r="IBT723" s="424"/>
      <c r="IBU723" s="423" t="s">
        <v>2795</v>
      </c>
      <c r="IBV723" s="424"/>
      <c r="IBW723" s="424"/>
      <c r="IBX723" s="424"/>
      <c r="IBY723" s="423" t="s">
        <v>2795</v>
      </c>
      <c r="IBZ723" s="424"/>
      <c r="ICA723" s="424"/>
      <c r="ICB723" s="424"/>
      <c r="ICC723" s="423" t="s">
        <v>2795</v>
      </c>
      <c r="ICD723" s="424"/>
      <c r="ICE723" s="424"/>
      <c r="ICF723" s="424"/>
      <c r="ICG723" s="423" t="s">
        <v>2795</v>
      </c>
      <c r="ICH723" s="424"/>
      <c r="ICI723" s="424"/>
      <c r="ICJ723" s="424"/>
      <c r="ICK723" s="423" t="s">
        <v>2795</v>
      </c>
      <c r="ICL723" s="424"/>
      <c r="ICM723" s="424"/>
      <c r="ICN723" s="424"/>
      <c r="ICO723" s="423" t="s">
        <v>2795</v>
      </c>
      <c r="ICP723" s="424"/>
      <c r="ICQ723" s="424"/>
      <c r="ICR723" s="424"/>
      <c r="ICS723" s="423" t="s">
        <v>2795</v>
      </c>
      <c r="ICT723" s="424"/>
      <c r="ICU723" s="424"/>
      <c r="ICV723" s="424"/>
      <c r="ICW723" s="423" t="s">
        <v>2795</v>
      </c>
      <c r="ICX723" s="424"/>
      <c r="ICY723" s="424"/>
      <c r="ICZ723" s="424"/>
      <c r="IDA723" s="423" t="s">
        <v>2795</v>
      </c>
      <c r="IDB723" s="424"/>
      <c r="IDC723" s="424"/>
      <c r="IDD723" s="424"/>
      <c r="IDE723" s="423" t="s">
        <v>2795</v>
      </c>
      <c r="IDF723" s="424"/>
      <c r="IDG723" s="424"/>
      <c r="IDH723" s="424"/>
      <c r="IDI723" s="423" t="s">
        <v>2795</v>
      </c>
      <c r="IDJ723" s="424"/>
      <c r="IDK723" s="424"/>
      <c r="IDL723" s="424"/>
      <c r="IDM723" s="423" t="s">
        <v>2795</v>
      </c>
      <c r="IDN723" s="424"/>
      <c r="IDO723" s="424"/>
      <c r="IDP723" s="424"/>
      <c r="IDQ723" s="423" t="s">
        <v>2795</v>
      </c>
      <c r="IDR723" s="424"/>
      <c r="IDS723" s="424"/>
      <c r="IDT723" s="424"/>
      <c r="IDU723" s="423" t="s">
        <v>2795</v>
      </c>
      <c r="IDV723" s="424"/>
      <c r="IDW723" s="424"/>
      <c r="IDX723" s="424"/>
      <c r="IDY723" s="423" t="s">
        <v>2795</v>
      </c>
      <c r="IDZ723" s="424"/>
      <c r="IEA723" s="424"/>
      <c r="IEB723" s="424"/>
      <c r="IEC723" s="423" t="s">
        <v>2795</v>
      </c>
      <c r="IED723" s="424"/>
      <c r="IEE723" s="424"/>
      <c r="IEF723" s="424"/>
      <c r="IEG723" s="423" t="s">
        <v>2795</v>
      </c>
      <c r="IEH723" s="424"/>
      <c r="IEI723" s="424"/>
      <c r="IEJ723" s="424"/>
      <c r="IEK723" s="423" t="s">
        <v>2795</v>
      </c>
      <c r="IEL723" s="424"/>
      <c r="IEM723" s="424"/>
      <c r="IEN723" s="424"/>
      <c r="IEO723" s="423" t="s">
        <v>2795</v>
      </c>
      <c r="IEP723" s="424"/>
      <c r="IEQ723" s="424"/>
      <c r="IER723" s="424"/>
      <c r="IES723" s="423" t="s">
        <v>2795</v>
      </c>
      <c r="IET723" s="424"/>
      <c r="IEU723" s="424"/>
      <c r="IEV723" s="424"/>
      <c r="IEW723" s="423" t="s">
        <v>2795</v>
      </c>
      <c r="IEX723" s="424"/>
      <c r="IEY723" s="424"/>
      <c r="IEZ723" s="424"/>
      <c r="IFA723" s="423" t="s">
        <v>2795</v>
      </c>
      <c r="IFB723" s="424"/>
      <c r="IFC723" s="424"/>
      <c r="IFD723" s="424"/>
      <c r="IFE723" s="423" t="s">
        <v>2795</v>
      </c>
      <c r="IFF723" s="424"/>
      <c r="IFG723" s="424"/>
      <c r="IFH723" s="424"/>
      <c r="IFI723" s="423" t="s">
        <v>2795</v>
      </c>
      <c r="IFJ723" s="424"/>
      <c r="IFK723" s="424"/>
      <c r="IFL723" s="424"/>
      <c r="IFM723" s="423" t="s">
        <v>2795</v>
      </c>
      <c r="IFN723" s="424"/>
      <c r="IFO723" s="424"/>
      <c r="IFP723" s="424"/>
      <c r="IFQ723" s="423" t="s">
        <v>2795</v>
      </c>
      <c r="IFR723" s="424"/>
      <c r="IFS723" s="424"/>
      <c r="IFT723" s="424"/>
      <c r="IFU723" s="423" t="s">
        <v>2795</v>
      </c>
      <c r="IFV723" s="424"/>
      <c r="IFW723" s="424"/>
      <c r="IFX723" s="424"/>
      <c r="IFY723" s="423" t="s">
        <v>2795</v>
      </c>
      <c r="IFZ723" s="424"/>
      <c r="IGA723" s="424"/>
      <c r="IGB723" s="424"/>
      <c r="IGC723" s="423" t="s">
        <v>2795</v>
      </c>
      <c r="IGD723" s="424"/>
      <c r="IGE723" s="424"/>
      <c r="IGF723" s="424"/>
      <c r="IGG723" s="423" t="s">
        <v>2795</v>
      </c>
      <c r="IGH723" s="424"/>
      <c r="IGI723" s="424"/>
      <c r="IGJ723" s="424"/>
      <c r="IGK723" s="423" t="s">
        <v>2795</v>
      </c>
      <c r="IGL723" s="424"/>
      <c r="IGM723" s="424"/>
      <c r="IGN723" s="424"/>
      <c r="IGO723" s="423" t="s">
        <v>2795</v>
      </c>
      <c r="IGP723" s="424"/>
      <c r="IGQ723" s="424"/>
      <c r="IGR723" s="424"/>
      <c r="IGS723" s="423" t="s">
        <v>2795</v>
      </c>
      <c r="IGT723" s="424"/>
      <c r="IGU723" s="424"/>
      <c r="IGV723" s="424"/>
      <c r="IGW723" s="423" t="s">
        <v>2795</v>
      </c>
      <c r="IGX723" s="424"/>
      <c r="IGY723" s="424"/>
      <c r="IGZ723" s="424"/>
      <c r="IHA723" s="423" t="s">
        <v>2795</v>
      </c>
      <c r="IHB723" s="424"/>
      <c r="IHC723" s="424"/>
      <c r="IHD723" s="424"/>
      <c r="IHE723" s="423" t="s">
        <v>2795</v>
      </c>
      <c r="IHF723" s="424"/>
      <c r="IHG723" s="424"/>
      <c r="IHH723" s="424"/>
      <c r="IHI723" s="423" t="s">
        <v>2795</v>
      </c>
      <c r="IHJ723" s="424"/>
      <c r="IHK723" s="424"/>
      <c r="IHL723" s="424"/>
      <c r="IHM723" s="423" t="s">
        <v>2795</v>
      </c>
      <c r="IHN723" s="424"/>
      <c r="IHO723" s="424"/>
      <c r="IHP723" s="424"/>
      <c r="IHQ723" s="423" t="s">
        <v>2795</v>
      </c>
      <c r="IHR723" s="424"/>
      <c r="IHS723" s="424"/>
      <c r="IHT723" s="424"/>
      <c r="IHU723" s="423" t="s">
        <v>2795</v>
      </c>
      <c r="IHV723" s="424"/>
      <c r="IHW723" s="424"/>
      <c r="IHX723" s="424"/>
      <c r="IHY723" s="423" t="s">
        <v>2795</v>
      </c>
      <c r="IHZ723" s="424"/>
      <c r="IIA723" s="424"/>
      <c r="IIB723" s="424"/>
      <c r="IIC723" s="423" t="s">
        <v>2795</v>
      </c>
      <c r="IID723" s="424"/>
      <c r="IIE723" s="424"/>
      <c r="IIF723" s="424"/>
      <c r="IIG723" s="423" t="s">
        <v>2795</v>
      </c>
      <c r="IIH723" s="424"/>
      <c r="III723" s="424"/>
      <c r="IIJ723" s="424"/>
      <c r="IIK723" s="423" t="s">
        <v>2795</v>
      </c>
      <c r="IIL723" s="424"/>
      <c r="IIM723" s="424"/>
      <c r="IIN723" s="424"/>
      <c r="IIO723" s="423" t="s">
        <v>2795</v>
      </c>
      <c r="IIP723" s="424"/>
      <c r="IIQ723" s="424"/>
      <c r="IIR723" s="424"/>
      <c r="IIS723" s="423" t="s">
        <v>2795</v>
      </c>
      <c r="IIT723" s="424"/>
      <c r="IIU723" s="424"/>
      <c r="IIV723" s="424"/>
      <c r="IIW723" s="423" t="s">
        <v>2795</v>
      </c>
      <c r="IIX723" s="424"/>
      <c r="IIY723" s="424"/>
      <c r="IIZ723" s="424"/>
      <c r="IJA723" s="423" t="s">
        <v>2795</v>
      </c>
      <c r="IJB723" s="424"/>
      <c r="IJC723" s="424"/>
      <c r="IJD723" s="424"/>
      <c r="IJE723" s="423" t="s">
        <v>2795</v>
      </c>
      <c r="IJF723" s="424"/>
      <c r="IJG723" s="424"/>
      <c r="IJH723" s="424"/>
      <c r="IJI723" s="423" t="s">
        <v>2795</v>
      </c>
      <c r="IJJ723" s="424"/>
      <c r="IJK723" s="424"/>
      <c r="IJL723" s="424"/>
      <c r="IJM723" s="423" t="s">
        <v>2795</v>
      </c>
      <c r="IJN723" s="424"/>
      <c r="IJO723" s="424"/>
      <c r="IJP723" s="424"/>
      <c r="IJQ723" s="423" t="s">
        <v>2795</v>
      </c>
      <c r="IJR723" s="424"/>
      <c r="IJS723" s="424"/>
      <c r="IJT723" s="424"/>
      <c r="IJU723" s="423" t="s">
        <v>2795</v>
      </c>
      <c r="IJV723" s="424"/>
      <c r="IJW723" s="424"/>
      <c r="IJX723" s="424"/>
      <c r="IJY723" s="423" t="s">
        <v>2795</v>
      </c>
      <c r="IJZ723" s="424"/>
      <c r="IKA723" s="424"/>
      <c r="IKB723" s="424"/>
      <c r="IKC723" s="423" t="s">
        <v>2795</v>
      </c>
      <c r="IKD723" s="424"/>
      <c r="IKE723" s="424"/>
      <c r="IKF723" s="424"/>
      <c r="IKG723" s="423" t="s">
        <v>2795</v>
      </c>
      <c r="IKH723" s="424"/>
      <c r="IKI723" s="424"/>
      <c r="IKJ723" s="424"/>
      <c r="IKK723" s="423" t="s">
        <v>2795</v>
      </c>
      <c r="IKL723" s="424"/>
      <c r="IKM723" s="424"/>
      <c r="IKN723" s="424"/>
      <c r="IKO723" s="423" t="s">
        <v>2795</v>
      </c>
      <c r="IKP723" s="424"/>
      <c r="IKQ723" s="424"/>
      <c r="IKR723" s="424"/>
      <c r="IKS723" s="423" t="s">
        <v>2795</v>
      </c>
      <c r="IKT723" s="424"/>
      <c r="IKU723" s="424"/>
      <c r="IKV723" s="424"/>
      <c r="IKW723" s="423" t="s">
        <v>2795</v>
      </c>
      <c r="IKX723" s="424"/>
      <c r="IKY723" s="424"/>
      <c r="IKZ723" s="424"/>
      <c r="ILA723" s="423" t="s">
        <v>2795</v>
      </c>
      <c r="ILB723" s="424"/>
      <c r="ILC723" s="424"/>
      <c r="ILD723" s="424"/>
      <c r="ILE723" s="423" t="s">
        <v>2795</v>
      </c>
      <c r="ILF723" s="424"/>
      <c r="ILG723" s="424"/>
      <c r="ILH723" s="424"/>
      <c r="ILI723" s="423" t="s">
        <v>2795</v>
      </c>
      <c r="ILJ723" s="424"/>
      <c r="ILK723" s="424"/>
      <c r="ILL723" s="424"/>
      <c r="ILM723" s="423" t="s">
        <v>2795</v>
      </c>
      <c r="ILN723" s="424"/>
      <c r="ILO723" s="424"/>
      <c r="ILP723" s="424"/>
      <c r="ILQ723" s="423" t="s">
        <v>2795</v>
      </c>
      <c r="ILR723" s="424"/>
      <c r="ILS723" s="424"/>
      <c r="ILT723" s="424"/>
      <c r="ILU723" s="423" t="s">
        <v>2795</v>
      </c>
      <c r="ILV723" s="424"/>
      <c r="ILW723" s="424"/>
      <c r="ILX723" s="424"/>
      <c r="ILY723" s="423" t="s">
        <v>2795</v>
      </c>
      <c r="ILZ723" s="424"/>
      <c r="IMA723" s="424"/>
      <c r="IMB723" s="424"/>
      <c r="IMC723" s="423" t="s">
        <v>2795</v>
      </c>
      <c r="IMD723" s="424"/>
      <c r="IME723" s="424"/>
      <c r="IMF723" s="424"/>
      <c r="IMG723" s="423" t="s">
        <v>2795</v>
      </c>
      <c r="IMH723" s="424"/>
      <c r="IMI723" s="424"/>
      <c r="IMJ723" s="424"/>
      <c r="IMK723" s="423" t="s">
        <v>2795</v>
      </c>
      <c r="IML723" s="424"/>
      <c r="IMM723" s="424"/>
      <c r="IMN723" s="424"/>
      <c r="IMO723" s="423" t="s">
        <v>2795</v>
      </c>
      <c r="IMP723" s="424"/>
      <c r="IMQ723" s="424"/>
      <c r="IMR723" s="424"/>
      <c r="IMS723" s="423" t="s">
        <v>2795</v>
      </c>
      <c r="IMT723" s="424"/>
      <c r="IMU723" s="424"/>
      <c r="IMV723" s="424"/>
      <c r="IMW723" s="423" t="s">
        <v>2795</v>
      </c>
      <c r="IMX723" s="424"/>
      <c r="IMY723" s="424"/>
      <c r="IMZ723" s="424"/>
      <c r="INA723" s="423" t="s">
        <v>2795</v>
      </c>
      <c r="INB723" s="424"/>
      <c r="INC723" s="424"/>
      <c r="IND723" s="424"/>
      <c r="INE723" s="423" t="s">
        <v>2795</v>
      </c>
      <c r="INF723" s="424"/>
      <c r="ING723" s="424"/>
      <c r="INH723" s="424"/>
      <c r="INI723" s="423" t="s">
        <v>2795</v>
      </c>
      <c r="INJ723" s="424"/>
      <c r="INK723" s="424"/>
      <c r="INL723" s="424"/>
      <c r="INM723" s="423" t="s">
        <v>2795</v>
      </c>
      <c r="INN723" s="424"/>
      <c r="INO723" s="424"/>
      <c r="INP723" s="424"/>
      <c r="INQ723" s="423" t="s">
        <v>2795</v>
      </c>
      <c r="INR723" s="424"/>
      <c r="INS723" s="424"/>
      <c r="INT723" s="424"/>
      <c r="INU723" s="423" t="s">
        <v>2795</v>
      </c>
      <c r="INV723" s="424"/>
      <c r="INW723" s="424"/>
      <c r="INX723" s="424"/>
      <c r="INY723" s="423" t="s">
        <v>2795</v>
      </c>
      <c r="INZ723" s="424"/>
      <c r="IOA723" s="424"/>
      <c r="IOB723" s="424"/>
      <c r="IOC723" s="423" t="s">
        <v>2795</v>
      </c>
      <c r="IOD723" s="424"/>
      <c r="IOE723" s="424"/>
      <c r="IOF723" s="424"/>
      <c r="IOG723" s="423" t="s">
        <v>2795</v>
      </c>
      <c r="IOH723" s="424"/>
      <c r="IOI723" s="424"/>
      <c r="IOJ723" s="424"/>
      <c r="IOK723" s="423" t="s">
        <v>2795</v>
      </c>
      <c r="IOL723" s="424"/>
      <c r="IOM723" s="424"/>
      <c r="ION723" s="424"/>
      <c r="IOO723" s="423" t="s">
        <v>2795</v>
      </c>
      <c r="IOP723" s="424"/>
      <c r="IOQ723" s="424"/>
      <c r="IOR723" s="424"/>
      <c r="IOS723" s="423" t="s">
        <v>2795</v>
      </c>
      <c r="IOT723" s="424"/>
      <c r="IOU723" s="424"/>
      <c r="IOV723" s="424"/>
      <c r="IOW723" s="423" t="s">
        <v>2795</v>
      </c>
      <c r="IOX723" s="424"/>
      <c r="IOY723" s="424"/>
      <c r="IOZ723" s="424"/>
      <c r="IPA723" s="423" t="s">
        <v>2795</v>
      </c>
      <c r="IPB723" s="424"/>
      <c r="IPC723" s="424"/>
      <c r="IPD723" s="424"/>
      <c r="IPE723" s="423" t="s">
        <v>2795</v>
      </c>
      <c r="IPF723" s="424"/>
      <c r="IPG723" s="424"/>
      <c r="IPH723" s="424"/>
      <c r="IPI723" s="423" t="s">
        <v>2795</v>
      </c>
      <c r="IPJ723" s="424"/>
      <c r="IPK723" s="424"/>
      <c r="IPL723" s="424"/>
      <c r="IPM723" s="423" t="s">
        <v>2795</v>
      </c>
      <c r="IPN723" s="424"/>
      <c r="IPO723" s="424"/>
      <c r="IPP723" s="424"/>
      <c r="IPQ723" s="423" t="s">
        <v>2795</v>
      </c>
      <c r="IPR723" s="424"/>
      <c r="IPS723" s="424"/>
      <c r="IPT723" s="424"/>
      <c r="IPU723" s="423" t="s">
        <v>2795</v>
      </c>
      <c r="IPV723" s="424"/>
      <c r="IPW723" s="424"/>
      <c r="IPX723" s="424"/>
      <c r="IPY723" s="423" t="s">
        <v>2795</v>
      </c>
      <c r="IPZ723" s="424"/>
      <c r="IQA723" s="424"/>
      <c r="IQB723" s="424"/>
      <c r="IQC723" s="423" t="s">
        <v>2795</v>
      </c>
      <c r="IQD723" s="424"/>
      <c r="IQE723" s="424"/>
      <c r="IQF723" s="424"/>
      <c r="IQG723" s="423" t="s">
        <v>2795</v>
      </c>
      <c r="IQH723" s="424"/>
      <c r="IQI723" s="424"/>
      <c r="IQJ723" s="424"/>
      <c r="IQK723" s="423" t="s">
        <v>2795</v>
      </c>
      <c r="IQL723" s="424"/>
      <c r="IQM723" s="424"/>
      <c r="IQN723" s="424"/>
      <c r="IQO723" s="423" t="s">
        <v>2795</v>
      </c>
      <c r="IQP723" s="424"/>
      <c r="IQQ723" s="424"/>
      <c r="IQR723" s="424"/>
      <c r="IQS723" s="423" t="s">
        <v>2795</v>
      </c>
      <c r="IQT723" s="424"/>
      <c r="IQU723" s="424"/>
      <c r="IQV723" s="424"/>
      <c r="IQW723" s="423" t="s">
        <v>2795</v>
      </c>
      <c r="IQX723" s="424"/>
      <c r="IQY723" s="424"/>
      <c r="IQZ723" s="424"/>
      <c r="IRA723" s="423" t="s">
        <v>2795</v>
      </c>
      <c r="IRB723" s="424"/>
      <c r="IRC723" s="424"/>
      <c r="IRD723" s="424"/>
      <c r="IRE723" s="423" t="s">
        <v>2795</v>
      </c>
      <c r="IRF723" s="424"/>
      <c r="IRG723" s="424"/>
      <c r="IRH723" s="424"/>
      <c r="IRI723" s="423" t="s">
        <v>2795</v>
      </c>
      <c r="IRJ723" s="424"/>
      <c r="IRK723" s="424"/>
      <c r="IRL723" s="424"/>
      <c r="IRM723" s="423" t="s">
        <v>2795</v>
      </c>
      <c r="IRN723" s="424"/>
      <c r="IRO723" s="424"/>
      <c r="IRP723" s="424"/>
      <c r="IRQ723" s="423" t="s">
        <v>2795</v>
      </c>
      <c r="IRR723" s="424"/>
      <c r="IRS723" s="424"/>
      <c r="IRT723" s="424"/>
      <c r="IRU723" s="423" t="s">
        <v>2795</v>
      </c>
      <c r="IRV723" s="424"/>
      <c r="IRW723" s="424"/>
      <c r="IRX723" s="424"/>
      <c r="IRY723" s="423" t="s">
        <v>2795</v>
      </c>
      <c r="IRZ723" s="424"/>
      <c r="ISA723" s="424"/>
      <c r="ISB723" s="424"/>
      <c r="ISC723" s="423" t="s">
        <v>2795</v>
      </c>
      <c r="ISD723" s="424"/>
      <c r="ISE723" s="424"/>
      <c r="ISF723" s="424"/>
      <c r="ISG723" s="423" t="s">
        <v>2795</v>
      </c>
      <c r="ISH723" s="424"/>
      <c r="ISI723" s="424"/>
      <c r="ISJ723" s="424"/>
      <c r="ISK723" s="423" t="s">
        <v>2795</v>
      </c>
      <c r="ISL723" s="424"/>
      <c r="ISM723" s="424"/>
      <c r="ISN723" s="424"/>
      <c r="ISO723" s="423" t="s">
        <v>2795</v>
      </c>
      <c r="ISP723" s="424"/>
      <c r="ISQ723" s="424"/>
      <c r="ISR723" s="424"/>
      <c r="ISS723" s="423" t="s">
        <v>2795</v>
      </c>
      <c r="IST723" s="424"/>
      <c r="ISU723" s="424"/>
      <c r="ISV723" s="424"/>
      <c r="ISW723" s="423" t="s">
        <v>2795</v>
      </c>
      <c r="ISX723" s="424"/>
      <c r="ISY723" s="424"/>
      <c r="ISZ723" s="424"/>
      <c r="ITA723" s="423" t="s">
        <v>2795</v>
      </c>
      <c r="ITB723" s="424"/>
      <c r="ITC723" s="424"/>
      <c r="ITD723" s="424"/>
      <c r="ITE723" s="423" t="s">
        <v>2795</v>
      </c>
      <c r="ITF723" s="424"/>
      <c r="ITG723" s="424"/>
      <c r="ITH723" s="424"/>
      <c r="ITI723" s="423" t="s">
        <v>2795</v>
      </c>
      <c r="ITJ723" s="424"/>
      <c r="ITK723" s="424"/>
      <c r="ITL723" s="424"/>
      <c r="ITM723" s="423" t="s">
        <v>2795</v>
      </c>
      <c r="ITN723" s="424"/>
      <c r="ITO723" s="424"/>
      <c r="ITP723" s="424"/>
      <c r="ITQ723" s="423" t="s">
        <v>2795</v>
      </c>
      <c r="ITR723" s="424"/>
      <c r="ITS723" s="424"/>
      <c r="ITT723" s="424"/>
      <c r="ITU723" s="423" t="s">
        <v>2795</v>
      </c>
      <c r="ITV723" s="424"/>
      <c r="ITW723" s="424"/>
      <c r="ITX723" s="424"/>
      <c r="ITY723" s="423" t="s">
        <v>2795</v>
      </c>
      <c r="ITZ723" s="424"/>
      <c r="IUA723" s="424"/>
      <c r="IUB723" s="424"/>
      <c r="IUC723" s="423" t="s">
        <v>2795</v>
      </c>
      <c r="IUD723" s="424"/>
      <c r="IUE723" s="424"/>
      <c r="IUF723" s="424"/>
      <c r="IUG723" s="423" t="s">
        <v>2795</v>
      </c>
      <c r="IUH723" s="424"/>
      <c r="IUI723" s="424"/>
      <c r="IUJ723" s="424"/>
      <c r="IUK723" s="423" t="s">
        <v>2795</v>
      </c>
      <c r="IUL723" s="424"/>
      <c r="IUM723" s="424"/>
      <c r="IUN723" s="424"/>
      <c r="IUO723" s="423" t="s">
        <v>2795</v>
      </c>
      <c r="IUP723" s="424"/>
      <c r="IUQ723" s="424"/>
      <c r="IUR723" s="424"/>
      <c r="IUS723" s="423" t="s">
        <v>2795</v>
      </c>
      <c r="IUT723" s="424"/>
      <c r="IUU723" s="424"/>
      <c r="IUV723" s="424"/>
      <c r="IUW723" s="423" t="s">
        <v>2795</v>
      </c>
      <c r="IUX723" s="424"/>
      <c r="IUY723" s="424"/>
      <c r="IUZ723" s="424"/>
      <c r="IVA723" s="423" t="s">
        <v>2795</v>
      </c>
      <c r="IVB723" s="424"/>
      <c r="IVC723" s="424"/>
      <c r="IVD723" s="424"/>
      <c r="IVE723" s="423" t="s">
        <v>2795</v>
      </c>
      <c r="IVF723" s="424"/>
      <c r="IVG723" s="424"/>
      <c r="IVH723" s="424"/>
      <c r="IVI723" s="423" t="s">
        <v>2795</v>
      </c>
      <c r="IVJ723" s="424"/>
      <c r="IVK723" s="424"/>
      <c r="IVL723" s="424"/>
      <c r="IVM723" s="423" t="s">
        <v>2795</v>
      </c>
      <c r="IVN723" s="424"/>
      <c r="IVO723" s="424"/>
      <c r="IVP723" s="424"/>
      <c r="IVQ723" s="423" t="s">
        <v>2795</v>
      </c>
      <c r="IVR723" s="424"/>
      <c r="IVS723" s="424"/>
      <c r="IVT723" s="424"/>
      <c r="IVU723" s="423" t="s">
        <v>2795</v>
      </c>
      <c r="IVV723" s="424"/>
      <c r="IVW723" s="424"/>
      <c r="IVX723" s="424"/>
      <c r="IVY723" s="423" t="s">
        <v>2795</v>
      </c>
      <c r="IVZ723" s="424"/>
      <c r="IWA723" s="424"/>
      <c r="IWB723" s="424"/>
      <c r="IWC723" s="423" t="s">
        <v>2795</v>
      </c>
      <c r="IWD723" s="424"/>
      <c r="IWE723" s="424"/>
      <c r="IWF723" s="424"/>
      <c r="IWG723" s="423" t="s">
        <v>2795</v>
      </c>
      <c r="IWH723" s="424"/>
      <c r="IWI723" s="424"/>
      <c r="IWJ723" s="424"/>
      <c r="IWK723" s="423" t="s">
        <v>2795</v>
      </c>
      <c r="IWL723" s="424"/>
      <c r="IWM723" s="424"/>
      <c r="IWN723" s="424"/>
      <c r="IWO723" s="423" t="s">
        <v>2795</v>
      </c>
      <c r="IWP723" s="424"/>
      <c r="IWQ723" s="424"/>
      <c r="IWR723" s="424"/>
      <c r="IWS723" s="423" t="s">
        <v>2795</v>
      </c>
      <c r="IWT723" s="424"/>
      <c r="IWU723" s="424"/>
      <c r="IWV723" s="424"/>
      <c r="IWW723" s="423" t="s">
        <v>2795</v>
      </c>
      <c r="IWX723" s="424"/>
      <c r="IWY723" s="424"/>
      <c r="IWZ723" s="424"/>
      <c r="IXA723" s="423" t="s">
        <v>2795</v>
      </c>
      <c r="IXB723" s="424"/>
      <c r="IXC723" s="424"/>
      <c r="IXD723" s="424"/>
      <c r="IXE723" s="423" t="s">
        <v>2795</v>
      </c>
      <c r="IXF723" s="424"/>
      <c r="IXG723" s="424"/>
      <c r="IXH723" s="424"/>
      <c r="IXI723" s="423" t="s">
        <v>2795</v>
      </c>
      <c r="IXJ723" s="424"/>
      <c r="IXK723" s="424"/>
      <c r="IXL723" s="424"/>
      <c r="IXM723" s="423" t="s">
        <v>2795</v>
      </c>
      <c r="IXN723" s="424"/>
      <c r="IXO723" s="424"/>
      <c r="IXP723" s="424"/>
      <c r="IXQ723" s="423" t="s">
        <v>2795</v>
      </c>
      <c r="IXR723" s="424"/>
      <c r="IXS723" s="424"/>
      <c r="IXT723" s="424"/>
      <c r="IXU723" s="423" t="s">
        <v>2795</v>
      </c>
      <c r="IXV723" s="424"/>
      <c r="IXW723" s="424"/>
      <c r="IXX723" s="424"/>
      <c r="IXY723" s="423" t="s">
        <v>2795</v>
      </c>
      <c r="IXZ723" s="424"/>
      <c r="IYA723" s="424"/>
      <c r="IYB723" s="424"/>
      <c r="IYC723" s="423" t="s">
        <v>2795</v>
      </c>
      <c r="IYD723" s="424"/>
      <c r="IYE723" s="424"/>
      <c r="IYF723" s="424"/>
      <c r="IYG723" s="423" t="s">
        <v>2795</v>
      </c>
      <c r="IYH723" s="424"/>
      <c r="IYI723" s="424"/>
      <c r="IYJ723" s="424"/>
      <c r="IYK723" s="423" t="s">
        <v>2795</v>
      </c>
      <c r="IYL723" s="424"/>
      <c r="IYM723" s="424"/>
      <c r="IYN723" s="424"/>
      <c r="IYO723" s="423" t="s">
        <v>2795</v>
      </c>
      <c r="IYP723" s="424"/>
      <c r="IYQ723" s="424"/>
      <c r="IYR723" s="424"/>
      <c r="IYS723" s="423" t="s">
        <v>2795</v>
      </c>
      <c r="IYT723" s="424"/>
      <c r="IYU723" s="424"/>
      <c r="IYV723" s="424"/>
      <c r="IYW723" s="423" t="s">
        <v>2795</v>
      </c>
      <c r="IYX723" s="424"/>
      <c r="IYY723" s="424"/>
      <c r="IYZ723" s="424"/>
      <c r="IZA723" s="423" t="s">
        <v>2795</v>
      </c>
      <c r="IZB723" s="424"/>
      <c r="IZC723" s="424"/>
      <c r="IZD723" s="424"/>
      <c r="IZE723" s="423" t="s">
        <v>2795</v>
      </c>
      <c r="IZF723" s="424"/>
      <c r="IZG723" s="424"/>
      <c r="IZH723" s="424"/>
      <c r="IZI723" s="423" t="s">
        <v>2795</v>
      </c>
      <c r="IZJ723" s="424"/>
      <c r="IZK723" s="424"/>
      <c r="IZL723" s="424"/>
      <c r="IZM723" s="423" t="s">
        <v>2795</v>
      </c>
      <c r="IZN723" s="424"/>
      <c r="IZO723" s="424"/>
      <c r="IZP723" s="424"/>
      <c r="IZQ723" s="423" t="s">
        <v>2795</v>
      </c>
      <c r="IZR723" s="424"/>
      <c r="IZS723" s="424"/>
      <c r="IZT723" s="424"/>
      <c r="IZU723" s="423" t="s">
        <v>2795</v>
      </c>
      <c r="IZV723" s="424"/>
      <c r="IZW723" s="424"/>
      <c r="IZX723" s="424"/>
      <c r="IZY723" s="423" t="s">
        <v>2795</v>
      </c>
      <c r="IZZ723" s="424"/>
      <c r="JAA723" s="424"/>
      <c r="JAB723" s="424"/>
      <c r="JAC723" s="423" t="s">
        <v>2795</v>
      </c>
      <c r="JAD723" s="424"/>
      <c r="JAE723" s="424"/>
      <c r="JAF723" s="424"/>
      <c r="JAG723" s="423" t="s">
        <v>2795</v>
      </c>
      <c r="JAH723" s="424"/>
      <c r="JAI723" s="424"/>
      <c r="JAJ723" s="424"/>
      <c r="JAK723" s="423" t="s">
        <v>2795</v>
      </c>
      <c r="JAL723" s="424"/>
      <c r="JAM723" s="424"/>
      <c r="JAN723" s="424"/>
      <c r="JAO723" s="423" t="s">
        <v>2795</v>
      </c>
      <c r="JAP723" s="424"/>
      <c r="JAQ723" s="424"/>
      <c r="JAR723" s="424"/>
      <c r="JAS723" s="423" t="s">
        <v>2795</v>
      </c>
      <c r="JAT723" s="424"/>
      <c r="JAU723" s="424"/>
      <c r="JAV723" s="424"/>
      <c r="JAW723" s="423" t="s">
        <v>2795</v>
      </c>
      <c r="JAX723" s="424"/>
      <c r="JAY723" s="424"/>
      <c r="JAZ723" s="424"/>
      <c r="JBA723" s="423" t="s">
        <v>2795</v>
      </c>
      <c r="JBB723" s="424"/>
      <c r="JBC723" s="424"/>
      <c r="JBD723" s="424"/>
      <c r="JBE723" s="423" t="s">
        <v>2795</v>
      </c>
      <c r="JBF723" s="424"/>
      <c r="JBG723" s="424"/>
      <c r="JBH723" s="424"/>
      <c r="JBI723" s="423" t="s">
        <v>2795</v>
      </c>
      <c r="JBJ723" s="424"/>
      <c r="JBK723" s="424"/>
      <c r="JBL723" s="424"/>
      <c r="JBM723" s="423" t="s">
        <v>2795</v>
      </c>
      <c r="JBN723" s="424"/>
      <c r="JBO723" s="424"/>
      <c r="JBP723" s="424"/>
      <c r="JBQ723" s="423" t="s">
        <v>2795</v>
      </c>
      <c r="JBR723" s="424"/>
      <c r="JBS723" s="424"/>
      <c r="JBT723" s="424"/>
      <c r="JBU723" s="423" t="s">
        <v>2795</v>
      </c>
      <c r="JBV723" s="424"/>
      <c r="JBW723" s="424"/>
      <c r="JBX723" s="424"/>
      <c r="JBY723" s="423" t="s">
        <v>2795</v>
      </c>
      <c r="JBZ723" s="424"/>
      <c r="JCA723" s="424"/>
      <c r="JCB723" s="424"/>
      <c r="JCC723" s="423" t="s">
        <v>2795</v>
      </c>
      <c r="JCD723" s="424"/>
      <c r="JCE723" s="424"/>
      <c r="JCF723" s="424"/>
      <c r="JCG723" s="423" t="s">
        <v>2795</v>
      </c>
      <c r="JCH723" s="424"/>
      <c r="JCI723" s="424"/>
      <c r="JCJ723" s="424"/>
      <c r="JCK723" s="423" t="s">
        <v>2795</v>
      </c>
      <c r="JCL723" s="424"/>
      <c r="JCM723" s="424"/>
      <c r="JCN723" s="424"/>
      <c r="JCO723" s="423" t="s">
        <v>2795</v>
      </c>
      <c r="JCP723" s="424"/>
      <c r="JCQ723" s="424"/>
      <c r="JCR723" s="424"/>
      <c r="JCS723" s="423" t="s">
        <v>2795</v>
      </c>
      <c r="JCT723" s="424"/>
      <c r="JCU723" s="424"/>
      <c r="JCV723" s="424"/>
      <c r="JCW723" s="423" t="s">
        <v>2795</v>
      </c>
      <c r="JCX723" s="424"/>
      <c r="JCY723" s="424"/>
      <c r="JCZ723" s="424"/>
      <c r="JDA723" s="423" t="s">
        <v>2795</v>
      </c>
      <c r="JDB723" s="424"/>
      <c r="JDC723" s="424"/>
      <c r="JDD723" s="424"/>
      <c r="JDE723" s="423" t="s">
        <v>2795</v>
      </c>
      <c r="JDF723" s="424"/>
      <c r="JDG723" s="424"/>
      <c r="JDH723" s="424"/>
      <c r="JDI723" s="423" t="s">
        <v>2795</v>
      </c>
      <c r="JDJ723" s="424"/>
      <c r="JDK723" s="424"/>
      <c r="JDL723" s="424"/>
      <c r="JDM723" s="423" t="s">
        <v>2795</v>
      </c>
      <c r="JDN723" s="424"/>
      <c r="JDO723" s="424"/>
      <c r="JDP723" s="424"/>
      <c r="JDQ723" s="423" t="s">
        <v>2795</v>
      </c>
      <c r="JDR723" s="424"/>
      <c r="JDS723" s="424"/>
      <c r="JDT723" s="424"/>
      <c r="JDU723" s="423" t="s">
        <v>2795</v>
      </c>
      <c r="JDV723" s="424"/>
      <c r="JDW723" s="424"/>
      <c r="JDX723" s="424"/>
      <c r="JDY723" s="423" t="s">
        <v>2795</v>
      </c>
      <c r="JDZ723" s="424"/>
      <c r="JEA723" s="424"/>
      <c r="JEB723" s="424"/>
      <c r="JEC723" s="423" t="s">
        <v>2795</v>
      </c>
      <c r="JED723" s="424"/>
      <c r="JEE723" s="424"/>
      <c r="JEF723" s="424"/>
      <c r="JEG723" s="423" t="s">
        <v>2795</v>
      </c>
      <c r="JEH723" s="424"/>
      <c r="JEI723" s="424"/>
      <c r="JEJ723" s="424"/>
      <c r="JEK723" s="423" t="s">
        <v>2795</v>
      </c>
      <c r="JEL723" s="424"/>
      <c r="JEM723" s="424"/>
      <c r="JEN723" s="424"/>
      <c r="JEO723" s="423" t="s">
        <v>2795</v>
      </c>
      <c r="JEP723" s="424"/>
      <c r="JEQ723" s="424"/>
      <c r="JER723" s="424"/>
      <c r="JES723" s="423" t="s">
        <v>2795</v>
      </c>
      <c r="JET723" s="424"/>
      <c r="JEU723" s="424"/>
      <c r="JEV723" s="424"/>
      <c r="JEW723" s="423" t="s">
        <v>2795</v>
      </c>
      <c r="JEX723" s="424"/>
      <c r="JEY723" s="424"/>
      <c r="JEZ723" s="424"/>
      <c r="JFA723" s="423" t="s">
        <v>2795</v>
      </c>
      <c r="JFB723" s="424"/>
      <c r="JFC723" s="424"/>
      <c r="JFD723" s="424"/>
      <c r="JFE723" s="423" t="s">
        <v>2795</v>
      </c>
      <c r="JFF723" s="424"/>
      <c r="JFG723" s="424"/>
      <c r="JFH723" s="424"/>
      <c r="JFI723" s="423" t="s">
        <v>2795</v>
      </c>
      <c r="JFJ723" s="424"/>
      <c r="JFK723" s="424"/>
      <c r="JFL723" s="424"/>
      <c r="JFM723" s="423" t="s">
        <v>2795</v>
      </c>
      <c r="JFN723" s="424"/>
      <c r="JFO723" s="424"/>
      <c r="JFP723" s="424"/>
      <c r="JFQ723" s="423" t="s">
        <v>2795</v>
      </c>
      <c r="JFR723" s="424"/>
      <c r="JFS723" s="424"/>
      <c r="JFT723" s="424"/>
      <c r="JFU723" s="423" t="s">
        <v>2795</v>
      </c>
      <c r="JFV723" s="424"/>
      <c r="JFW723" s="424"/>
      <c r="JFX723" s="424"/>
      <c r="JFY723" s="423" t="s">
        <v>2795</v>
      </c>
      <c r="JFZ723" s="424"/>
      <c r="JGA723" s="424"/>
      <c r="JGB723" s="424"/>
      <c r="JGC723" s="423" t="s">
        <v>2795</v>
      </c>
      <c r="JGD723" s="424"/>
      <c r="JGE723" s="424"/>
      <c r="JGF723" s="424"/>
      <c r="JGG723" s="423" t="s">
        <v>2795</v>
      </c>
      <c r="JGH723" s="424"/>
      <c r="JGI723" s="424"/>
      <c r="JGJ723" s="424"/>
      <c r="JGK723" s="423" t="s">
        <v>2795</v>
      </c>
      <c r="JGL723" s="424"/>
      <c r="JGM723" s="424"/>
      <c r="JGN723" s="424"/>
      <c r="JGO723" s="423" t="s">
        <v>2795</v>
      </c>
      <c r="JGP723" s="424"/>
      <c r="JGQ723" s="424"/>
      <c r="JGR723" s="424"/>
      <c r="JGS723" s="423" t="s">
        <v>2795</v>
      </c>
      <c r="JGT723" s="424"/>
      <c r="JGU723" s="424"/>
      <c r="JGV723" s="424"/>
      <c r="JGW723" s="423" t="s">
        <v>2795</v>
      </c>
      <c r="JGX723" s="424"/>
      <c r="JGY723" s="424"/>
      <c r="JGZ723" s="424"/>
      <c r="JHA723" s="423" t="s">
        <v>2795</v>
      </c>
      <c r="JHB723" s="424"/>
      <c r="JHC723" s="424"/>
      <c r="JHD723" s="424"/>
      <c r="JHE723" s="423" t="s">
        <v>2795</v>
      </c>
      <c r="JHF723" s="424"/>
      <c r="JHG723" s="424"/>
      <c r="JHH723" s="424"/>
      <c r="JHI723" s="423" t="s">
        <v>2795</v>
      </c>
      <c r="JHJ723" s="424"/>
      <c r="JHK723" s="424"/>
      <c r="JHL723" s="424"/>
      <c r="JHM723" s="423" t="s">
        <v>2795</v>
      </c>
      <c r="JHN723" s="424"/>
      <c r="JHO723" s="424"/>
      <c r="JHP723" s="424"/>
      <c r="JHQ723" s="423" t="s">
        <v>2795</v>
      </c>
      <c r="JHR723" s="424"/>
      <c r="JHS723" s="424"/>
      <c r="JHT723" s="424"/>
      <c r="JHU723" s="423" t="s">
        <v>2795</v>
      </c>
      <c r="JHV723" s="424"/>
      <c r="JHW723" s="424"/>
      <c r="JHX723" s="424"/>
      <c r="JHY723" s="423" t="s">
        <v>2795</v>
      </c>
      <c r="JHZ723" s="424"/>
      <c r="JIA723" s="424"/>
      <c r="JIB723" s="424"/>
      <c r="JIC723" s="423" t="s">
        <v>2795</v>
      </c>
      <c r="JID723" s="424"/>
      <c r="JIE723" s="424"/>
      <c r="JIF723" s="424"/>
      <c r="JIG723" s="423" t="s">
        <v>2795</v>
      </c>
      <c r="JIH723" s="424"/>
      <c r="JII723" s="424"/>
      <c r="JIJ723" s="424"/>
      <c r="JIK723" s="423" t="s">
        <v>2795</v>
      </c>
      <c r="JIL723" s="424"/>
      <c r="JIM723" s="424"/>
      <c r="JIN723" s="424"/>
      <c r="JIO723" s="423" t="s">
        <v>2795</v>
      </c>
      <c r="JIP723" s="424"/>
      <c r="JIQ723" s="424"/>
      <c r="JIR723" s="424"/>
      <c r="JIS723" s="423" t="s">
        <v>2795</v>
      </c>
      <c r="JIT723" s="424"/>
      <c r="JIU723" s="424"/>
      <c r="JIV723" s="424"/>
      <c r="JIW723" s="423" t="s">
        <v>2795</v>
      </c>
      <c r="JIX723" s="424"/>
      <c r="JIY723" s="424"/>
      <c r="JIZ723" s="424"/>
      <c r="JJA723" s="423" t="s">
        <v>2795</v>
      </c>
      <c r="JJB723" s="424"/>
      <c r="JJC723" s="424"/>
      <c r="JJD723" s="424"/>
      <c r="JJE723" s="423" t="s">
        <v>2795</v>
      </c>
      <c r="JJF723" s="424"/>
      <c r="JJG723" s="424"/>
      <c r="JJH723" s="424"/>
      <c r="JJI723" s="423" t="s">
        <v>2795</v>
      </c>
      <c r="JJJ723" s="424"/>
      <c r="JJK723" s="424"/>
      <c r="JJL723" s="424"/>
      <c r="JJM723" s="423" t="s">
        <v>2795</v>
      </c>
      <c r="JJN723" s="424"/>
      <c r="JJO723" s="424"/>
      <c r="JJP723" s="424"/>
      <c r="JJQ723" s="423" t="s">
        <v>2795</v>
      </c>
      <c r="JJR723" s="424"/>
      <c r="JJS723" s="424"/>
      <c r="JJT723" s="424"/>
      <c r="JJU723" s="423" t="s">
        <v>2795</v>
      </c>
      <c r="JJV723" s="424"/>
      <c r="JJW723" s="424"/>
      <c r="JJX723" s="424"/>
      <c r="JJY723" s="423" t="s">
        <v>2795</v>
      </c>
      <c r="JJZ723" s="424"/>
      <c r="JKA723" s="424"/>
      <c r="JKB723" s="424"/>
      <c r="JKC723" s="423" t="s">
        <v>2795</v>
      </c>
      <c r="JKD723" s="424"/>
      <c r="JKE723" s="424"/>
      <c r="JKF723" s="424"/>
      <c r="JKG723" s="423" t="s">
        <v>2795</v>
      </c>
      <c r="JKH723" s="424"/>
      <c r="JKI723" s="424"/>
      <c r="JKJ723" s="424"/>
      <c r="JKK723" s="423" t="s">
        <v>2795</v>
      </c>
      <c r="JKL723" s="424"/>
      <c r="JKM723" s="424"/>
      <c r="JKN723" s="424"/>
      <c r="JKO723" s="423" t="s">
        <v>2795</v>
      </c>
      <c r="JKP723" s="424"/>
      <c r="JKQ723" s="424"/>
      <c r="JKR723" s="424"/>
      <c r="JKS723" s="423" t="s">
        <v>2795</v>
      </c>
      <c r="JKT723" s="424"/>
      <c r="JKU723" s="424"/>
      <c r="JKV723" s="424"/>
      <c r="JKW723" s="423" t="s">
        <v>2795</v>
      </c>
      <c r="JKX723" s="424"/>
      <c r="JKY723" s="424"/>
      <c r="JKZ723" s="424"/>
      <c r="JLA723" s="423" t="s">
        <v>2795</v>
      </c>
      <c r="JLB723" s="424"/>
      <c r="JLC723" s="424"/>
      <c r="JLD723" s="424"/>
      <c r="JLE723" s="423" t="s">
        <v>2795</v>
      </c>
      <c r="JLF723" s="424"/>
      <c r="JLG723" s="424"/>
      <c r="JLH723" s="424"/>
      <c r="JLI723" s="423" t="s">
        <v>2795</v>
      </c>
      <c r="JLJ723" s="424"/>
      <c r="JLK723" s="424"/>
      <c r="JLL723" s="424"/>
      <c r="JLM723" s="423" t="s">
        <v>2795</v>
      </c>
      <c r="JLN723" s="424"/>
      <c r="JLO723" s="424"/>
      <c r="JLP723" s="424"/>
      <c r="JLQ723" s="423" t="s">
        <v>2795</v>
      </c>
      <c r="JLR723" s="424"/>
      <c r="JLS723" s="424"/>
      <c r="JLT723" s="424"/>
      <c r="JLU723" s="423" t="s">
        <v>2795</v>
      </c>
      <c r="JLV723" s="424"/>
      <c r="JLW723" s="424"/>
      <c r="JLX723" s="424"/>
      <c r="JLY723" s="423" t="s">
        <v>2795</v>
      </c>
      <c r="JLZ723" s="424"/>
      <c r="JMA723" s="424"/>
      <c r="JMB723" s="424"/>
      <c r="JMC723" s="423" t="s">
        <v>2795</v>
      </c>
      <c r="JMD723" s="424"/>
      <c r="JME723" s="424"/>
      <c r="JMF723" s="424"/>
      <c r="JMG723" s="423" t="s">
        <v>2795</v>
      </c>
      <c r="JMH723" s="424"/>
      <c r="JMI723" s="424"/>
      <c r="JMJ723" s="424"/>
      <c r="JMK723" s="423" t="s">
        <v>2795</v>
      </c>
      <c r="JML723" s="424"/>
      <c r="JMM723" s="424"/>
      <c r="JMN723" s="424"/>
      <c r="JMO723" s="423" t="s">
        <v>2795</v>
      </c>
      <c r="JMP723" s="424"/>
      <c r="JMQ723" s="424"/>
      <c r="JMR723" s="424"/>
      <c r="JMS723" s="423" t="s">
        <v>2795</v>
      </c>
      <c r="JMT723" s="424"/>
      <c r="JMU723" s="424"/>
      <c r="JMV723" s="424"/>
      <c r="JMW723" s="423" t="s">
        <v>2795</v>
      </c>
      <c r="JMX723" s="424"/>
      <c r="JMY723" s="424"/>
      <c r="JMZ723" s="424"/>
      <c r="JNA723" s="423" t="s">
        <v>2795</v>
      </c>
      <c r="JNB723" s="424"/>
      <c r="JNC723" s="424"/>
      <c r="JND723" s="424"/>
      <c r="JNE723" s="423" t="s">
        <v>2795</v>
      </c>
      <c r="JNF723" s="424"/>
      <c r="JNG723" s="424"/>
      <c r="JNH723" s="424"/>
      <c r="JNI723" s="423" t="s">
        <v>2795</v>
      </c>
      <c r="JNJ723" s="424"/>
      <c r="JNK723" s="424"/>
      <c r="JNL723" s="424"/>
      <c r="JNM723" s="423" t="s">
        <v>2795</v>
      </c>
      <c r="JNN723" s="424"/>
      <c r="JNO723" s="424"/>
      <c r="JNP723" s="424"/>
      <c r="JNQ723" s="423" t="s">
        <v>2795</v>
      </c>
      <c r="JNR723" s="424"/>
      <c r="JNS723" s="424"/>
      <c r="JNT723" s="424"/>
      <c r="JNU723" s="423" t="s">
        <v>2795</v>
      </c>
      <c r="JNV723" s="424"/>
      <c r="JNW723" s="424"/>
      <c r="JNX723" s="424"/>
      <c r="JNY723" s="423" t="s">
        <v>2795</v>
      </c>
      <c r="JNZ723" s="424"/>
      <c r="JOA723" s="424"/>
      <c r="JOB723" s="424"/>
      <c r="JOC723" s="423" t="s">
        <v>2795</v>
      </c>
      <c r="JOD723" s="424"/>
      <c r="JOE723" s="424"/>
      <c r="JOF723" s="424"/>
      <c r="JOG723" s="423" t="s">
        <v>2795</v>
      </c>
      <c r="JOH723" s="424"/>
      <c r="JOI723" s="424"/>
      <c r="JOJ723" s="424"/>
      <c r="JOK723" s="423" t="s">
        <v>2795</v>
      </c>
      <c r="JOL723" s="424"/>
      <c r="JOM723" s="424"/>
      <c r="JON723" s="424"/>
      <c r="JOO723" s="423" t="s">
        <v>2795</v>
      </c>
      <c r="JOP723" s="424"/>
      <c r="JOQ723" s="424"/>
      <c r="JOR723" s="424"/>
      <c r="JOS723" s="423" t="s">
        <v>2795</v>
      </c>
      <c r="JOT723" s="424"/>
      <c r="JOU723" s="424"/>
      <c r="JOV723" s="424"/>
      <c r="JOW723" s="423" t="s">
        <v>2795</v>
      </c>
      <c r="JOX723" s="424"/>
      <c r="JOY723" s="424"/>
      <c r="JOZ723" s="424"/>
      <c r="JPA723" s="423" t="s">
        <v>2795</v>
      </c>
      <c r="JPB723" s="424"/>
      <c r="JPC723" s="424"/>
      <c r="JPD723" s="424"/>
      <c r="JPE723" s="423" t="s">
        <v>2795</v>
      </c>
      <c r="JPF723" s="424"/>
      <c r="JPG723" s="424"/>
      <c r="JPH723" s="424"/>
      <c r="JPI723" s="423" t="s">
        <v>2795</v>
      </c>
      <c r="JPJ723" s="424"/>
      <c r="JPK723" s="424"/>
      <c r="JPL723" s="424"/>
      <c r="JPM723" s="423" t="s">
        <v>2795</v>
      </c>
      <c r="JPN723" s="424"/>
      <c r="JPO723" s="424"/>
      <c r="JPP723" s="424"/>
      <c r="JPQ723" s="423" t="s">
        <v>2795</v>
      </c>
      <c r="JPR723" s="424"/>
      <c r="JPS723" s="424"/>
      <c r="JPT723" s="424"/>
      <c r="JPU723" s="423" t="s">
        <v>2795</v>
      </c>
      <c r="JPV723" s="424"/>
      <c r="JPW723" s="424"/>
      <c r="JPX723" s="424"/>
      <c r="JPY723" s="423" t="s">
        <v>2795</v>
      </c>
      <c r="JPZ723" s="424"/>
      <c r="JQA723" s="424"/>
      <c r="JQB723" s="424"/>
      <c r="JQC723" s="423" t="s">
        <v>2795</v>
      </c>
      <c r="JQD723" s="424"/>
      <c r="JQE723" s="424"/>
      <c r="JQF723" s="424"/>
      <c r="JQG723" s="423" t="s">
        <v>2795</v>
      </c>
      <c r="JQH723" s="424"/>
      <c r="JQI723" s="424"/>
      <c r="JQJ723" s="424"/>
      <c r="JQK723" s="423" t="s">
        <v>2795</v>
      </c>
      <c r="JQL723" s="424"/>
      <c r="JQM723" s="424"/>
      <c r="JQN723" s="424"/>
      <c r="JQO723" s="423" t="s">
        <v>2795</v>
      </c>
      <c r="JQP723" s="424"/>
      <c r="JQQ723" s="424"/>
      <c r="JQR723" s="424"/>
      <c r="JQS723" s="423" t="s">
        <v>2795</v>
      </c>
      <c r="JQT723" s="424"/>
      <c r="JQU723" s="424"/>
      <c r="JQV723" s="424"/>
      <c r="JQW723" s="423" t="s">
        <v>2795</v>
      </c>
      <c r="JQX723" s="424"/>
      <c r="JQY723" s="424"/>
      <c r="JQZ723" s="424"/>
      <c r="JRA723" s="423" t="s">
        <v>2795</v>
      </c>
      <c r="JRB723" s="424"/>
      <c r="JRC723" s="424"/>
      <c r="JRD723" s="424"/>
      <c r="JRE723" s="423" t="s">
        <v>2795</v>
      </c>
      <c r="JRF723" s="424"/>
      <c r="JRG723" s="424"/>
      <c r="JRH723" s="424"/>
      <c r="JRI723" s="423" t="s">
        <v>2795</v>
      </c>
      <c r="JRJ723" s="424"/>
      <c r="JRK723" s="424"/>
      <c r="JRL723" s="424"/>
      <c r="JRM723" s="423" t="s">
        <v>2795</v>
      </c>
      <c r="JRN723" s="424"/>
      <c r="JRO723" s="424"/>
      <c r="JRP723" s="424"/>
      <c r="JRQ723" s="423" t="s">
        <v>2795</v>
      </c>
      <c r="JRR723" s="424"/>
      <c r="JRS723" s="424"/>
      <c r="JRT723" s="424"/>
      <c r="JRU723" s="423" t="s">
        <v>2795</v>
      </c>
      <c r="JRV723" s="424"/>
      <c r="JRW723" s="424"/>
      <c r="JRX723" s="424"/>
      <c r="JRY723" s="423" t="s">
        <v>2795</v>
      </c>
      <c r="JRZ723" s="424"/>
      <c r="JSA723" s="424"/>
      <c r="JSB723" s="424"/>
      <c r="JSC723" s="423" t="s">
        <v>2795</v>
      </c>
      <c r="JSD723" s="424"/>
      <c r="JSE723" s="424"/>
      <c r="JSF723" s="424"/>
      <c r="JSG723" s="423" t="s">
        <v>2795</v>
      </c>
      <c r="JSH723" s="424"/>
      <c r="JSI723" s="424"/>
      <c r="JSJ723" s="424"/>
      <c r="JSK723" s="423" t="s">
        <v>2795</v>
      </c>
      <c r="JSL723" s="424"/>
      <c r="JSM723" s="424"/>
      <c r="JSN723" s="424"/>
      <c r="JSO723" s="423" t="s">
        <v>2795</v>
      </c>
      <c r="JSP723" s="424"/>
      <c r="JSQ723" s="424"/>
      <c r="JSR723" s="424"/>
      <c r="JSS723" s="423" t="s">
        <v>2795</v>
      </c>
      <c r="JST723" s="424"/>
      <c r="JSU723" s="424"/>
      <c r="JSV723" s="424"/>
      <c r="JSW723" s="423" t="s">
        <v>2795</v>
      </c>
      <c r="JSX723" s="424"/>
      <c r="JSY723" s="424"/>
      <c r="JSZ723" s="424"/>
      <c r="JTA723" s="423" t="s">
        <v>2795</v>
      </c>
      <c r="JTB723" s="424"/>
      <c r="JTC723" s="424"/>
      <c r="JTD723" s="424"/>
      <c r="JTE723" s="423" t="s">
        <v>2795</v>
      </c>
      <c r="JTF723" s="424"/>
      <c r="JTG723" s="424"/>
      <c r="JTH723" s="424"/>
      <c r="JTI723" s="423" t="s">
        <v>2795</v>
      </c>
      <c r="JTJ723" s="424"/>
      <c r="JTK723" s="424"/>
      <c r="JTL723" s="424"/>
      <c r="JTM723" s="423" t="s">
        <v>2795</v>
      </c>
      <c r="JTN723" s="424"/>
      <c r="JTO723" s="424"/>
      <c r="JTP723" s="424"/>
      <c r="JTQ723" s="423" t="s">
        <v>2795</v>
      </c>
      <c r="JTR723" s="424"/>
      <c r="JTS723" s="424"/>
      <c r="JTT723" s="424"/>
      <c r="JTU723" s="423" t="s">
        <v>2795</v>
      </c>
      <c r="JTV723" s="424"/>
      <c r="JTW723" s="424"/>
      <c r="JTX723" s="424"/>
      <c r="JTY723" s="423" t="s">
        <v>2795</v>
      </c>
      <c r="JTZ723" s="424"/>
      <c r="JUA723" s="424"/>
      <c r="JUB723" s="424"/>
      <c r="JUC723" s="423" t="s">
        <v>2795</v>
      </c>
      <c r="JUD723" s="424"/>
      <c r="JUE723" s="424"/>
      <c r="JUF723" s="424"/>
      <c r="JUG723" s="423" t="s">
        <v>2795</v>
      </c>
      <c r="JUH723" s="424"/>
      <c r="JUI723" s="424"/>
      <c r="JUJ723" s="424"/>
      <c r="JUK723" s="423" t="s">
        <v>2795</v>
      </c>
      <c r="JUL723" s="424"/>
      <c r="JUM723" s="424"/>
      <c r="JUN723" s="424"/>
      <c r="JUO723" s="423" t="s">
        <v>2795</v>
      </c>
      <c r="JUP723" s="424"/>
      <c r="JUQ723" s="424"/>
      <c r="JUR723" s="424"/>
      <c r="JUS723" s="423" t="s">
        <v>2795</v>
      </c>
      <c r="JUT723" s="424"/>
      <c r="JUU723" s="424"/>
      <c r="JUV723" s="424"/>
      <c r="JUW723" s="423" t="s">
        <v>2795</v>
      </c>
      <c r="JUX723" s="424"/>
      <c r="JUY723" s="424"/>
      <c r="JUZ723" s="424"/>
      <c r="JVA723" s="423" t="s">
        <v>2795</v>
      </c>
      <c r="JVB723" s="424"/>
      <c r="JVC723" s="424"/>
      <c r="JVD723" s="424"/>
      <c r="JVE723" s="423" t="s">
        <v>2795</v>
      </c>
      <c r="JVF723" s="424"/>
      <c r="JVG723" s="424"/>
      <c r="JVH723" s="424"/>
      <c r="JVI723" s="423" t="s">
        <v>2795</v>
      </c>
      <c r="JVJ723" s="424"/>
      <c r="JVK723" s="424"/>
      <c r="JVL723" s="424"/>
      <c r="JVM723" s="423" t="s">
        <v>2795</v>
      </c>
      <c r="JVN723" s="424"/>
      <c r="JVO723" s="424"/>
      <c r="JVP723" s="424"/>
      <c r="JVQ723" s="423" t="s">
        <v>2795</v>
      </c>
      <c r="JVR723" s="424"/>
      <c r="JVS723" s="424"/>
      <c r="JVT723" s="424"/>
      <c r="JVU723" s="423" t="s">
        <v>2795</v>
      </c>
      <c r="JVV723" s="424"/>
      <c r="JVW723" s="424"/>
      <c r="JVX723" s="424"/>
      <c r="JVY723" s="423" t="s">
        <v>2795</v>
      </c>
      <c r="JVZ723" s="424"/>
      <c r="JWA723" s="424"/>
      <c r="JWB723" s="424"/>
      <c r="JWC723" s="423" t="s">
        <v>2795</v>
      </c>
      <c r="JWD723" s="424"/>
      <c r="JWE723" s="424"/>
      <c r="JWF723" s="424"/>
      <c r="JWG723" s="423" t="s">
        <v>2795</v>
      </c>
      <c r="JWH723" s="424"/>
      <c r="JWI723" s="424"/>
      <c r="JWJ723" s="424"/>
      <c r="JWK723" s="423" t="s">
        <v>2795</v>
      </c>
      <c r="JWL723" s="424"/>
      <c r="JWM723" s="424"/>
      <c r="JWN723" s="424"/>
      <c r="JWO723" s="423" t="s">
        <v>2795</v>
      </c>
      <c r="JWP723" s="424"/>
      <c r="JWQ723" s="424"/>
      <c r="JWR723" s="424"/>
      <c r="JWS723" s="423" t="s">
        <v>2795</v>
      </c>
      <c r="JWT723" s="424"/>
      <c r="JWU723" s="424"/>
      <c r="JWV723" s="424"/>
      <c r="JWW723" s="423" t="s">
        <v>2795</v>
      </c>
      <c r="JWX723" s="424"/>
      <c r="JWY723" s="424"/>
      <c r="JWZ723" s="424"/>
      <c r="JXA723" s="423" t="s">
        <v>2795</v>
      </c>
      <c r="JXB723" s="424"/>
      <c r="JXC723" s="424"/>
      <c r="JXD723" s="424"/>
      <c r="JXE723" s="423" t="s">
        <v>2795</v>
      </c>
      <c r="JXF723" s="424"/>
      <c r="JXG723" s="424"/>
      <c r="JXH723" s="424"/>
      <c r="JXI723" s="423" t="s">
        <v>2795</v>
      </c>
      <c r="JXJ723" s="424"/>
      <c r="JXK723" s="424"/>
      <c r="JXL723" s="424"/>
      <c r="JXM723" s="423" t="s">
        <v>2795</v>
      </c>
      <c r="JXN723" s="424"/>
      <c r="JXO723" s="424"/>
      <c r="JXP723" s="424"/>
      <c r="JXQ723" s="423" t="s">
        <v>2795</v>
      </c>
      <c r="JXR723" s="424"/>
      <c r="JXS723" s="424"/>
      <c r="JXT723" s="424"/>
      <c r="JXU723" s="423" t="s">
        <v>2795</v>
      </c>
      <c r="JXV723" s="424"/>
      <c r="JXW723" s="424"/>
      <c r="JXX723" s="424"/>
      <c r="JXY723" s="423" t="s">
        <v>2795</v>
      </c>
      <c r="JXZ723" s="424"/>
      <c r="JYA723" s="424"/>
      <c r="JYB723" s="424"/>
      <c r="JYC723" s="423" t="s">
        <v>2795</v>
      </c>
      <c r="JYD723" s="424"/>
      <c r="JYE723" s="424"/>
      <c r="JYF723" s="424"/>
      <c r="JYG723" s="423" t="s">
        <v>2795</v>
      </c>
      <c r="JYH723" s="424"/>
      <c r="JYI723" s="424"/>
      <c r="JYJ723" s="424"/>
      <c r="JYK723" s="423" t="s">
        <v>2795</v>
      </c>
      <c r="JYL723" s="424"/>
      <c r="JYM723" s="424"/>
      <c r="JYN723" s="424"/>
      <c r="JYO723" s="423" t="s">
        <v>2795</v>
      </c>
      <c r="JYP723" s="424"/>
      <c r="JYQ723" s="424"/>
      <c r="JYR723" s="424"/>
      <c r="JYS723" s="423" t="s">
        <v>2795</v>
      </c>
      <c r="JYT723" s="424"/>
      <c r="JYU723" s="424"/>
      <c r="JYV723" s="424"/>
      <c r="JYW723" s="423" t="s">
        <v>2795</v>
      </c>
      <c r="JYX723" s="424"/>
      <c r="JYY723" s="424"/>
      <c r="JYZ723" s="424"/>
      <c r="JZA723" s="423" t="s">
        <v>2795</v>
      </c>
      <c r="JZB723" s="424"/>
      <c r="JZC723" s="424"/>
      <c r="JZD723" s="424"/>
      <c r="JZE723" s="423" t="s">
        <v>2795</v>
      </c>
      <c r="JZF723" s="424"/>
      <c r="JZG723" s="424"/>
      <c r="JZH723" s="424"/>
      <c r="JZI723" s="423" t="s">
        <v>2795</v>
      </c>
      <c r="JZJ723" s="424"/>
      <c r="JZK723" s="424"/>
      <c r="JZL723" s="424"/>
      <c r="JZM723" s="423" t="s">
        <v>2795</v>
      </c>
      <c r="JZN723" s="424"/>
      <c r="JZO723" s="424"/>
      <c r="JZP723" s="424"/>
      <c r="JZQ723" s="423" t="s">
        <v>2795</v>
      </c>
      <c r="JZR723" s="424"/>
      <c r="JZS723" s="424"/>
      <c r="JZT723" s="424"/>
      <c r="JZU723" s="423" t="s">
        <v>2795</v>
      </c>
      <c r="JZV723" s="424"/>
      <c r="JZW723" s="424"/>
      <c r="JZX723" s="424"/>
      <c r="JZY723" s="423" t="s">
        <v>2795</v>
      </c>
      <c r="JZZ723" s="424"/>
      <c r="KAA723" s="424"/>
      <c r="KAB723" s="424"/>
      <c r="KAC723" s="423" t="s">
        <v>2795</v>
      </c>
      <c r="KAD723" s="424"/>
      <c r="KAE723" s="424"/>
      <c r="KAF723" s="424"/>
      <c r="KAG723" s="423" t="s">
        <v>2795</v>
      </c>
      <c r="KAH723" s="424"/>
      <c r="KAI723" s="424"/>
      <c r="KAJ723" s="424"/>
      <c r="KAK723" s="423" t="s">
        <v>2795</v>
      </c>
      <c r="KAL723" s="424"/>
      <c r="KAM723" s="424"/>
      <c r="KAN723" s="424"/>
      <c r="KAO723" s="423" t="s">
        <v>2795</v>
      </c>
      <c r="KAP723" s="424"/>
      <c r="KAQ723" s="424"/>
      <c r="KAR723" s="424"/>
      <c r="KAS723" s="423" t="s">
        <v>2795</v>
      </c>
      <c r="KAT723" s="424"/>
      <c r="KAU723" s="424"/>
      <c r="KAV723" s="424"/>
      <c r="KAW723" s="423" t="s">
        <v>2795</v>
      </c>
      <c r="KAX723" s="424"/>
      <c r="KAY723" s="424"/>
      <c r="KAZ723" s="424"/>
      <c r="KBA723" s="423" t="s">
        <v>2795</v>
      </c>
      <c r="KBB723" s="424"/>
      <c r="KBC723" s="424"/>
      <c r="KBD723" s="424"/>
      <c r="KBE723" s="423" t="s">
        <v>2795</v>
      </c>
      <c r="KBF723" s="424"/>
      <c r="KBG723" s="424"/>
      <c r="KBH723" s="424"/>
      <c r="KBI723" s="423" t="s">
        <v>2795</v>
      </c>
      <c r="KBJ723" s="424"/>
      <c r="KBK723" s="424"/>
      <c r="KBL723" s="424"/>
      <c r="KBM723" s="423" t="s">
        <v>2795</v>
      </c>
      <c r="KBN723" s="424"/>
      <c r="KBO723" s="424"/>
      <c r="KBP723" s="424"/>
      <c r="KBQ723" s="423" t="s">
        <v>2795</v>
      </c>
      <c r="KBR723" s="424"/>
      <c r="KBS723" s="424"/>
      <c r="KBT723" s="424"/>
      <c r="KBU723" s="423" t="s">
        <v>2795</v>
      </c>
      <c r="KBV723" s="424"/>
      <c r="KBW723" s="424"/>
      <c r="KBX723" s="424"/>
      <c r="KBY723" s="423" t="s">
        <v>2795</v>
      </c>
      <c r="KBZ723" s="424"/>
      <c r="KCA723" s="424"/>
      <c r="KCB723" s="424"/>
      <c r="KCC723" s="423" t="s">
        <v>2795</v>
      </c>
      <c r="KCD723" s="424"/>
      <c r="KCE723" s="424"/>
      <c r="KCF723" s="424"/>
      <c r="KCG723" s="423" t="s">
        <v>2795</v>
      </c>
      <c r="KCH723" s="424"/>
      <c r="KCI723" s="424"/>
      <c r="KCJ723" s="424"/>
      <c r="KCK723" s="423" t="s">
        <v>2795</v>
      </c>
      <c r="KCL723" s="424"/>
      <c r="KCM723" s="424"/>
      <c r="KCN723" s="424"/>
      <c r="KCO723" s="423" t="s">
        <v>2795</v>
      </c>
      <c r="KCP723" s="424"/>
      <c r="KCQ723" s="424"/>
      <c r="KCR723" s="424"/>
      <c r="KCS723" s="423" t="s">
        <v>2795</v>
      </c>
      <c r="KCT723" s="424"/>
      <c r="KCU723" s="424"/>
      <c r="KCV723" s="424"/>
      <c r="KCW723" s="423" t="s">
        <v>2795</v>
      </c>
      <c r="KCX723" s="424"/>
      <c r="KCY723" s="424"/>
      <c r="KCZ723" s="424"/>
      <c r="KDA723" s="423" t="s">
        <v>2795</v>
      </c>
      <c r="KDB723" s="424"/>
      <c r="KDC723" s="424"/>
      <c r="KDD723" s="424"/>
      <c r="KDE723" s="423" t="s">
        <v>2795</v>
      </c>
      <c r="KDF723" s="424"/>
      <c r="KDG723" s="424"/>
      <c r="KDH723" s="424"/>
      <c r="KDI723" s="423" t="s">
        <v>2795</v>
      </c>
      <c r="KDJ723" s="424"/>
      <c r="KDK723" s="424"/>
      <c r="KDL723" s="424"/>
      <c r="KDM723" s="423" t="s">
        <v>2795</v>
      </c>
      <c r="KDN723" s="424"/>
      <c r="KDO723" s="424"/>
      <c r="KDP723" s="424"/>
      <c r="KDQ723" s="423" t="s">
        <v>2795</v>
      </c>
      <c r="KDR723" s="424"/>
      <c r="KDS723" s="424"/>
      <c r="KDT723" s="424"/>
      <c r="KDU723" s="423" t="s">
        <v>2795</v>
      </c>
      <c r="KDV723" s="424"/>
      <c r="KDW723" s="424"/>
      <c r="KDX723" s="424"/>
      <c r="KDY723" s="423" t="s">
        <v>2795</v>
      </c>
      <c r="KDZ723" s="424"/>
      <c r="KEA723" s="424"/>
      <c r="KEB723" s="424"/>
      <c r="KEC723" s="423" t="s">
        <v>2795</v>
      </c>
      <c r="KED723" s="424"/>
      <c r="KEE723" s="424"/>
      <c r="KEF723" s="424"/>
      <c r="KEG723" s="423" t="s">
        <v>2795</v>
      </c>
      <c r="KEH723" s="424"/>
      <c r="KEI723" s="424"/>
      <c r="KEJ723" s="424"/>
      <c r="KEK723" s="423" t="s">
        <v>2795</v>
      </c>
      <c r="KEL723" s="424"/>
      <c r="KEM723" s="424"/>
      <c r="KEN723" s="424"/>
      <c r="KEO723" s="423" t="s">
        <v>2795</v>
      </c>
      <c r="KEP723" s="424"/>
      <c r="KEQ723" s="424"/>
      <c r="KER723" s="424"/>
      <c r="KES723" s="423" t="s">
        <v>2795</v>
      </c>
      <c r="KET723" s="424"/>
      <c r="KEU723" s="424"/>
      <c r="KEV723" s="424"/>
      <c r="KEW723" s="423" t="s">
        <v>2795</v>
      </c>
      <c r="KEX723" s="424"/>
      <c r="KEY723" s="424"/>
      <c r="KEZ723" s="424"/>
      <c r="KFA723" s="423" t="s">
        <v>2795</v>
      </c>
      <c r="KFB723" s="424"/>
      <c r="KFC723" s="424"/>
      <c r="KFD723" s="424"/>
      <c r="KFE723" s="423" t="s">
        <v>2795</v>
      </c>
      <c r="KFF723" s="424"/>
      <c r="KFG723" s="424"/>
      <c r="KFH723" s="424"/>
      <c r="KFI723" s="423" t="s">
        <v>2795</v>
      </c>
      <c r="KFJ723" s="424"/>
      <c r="KFK723" s="424"/>
      <c r="KFL723" s="424"/>
      <c r="KFM723" s="423" t="s">
        <v>2795</v>
      </c>
      <c r="KFN723" s="424"/>
      <c r="KFO723" s="424"/>
      <c r="KFP723" s="424"/>
      <c r="KFQ723" s="423" t="s">
        <v>2795</v>
      </c>
      <c r="KFR723" s="424"/>
      <c r="KFS723" s="424"/>
      <c r="KFT723" s="424"/>
      <c r="KFU723" s="423" t="s">
        <v>2795</v>
      </c>
      <c r="KFV723" s="424"/>
      <c r="KFW723" s="424"/>
      <c r="KFX723" s="424"/>
      <c r="KFY723" s="423" t="s">
        <v>2795</v>
      </c>
      <c r="KFZ723" s="424"/>
      <c r="KGA723" s="424"/>
      <c r="KGB723" s="424"/>
      <c r="KGC723" s="423" t="s">
        <v>2795</v>
      </c>
      <c r="KGD723" s="424"/>
      <c r="KGE723" s="424"/>
      <c r="KGF723" s="424"/>
      <c r="KGG723" s="423" t="s">
        <v>2795</v>
      </c>
      <c r="KGH723" s="424"/>
      <c r="KGI723" s="424"/>
      <c r="KGJ723" s="424"/>
      <c r="KGK723" s="423" t="s">
        <v>2795</v>
      </c>
      <c r="KGL723" s="424"/>
      <c r="KGM723" s="424"/>
      <c r="KGN723" s="424"/>
      <c r="KGO723" s="423" t="s">
        <v>2795</v>
      </c>
      <c r="KGP723" s="424"/>
      <c r="KGQ723" s="424"/>
      <c r="KGR723" s="424"/>
      <c r="KGS723" s="423" t="s">
        <v>2795</v>
      </c>
      <c r="KGT723" s="424"/>
      <c r="KGU723" s="424"/>
      <c r="KGV723" s="424"/>
      <c r="KGW723" s="423" t="s">
        <v>2795</v>
      </c>
      <c r="KGX723" s="424"/>
      <c r="KGY723" s="424"/>
      <c r="KGZ723" s="424"/>
      <c r="KHA723" s="423" t="s">
        <v>2795</v>
      </c>
      <c r="KHB723" s="424"/>
      <c r="KHC723" s="424"/>
      <c r="KHD723" s="424"/>
      <c r="KHE723" s="423" t="s">
        <v>2795</v>
      </c>
      <c r="KHF723" s="424"/>
      <c r="KHG723" s="424"/>
      <c r="KHH723" s="424"/>
      <c r="KHI723" s="423" t="s">
        <v>2795</v>
      </c>
      <c r="KHJ723" s="424"/>
      <c r="KHK723" s="424"/>
      <c r="KHL723" s="424"/>
      <c r="KHM723" s="423" t="s">
        <v>2795</v>
      </c>
      <c r="KHN723" s="424"/>
      <c r="KHO723" s="424"/>
      <c r="KHP723" s="424"/>
      <c r="KHQ723" s="423" t="s">
        <v>2795</v>
      </c>
      <c r="KHR723" s="424"/>
      <c r="KHS723" s="424"/>
      <c r="KHT723" s="424"/>
      <c r="KHU723" s="423" t="s">
        <v>2795</v>
      </c>
      <c r="KHV723" s="424"/>
      <c r="KHW723" s="424"/>
      <c r="KHX723" s="424"/>
      <c r="KHY723" s="423" t="s">
        <v>2795</v>
      </c>
      <c r="KHZ723" s="424"/>
      <c r="KIA723" s="424"/>
      <c r="KIB723" s="424"/>
      <c r="KIC723" s="423" t="s">
        <v>2795</v>
      </c>
      <c r="KID723" s="424"/>
      <c r="KIE723" s="424"/>
      <c r="KIF723" s="424"/>
      <c r="KIG723" s="423" t="s">
        <v>2795</v>
      </c>
      <c r="KIH723" s="424"/>
      <c r="KII723" s="424"/>
      <c r="KIJ723" s="424"/>
      <c r="KIK723" s="423" t="s">
        <v>2795</v>
      </c>
      <c r="KIL723" s="424"/>
      <c r="KIM723" s="424"/>
      <c r="KIN723" s="424"/>
      <c r="KIO723" s="423" t="s">
        <v>2795</v>
      </c>
      <c r="KIP723" s="424"/>
      <c r="KIQ723" s="424"/>
      <c r="KIR723" s="424"/>
      <c r="KIS723" s="423" t="s">
        <v>2795</v>
      </c>
      <c r="KIT723" s="424"/>
      <c r="KIU723" s="424"/>
      <c r="KIV723" s="424"/>
      <c r="KIW723" s="423" t="s">
        <v>2795</v>
      </c>
      <c r="KIX723" s="424"/>
      <c r="KIY723" s="424"/>
      <c r="KIZ723" s="424"/>
      <c r="KJA723" s="423" t="s">
        <v>2795</v>
      </c>
      <c r="KJB723" s="424"/>
      <c r="KJC723" s="424"/>
      <c r="KJD723" s="424"/>
      <c r="KJE723" s="423" t="s">
        <v>2795</v>
      </c>
      <c r="KJF723" s="424"/>
      <c r="KJG723" s="424"/>
      <c r="KJH723" s="424"/>
      <c r="KJI723" s="423" t="s">
        <v>2795</v>
      </c>
      <c r="KJJ723" s="424"/>
      <c r="KJK723" s="424"/>
      <c r="KJL723" s="424"/>
      <c r="KJM723" s="423" t="s">
        <v>2795</v>
      </c>
      <c r="KJN723" s="424"/>
      <c r="KJO723" s="424"/>
      <c r="KJP723" s="424"/>
      <c r="KJQ723" s="423" t="s">
        <v>2795</v>
      </c>
      <c r="KJR723" s="424"/>
      <c r="KJS723" s="424"/>
      <c r="KJT723" s="424"/>
      <c r="KJU723" s="423" t="s">
        <v>2795</v>
      </c>
      <c r="KJV723" s="424"/>
      <c r="KJW723" s="424"/>
      <c r="KJX723" s="424"/>
      <c r="KJY723" s="423" t="s">
        <v>2795</v>
      </c>
      <c r="KJZ723" s="424"/>
      <c r="KKA723" s="424"/>
      <c r="KKB723" s="424"/>
      <c r="KKC723" s="423" t="s">
        <v>2795</v>
      </c>
      <c r="KKD723" s="424"/>
      <c r="KKE723" s="424"/>
      <c r="KKF723" s="424"/>
      <c r="KKG723" s="423" t="s">
        <v>2795</v>
      </c>
      <c r="KKH723" s="424"/>
      <c r="KKI723" s="424"/>
      <c r="KKJ723" s="424"/>
      <c r="KKK723" s="423" t="s">
        <v>2795</v>
      </c>
      <c r="KKL723" s="424"/>
      <c r="KKM723" s="424"/>
      <c r="KKN723" s="424"/>
      <c r="KKO723" s="423" t="s">
        <v>2795</v>
      </c>
      <c r="KKP723" s="424"/>
      <c r="KKQ723" s="424"/>
      <c r="KKR723" s="424"/>
      <c r="KKS723" s="423" t="s">
        <v>2795</v>
      </c>
      <c r="KKT723" s="424"/>
      <c r="KKU723" s="424"/>
      <c r="KKV723" s="424"/>
      <c r="KKW723" s="423" t="s">
        <v>2795</v>
      </c>
      <c r="KKX723" s="424"/>
      <c r="KKY723" s="424"/>
      <c r="KKZ723" s="424"/>
      <c r="KLA723" s="423" t="s">
        <v>2795</v>
      </c>
      <c r="KLB723" s="424"/>
      <c r="KLC723" s="424"/>
      <c r="KLD723" s="424"/>
      <c r="KLE723" s="423" t="s">
        <v>2795</v>
      </c>
      <c r="KLF723" s="424"/>
      <c r="KLG723" s="424"/>
      <c r="KLH723" s="424"/>
      <c r="KLI723" s="423" t="s">
        <v>2795</v>
      </c>
      <c r="KLJ723" s="424"/>
      <c r="KLK723" s="424"/>
      <c r="KLL723" s="424"/>
      <c r="KLM723" s="423" t="s">
        <v>2795</v>
      </c>
      <c r="KLN723" s="424"/>
      <c r="KLO723" s="424"/>
      <c r="KLP723" s="424"/>
      <c r="KLQ723" s="423" t="s">
        <v>2795</v>
      </c>
      <c r="KLR723" s="424"/>
      <c r="KLS723" s="424"/>
      <c r="KLT723" s="424"/>
      <c r="KLU723" s="423" t="s">
        <v>2795</v>
      </c>
      <c r="KLV723" s="424"/>
      <c r="KLW723" s="424"/>
      <c r="KLX723" s="424"/>
      <c r="KLY723" s="423" t="s">
        <v>2795</v>
      </c>
      <c r="KLZ723" s="424"/>
      <c r="KMA723" s="424"/>
      <c r="KMB723" s="424"/>
      <c r="KMC723" s="423" t="s">
        <v>2795</v>
      </c>
      <c r="KMD723" s="424"/>
      <c r="KME723" s="424"/>
      <c r="KMF723" s="424"/>
      <c r="KMG723" s="423" t="s">
        <v>2795</v>
      </c>
      <c r="KMH723" s="424"/>
      <c r="KMI723" s="424"/>
      <c r="KMJ723" s="424"/>
      <c r="KMK723" s="423" t="s">
        <v>2795</v>
      </c>
      <c r="KML723" s="424"/>
      <c r="KMM723" s="424"/>
      <c r="KMN723" s="424"/>
      <c r="KMO723" s="423" t="s">
        <v>2795</v>
      </c>
      <c r="KMP723" s="424"/>
      <c r="KMQ723" s="424"/>
      <c r="KMR723" s="424"/>
      <c r="KMS723" s="423" t="s">
        <v>2795</v>
      </c>
      <c r="KMT723" s="424"/>
      <c r="KMU723" s="424"/>
      <c r="KMV723" s="424"/>
      <c r="KMW723" s="423" t="s">
        <v>2795</v>
      </c>
      <c r="KMX723" s="424"/>
      <c r="KMY723" s="424"/>
      <c r="KMZ723" s="424"/>
      <c r="KNA723" s="423" t="s">
        <v>2795</v>
      </c>
      <c r="KNB723" s="424"/>
      <c r="KNC723" s="424"/>
      <c r="KND723" s="424"/>
      <c r="KNE723" s="423" t="s">
        <v>2795</v>
      </c>
      <c r="KNF723" s="424"/>
      <c r="KNG723" s="424"/>
      <c r="KNH723" s="424"/>
      <c r="KNI723" s="423" t="s">
        <v>2795</v>
      </c>
      <c r="KNJ723" s="424"/>
      <c r="KNK723" s="424"/>
      <c r="KNL723" s="424"/>
      <c r="KNM723" s="423" t="s">
        <v>2795</v>
      </c>
      <c r="KNN723" s="424"/>
      <c r="KNO723" s="424"/>
      <c r="KNP723" s="424"/>
      <c r="KNQ723" s="423" t="s">
        <v>2795</v>
      </c>
      <c r="KNR723" s="424"/>
      <c r="KNS723" s="424"/>
      <c r="KNT723" s="424"/>
      <c r="KNU723" s="423" t="s">
        <v>2795</v>
      </c>
      <c r="KNV723" s="424"/>
      <c r="KNW723" s="424"/>
      <c r="KNX723" s="424"/>
      <c r="KNY723" s="423" t="s">
        <v>2795</v>
      </c>
      <c r="KNZ723" s="424"/>
      <c r="KOA723" s="424"/>
      <c r="KOB723" s="424"/>
      <c r="KOC723" s="423" t="s">
        <v>2795</v>
      </c>
      <c r="KOD723" s="424"/>
      <c r="KOE723" s="424"/>
      <c r="KOF723" s="424"/>
      <c r="KOG723" s="423" t="s">
        <v>2795</v>
      </c>
      <c r="KOH723" s="424"/>
      <c r="KOI723" s="424"/>
      <c r="KOJ723" s="424"/>
      <c r="KOK723" s="423" t="s">
        <v>2795</v>
      </c>
      <c r="KOL723" s="424"/>
      <c r="KOM723" s="424"/>
      <c r="KON723" s="424"/>
      <c r="KOO723" s="423" t="s">
        <v>2795</v>
      </c>
      <c r="KOP723" s="424"/>
      <c r="KOQ723" s="424"/>
      <c r="KOR723" s="424"/>
      <c r="KOS723" s="423" t="s">
        <v>2795</v>
      </c>
      <c r="KOT723" s="424"/>
      <c r="KOU723" s="424"/>
      <c r="KOV723" s="424"/>
      <c r="KOW723" s="423" t="s">
        <v>2795</v>
      </c>
      <c r="KOX723" s="424"/>
      <c r="KOY723" s="424"/>
      <c r="KOZ723" s="424"/>
      <c r="KPA723" s="423" t="s">
        <v>2795</v>
      </c>
      <c r="KPB723" s="424"/>
      <c r="KPC723" s="424"/>
      <c r="KPD723" s="424"/>
      <c r="KPE723" s="423" t="s">
        <v>2795</v>
      </c>
      <c r="KPF723" s="424"/>
      <c r="KPG723" s="424"/>
      <c r="KPH723" s="424"/>
      <c r="KPI723" s="423" t="s">
        <v>2795</v>
      </c>
      <c r="KPJ723" s="424"/>
      <c r="KPK723" s="424"/>
      <c r="KPL723" s="424"/>
      <c r="KPM723" s="423" t="s">
        <v>2795</v>
      </c>
      <c r="KPN723" s="424"/>
      <c r="KPO723" s="424"/>
      <c r="KPP723" s="424"/>
      <c r="KPQ723" s="423" t="s">
        <v>2795</v>
      </c>
      <c r="KPR723" s="424"/>
      <c r="KPS723" s="424"/>
      <c r="KPT723" s="424"/>
      <c r="KPU723" s="423" t="s">
        <v>2795</v>
      </c>
      <c r="KPV723" s="424"/>
      <c r="KPW723" s="424"/>
      <c r="KPX723" s="424"/>
      <c r="KPY723" s="423" t="s">
        <v>2795</v>
      </c>
      <c r="KPZ723" s="424"/>
      <c r="KQA723" s="424"/>
      <c r="KQB723" s="424"/>
      <c r="KQC723" s="423" t="s">
        <v>2795</v>
      </c>
      <c r="KQD723" s="424"/>
      <c r="KQE723" s="424"/>
      <c r="KQF723" s="424"/>
      <c r="KQG723" s="423" t="s">
        <v>2795</v>
      </c>
      <c r="KQH723" s="424"/>
      <c r="KQI723" s="424"/>
      <c r="KQJ723" s="424"/>
      <c r="KQK723" s="423" t="s">
        <v>2795</v>
      </c>
      <c r="KQL723" s="424"/>
      <c r="KQM723" s="424"/>
      <c r="KQN723" s="424"/>
      <c r="KQO723" s="423" t="s">
        <v>2795</v>
      </c>
      <c r="KQP723" s="424"/>
      <c r="KQQ723" s="424"/>
      <c r="KQR723" s="424"/>
      <c r="KQS723" s="423" t="s">
        <v>2795</v>
      </c>
      <c r="KQT723" s="424"/>
      <c r="KQU723" s="424"/>
      <c r="KQV723" s="424"/>
      <c r="KQW723" s="423" t="s">
        <v>2795</v>
      </c>
      <c r="KQX723" s="424"/>
      <c r="KQY723" s="424"/>
      <c r="KQZ723" s="424"/>
      <c r="KRA723" s="423" t="s">
        <v>2795</v>
      </c>
      <c r="KRB723" s="424"/>
      <c r="KRC723" s="424"/>
      <c r="KRD723" s="424"/>
      <c r="KRE723" s="423" t="s">
        <v>2795</v>
      </c>
      <c r="KRF723" s="424"/>
      <c r="KRG723" s="424"/>
      <c r="KRH723" s="424"/>
      <c r="KRI723" s="423" t="s">
        <v>2795</v>
      </c>
      <c r="KRJ723" s="424"/>
      <c r="KRK723" s="424"/>
      <c r="KRL723" s="424"/>
      <c r="KRM723" s="423" t="s">
        <v>2795</v>
      </c>
      <c r="KRN723" s="424"/>
      <c r="KRO723" s="424"/>
      <c r="KRP723" s="424"/>
      <c r="KRQ723" s="423" t="s">
        <v>2795</v>
      </c>
      <c r="KRR723" s="424"/>
      <c r="KRS723" s="424"/>
      <c r="KRT723" s="424"/>
      <c r="KRU723" s="423" t="s">
        <v>2795</v>
      </c>
      <c r="KRV723" s="424"/>
      <c r="KRW723" s="424"/>
      <c r="KRX723" s="424"/>
      <c r="KRY723" s="423" t="s">
        <v>2795</v>
      </c>
      <c r="KRZ723" s="424"/>
      <c r="KSA723" s="424"/>
      <c r="KSB723" s="424"/>
      <c r="KSC723" s="423" t="s">
        <v>2795</v>
      </c>
      <c r="KSD723" s="424"/>
      <c r="KSE723" s="424"/>
      <c r="KSF723" s="424"/>
      <c r="KSG723" s="423" t="s">
        <v>2795</v>
      </c>
      <c r="KSH723" s="424"/>
      <c r="KSI723" s="424"/>
      <c r="KSJ723" s="424"/>
      <c r="KSK723" s="423" t="s">
        <v>2795</v>
      </c>
      <c r="KSL723" s="424"/>
      <c r="KSM723" s="424"/>
      <c r="KSN723" s="424"/>
      <c r="KSO723" s="423" t="s">
        <v>2795</v>
      </c>
      <c r="KSP723" s="424"/>
      <c r="KSQ723" s="424"/>
      <c r="KSR723" s="424"/>
      <c r="KSS723" s="423" t="s">
        <v>2795</v>
      </c>
      <c r="KST723" s="424"/>
      <c r="KSU723" s="424"/>
      <c r="KSV723" s="424"/>
      <c r="KSW723" s="423" t="s">
        <v>2795</v>
      </c>
      <c r="KSX723" s="424"/>
      <c r="KSY723" s="424"/>
      <c r="KSZ723" s="424"/>
      <c r="KTA723" s="423" t="s">
        <v>2795</v>
      </c>
      <c r="KTB723" s="424"/>
      <c r="KTC723" s="424"/>
      <c r="KTD723" s="424"/>
      <c r="KTE723" s="423" t="s">
        <v>2795</v>
      </c>
      <c r="KTF723" s="424"/>
      <c r="KTG723" s="424"/>
      <c r="KTH723" s="424"/>
      <c r="KTI723" s="423" t="s">
        <v>2795</v>
      </c>
      <c r="KTJ723" s="424"/>
      <c r="KTK723" s="424"/>
      <c r="KTL723" s="424"/>
      <c r="KTM723" s="423" t="s">
        <v>2795</v>
      </c>
      <c r="KTN723" s="424"/>
      <c r="KTO723" s="424"/>
      <c r="KTP723" s="424"/>
      <c r="KTQ723" s="423" t="s">
        <v>2795</v>
      </c>
      <c r="KTR723" s="424"/>
      <c r="KTS723" s="424"/>
      <c r="KTT723" s="424"/>
      <c r="KTU723" s="423" t="s">
        <v>2795</v>
      </c>
      <c r="KTV723" s="424"/>
      <c r="KTW723" s="424"/>
      <c r="KTX723" s="424"/>
      <c r="KTY723" s="423" t="s">
        <v>2795</v>
      </c>
      <c r="KTZ723" s="424"/>
      <c r="KUA723" s="424"/>
      <c r="KUB723" s="424"/>
      <c r="KUC723" s="423" t="s">
        <v>2795</v>
      </c>
      <c r="KUD723" s="424"/>
      <c r="KUE723" s="424"/>
      <c r="KUF723" s="424"/>
      <c r="KUG723" s="423" t="s">
        <v>2795</v>
      </c>
      <c r="KUH723" s="424"/>
      <c r="KUI723" s="424"/>
      <c r="KUJ723" s="424"/>
      <c r="KUK723" s="423" t="s">
        <v>2795</v>
      </c>
      <c r="KUL723" s="424"/>
      <c r="KUM723" s="424"/>
      <c r="KUN723" s="424"/>
      <c r="KUO723" s="423" t="s">
        <v>2795</v>
      </c>
      <c r="KUP723" s="424"/>
      <c r="KUQ723" s="424"/>
      <c r="KUR723" s="424"/>
      <c r="KUS723" s="423" t="s">
        <v>2795</v>
      </c>
      <c r="KUT723" s="424"/>
      <c r="KUU723" s="424"/>
      <c r="KUV723" s="424"/>
      <c r="KUW723" s="423" t="s">
        <v>2795</v>
      </c>
      <c r="KUX723" s="424"/>
      <c r="KUY723" s="424"/>
      <c r="KUZ723" s="424"/>
      <c r="KVA723" s="423" t="s">
        <v>2795</v>
      </c>
      <c r="KVB723" s="424"/>
      <c r="KVC723" s="424"/>
      <c r="KVD723" s="424"/>
      <c r="KVE723" s="423" t="s">
        <v>2795</v>
      </c>
      <c r="KVF723" s="424"/>
      <c r="KVG723" s="424"/>
      <c r="KVH723" s="424"/>
      <c r="KVI723" s="423" t="s">
        <v>2795</v>
      </c>
      <c r="KVJ723" s="424"/>
      <c r="KVK723" s="424"/>
      <c r="KVL723" s="424"/>
      <c r="KVM723" s="423" t="s">
        <v>2795</v>
      </c>
      <c r="KVN723" s="424"/>
      <c r="KVO723" s="424"/>
      <c r="KVP723" s="424"/>
      <c r="KVQ723" s="423" t="s">
        <v>2795</v>
      </c>
      <c r="KVR723" s="424"/>
      <c r="KVS723" s="424"/>
      <c r="KVT723" s="424"/>
      <c r="KVU723" s="423" t="s">
        <v>2795</v>
      </c>
      <c r="KVV723" s="424"/>
      <c r="KVW723" s="424"/>
      <c r="KVX723" s="424"/>
      <c r="KVY723" s="423" t="s">
        <v>2795</v>
      </c>
      <c r="KVZ723" s="424"/>
      <c r="KWA723" s="424"/>
      <c r="KWB723" s="424"/>
      <c r="KWC723" s="423" t="s">
        <v>2795</v>
      </c>
      <c r="KWD723" s="424"/>
      <c r="KWE723" s="424"/>
      <c r="KWF723" s="424"/>
      <c r="KWG723" s="423" t="s">
        <v>2795</v>
      </c>
      <c r="KWH723" s="424"/>
      <c r="KWI723" s="424"/>
      <c r="KWJ723" s="424"/>
      <c r="KWK723" s="423" t="s">
        <v>2795</v>
      </c>
      <c r="KWL723" s="424"/>
      <c r="KWM723" s="424"/>
      <c r="KWN723" s="424"/>
      <c r="KWO723" s="423" t="s">
        <v>2795</v>
      </c>
      <c r="KWP723" s="424"/>
      <c r="KWQ723" s="424"/>
      <c r="KWR723" s="424"/>
      <c r="KWS723" s="423" t="s">
        <v>2795</v>
      </c>
      <c r="KWT723" s="424"/>
      <c r="KWU723" s="424"/>
      <c r="KWV723" s="424"/>
      <c r="KWW723" s="423" t="s">
        <v>2795</v>
      </c>
      <c r="KWX723" s="424"/>
      <c r="KWY723" s="424"/>
      <c r="KWZ723" s="424"/>
      <c r="KXA723" s="423" t="s">
        <v>2795</v>
      </c>
      <c r="KXB723" s="424"/>
      <c r="KXC723" s="424"/>
      <c r="KXD723" s="424"/>
      <c r="KXE723" s="423" t="s">
        <v>2795</v>
      </c>
      <c r="KXF723" s="424"/>
      <c r="KXG723" s="424"/>
      <c r="KXH723" s="424"/>
      <c r="KXI723" s="423" t="s">
        <v>2795</v>
      </c>
      <c r="KXJ723" s="424"/>
      <c r="KXK723" s="424"/>
      <c r="KXL723" s="424"/>
      <c r="KXM723" s="423" t="s">
        <v>2795</v>
      </c>
      <c r="KXN723" s="424"/>
      <c r="KXO723" s="424"/>
      <c r="KXP723" s="424"/>
      <c r="KXQ723" s="423" t="s">
        <v>2795</v>
      </c>
      <c r="KXR723" s="424"/>
      <c r="KXS723" s="424"/>
      <c r="KXT723" s="424"/>
      <c r="KXU723" s="423" t="s">
        <v>2795</v>
      </c>
      <c r="KXV723" s="424"/>
      <c r="KXW723" s="424"/>
      <c r="KXX723" s="424"/>
      <c r="KXY723" s="423" t="s">
        <v>2795</v>
      </c>
      <c r="KXZ723" s="424"/>
      <c r="KYA723" s="424"/>
      <c r="KYB723" s="424"/>
      <c r="KYC723" s="423" t="s">
        <v>2795</v>
      </c>
      <c r="KYD723" s="424"/>
      <c r="KYE723" s="424"/>
      <c r="KYF723" s="424"/>
      <c r="KYG723" s="423" t="s">
        <v>2795</v>
      </c>
      <c r="KYH723" s="424"/>
      <c r="KYI723" s="424"/>
      <c r="KYJ723" s="424"/>
      <c r="KYK723" s="423" t="s">
        <v>2795</v>
      </c>
      <c r="KYL723" s="424"/>
      <c r="KYM723" s="424"/>
      <c r="KYN723" s="424"/>
      <c r="KYO723" s="423" t="s">
        <v>2795</v>
      </c>
      <c r="KYP723" s="424"/>
      <c r="KYQ723" s="424"/>
      <c r="KYR723" s="424"/>
      <c r="KYS723" s="423" t="s">
        <v>2795</v>
      </c>
      <c r="KYT723" s="424"/>
      <c r="KYU723" s="424"/>
      <c r="KYV723" s="424"/>
      <c r="KYW723" s="423" t="s">
        <v>2795</v>
      </c>
      <c r="KYX723" s="424"/>
      <c r="KYY723" s="424"/>
      <c r="KYZ723" s="424"/>
      <c r="KZA723" s="423" t="s">
        <v>2795</v>
      </c>
      <c r="KZB723" s="424"/>
      <c r="KZC723" s="424"/>
      <c r="KZD723" s="424"/>
      <c r="KZE723" s="423" t="s">
        <v>2795</v>
      </c>
      <c r="KZF723" s="424"/>
      <c r="KZG723" s="424"/>
      <c r="KZH723" s="424"/>
      <c r="KZI723" s="423" t="s">
        <v>2795</v>
      </c>
      <c r="KZJ723" s="424"/>
      <c r="KZK723" s="424"/>
      <c r="KZL723" s="424"/>
      <c r="KZM723" s="423" t="s">
        <v>2795</v>
      </c>
      <c r="KZN723" s="424"/>
      <c r="KZO723" s="424"/>
      <c r="KZP723" s="424"/>
      <c r="KZQ723" s="423" t="s">
        <v>2795</v>
      </c>
      <c r="KZR723" s="424"/>
      <c r="KZS723" s="424"/>
      <c r="KZT723" s="424"/>
      <c r="KZU723" s="423" t="s">
        <v>2795</v>
      </c>
      <c r="KZV723" s="424"/>
      <c r="KZW723" s="424"/>
      <c r="KZX723" s="424"/>
      <c r="KZY723" s="423" t="s">
        <v>2795</v>
      </c>
      <c r="KZZ723" s="424"/>
      <c r="LAA723" s="424"/>
      <c r="LAB723" s="424"/>
      <c r="LAC723" s="423" t="s">
        <v>2795</v>
      </c>
      <c r="LAD723" s="424"/>
      <c r="LAE723" s="424"/>
      <c r="LAF723" s="424"/>
      <c r="LAG723" s="423" t="s">
        <v>2795</v>
      </c>
      <c r="LAH723" s="424"/>
      <c r="LAI723" s="424"/>
      <c r="LAJ723" s="424"/>
      <c r="LAK723" s="423" t="s">
        <v>2795</v>
      </c>
      <c r="LAL723" s="424"/>
      <c r="LAM723" s="424"/>
      <c r="LAN723" s="424"/>
      <c r="LAO723" s="423" t="s">
        <v>2795</v>
      </c>
      <c r="LAP723" s="424"/>
      <c r="LAQ723" s="424"/>
      <c r="LAR723" s="424"/>
      <c r="LAS723" s="423" t="s">
        <v>2795</v>
      </c>
      <c r="LAT723" s="424"/>
      <c r="LAU723" s="424"/>
      <c r="LAV723" s="424"/>
      <c r="LAW723" s="423" t="s">
        <v>2795</v>
      </c>
      <c r="LAX723" s="424"/>
      <c r="LAY723" s="424"/>
      <c r="LAZ723" s="424"/>
      <c r="LBA723" s="423" t="s">
        <v>2795</v>
      </c>
      <c r="LBB723" s="424"/>
      <c r="LBC723" s="424"/>
      <c r="LBD723" s="424"/>
      <c r="LBE723" s="423" t="s">
        <v>2795</v>
      </c>
      <c r="LBF723" s="424"/>
      <c r="LBG723" s="424"/>
      <c r="LBH723" s="424"/>
      <c r="LBI723" s="423" t="s">
        <v>2795</v>
      </c>
      <c r="LBJ723" s="424"/>
      <c r="LBK723" s="424"/>
      <c r="LBL723" s="424"/>
      <c r="LBM723" s="423" t="s">
        <v>2795</v>
      </c>
      <c r="LBN723" s="424"/>
      <c r="LBO723" s="424"/>
      <c r="LBP723" s="424"/>
      <c r="LBQ723" s="423" t="s">
        <v>2795</v>
      </c>
      <c r="LBR723" s="424"/>
      <c r="LBS723" s="424"/>
      <c r="LBT723" s="424"/>
      <c r="LBU723" s="423" t="s">
        <v>2795</v>
      </c>
      <c r="LBV723" s="424"/>
      <c r="LBW723" s="424"/>
      <c r="LBX723" s="424"/>
      <c r="LBY723" s="423" t="s">
        <v>2795</v>
      </c>
      <c r="LBZ723" s="424"/>
      <c r="LCA723" s="424"/>
      <c r="LCB723" s="424"/>
      <c r="LCC723" s="423" t="s">
        <v>2795</v>
      </c>
      <c r="LCD723" s="424"/>
      <c r="LCE723" s="424"/>
      <c r="LCF723" s="424"/>
      <c r="LCG723" s="423" t="s">
        <v>2795</v>
      </c>
      <c r="LCH723" s="424"/>
      <c r="LCI723" s="424"/>
      <c r="LCJ723" s="424"/>
      <c r="LCK723" s="423" t="s">
        <v>2795</v>
      </c>
      <c r="LCL723" s="424"/>
      <c r="LCM723" s="424"/>
      <c r="LCN723" s="424"/>
      <c r="LCO723" s="423" t="s">
        <v>2795</v>
      </c>
      <c r="LCP723" s="424"/>
      <c r="LCQ723" s="424"/>
      <c r="LCR723" s="424"/>
      <c r="LCS723" s="423" t="s">
        <v>2795</v>
      </c>
      <c r="LCT723" s="424"/>
      <c r="LCU723" s="424"/>
      <c r="LCV723" s="424"/>
      <c r="LCW723" s="423" t="s">
        <v>2795</v>
      </c>
      <c r="LCX723" s="424"/>
      <c r="LCY723" s="424"/>
      <c r="LCZ723" s="424"/>
      <c r="LDA723" s="423" t="s">
        <v>2795</v>
      </c>
      <c r="LDB723" s="424"/>
      <c r="LDC723" s="424"/>
      <c r="LDD723" s="424"/>
      <c r="LDE723" s="423" t="s">
        <v>2795</v>
      </c>
      <c r="LDF723" s="424"/>
      <c r="LDG723" s="424"/>
      <c r="LDH723" s="424"/>
      <c r="LDI723" s="423" t="s">
        <v>2795</v>
      </c>
      <c r="LDJ723" s="424"/>
      <c r="LDK723" s="424"/>
      <c r="LDL723" s="424"/>
      <c r="LDM723" s="423" t="s">
        <v>2795</v>
      </c>
      <c r="LDN723" s="424"/>
      <c r="LDO723" s="424"/>
      <c r="LDP723" s="424"/>
      <c r="LDQ723" s="423" t="s">
        <v>2795</v>
      </c>
      <c r="LDR723" s="424"/>
      <c r="LDS723" s="424"/>
      <c r="LDT723" s="424"/>
      <c r="LDU723" s="423" t="s">
        <v>2795</v>
      </c>
      <c r="LDV723" s="424"/>
      <c r="LDW723" s="424"/>
      <c r="LDX723" s="424"/>
      <c r="LDY723" s="423" t="s">
        <v>2795</v>
      </c>
      <c r="LDZ723" s="424"/>
      <c r="LEA723" s="424"/>
      <c r="LEB723" s="424"/>
      <c r="LEC723" s="423" t="s">
        <v>2795</v>
      </c>
      <c r="LED723" s="424"/>
      <c r="LEE723" s="424"/>
      <c r="LEF723" s="424"/>
      <c r="LEG723" s="423" t="s">
        <v>2795</v>
      </c>
      <c r="LEH723" s="424"/>
      <c r="LEI723" s="424"/>
      <c r="LEJ723" s="424"/>
      <c r="LEK723" s="423" t="s">
        <v>2795</v>
      </c>
      <c r="LEL723" s="424"/>
      <c r="LEM723" s="424"/>
      <c r="LEN723" s="424"/>
      <c r="LEO723" s="423" t="s">
        <v>2795</v>
      </c>
      <c r="LEP723" s="424"/>
      <c r="LEQ723" s="424"/>
      <c r="LER723" s="424"/>
      <c r="LES723" s="423" t="s">
        <v>2795</v>
      </c>
      <c r="LET723" s="424"/>
      <c r="LEU723" s="424"/>
      <c r="LEV723" s="424"/>
      <c r="LEW723" s="423" t="s">
        <v>2795</v>
      </c>
      <c r="LEX723" s="424"/>
      <c r="LEY723" s="424"/>
      <c r="LEZ723" s="424"/>
      <c r="LFA723" s="423" t="s">
        <v>2795</v>
      </c>
      <c r="LFB723" s="424"/>
      <c r="LFC723" s="424"/>
      <c r="LFD723" s="424"/>
      <c r="LFE723" s="423" t="s">
        <v>2795</v>
      </c>
      <c r="LFF723" s="424"/>
      <c r="LFG723" s="424"/>
      <c r="LFH723" s="424"/>
      <c r="LFI723" s="423" t="s">
        <v>2795</v>
      </c>
      <c r="LFJ723" s="424"/>
      <c r="LFK723" s="424"/>
      <c r="LFL723" s="424"/>
      <c r="LFM723" s="423" t="s">
        <v>2795</v>
      </c>
      <c r="LFN723" s="424"/>
      <c r="LFO723" s="424"/>
      <c r="LFP723" s="424"/>
      <c r="LFQ723" s="423" t="s">
        <v>2795</v>
      </c>
      <c r="LFR723" s="424"/>
      <c r="LFS723" s="424"/>
      <c r="LFT723" s="424"/>
      <c r="LFU723" s="423" t="s">
        <v>2795</v>
      </c>
      <c r="LFV723" s="424"/>
      <c r="LFW723" s="424"/>
      <c r="LFX723" s="424"/>
      <c r="LFY723" s="423" t="s">
        <v>2795</v>
      </c>
      <c r="LFZ723" s="424"/>
      <c r="LGA723" s="424"/>
      <c r="LGB723" s="424"/>
      <c r="LGC723" s="423" t="s">
        <v>2795</v>
      </c>
      <c r="LGD723" s="424"/>
      <c r="LGE723" s="424"/>
      <c r="LGF723" s="424"/>
      <c r="LGG723" s="423" t="s">
        <v>2795</v>
      </c>
      <c r="LGH723" s="424"/>
      <c r="LGI723" s="424"/>
      <c r="LGJ723" s="424"/>
      <c r="LGK723" s="423" t="s">
        <v>2795</v>
      </c>
      <c r="LGL723" s="424"/>
      <c r="LGM723" s="424"/>
      <c r="LGN723" s="424"/>
      <c r="LGO723" s="423" t="s">
        <v>2795</v>
      </c>
      <c r="LGP723" s="424"/>
      <c r="LGQ723" s="424"/>
      <c r="LGR723" s="424"/>
      <c r="LGS723" s="423" t="s">
        <v>2795</v>
      </c>
      <c r="LGT723" s="424"/>
      <c r="LGU723" s="424"/>
      <c r="LGV723" s="424"/>
      <c r="LGW723" s="423" t="s">
        <v>2795</v>
      </c>
      <c r="LGX723" s="424"/>
      <c r="LGY723" s="424"/>
      <c r="LGZ723" s="424"/>
      <c r="LHA723" s="423" t="s">
        <v>2795</v>
      </c>
      <c r="LHB723" s="424"/>
      <c r="LHC723" s="424"/>
      <c r="LHD723" s="424"/>
      <c r="LHE723" s="423" t="s">
        <v>2795</v>
      </c>
      <c r="LHF723" s="424"/>
      <c r="LHG723" s="424"/>
      <c r="LHH723" s="424"/>
      <c r="LHI723" s="423" t="s">
        <v>2795</v>
      </c>
      <c r="LHJ723" s="424"/>
      <c r="LHK723" s="424"/>
      <c r="LHL723" s="424"/>
      <c r="LHM723" s="423" t="s">
        <v>2795</v>
      </c>
      <c r="LHN723" s="424"/>
      <c r="LHO723" s="424"/>
      <c r="LHP723" s="424"/>
      <c r="LHQ723" s="423" t="s">
        <v>2795</v>
      </c>
      <c r="LHR723" s="424"/>
      <c r="LHS723" s="424"/>
      <c r="LHT723" s="424"/>
      <c r="LHU723" s="423" t="s">
        <v>2795</v>
      </c>
      <c r="LHV723" s="424"/>
      <c r="LHW723" s="424"/>
      <c r="LHX723" s="424"/>
      <c r="LHY723" s="423" t="s">
        <v>2795</v>
      </c>
      <c r="LHZ723" s="424"/>
      <c r="LIA723" s="424"/>
      <c r="LIB723" s="424"/>
      <c r="LIC723" s="423" t="s">
        <v>2795</v>
      </c>
      <c r="LID723" s="424"/>
      <c r="LIE723" s="424"/>
      <c r="LIF723" s="424"/>
      <c r="LIG723" s="423" t="s">
        <v>2795</v>
      </c>
      <c r="LIH723" s="424"/>
      <c r="LII723" s="424"/>
      <c r="LIJ723" s="424"/>
      <c r="LIK723" s="423" t="s">
        <v>2795</v>
      </c>
      <c r="LIL723" s="424"/>
      <c r="LIM723" s="424"/>
      <c r="LIN723" s="424"/>
      <c r="LIO723" s="423" t="s">
        <v>2795</v>
      </c>
      <c r="LIP723" s="424"/>
      <c r="LIQ723" s="424"/>
      <c r="LIR723" s="424"/>
      <c r="LIS723" s="423" t="s">
        <v>2795</v>
      </c>
      <c r="LIT723" s="424"/>
      <c r="LIU723" s="424"/>
      <c r="LIV723" s="424"/>
      <c r="LIW723" s="423" t="s">
        <v>2795</v>
      </c>
      <c r="LIX723" s="424"/>
      <c r="LIY723" s="424"/>
      <c r="LIZ723" s="424"/>
      <c r="LJA723" s="423" t="s">
        <v>2795</v>
      </c>
      <c r="LJB723" s="424"/>
      <c r="LJC723" s="424"/>
      <c r="LJD723" s="424"/>
      <c r="LJE723" s="423" t="s">
        <v>2795</v>
      </c>
      <c r="LJF723" s="424"/>
      <c r="LJG723" s="424"/>
      <c r="LJH723" s="424"/>
      <c r="LJI723" s="423" t="s">
        <v>2795</v>
      </c>
      <c r="LJJ723" s="424"/>
      <c r="LJK723" s="424"/>
      <c r="LJL723" s="424"/>
      <c r="LJM723" s="423" t="s">
        <v>2795</v>
      </c>
      <c r="LJN723" s="424"/>
      <c r="LJO723" s="424"/>
      <c r="LJP723" s="424"/>
      <c r="LJQ723" s="423" t="s">
        <v>2795</v>
      </c>
      <c r="LJR723" s="424"/>
      <c r="LJS723" s="424"/>
      <c r="LJT723" s="424"/>
      <c r="LJU723" s="423" t="s">
        <v>2795</v>
      </c>
      <c r="LJV723" s="424"/>
      <c r="LJW723" s="424"/>
      <c r="LJX723" s="424"/>
      <c r="LJY723" s="423" t="s">
        <v>2795</v>
      </c>
      <c r="LJZ723" s="424"/>
      <c r="LKA723" s="424"/>
      <c r="LKB723" s="424"/>
      <c r="LKC723" s="423" t="s">
        <v>2795</v>
      </c>
      <c r="LKD723" s="424"/>
      <c r="LKE723" s="424"/>
      <c r="LKF723" s="424"/>
      <c r="LKG723" s="423" t="s">
        <v>2795</v>
      </c>
      <c r="LKH723" s="424"/>
      <c r="LKI723" s="424"/>
      <c r="LKJ723" s="424"/>
      <c r="LKK723" s="423" t="s">
        <v>2795</v>
      </c>
      <c r="LKL723" s="424"/>
      <c r="LKM723" s="424"/>
      <c r="LKN723" s="424"/>
      <c r="LKO723" s="423" t="s">
        <v>2795</v>
      </c>
      <c r="LKP723" s="424"/>
      <c r="LKQ723" s="424"/>
      <c r="LKR723" s="424"/>
      <c r="LKS723" s="423" t="s">
        <v>2795</v>
      </c>
      <c r="LKT723" s="424"/>
      <c r="LKU723" s="424"/>
      <c r="LKV723" s="424"/>
      <c r="LKW723" s="423" t="s">
        <v>2795</v>
      </c>
      <c r="LKX723" s="424"/>
      <c r="LKY723" s="424"/>
      <c r="LKZ723" s="424"/>
      <c r="LLA723" s="423" t="s">
        <v>2795</v>
      </c>
      <c r="LLB723" s="424"/>
      <c r="LLC723" s="424"/>
      <c r="LLD723" s="424"/>
      <c r="LLE723" s="423" t="s">
        <v>2795</v>
      </c>
      <c r="LLF723" s="424"/>
      <c r="LLG723" s="424"/>
      <c r="LLH723" s="424"/>
      <c r="LLI723" s="423" t="s">
        <v>2795</v>
      </c>
      <c r="LLJ723" s="424"/>
      <c r="LLK723" s="424"/>
      <c r="LLL723" s="424"/>
      <c r="LLM723" s="423" t="s">
        <v>2795</v>
      </c>
      <c r="LLN723" s="424"/>
      <c r="LLO723" s="424"/>
      <c r="LLP723" s="424"/>
      <c r="LLQ723" s="423" t="s">
        <v>2795</v>
      </c>
      <c r="LLR723" s="424"/>
      <c r="LLS723" s="424"/>
      <c r="LLT723" s="424"/>
      <c r="LLU723" s="423" t="s">
        <v>2795</v>
      </c>
      <c r="LLV723" s="424"/>
      <c r="LLW723" s="424"/>
      <c r="LLX723" s="424"/>
      <c r="LLY723" s="423" t="s">
        <v>2795</v>
      </c>
      <c r="LLZ723" s="424"/>
      <c r="LMA723" s="424"/>
      <c r="LMB723" s="424"/>
      <c r="LMC723" s="423" t="s">
        <v>2795</v>
      </c>
      <c r="LMD723" s="424"/>
      <c r="LME723" s="424"/>
      <c r="LMF723" s="424"/>
      <c r="LMG723" s="423" t="s">
        <v>2795</v>
      </c>
      <c r="LMH723" s="424"/>
      <c r="LMI723" s="424"/>
      <c r="LMJ723" s="424"/>
      <c r="LMK723" s="423" t="s">
        <v>2795</v>
      </c>
      <c r="LML723" s="424"/>
      <c r="LMM723" s="424"/>
      <c r="LMN723" s="424"/>
      <c r="LMO723" s="423" t="s">
        <v>2795</v>
      </c>
      <c r="LMP723" s="424"/>
      <c r="LMQ723" s="424"/>
      <c r="LMR723" s="424"/>
      <c r="LMS723" s="423" t="s">
        <v>2795</v>
      </c>
      <c r="LMT723" s="424"/>
      <c r="LMU723" s="424"/>
      <c r="LMV723" s="424"/>
      <c r="LMW723" s="423" t="s">
        <v>2795</v>
      </c>
      <c r="LMX723" s="424"/>
      <c r="LMY723" s="424"/>
      <c r="LMZ723" s="424"/>
      <c r="LNA723" s="423" t="s">
        <v>2795</v>
      </c>
      <c r="LNB723" s="424"/>
      <c r="LNC723" s="424"/>
      <c r="LND723" s="424"/>
      <c r="LNE723" s="423" t="s">
        <v>2795</v>
      </c>
      <c r="LNF723" s="424"/>
      <c r="LNG723" s="424"/>
      <c r="LNH723" s="424"/>
      <c r="LNI723" s="423" t="s">
        <v>2795</v>
      </c>
      <c r="LNJ723" s="424"/>
      <c r="LNK723" s="424"/>
      <c r="LNL723" s="424"/>
      <c r="LNM723" s="423" t="s">
        <v>2795</v>
      </c>
      <c r="LNN723" s="424"/>
      <c r="LNO723" s="424"/>
      <c r="LNP723" s="424"/>
      <c r="LNQ723" s="423" t="s">
        <v>2795</v>
      </c>
      <c r="LNR723" s="424"/>
      <c r="LNS723" s="424"/>
      <c r="LNT723" s="424"/>
      <c r="LNU723" s="423" t="s">
        <v>2795</v>
      </c>
      <c r="LNV723" s="424"/>
      <c r="LNW723" s="424"/>
      <c r="LNX723" s="424"/>
      <c r="LNY723" s="423" t="s">
        <v>2795</v>
      </c>
      <c r="LNZ723" s="424"/>
      <c r="LOA723" s="424"/>
      <c r="LOB723" s="424"/>
      <c r="LOC723" s="423" t="s">
        <v>2795</v>
      </c>
      <c r="LOD723" s="424"/>
      <c r="LOE723" s="424"/>
      <c r="LOF723" s="424"/>
      <c r="LOG723" s="423" t="s">
        <v>2795</v>
      </c>
      <c r="LOH723" s="424"/>
      <c r="LOI723" s="424"/>
      <c r="LOJ723" s="424"/>
      <c r="LOK723" s="423" t="s">
        <v>2795</v>
      </c>
      <c r="LOL723" s="424"/>
      <c r="LOM723" s="424"/>
      <c r="LON723" s="424"/>
      <c r="LOO723" s="423" t="s">
        <v>2795</v>
      </c>
      <c r="LOP723" s="424"/>
      <c r="LOQ723" s="424"/>
      <c r="LOR723" s="424"/>
      <c r="LOS723" s="423" t="s">
        <v>2795</v>
      </c>
      <c r="LOT723" s="424"/>
      <c r="LOU723" s="424"/>
      <c r="LOV723" s="424"/>
      <c r="LOW723" s="423" t="s">
        <v>2795</v>
      </c>
      <c r="LOX723" s="424"/>
      <c r="LOY723" s="424"/>
      <c r="LOZ723" s="424"/>
      <c r="LPA723" s="423" t="s">
        <v>2795</v>
      </c>
      <c r="LPB723" s="424"/>
      <c r="LPC723" s="424"/>
      <c r="LPD723" s="424"/>
      <c r="LPE723" s="423" t="s">
        <v>2795</v>
      </c>
      <c r="LPF723" s="424"/>
      <c r="LPG723" s="424"/>
      <c r="LPH723" s="424"/>
      <c r="LPI723" s="423" t="s">
        <v>2795</v>
      </c>
      <c r="LPJ723" s="424"/>
      <c r="LPK723" s="424"/>
      <c r="LPL723" s="424"/>
      <c r="LPM723" s="423" t="s">
        <v>2795</v>
      </c>
      <c r="LPN723" s="424"/>
      <c r="LPO723" s="424"/>
      <c r="LPP723" s="424"/>
      <c r="LPQ723" s="423" t="s">
        <v>2795</v>
      </c>
      <c r="LPR723" s="424"/>
      <c r="LPS723" s="424"/>
      <c r="LPT723" s="424"/>
      <c r="LPU723" s="423" t="s">
        <v>2795</v>
      </c>
      <c r="LPV723" s="424"/>
      <c r="LPW723" s="424"/>
      <c r="LPX723" s="424"/>
      <c r="LPY723" s="423" t="s">
        <v>2795</v>
      </c>
      <c r="LPZ723" s="424"/>
      <c r="LQA723" s="424"/>
      <c r="LQB723" s="424"/>
      <c r="LQC723" s="423" t="s">
        <v>2795</v>
      </c>
      <c r="LQD723" s="424"/>
      <c r="LQE723" s="424"/>
      <c r="LQF723" s="424"/>
      <c r="LQG723" s="423" t="s">
        <v>2795</v>
      </c>
      <c r="LQH723" s="424"/>
      <c r="LQI723" s="424"/>
      <c r="LQJ723" s="424"/>
      <c r="LQK723" s="423" t="s">
        <v>2795</v>
      </c>
      <c r="LQL723" s="424"/>
      <c r="LQM723" s="424"/>
      <c r="LQN723" s="424"/>
      <c r="LQO723" s="423" t="s">
        <v>2795</v>
      </c>
      <c r="LQP723" s="424"/>
      <c r="LQQ723" s="424"/>
      <c r="LQR723" s="424"/>
      <c r="LQS723" s="423" t="s">
        <v>2795</v>
      </c>
      <c r="LQT723" s="424"/>
      <c r="LQU723" s="424"/>
      <c r="LQV723" s="424"/>
      <c r="LQW723" s="423" t="s">
        <v>2795</v>
      </c>
      <c r="LQX723" s="424"/>
      <c r="LQY723" s="424"/>
      <c r="LQZ723" s="424"/>
      <c r="LRA723" s="423" t="s">
        <v>2795</v>
      </c>
      <c r="LRB723" s="424"/>
      <c r="LRC723" s="424"/>
      <c r="LRD723" s="424"/>
      <c r="LRE723" s="423" t="s">
        <v>2795</v>
      </c>
      <c r="LRF723" s="424"/>
      <c r="LRG723" s="424"/>
      <c r="LRH723" s="424"/>
      <c r="LRI723" s="423" t="s">
        <v>2795</v>
      </c>
      <c r="LRJ723" s="424"/>
      <c r="LRK723" s="424"/>
      <c r="LRL723" s="424"/>
      <c r="LRM723" s="423" t="s">
        <v>2795</v>
      </c>
      <c r="LRN723" s="424"/>
      <c r="LRO723" s="424"/>
      <c r="LRP723" s="424"/>
      <c r="LRQ723" s="423" t="s">
        <v>2795</v>
      </c>
      <c r="LRR723" s="424"/>
      <c r="LRS723" s="424"/>
      <c r="LRT723" s="424"/>
      <c r="LRU723" s="423" t="s">
        <v>2795</v>
      </c>
      <c r="LRV723" s="424"/>
      <c r="LRW723" s="424"/>
      <c r="LRX723" s="424"/>
      <c r="LRY723" s="423" t="s">
        <v>2795</v>
      </c>
      <c r="LRZ723" s="424"/>
      <c r="LSA723" s="424"/>
      <c r="LSB723" s="424"/>
      <c r="LSC723" s="423" t="s">
        <v>2795</v>
      </c>
      <c r="LSD723" s="424"/>
      <c r="LSE723" s="424"/>
      <c r="LSF723" s="424"/>
      <c r="LSG723" s="423" t="s">
        <v>2795</v>
      </c>
      <c r="LSH723" s="424"/>
      <c r="LSI723" s="424"/>
      <c r="LSJ723" s="424"/>
      <c r="LSK723" s="423" t="s">
        <v>2795</v>
      </c>
      <c r="LSL723" s="424"/>
      <c r="LSM723" s="424"/>
      <c r="LSN723" s="424"/>
      <c r="LSO723" s="423" t="s">
        <v>2795</v>
      </c>
      <c r="LSP723" s="424"/>
      <c r="LSQ723" s="424"/>
      <c r="LSR723" s="424"/>
      <c r="LSS723" s="423" t="s">
        <v>2795</v>
      </c>
      <c r="LST723" s="424"/>
      <c r="LSU723" s="424"/>
      <c r="LSV723" s="424"/>
      <c r="LSW723" s="423" t="s">
        <v>2795</v>
      </c>
      <c r="LSX723" s="424"/>
      <c r="LSY723" s="424"/>
      <c r="LSZ723" s="424"/>
      <c r="LTA723" s="423" t="s">
        <v>2795</v>
      </c>
      <c r="LTB723" s="424"/>
      <c r="LTC723" s="424"/>
      <c r="LTD723" s="424"/>
      <c r="LTE723" s="423" t="s">
        <v>2795</v>
      </c>
      <c r="LTF723" s="424"/>
      <c r="LTG723" s="424"/>
      <c r="LTH723" s="424"/>
      <c r="LTI723" s="423" t="s">
        <v>2795</v>
      </c>
      <c r="LTJ723" s="424"/>
      <c r="LTK723" s="424"/>
      <c r="LTL723" s="424"/>
      <c r="LTM723" s="423" t="s">
        <v>2795</v>
      </c>
      <c r="LTN723" s="424"/>
      <c r="LTO723" s="424"/>
      <c r="LTP723" s="424"/>
      <c r="LTQ723" s="423" t="s">
        <v>2795</v>
      </c>
      <c r="LTR723" s="424"/>
      <c r="LTS723" s="424"/>
      <c r="LTT723" s="424"/>
      <c r="LTU723" s="423" t="s">
        <v>2795</v>
      </c>
      <c r="LTV723" s="424"/>
      <c r="LTW723" s="424"/>
      <c r="LTX723" s="424"/>
      <c r="LTY723" s="423" t="s">
        <v>2795</v>
      </c>
      <c r="LTZ723" s="424"/>
      <c r="LUA723" s="424"/>
      <c r="LUB723" s="424"/>
      <c r="LUC723" s="423" t="s">
        <v>2795</v>
      </c>
      <c r="LUD723" s="424"/>
      <c r="LUE723" s="424"/>
      <c r="LUF723" s="424"/>
      <c r="LUG723" s="423" t="s">
        <v>2795</v>
      </c>
      <c r="LUH723" s="424"/>
      <c r="LUI723" s="424"/>
      <c r="LUJ723" s="424"/>
      <c r="LUK723" s="423" t="s">
        <v>2795</v>
      </c>
      <c r="LUL723" s="424"/>
      <c r="LUM723" s="424"/>
      <c r="LUN723" s="424"/>
      <c r="LUO723" s="423" t="s">
        <v>2795</v>
      </c>
      <c r="LUP723" s="424"/>
      <c r="LUQ723" s="424"/>
      <c r="LUR723" s="424"/>
      <c r="LUS723" s="423" t="s">
        <v>2795</v>
      </c>
      <c r="LUT723" s="424"/>
      <c r="LUU723" s="424"/>
      <c r="LUV723" s="424"/>
      <c r="LUW723" s="423" t="s">
        <v>2795</v>
      </c>
      <c r="LUX723" s="424"/>
      <c r="LUY723" s="424"/>
      <c r="LUZ723" s="424"/>
      <c r="LVA723" s="423" t="s">
        <v>2795</v>
      </c>
      <c r="LVB723" s="424"/>
      <c r="LVC723" s="424"/>
      <c r="LVD723" s="424"/>
      <c r="LVE723" s="423" t="s">
        <v>2795</v>
      </c>
      <c r="LVF723" s="424"/>
      <c r="LVG723" s="424"/>
      <c r="LVH723" s="424"/>
      <c r="LVI723" s="423" t="s">
        <v>2795</v>
      </c>
      <c r="LVJ723" s="424"/>
      <c r="LVK723" s="424"/>
      <c r="LVL723" s="424"/>
      <c r="LVM723" s="423" t="s">
        <v>2795</v>
      </c>
      <c r="LVN723" s="424"/>
      <c r="LVO723" s="424"/>
      <c r="LVP723" s="424"/>
      <c r="LVQ723" s="423" t="s">
        <v>2795</v>
      </c>
      <c r="LVR723" s="424"/>
      <c r="LVS723" s="424"/>
      <c r="LVT723" s="424"/>
      <c r="LVU723" s="423" t="s">
        <v>2795</v>
      </c>
      <c r="LVV723" s="424"/>
      <c r="LVW723" s="424"/>
      <c r="LVX723" s="424"/>
      <c r="LVY723" s="423" t="s">
        <v>2795</v>
      </c>
      <c r="LVZ723" s="424"/>
      <c r="LWA723" s="424"/>
      <c r="LWB723" s="424"/>
      <c r="LWC723" s="423" t="s">
        <v>2795</v>
      </c>
      <c r="LWD723" s="424"/>
      <c r="LWE723" s="424"/>
      <c r="LWF723" s="424"/>
      <c r="LWG723" s="423" t="s">
        <v>2795</v>
      </c>
      <c r="LWH723" s="424"/>
      <c r="LWI723" s="424"/>
      <c r="LWJ723" s="424"/>
      <c r="LWK723" s="423" t="s">
        <v>2795</v>
      </c>
      <c r="LWL723" s="424"/>
      <c r="LWM723" s="424"/>
      <c r="LWN723" s="424"/>
      <c r="LWO723" s="423" t="s">
        <v>2795</v>
      </c>
      <c r="LWP723" s="424"/>
      <c r="LWQ723" s="424"/>
      <c r="LWR723" s="424"/>
      <c r="LWS723" s="423" t="s">
        <v>2795</v>
      </c>
      <c r="LWT723" s="424"/>
      <c r="LWU723" s="424"/>
      <c r="LWV723" s="424"/>
      <c r="LWW723" s="423" t="s">
        <v>2795</v>
      </c>
      <c r="LWX723" s="424"/>
      <c r="LWY723" s="424"/>
      <c r="LWZ723" s="424"/>
      <c r="LXA723" s="423" t="s">
        <v>2795</v>
      </c>
      <c r="LXB723" s="424"/>
      <c r="LXC723" s="424"/>
      <c r="LXD723" s="424"/>
      <c r="LXE723" s="423" t="s">
        <v>2795</v>
      </c>
      <c r="LXF723" s="424"/>
      <c r="LXG723" s="424"/>
      <c r="LXH723" s="424"/>
      <c r="LXI723" s="423" t="s">
        <v>2795</v>
      </c>
      <c r="LXJ723" s="424"/>
      <c r="LXK723" s="424"/>
      <c r="LXL723" s="424"/>
      <c r="LXM723" s="423" t="s">
        <v>2795</v>
      </c>
      <c r="LXN723" s="424"/>
      <c r="LXO723" s="424"/>
      <c r="LXP723" s="424"/>
      <c r="LXQ723" s="423" t="s">
        <v>2795</v>
      </c>
      <c r="LXR723" s="424"/>
      <c r="LXS723" s="424"/>
      <c r="LXT723" s="424"/>
      <c r="LXU723" s="423" t="s">
        <v>2795</v>
      </c>
      <c r="LXV723" s="424"/>
      <c r="LXW723" s="424"/>
      <c r="LXX723" s="424"/>
      <c r="LXY723" s="423" t="s">
        <v>2795</v>
      </c>
      <c r="LXZ723" s="424"/>
      <c r="LYA723" s="424"/>
      <c r="LYB723" s="424"/>
      <c r="LYC723" s="423" t="s">
        <v>2795</v>
      </c>
      <c r="LYD723" s="424"/>
      <c r="LYE723" s="424"/>
      <c r="LYF723" s="424"/>
      <c r="LYG723" s="423" t="s">
        <v>2795</v>
      </c>
      <c r="LYH723" s="424"/>
      <c r="LYI723" s="424"/>
      <c r="LYJ723" s="424"/>
      <c r="LYK723" s="423" t="s">
        <v>2795</v>
      </c>
      <c r="LYL723" s="424"/>
      <c r="LYM723" s="424"/>
      <c r="LYN723" s="424"/>
      <c r="LYO723" s="423" t="s">
        <v>2795</v>
      </c>
      <c r="LYP723" s="424"/>
      <c r="LYQ723" s="424"/>
      <c r="LYR723" s="424"/>
      <c r="LYS723" s="423" t="s">
        <v>2795</v>
      </c>
      <c r="LYT723" s="424"/>
      <c r="LYU723" s="424"/>
      <c r="LYV723" s="424"/>
      <c r="LYW723" s="423" t="s">
        <v>2795</v>
      </c>
      <c r="LYX723" s="424"/>
      <c r="LYY723" s="424"/>
      <c r="LYZ723" s="424"/>
      <c r="LZA723" s="423" t="s">
        <v>2795</v>
      </c>
      <c r="LZB723" s="424"/>
      <c r="LZC723" s="424"/>
      <c r="LZD723" s="424"/>
      <c r="LZE723" s="423" t="s">
        <v>2795</v>
      </c>
      <c r="LZF723" s="424"/>
      <c r="LZG723" s="424"/>
      <c r="LZH723" s="424"/>
      <c r="LZI723" s="423" t="s">
        <v>2795</v>
      </c>
      <c r="LZJ723" s="424"/>
      <c r="LZK723" s="424"/>
      <c r="LZL723" s="424"/>
      <c r="LZM723" s="423" t="s">
        <v>2795</v>
      </c>
      <c r="LZN723" s="424"/>
      <c r="LZO723" s="424"/>
      <c r="LZP723" s="424"/>
      <c r="LZQ723" s="423" t="s">
        <v>2795</v>
      </c>
      <c r="LZR723" s="424"/>
      <c r="LZS723" s="424"/>
      <c r="LZT723" s="424"/>
      <c r="LZU723" s="423" t="s">
        <v>2795</v>
      </c>
      <c r="LZV723" s="424"/>
      <c r="LZW723" s="424"/>
      <c r="LZX723" s="424"/>
      <c r="LZY723" s="423" t="s">
        <v>2795</v>
      </c>
      <c r="LZZ723" s="424"/>
      <c r="MAA723" s="424"/>
      <c r="MAB723" s="424"/>
      <c r="MAC723" s="423" t="s">
        <v>2795</v>
      </c>
      <c r="MAD723" s="424"/>
      <c r="MAE723" s="424"/>
      <c r="MAF723" s="424"/>
      <c r="MAG723" s="423" t="s">
        <v>2795</v>
      </c>
      <c r="MAH723" s="424"/>
      <c r="MAI723" s="424"/>
      <c r="MAJ723" s="424"/>
      <c r="MAK723" s="423" t="s">
        <v>2795</v>
      </c>
      <c r="MAL723" s="424"/>
      <c r="MAM723" s="424"/>
      <c r="MAN723" s="424"/>
      <c r="MAO723" s="423" t="s">
        <v>2795</v>
      </c>
      <c r="MAP723" s="424"/>
      <c r="MAQ723" s="424"/>
      <c r="MAR723" s="424"/>
      <c r="MAS723" s="423" t="s">
        <v>2795</v>
      </c>
      <c r="MAT723" s="424"/>
      <c r="MAU723" s="424"/>
      <c r="MAV723" s="424"/>
      <c r="MAW723" s="423" t="s">
        <v>2795</v>
      </c>
      <c r="MAX723" s="424"/>
      <c r="MAY723" s="424"/>
      <c r="MAZ723" s="424"/>
      <c r="MBA723" s="423" t="s">
        <v>2795</v>
      </c>
      <c r="MBB723" s="424"/>
      <c r="MBC723" s="424"/>
      <c r="MBD723" s="424"/>
      <c r="MBE723" s="423" t="s">
        <v>2795</v>
      </c>
      <c r="MBF723" s="424"/>
      <c r="MBG723" s="424"/>
      <c r="MBH723" s="424"/>
      <c r="MBI723" s="423" t="s">
        <v>2795</v>
      </c>
      <c r="MBJ723" s="424"/>
      <c r="MBK723" s="424"/>
      <c r="MBL723" s="424"/>
      <c r="MBM723" s="423" t="s">
        <v>2795</v>
      </c>
      <c r="MBN723" s="424"/>
      <c r="MBO723" s="424"/>
      <c r="MBP723" s="424"/>
      <c r="MBQ723" s="423" t="s">
        <v>2795</v>
      </c>
      <c r="MBR723" s="424"/>
      <c r="MBS723" s="424"/>
      <c r="MBT723" s="424"/>
      <c r="MBU723" s="423" t="s">
        <v>2795</v>
      </c>
      <c r="MBV723" s="424"/>
      <c r="MBW723" s="424"/>
      <c r="MBX723" s="424"/>
      <c r="MBY723" s="423" t="s">
        <v>2795</v>
      </c>
      <c r="MBZ723" s="424"/>
      <c r="MCA723" s="424"/>
      <c r="MCB723" s="424"/>
      <c r="MCC723" s="423" t="s">
        <v>2795</v>
      </c>
      <c r="MCD723" s="424"/>
      <c r="MCE723" s="424"/>
      <c r="MCF723" s="424"/>
      <c r="MCG723" s="423" t="s">
        <v>2795</v>
      </c>
      <c r="MCH723" s="424"/>
      <c r="MCI723" s="424"/>
      <c r="MCJ723" s="424"/>
      <c r="MCK723" s="423" t="s">
        <v>2795</v>
      </c>
      <c r="MCL723" s="424"/>
      <c r="MCM723" s="424"/>
      <c r="MCN723" s="424"/>
      <c r="MCO723" s="423" t="s">
        <v>2795</v>
      </c>
      <c r="MCP723" s="424"/>
      <c r="MCQ723" s="424"/>
      <c r="MCR723" s="424"/>
      <c r="MCS723" s="423" t="s">
        <v>2795</v>
      </c>
      <c r="MCT723" s="424"/>
      <c r="MCU723" s="424"/>
      <c r="MCV723" s="424"/>
      <c r="MCW723" s="423" t="s">
        <v>2795</v>
      </c>
      <c r="MCX723" s="424"/>
      <c r="MCY723" s="424"/>
      <c r="MCZ723" s="424"/>
      <c r="MDA723" s="423" t="s">
        <v>2795</v>
      </c>
      <c r="MDB723" s="424"/>
      <c r="MDC723" s="424"/>
      <c r="MDD723" s="424"/>
      <c r="MDE723" s="423" t="s">
        <v>2795</v>
      </c>
      <c r="MDF723" s="424"/>
      <c r="MDG723" s="424"/>
      <c r="MDH723" s="424"/>
      <c r="MDI723" s="423" t="s">
        <v>2795</v>
      </c>
      <c r="MDJ723" s="424"/>
      <c r="MDK723" s="424"/>
      <c r="MDL723" s="424"/>
      <c r="MDM723" s="423" t="s">
        <v>2795</v>
      </c>
      <c r="MDN723" s="424"/>
      <c r="MDO723" s="424"/>
      <c r="MDP723" s="424"/>
      <c r="MDQ723" s="423" t="s">
        <v>2795</v>
      </c>
      <c r="MDR723" s="424"/>
      <c r="MDS723" s="424"/>
      <c r="MDT723" s="424"/>
      <c r="MDU723" s="423" t="s">
        <v>2795</v>
      </c>
      <c r="MDV723" s="424"/>
      <c r="MDW723" s="424"/>
      <c r="MDX723" s="424"/>
      <c r="MDY723" s="423" t="s">
        <v>2795</v>
      </c>
      <c r="MDZ723" s="424"/>
      <c r="MEA723" s="424"/>
      <c r="MEB723" s="424"/>
      <c r="MEC723" s="423" t="s">
        <v>2795</v>
      </c>
      <c r="MED723" s="424"/>
      <c r="MEE723" s="424"/>
      <c r="MEF723" s="424"/>
      <c r="MEG723" s="423" t="s">
        <v>2795</v>
      </c>
      <c r="MEH723" s="424"/>
      <c r="MEI723" s="424"/>
      <c r="MEJ723" s="424"/>
      <c r="MEK723" s="423" t="s">
        <v>2795</v>
      </c>
      <c r="MEL723" s="424"/>
      <c r="MEM723" s="424"/>
      <c r="MEN723" s="424"/>
      <c r="MEO723" s="423" t="s">
        <v>2795</v>
      </c>
      <c r="MEP723" s="424"/>
      <c r="MEQ723" s="424"/>
      <c r="MER723" s="424"/>
      <c r="MES723" s="423" t="s">
        <v>2795</v>
      </c>
      <c r="MET723" s="424"/>
      <c r="MEU723" s="424"/>
      <c r="MEV723" s="424"/>
      <c r="MEW723" s="423" t="s">
        <v>2795</v>
      </c>
      <c r="MEX723" s="424"/>
      <c r="MEY723" s="424"/>
      <c r="MEZ723" s="424"/>
      <c r="MFA723" s="423" t="s">
        <v>2795</v>
      </c>
      <c r="MFB723" s="424"/>
      <c r="MFC723" s="424"/>
      <c r="MFD723" s="424"/>
      <c r="MFE723" s="423" t="s">
        <v>2795</v>
      </c>
      <c r="MFF723" s="424"/>
      <c r="MFG723" s="424"/>
      <c r="MFH723" s="424"/>
      <c r="MFI723" s="423" t="s">
        <v>2795</v>
      </c>
      <c r="MFJ723" s="424"/>
      <c r="MFK723" s="424"/>
      <c r="MFL723" s="424"/>
      <c r="MFM723" s="423" t="s">
        <v>2795</v>
      </c>
      <c r="MFN723" s="424"/>
      <c r="MFO723" s="424"/>
      <c r="MFP723" s="424"/>
      <c r="MFQ723" s="423" t="s">
        <v>2795</v>
      </c>
      <c r="MFR723" s="424"/>
      <c r="MFS723" s="424"/>
      <c r="MFT723" s="424"/>
      <c r="MFU723" s="423" t="s">
        <v>2795</v>
      </c>
      <c r="MFV723" s="424"/>
      <c r="MFW723" s="424"/>
      <c r="MFX723" s="424"/>
      <c r="MFY723" s="423" t="s">
        <v>2795</v>
      </c>
      <c r="MFZ723" s="424"/>
      <c r="MGA723" s="424"/>
      <c r="MGB723" s="424"/>
      <c r="MGC723" s="423" t="s">
        <v>2795</v>
      </c>
      <c r="MGD723" s="424"/>
      <c r="MGE723" s="424"/>
      <c r="MGF723" s="424"/>
      <c r="MGG723" s="423" t="s">
        <v>2795</v>
      </c>
      <c r="MGH723" s="424"/>
      <c r="MGI723" s="424"/>
      <c r="MGJ723" s="424"/>
      <c r="MGK723" s="423" t="s">
        <v>2795</v>
      </c>
      <c r="MGL723" s="424"/>
      <c r="MGM723" s="424"/>
      <c r="MGN723" s="424"/>
      <c r="MGO723" s="423" t="s">
        <v>2795</v>
      </c>
      <c r="MGP723" s="424"/>
      <c r="MGQ723" s="424"/>
      <c r="MGR723" s="424"/>
      <c r="MGS723" s="423" t="s">
        <v>2795</v>
      </c>
      <c r="MGT723" s="424"/>
      <c r="MGU723" s="424"/>
      <c r="MGV723" s="424"/>
      <c r="MGW723" s="423" t="s">
        <v>2795</v>
      </c>
      <c r="MGX723" s="424"/>
      <c r="MGY723" s="424"/>
      <c r="MGZ723" s="424"/>
      <c r="MHA723" s="423" t="s">
        <v>2795</v>
      </c>
      <c r="MHB723" s="424"/>
      <c r="MHC723" s="424"/>
      <c r="MHD723" s="424"/>
      <c r="MHE723" s="423" t="s">
        <v>2795</v>
      </c>
      <c r="MHF723" s="424"/>
      <c r="MHG723" s="424"/>
      <c r="MHH723" s="424"/>
      <c r="MHI723" s="423" t="s">
        <v>2795</v>
      </c>
      <c r="MHJ723" s="424"/>
      <c r="MHK723" s="424"/>
      <c r="MHL723" s="424"/>
      <c r="MHM723" s="423" t="s">
        <v>2795</v>
      </c>
      <c r="MHN723" s="424"/>
      <c r="MHO723" s="424"/>
      <c r="MHP723" s="424"/>
      <c r="MHQ723" s="423" t="s">
        <v>2795</v>
      </c>
      <c r="MHR723" s="424"/>
      <c r="MHS723" s="424"/>
      <c r="MHT723" s="424"/>
      <c r="MHU723" s="423" t="s">
        <v>2795</v>
      </c>
      <c r="MHV723" s="424"/>
      <c r="MHW723" s="424"/>
      <c r="MHX723" s="424"/>
      <c r="MHY723" s="423" t="s">
        <v>2795</v>
      </c>
      <c r="MHZ723" s="424"/>
      <c r="MIA723" s="424"/>
      <c r="MIB723" s="424"/>
      <c r="MIC723" s="423" t="s">
        <v>2795</v>
      </c>
      <c r="MID723" s="424"/>
      <c r="MIE723" s="424"/>
      <c r="MIF723" s="424"/>
      <c r="MIG723" s="423" t="s">
        <v>2795</v>
      </c>
      <c r="MIH723" s="424"/>
      <c r="MII723" s="424"/>
      <c r="MIJ723" s="424"/>
      <c r="MIK723" s="423" t="s">
        <v>2795</v>
      </c>
      <c r="MIL723" s="424"/>
      <c r="MIM723" s="424"/>
      <c r="MIN723" s="424"/>
      <c r="MIO723" s="423" t="s">
        <v>2795</v>
      </c>
      <c r="MIP723" s="424"/>
      <c r="MIQ723" s="424"/>
      <c r="MIR723" s="424"/>
      <c r="MIS723" s="423" t="s">
        <v>2795</v>
      </c>
      <c r="MIT723" s="424"/>
      <c r="MIU723" s="424"/>
      <c r="MIV723" s="424"/>
      <c r="MIW723" s="423" t="s">
        <v>2795</v>
      </c>
      <c r="MIX723" s="424"/>
      <c r="MIY723" s="424"/>
      <c r="MIZ723" s="424"/>
      <c r="MJA723" s="423" t="s">
        <v>2795</v>
      </c>
      <c r="MJB723" s="424"/>
      <c r="MJC723" s="424"/>
      <c r="MJD723" s="424"/>
      <c r="MJE723" s="423" t="s">
        <v>2795</v>
      </c>
      <c r="MJF723" s="424"/>
      <c r="MJG723" s="424"/>
      <c r="MJH723" s="424"/>
      <c r="MJI723" s="423" t="s">
        <v>2795</v>
      </c>
      <c r="MJJ723" s="424"/>
      <c r="MJK723" s="424"/>
      <c r="MJL723" s="424"/>
      <c r="MJM723" s="423" t="s">
        <v>2795</v>
      </c>
      <c r="MJN723" s="424"/>
      <c r="MJO723" s="424"/>
      <c r="MJP723" s="424"/>
      <c r="MJQ723" s="423" t="s">
        <v>2795</v>
      </c>
      <c r="MJR723" s="424"/>
      <c r="MJS723" s="424"/>
      <c r="MJT723" s="424"/>
      <c r="MJU723" s="423" t="s">
        <v>2795</v>
      </c>
      <c r="MJV723" s="424"/>
      <c r="MJW723" s="424"/>
      <c r="MJX723" s="424"/>
      <c r="MJY723" s="423" t="s">
        <v>2795</v>
      </c>
      <c r="MJZ723" s="424"/>
      <c r="MKA723" s="424"/>
      <c r="MKB723" s="424"/>
      <c r="MKC723" s="423" t="s">
        <v>2795</v>
      </c>
      <c r="MKD723" s="424"/>
      <c r="MKE723" s="424"/>
      <c r="MKF723" s="424"/>
      <c r="MKG723" s="423" t="s">
        <v>2795</v>
      </c>
      <c r="MKH723" s="424"/>
      <c r="MKI723" s="424"/>
      <c r="MKJ723" s="424"/>
      <c r="MKK723" s="423" t="s">
        <v>2795</v>
      </c>
      <c r="MKL723" s="424"/>
      <c r="MKM723" s="424"/>
      <c r="MKN723" s="424"/>
      <c r="MKO723" s="423" t="s">
        <v>2795</v>
      </c>
      <c r="MKP723" s="424"/>
      <c r="MKQ723" s="424"/>
      <c r="MKR723" s="424"/>
      <c r="MKS723" s="423" t="s">
        <v>2795</v>
      </c>
      <c r="MKT723" s="424"/>
      <c r="MKU723" s="424"/>
      <c r="MKV723" s="424"/>
      <c r="MKW723" s="423" t="s">
        <v>2795</v>
      </c>
      <c r="MKX723" s="424"/>
      <c r="MKY723" s="424"/>
      <c r="MKZ723" s="424"/>
      <c r="MLA723" s="423" t="s">
        <v>2795</v>
      </c>
      <c r="MLB723" s="424"/>
      <c r="MLC723" s="424"/>
      <c r="MLD723" s="424"/>
      <c r="MLE723" s="423" t="s">
        <v>2795</v>
      </c>
      <c r="MLF723" s="424"/>
      <c r="MLG723" s="424"/>
      <c r="MLH723" s="424"/>
      <c r="MLI723" s="423" t="s">
        <v>2795</v>
      </c>
      <c r="MLJ723" s="424"/>
      <c r="MLK723" s="424"/>
      <c r="MLL723" s="424"/>
      <c r="MLM723" s="423" t="s">
        <v>2795</v>
      </c>
      <c r="MLN723" s="424"/>
      <c r="MLO723" s="424"/>
      <c r="MLP723" s="424"/>
      <c r="MLQ723" s="423" t="s">
        <v>2795</v>
      </c>
      <c r="MLR723" s="424"/>
      <c r="MLS723" s="424"/>
      <c r="MLT723" s="424"/>
      <c r="MLU723" s="423" t="s">
        <v>2795</v>
      </c>
      <c r="MLV723" s="424"/>
      <c r="MLW723" s="424"/>
      <c r="MLX723" s="424"/>
      <c r="MLY723" s="423" t="s">
        <v>2795</v>
      </c>
      <c r="MLZ723" s="424"/>
      <c r="MMA723" s="424"/>
      <c r="MMB723" s="424"/>
      <c r="MMC723" s="423" t="s">
        <v>2795</v>
      </c>
      <c r="MMD723" s="424"/>
      <c r="MME723" s="424"/>
      <c r="MMF723" s="424"/>
      <c r="MMG723" s="423" t="s">
        <v>2795</v>
      </c>
      <c r="MMH723" s="424"/>
      <c r="MMI723" s="424"/>
      <c r="MMJ723" s="424"/>
      <c r="MMK723" s="423" t="s">
        <v>2795</v>
      </c>
      <c r="MML723" s="424"/>
      <c r="MMM723" s="424"/>
      <c r="MMN723" s="424"/>
      <c r="MMO723" s="423" t="s">
        <v>2795</v>
      </c>
      <c r="MMP723" s="424"/>
      <c r="MMQ723" s="424"/>
      <c r="MMR723" s="424"/>
      <c r="MMS723" s="423" t="s">
        <v>2795</v>
      </c>
      <c r="MMT723" s="424"/>
      <c r="MMU723" s="424"/>
      <c r="MMV723" s="424"/>
      <c r="MMW723" s="423" t="s">
        <v>2795</v>
      </c>
      <c r="MMX723" s="424"/>
      <c r="MMY723" s="424"/>
      <c r="MMZ723" s="424"/>
      <c r="MNA723" s="423" t="s">
        <v>2795</v>
      </c>
      <c r="MNB723" s="424"/>
      <c r="MNC723" s="424"/>
      <c r="MND723" s="424"/>
      <c r="MNE723" s="423" t="s">
        <v>2795</v>
      </c>
      <c r="MNF723" s="424"/>
      <c r="MNG723" s="424"/>
      <c r="MNH723" s="424"/>
      <c r="MNI723" s="423" t="s">
        <v>2795</v>
      </c>
      <c r="MNJ723" s="424"/>
      <c r="MNK723" s="424"/>
      <c r="MNL723" s="424"/>
      <c r="MNM723" s="423" t="s">
        <v>2795</v>
      </c>
      <c r="MNN723" s="424"/>
      <c r="MNO723" s="424"/>
      <c r="MNP723" s="424"/>
      <c r="MNQ723" s="423" t="s">
        <v>2795</v>
      </c>
      <c r="MNR723" s="424"/>
      <c r="MNS723" s="424"/>
      <c r="MNT723" s="424"/>
      <c r="MNU723" s="423" t="s">
        <v>2795</v>
      </c>
      <c r="MNV723" s="424"/>
      <c r="MNW723" s="424"/>
      <c r="MNX723" s="424"/>
      <c r="MNY723" s="423" t="s">
        <v>2795</v>
      </c>
      <c r="MNZ723" s="424"/>
      <c r="MOA723" s="424"/>
      <c r="MOB723" s="424"/>
      <c r="MOC723" s="423" t="s">
        <v>2795</v>
      </c>
      <c r="MOD723" s="424"/>
      <c r="MOE723" s="424"/>
      <c r="MOF723" s="424"/>
      <c r="MOG723" s="423" t="s">
        <v>2795</v>
      </c>
      <c r="MOH723" s="424"/>
      <c r="MOI723" s="424"/>
      <c r="MOJ723" s="424"/>
      <c r="MOK723" s="423" t="s">
        <v>2795</v>
      </c>
      <c r="MOL723" s="424"/>
      <c r="MOM723" s="424"/>
      <c r="MON723" s="424"/>
      <c r="MOO723" s="423" t="s">
        <v>2795</v>
      </c>
      <c r="MOP723" s="424"/>
      <c r="MOQ723" s="424"/>
      <c r="MOR723" s="424"/>
      <c r="MOS723" s="423" t="s">
        <v>2795</v>
      </c>
      <c r="MOT723" s="424"/>
      <c r="MOU723" s="424"/>
      <c r="MOV723" s="424"/>
      <c r="MOW723" s="423" t="s">
        <v>2795</v>
      </c>
      <c r="MOX723" s="424"/>
      <c r="MOY723" s="424"/>
      <c r="MOZ723" s="424"/>
      <c r="MPA723" s="423" t="s">
        <v>2795</v>
      </c>
      <c r="MPB723" s="424"/>
      <c r="MPC723" s="424"/>
      <c r="MPD723" s="424"/>
      <c r="MPE723" s="423" t="s">
        <v>2795</v>
      </c>
      <c r="MPF723" s="424"/>
      <c r="MPG723" s="424"/>
      <c r="MPH723" s="424"/>
      <c r="MPI723" s="423" t="s">
        <v>2795</v>
      </c>
      <c r="MPJ723" s="424"/>
      <c r="MPK723" s="424"/>
      <c r="MPL723" s="424"/>
      <c r="MPM723" s="423" t="s">
        <v>2795</v>
      </c>
      <c r="MPN723" s="424"/>
      <c r="MPO723" s="424"/>
      <c r="MPP723" s="424"/>
      <c r="MPQ723" s="423" t="s">
        <v>2795</v>
      </c>
      <c r="MPR723" s="424"/>
      <c r="MPS723" s="424"/>
      <c r="MPT723" s="424"/>
      <c r="MPU723" s="423" t="s">
        <v>2795</v>
      </c>
      <c r="MPV723" s="424"/>
      <c r="MPW723" s="424"/>
      <c r="MPX723" s="424"/>
      <c r="MPY723" s="423" t="s">
        <v>2795</v>
      </c>
      <c r="MPZ723" s="424"/>
      <c r="MQA723" s="424"/>
      <c r="MQB723" s="424"/>
      <c r="MQC723" s="423" t="s">
        <v>2795</v>
      </c>
      <c r="MQD723" s="424"/>
      <c r="MQE723" s="424"/>
      <c r="MQF723" s="424"/>
      <c r="MQG723" s="423" t="s">
        <v>2795</v>
      </c>
      <c r="MQH723" s="424"/>
      <c r="MQI723" s="424"/>
      <c r="MQJ723" s="424"/>
      <c r="MQK723" s="423" t="s">
        <v>2795</v>
      </c>
      <c r="MQL723" s="424"/>
      <c r="MQM723" s="424"/>
      <c r="MQN723" s="424"/>
      <c r="MQO723" s="423" t="s">
        <v>2795</v>
      </c>
      <c r="MQP723" s="424"/>
      <c r="MQQ723" s="424"/>
      <c r="MQR723" s="424"/>
      <c r="MQS723" s="423" t="s">
        <v>2795</v>
      </c>
      <c r="MQT723" s="424"/>
      <c r="MQU723" s="424"/>
      <c r="MQV723" s="424"/>
      <c r="MQW723" s="423" t="s">
        <v>2795</v>
      </c>
      <c r="MQX723" s="424"/>
      <c r="MQY723" s="424"/>
      <c r="MQZ723" s="424"/>
      <c r="MRA723" s="423" t="s">
        <v>2795</v>
      </c>
      <c r="MRB723" s="424"/>
      <c r="MRC723" s="424"/>
      <c r="MRD723" s="424"/>
      <c r="MRE723" s="423" t="s">
        <v>2795</v>
      </c>
      <c r="MRF723" s="424"/>
      <c r="MRG723" s="424"/>
      <c r="MRH723" s="424"/>
      <c r="MRI723" s="423" t="s">
        <v>2795</v>
      </c>
      <c r="MRJ723" s="424"/>
      <c r="MRK723" s="424"/>
      <c r="MRL723" s="424"/>
      <c r="MRM723" s="423" t="s">
        <v>2795</v>
      </c>
      <c r="MRN723" s="424"/>
      <c r="MRO723" s="424"/>
      <c r="MRP723" s="424"/>
      <c r="MRQ723" s="423" t="s">
        <v>2795</v>
      </c>
      <c r="MRR723" s="424"/>
      <c r="MRS723" s="424"/>
      <c r="MRT723" s="424"/>
      <c r="MRU723" s="423" t="s">
        <v>2795</v>
      </c>
      <c r="MRV723" s="424"/>
      <c r="MRW723" s="424"/>
      <c r="MRX723" s="424"/>
      <c r="MRY723" s="423" t="s">
        <v>2795</v>
      </c>
      <c r="MRZ723" s="424"/>
      <c r="MSA723" s="424"/>
      <c r="MSB723" s="424"/>
      <c r="MSC723" s="423" t="s">
        <v>2795</v>
      </c>
      <c r="MSD723" s="424"/>
      <c r="MSE723" s="424"/>
      <c r="MSF723" s="424"/>
      <c r="MSG723" s="423" t="s">
        <v>2795</v>
      </c>
      <c r="MSH723" s="424"/>
      <c r="MSI723" s="424"/>
      <c r="MSJ723" s="424"/>
      <c r="MSK723" s="423" t="s">
        <v>2795</v>
      </c>
      <c r="MSL723" s="424"/>
      <c r="MSM723" s="424"/>
      <c r="MSN723" s="424"/>
      <c r="MSO723" s="423" t="s">
        <v>2795</v>
      </c>
      <c r="MSP723" s="424"/>
      <c r="MSQ723" s="424"/>
      <c r="MSR723" s="424"/>
      <c r="MSS723" s="423" t="s">
        <v>2795</v>
      </c>
      <c r="MST723" s="424"/>
      <c r="MSU723" s="424"/>
      <c r="MSV723" s="424"/>
      <c r="MSW723" s="423" t="s">
        <v>2795</v>
      </c>
      <c r="MSX723" s="424"/>
      <c r="MSY723" s="424"/>
      <c r="MSZ723" s="424"/>
      <c r="MTA723" s="423" t="s">
        <v>2795</v>
      </c>
      <c r="MTB723" s="424"/>
      <c r="MTC723" s="424"/>
      <c r="MTD723" s="424"/>
      <c r="MTE723" s="423" t="s">
        <v>2795</v>
      </c>
      <c r="MTF723" s="424"/>
      <c r="MTG723" s="424"/>
      <c r="MTH723" s="424"/>
      <c r="MTI723" s="423" t="s">
        <v>2795</v>
      </c>
      <c r="MTJ723" s="424"/>
      <c r="MTK723" s="424"/>
      <c r="MTL723" s="424"/>
      <c r="MTM723" s="423" t="s">
        <v>2795</v>
      </c>
      <c r="MTN723" s="424"/>
      <c r="MTO723" s="424"/>
      <c r="MTP723" s="424"/>
      <c r="MTQ723" s="423" t="s">
        <v>2795</v>
      </c>
      <c r="MTR723" s="424"/>
      <c r="MTS723" s="424"/>
      <c r="MTT723" s="424"/>
      <c r="MTU723" s="423" t="s">
        <v>2795</v>
      </c>
      <c r="MTV723" s="424"/>
      <c r="MTW723" s="424"/>
      <c r="MTX723" s="424"/>
      <c r="MTY723" s="423" t="s">
        <v>2795</v>
      </c>
      <c r="MTZ723" s="424"/>
      <c r="MUA723" s="424"/>
      <c r="MUB723" s="424"/>
      <c r="MUC723" s="423" t="s">
        <v>2795</v>
      </c>
      <c r="MUD723" s="424"/>
      <c r="MUE723" s="424"/>
      <c r="MUF723" s="424"/>
      <c r="MUG723" s="423" t="s">
        <v>2795</v>
      </c>
      <c r="MUH723" s="424"/>
      <c r="MUI723" s="424"/>
      <c r="MUJ723" s="424"/>
      <c r="MUK723" s="423" t="s">
        <v>2795</v>
      </c>
      <c r="MUL723" s="424"/>
      <c r="MUM723" s="424"/>
      <c r="MUN723" s="424"/>
      <c r="MUO723" s="423" t="s">
        <v>2795</v>
      </c>
      <c r="MUP723" s="424"/>
      <c r="MUQ723" s="424"/>
      <c r="MUR723" s="424"/>
      <c r="MUS723" s="423" t="s">
        <v>2795</v>
      </c>
      <c r="MUT723" s="424"/>
      <c r="MUU723" s="424"/>
      <c r="MUV723" s="424"/>
      <c r="MUW723" s="423" t="s">
        <v>2795</v>
      </c>
      <c r="MUX723" s="424"/>
      <c r="MUY723" s="424"/>
      <c r="MUZ723" s="424"/>
      <c r="MVA723" s="423" t="s">
        <v>2795</v>
      </c>
      <c r="MVB723" s="424"/>
      <c r="MVC723" s="424"/>
      <c r="MVD723" s="424"/>
      <c r="MVE723" s="423" t="s">
        <v>2795</v>
      </c>
      <c r="MVF723" s="424"/>
      <c r="MVG723" s="424"/>
      <c r="MVH723" s="424"/>
      <c r="MVI723" s="423" t="s">
        <v>2795</v>
      </c>
      <c r="MVJ723" s="424"/>
      <c r="MVK723" s="424"/>
      <c r="MVL723" s="424"/>
      <c r="MVM723" s="423" t="s">
        <v>2795</v>
      </c>
      <c r="MVN723" s="424"/>
      <c r="MVO723" s="424"/>
      <c r="MVP723" s="424"/>
      <c r="MVQ723" s="423" t="s">
        <v>2795</v>
      </c>
      <c r="MVR723" s="424"/>
      <c r="MVS723" s="424"/>
      <c r="MVT723" s="424"/>
      <c r="MVU723" s="423" t="s">
        <v>2795</v>
      </c>
      <c r="MVV723" s="424"/>
      <c r="MVW723" s="424"/>
      <c r="MVX723" s="424"/>
      <c r="MVY723" s="423" t="s">
        <v>2795</v>
      </c>
      <c r="MVZ723" s="424"/>
      <c r="MWA723" s="424"/>
      <c r="MWB723" s="424"/>
      <c r="MWC723" s="423" t="s">
        <v>2795</v>
      </c>
      <c r="MWD723" s="424"/>
      <c r="MWE723" s="424"/>
      <c r="MWF723" s="424"/>
      <c r="MWG723" s="423" t="s">
        <v>2795</v>
      </c>
      <c r="MWH723" s="424"/>
      <c r="MWI723" s="424"/>
      <c r="MWJ723" s="424"/>
      <c r="MWK723" s="423" t="s">
        <v>2795</v>
      </c>
      <c r="MWL723" s="424"/>
      <c r="MWM723" s="424"/>
      <c r="MWN723" s="424"/>
      <c r="MWO723" s="423" t="s">
        <v>2795</v>
      </c>
      <c r="MWP723" s="424"/>
      <c r="MWQ723" s="424"/>
      <c r="MWR723" s="424"/>
      <c r="MWS723" s="423" t="s">
        <v>2795</v>
      </c>
      <c r="MWT723" s="424"/>
      <c r="MWU723" s="424"/>
      <c r="MWV723" s="424"/>
      <c r="MWW723" s="423" t="s">
        <v>2795</v>
      </c>
      <c r="MWX723" s="424"/>
      <c r="MWY723" s="424"/>
      <c r="MWZ723" s="424"/>
      <c r="MXA723" s="423" t="s">
        <v>2795</v>
      </c>
      <c r="MXB723" s="424"/>
      <c r="MXC723" s="424"/>
      <c r="MXD723" s="424"/>
      <c r="MXE723" s="423" t="s">
        <v>2795</v>
      </c>
      <c r="MXF723" s="424"/>
      <c r="MXG723" s="424"/>
      <c r="MXH723" s="424"/>
      <c r="MXI723" s="423" t="s">
        <v>2795</v>
      </c>
      <c r="MXJ723" s="424"/>
      <c r="MXK723" s="424"/>
      <c r="MXL723" s="424"/>
      <c r="MXM723" s="423" t="s">
        <v>2795</v>
      </c>
      <c r="MXN723" s="424"/>
      <c r="MXO723" s="424"/>
      <c r="MXP723" s="424"/>
      <c r="MXQ723" s="423" t="s">
        <v>2795</v>
      </c>
      <c r="MXR723" s="424"/>
      <c r="MXS723" s="424"/>
      <c r="MXT723" s="424"/>
      <c r="MXU723" s="423" t="s">
        <v>2795</v>
      </c>
      <c r="MXV723" s="424"/>
      <c r="MXW723" s="424"/>
      <c r="MXX723" s="424"/>
      <c r="MXY723" s="423" t="s">
        <v>2795</v>
      </c>
      <c r="MXZ723" s="424"/>
      <c r="MYA723" s="424"/>
      <c r="MYB723" s="424"/>
      <c r="MYC723" s="423" t="s">
        <v>2795</v>
      </c>
      <c r="MYD723" s="424"/>
      <c r="MYE723" s="424"/>
      <c r="MYF723" s="424"/>
      <c r="MYG723" s="423" t="s">
        <v>2795</v>
      </c>
      <c r="MYH723" s="424"/>
      <c r="MYI723" s="424"/>
      <c r="MYJ723" s="424"/>
      <c r="MYK723" s="423" t="s">
        <v>2795</v>
      </c>
      <c r="MYL723" s="424"/>
      <c r="MYM723" s="424"/>
      <c r="MYN723" s="424"/>
      <c r="MYO723" s="423" t="s">
        <v>2795</v>
      </c>
      <c r="MYP723" s="424"/>
      <c r="MYQ723" s="424"/>
      <c r="MYR723" s="424"/>
      <c r="MYS723" s="423" t="s">
        <v>2795</v>
      </c>
      <c r="MYT723" s="424"/>
      <c r="MYU723" s="424"/>
      <c r="MYV723" s="424"/>
      <c r="MYW723" s="423" t="s">
        <v>2795</v>
      </c>
      <c r="MYX723" s="424"/>
      <c r="MYY723" s="424"/>
      <c r="MYZ723" s="424"/>
      <c r="MZA723" s="423" t="s">
        <v>2795</v>
      </c>
      <c r="MZB723" s="424"/>
      <c r="MZC723" s="424"/>
      <c r="MZD723" s="424"/>
      <c r="MZE723" s="423" t="s">
        <v>2795</v>
      </c>
      <c r="MZF723" s="424"/>
      <c r="MZG723" s="424"/>
      <c r="MZH723" s="424"/>
      <c r="MZI723" s="423" t="s">
        <v>2795</v>
      </c>
      <c r="MZJ723" s="424"/>
      <c r="MZK723" s="424"/>
      <c r="MZL723" s="424"/>
      <c r="MZM723" s="423" t="s">
        <v>2795</v>
      </c>
      <c r="MZN723" s="424"/>
      <c r="MZO723" s="424"/>
      <c r="MZP723" s="424"/>
      <c r="MZQ723" s="423" t="s">
        <v>2795</v>
      </c>
      <c r="MZR723" s="424"/>
      <c r="MZS723" s="424"/>
      <c r="MZT723" s="424"/>
      <c r="MZU723" s="423" t="s">
        <v>2795</v>
      </c>
      <c r="MZV723" s="424"/>
      <c r="MZW723" s="424"/>
      <c r="MZX723" s="424"/>
      <c r="MZY723" s="423" t="s">
        <v>2795</v>
      </c>
      <c r="MZZ723" s="424"/>
      <c r="NAA723" s="424"/>
      <c r="NAB723" s="424"/>
      <c r="NAC723" s="423" t="s">
        <v>2795</v>
      </c>
      <c r="NAD723" s="424"/>
      <c r="NAE723" s="424"/>
      <c r="NAF723" s="424"/>
      <c r="NAG723" s="423" t="s">
        <v>2795</v>
      </c>
      <c r="NAH723" s="424"/>
      <c r="NAI723" s="424"/>
      <c r="NAJ723" s="424"/>
      <c r="NAK723" s="423" t="s">
        <v>2795</v>
      </c>
      <c r="NAL723" s="424"/>
      <c r="NAM723" s="424"/>
      <c r="NAN723" s="424"/>
      <c r="NAO723" s="423" t="s">
        <v>2795</v>
      </c>
      <c r="NAP723" s="424"/>
      <c r="NAQ723" s="424"/>
      <c r="NAR723" s="424"/>
      <c r="NAS723" s="423" t="s">
        <v>2795</v>
      </c>
      <c r="NAT723" s="424"/>
      <c r="NAU723" s="424"/>
      <c r="NAV723" s="424"/>
      <c r="NAW723" s="423" t="s">
        <v>2795</v>
      </c>
      <c r="NAX723" s="424"/>
      <c r="NAY723" s="424"/>
      <c r="NAZ723" s="424"/>
      <c r="NBA723" s="423" t="s">
        <v>2795</v>
      </c>
      <c r="NBB723" s="424"/>
      <c r="NBC723" s="424"/>
      <c r="NBD723" s="424"/>
      <c r="NBE723" s="423" t="s">
        <v>2795</v>
      </c>
      <c r="NBF723" s="424"/>
      <c r="NBG723" s="424"/>
      <c r="NBH723" s="424"/>
      <c r="NBI723" s="423" t="s">
        <v>2795</v>
      </c>
      <c r="NBJ723" s="424"/>
      <c r="NBK723" s="424"/>
      <c r="NBL723" s="424"/>
      <c r="NBM723" s="423" t="s">
        <v>2795</v>
      </c>
      <c r="NBN723" s="424"/>
      <c r="NBO723" s="424"/>
      <c r="NBP723" s="424"/>
      <c r="NBQ723" s="423" t="s">
        <v>2795</v>
      </c>
      <c r="NBR723" s="424"/>
      <c r="NBS723" s="424"/>
      <c r="NBT723" s="424"/>
      <c r="NBU723" s="423" t="s">
        <v>2795</v>
      </c>
      <c r="NBV723" s="424"/>
      <c r="NBW723" s="424"/>
      <c r="NBX723" s="424"/>
      <c r="NBY723" s="423" t="s">
        <v>2795</v>
      </c>
      <c r="NBZ723" s="424"/>
      <c r="NCA723" s="424"/>
      <c r="NCB723" s="424"/>
      <c r="NCC723" s="423" t="s">
        <v>2795</v>
      </c>
      <c r="NCD723" s="424"/>
      <c r="NCE723" s="424"/>
      <c r="NCF723" s="424"/>
      <c r="NCG723" s="423" t="s">
        <v>2795</v>
      </c>
      <c r="NCH723" s="424"/>
      <c r="NCI723" s="424"/>
      <c r="NCJ723" s="424"/>
      <c r="NCK723" s="423" t="s">
        <v>2795</v>
      </c>
      <c r="NCL723" s="424"/>
      <c r="NCM723" s="424"/>
      <c r="NCN723" s="424"/>
      <c r="NCO723" s="423" t="s">
        <v>2795</v>
      </c>
      <c r="NCP723" s="424"/>
      <c r="NCQ723" s="424"/>
      <c r="NCR723" s="424"/>
      <c r="NCS723" s="423" t="s">
        <v>2795</v>
      </c>
      <c r="NCT723" s="424"/>
      <c r="NCU723" s="424"/>
      <c r="NCV723" s="424"/>
      <c r="NCW723" s="423" t="s">
        <v>2795</v>
      </c>
      <c r="NCX723" s="424"/>
      <c r="NCY723" s="424"/>
      <c r="NCZ723" s="424"/>
      <c r="NDA723" s="423" t="s">
        <v>2795</v>
      </c>
      <c r="NDB723" s="424"/>
      <c r="NDC723" s="424"/>
      <c r="NDD723" s="424"/>
      <c r="NDE723" s="423" t="s">
        <v>2795</v>
      </c>
      <c r="NDF723" s="424"/>
      <c r="NDG723" s="424"/>
      <c r="NDH723" s="424"/>
      <c r="NDI723" s="423" t="s">
        <v>2795</v>
      </c>
      <c r="NDJ723" s="424"/>
      <c r="NDK723" s="424"/>
      <c r="NDL723" s="424"/>
      <c r="NDM723" s="423" t="s">
        <v>2795</v>
      </c>
      <c r="NDN723" s="424"/>
      <c r="NDO723" s="424"/>
      <c r="NDP723" s="424"/>
      <c r="NDQ723" s="423" t="s">
        <v>2795</v>
      </c>
      <c r="NDR723" s="424"/>
      <c r="NDS723" s="424"/>
      <c r="NDT723" s="424"/>
      <c r="NDU723" s="423" t="s">
        <v>2795</v>
      </c>
      <c r="NDV723" s="424"/>
      <c r="NDW723" s="424"/>
      <c r="NDX723" s="424"/>
      <c r="NDY723" s="423" t="s">
        <v>2795</v>
      </c>
      <c r="NDZ723" s="424"/>
      <c r="NEA723" s="424"/>
      <c r="NEB723" s="424"/>
      <c r="NEC723" s="423" t="s">
        <v>2795</v>
      </c>
      <c r="NED723" s="424"/>
      <c r="NEE723" s="424"/>
      <c r="NEF723" s="424"/>
      <c r="NEG723" s="423" t="s">
        <v>2795</v>
      </c>
      <c r="NEH723" s="424"/>
      <c r="NEI723" s="424"/>
      <c r="NEJ723" s="424"/>
      <c r="NEK723" s="423" t="s">
        <v>2795</v>
      </c>
      <c r="NEL723" s="424"/>
      <c r="NEM723" s="424"/>
      <c r="NEN723" s="424"/>
      <c r="NEO723" s="423" t="s">
        <v>2795</v>
      </c>
      <c r="NEP723" s="424"/>
      <c r="NEQ723" s="424"/>
      <c r="NER723" s="424"/>
      <c r="NES723" s="423" t="s">
        <v>2795</v>
      </c>
      <c r="NET723" s="424"/>
      <c r="NEU723" s="424"/>
      <c r="NEV723" s="424"/>
      <c r="NEW723" s="423" t="s">
        <v>2795</v>
      </c>
      <c r="NEX723" s="424"/>
      <c r="NEY723" s="424"/>
      <c r="NEZ723" s="424"/>
      <c r="NFA723" s="423" t="s">
        <v>2795</v>
      </c>
      <c r="NFB723" s="424"/>
      <c r="NFC723" s="424"/>
      <c r="NFD723" s="424"/>
      <c r="NFE723" s="423" t="s">
        <v>2795</v>
      </c>
      <c r="NFF723" s="424"/>
      <c r="NFG723" s="424"/>
      <c r="NFH723" s="424"/>
      <c r="NFI723" s="423" t="s">
        <v>2795</v>
      </c>
      <c r="NFJ723" s="424"/>
      <c r="NFK723" s="424"/>
      <c r="NFL723" s="424"/>
      <c r="NFM723" s="423" t="s">
        <v>2795</v>
      </c>
      <c r="NFN723" s="424"/>
      <c r="NFO723" s="424"/>
      <c r="NFP723" s="424"/>
      <c r="NFQ723" s="423" t="s">
        <v>2795</v>
      </c>
      <c r="NFR723" s="424"/>
      <c r="NFS723" s="424"/>
      <c r="NFT723" s="424"/>
      <c r="NFU723" s="423" t="s">
        <v>2795</v>
      </c>
      <c r="NFV723" s="424"/>
      <c r="NFW723" s="424"/>
      <c r="NFX723" s="424"/>
      <c r="NFY723" s="423" t="s">
        <v>2795</v>
      </c>
      <c r="NFZ723" s="424"/>
      <c r="NGA723" s="424"/>
      <c r="NGB723" s="424"/>
      <c r="NGC723" s="423" t="s">
        <v>2795</v>
      </c>
      <c r="NGD723" s="424"/>
      <c r="NGE723" s="424"/>
      <c r="NGF723" s="424"/>
      <c r="NGG723" s="423" t="s">
        <v>2795</v>
      </c>
      <c r="NGH723" s="424"/>
      <c r="NGI723" s="424"/>
      <c r="NGJ723" s="424"/>
      <c r="NGK723" s="423" t="s">
        <v>2795</v>
      </c>
      <c r="NGL723" s="424"/>
      <c r="NGM723" s="424"/>
      <c r="NGN723" s="424"/>
      <c r="NGO723" s="423" t="s">
        <v>2795</v>
      </c>
      <c r="NGP723" s="424"/>
      <c r="NGQ723" s="424"/>
      <c r="NGR723" s="424"/>
      <c r="NGS723" s="423" t="s">
        <v>2795</v>
      </c>
      <c r="NGT723" s="424"/>
      <c r="NGU723" s="424"/>
      <c r="NGV723" s="424"/>
      <c r="NGW723" s="423" t="s">
        <v>2795</v>
      </c>
      <c r="NGX723" s="424"/>
      <c r="NGY723" s="424"/>
      <c r="NGZ723" s="424"/>
      <c r="NHA723" s="423" t="s">
        <v>2795</v>
      </c>
      <c r="NHB723" s="424"/>
      <c r="NHC723" s="424"/>
      <c r="NHD723" s="424"/>
      <c r="NHE723" s="423" t="s">
        <v>2795</v>
      </c>
      <c r="NHF723" s="424"/>
      <c r="NHG723" s="424"/>
      <c r="NHH723" s="424"/>
      <c r="NHI723" s="423" t="s">
        <v>2795</v>
      </c>
      <c r="NHJ723" s="424"/>
      <c r="NHK723" s="424"/>
      <c r="NHL723" s="424"/>
      <c r="NHM723" s="423" t="s">
        <v>2795</v>
      </c>
      <c r="NHN723" s="424"/>
      <c r="NHO723" s="424"/>
      <c r="NHP723" s="424"/>
      <c r="NHQ723" s="423" t="s">
        <v>2795</v>
      </c>
      <c r="NHR723" s="424"/>
      <c r="NHS723" s="424"/>
      <c r="NHT723" s="424"/>
      <c r="NHU723" s="423" t="s">
        <v>2795</v>
      </c>
      <c r="NHV723" s="424"/>
      <c r="NHW723" s="424"/>
      <c r="NHX723" s="424"/>
      <c r="NHY723" s="423" t="s">
        <v>2795</v>
      </c>
      <c r="NHZ723" s="424"/>
      <c r="NIA723" s="424"/>
      <c r="NIB723" s="424"/>
      <c r="NIC723" s="423" t="s">
        <v>2795</v>
      </c>
      <c r="NID723" s="424"/>
      <c r="NIE723" s="424"/>
      <c r="NIF723" s="424"/>
      <c r="NIG723" s="423" t="s">
        <v>2795</v>
      </c>
      <c r="NIH723" s="424"/>
      <c r="NII723" s="424"/>
      <c r="NIJ723" s="424"/>
      <c r="NIK723" s="423" t="s">
        <v>2795</v>
      </c>
      <c r="NIL723" s="424"/>
      <c r="NIM723" s="424"/>
      <c r="NIN723" s="424"/>
      <c r="NIO723" s="423" t="s">
        <v>2795</v>
      </c>
      <c r="NIP723" s="424"/>
      <c r="NIQ723" s="424"/>
      <c r="NIR723" s="424"/>
      <c r="NIS723" s="423" t="s">
        <v>2795</v>
      </c>
      <c r="NIT723" s="424"/>
      <c r="NIU723" s="424"/>
      <c r="NIV723" s="424"/>
      <c r="NIW723" s="423" t="s">
        <v>2795</v>
      </c>
      <c r="NIX723" s="424"/>
      <c r="NIY723" s="424"/>
      <c r="NIZ723" s="424"/>
      <c r="NJA723" s="423" t="s">
        <v>2795</v>
      </c>
      <c r="NJB723" s="424"/>
      <c r="NJC723" s="424"/>
      <c r="NJD723" s="424"/>
      <c r="NJE723" s="423" t="s">
        <v>2795</v>
      </c>
      <c r="NJF723" s="424"/>
      <c r="NJG723" s="424"/>
      <c r="NJH723" s="424"/>
      <c r="NJI723" s="423" t="s">
        <v>2795</v>
      </c>
      <c r="NJJ723" s="424"/>
      <c r="NJK723" s="424"/>
      <c r="NJL723" s="424"/>
      <c r="NJM723" s="423" t="s">
        <v>2795</v>
      </c>
      <c r="NJN723" s="424"/>
      <c r="NJO723" s="424"/>
      <c r="NJP723" s="424"/>
      <c r="NJQ723" s="423" t="s">
        <v>2795</v>
      </c>
      <c r="NJR723" s="424"/>
      <c r="NJS723" s="424"/>
      <c r="NJT723" s="424"/>
      <c r="NJU723" s="423" t="s">
        <v>2795</v>
      </c>
      <c r="NJV723" s="424"/>
      <c r="NJW723" s="424"/>
      <c r="NJX723" s="424"/>
      <c r="NJY723" s="423" t="s">
        <v>2795</v>
      </c>
      <c r="NJZ723" s="424"/>
      <c r="NKA723" s="424"/>
      <c r="NKB723" s="424"/>
      <c r="NKC723" s="423" t="s">
        <v>2795</v>
      </c>
      <c r="NKD723" s="424"/>
      <c r="NKE723" s="424"/>
      <c r="NKF723" s="424"/>
      <c r="NKG723" s="423" t="s">
        <v>2795</v>
      </c>
      <c r="NKH723" s="424"/>
      <c r="NKI723" s="424"/>
      <c r="NKJ723" s="424"/>
      <c r="NKK723" s="423" t="s">
        <v>2795</v>
      </c>
      <c r="NKL723" s="424"/>
      <c r="NKM723" s="424"/>
      <c r="NKN723" s="424"/>
      <c r="NKO723" s="423" t="s">
        <v>2795</v>
      </c>
      <c r="NKP723" s="424"/>
      <c r="NKQ723" s="424"/>
      <c r="NKR723" s="424"/>
      <c r="NKS723" s="423" t="s">
        <v>2795</v>
      </c>
      <c r="NKT723" s="424"/>
      <c r="NKU723" s="424"/>
      <c r="NKV723" s="424"/>
      <c r="NKW723" s="423" t="s">
        <v>2795</v>
      </c>
      <c r="NKX723" s="424"/>
      <c r="NKY723" s="424"/>
      <c r="NKZ723" s="424"/>
      <c r="NLA723" s="423" t="s">
        <v>2795</v>
      </c>
      <c r="NLB723" s="424"/>
      <c r="NLC723" s="424"/>
      <c r="NLD723" s="424"/>
      <c r="NLE723" s="423" t="s">
        <v>2795</v>
      </c>
      <c r="NLF723" s="424"/>
      <c r="NLG723" s="424"/>
      <c r="NLH723" s="424"/>
      <c r="NLI723" s="423" t="s">
        <v>2795</v>
      </c>
      <c r="NLJ723" s="424"/>
      <c r="NLK723" s="424"/>
      <c r="NLL723" s="424"/>
      <c r="NLM723" s="423" t="s">
        <v>2795</v>
      </c>
      <c r="NLN723" s="424"/>
      <c r="NLO723" s="424"/>
      <c r="NLP723" s="424"/>
      <c r="NLQ723" s="423" t="s">
        <v>2795</v>
      </c>
      <c r="NLR723" s="424"/>
      <c r="NLS723" s="424"/>
      <c r="NLT723" s="424"/>
      <c r="NLU723" s="423" t="s">
        <v>2795</v>
      </c>
      <c r="NLV723" s="424"/>
      <c r="NLW723" s="424"/>
      <c r="NLX723" s="424"/>
      <c r="NLY723" s="423" t="s">
        <v>2795</v>
      </c>
      <c r="NLZ723" s="424"/>
      <c r="NMA723" s="424"/>
      <c r="NMB723" s="424"/>
      <c r="NMC723" s="423" t="s">
        <v>2795</v>
      </c>
      <c r="NMD723" s="424"/>
      <c r="NME723" s="424"/>
      <c r="NMF723" s="424"/>
      <c r="NMG723" s="423" t="s">
        <v>2795</v>
      </c>
      <c r="NMH723" s="424"/>
      <c r="NMI723" s="424"/>
      <c r="NMJ723" s="424"/>
      <c r="NMK723" s="423" t="s">
        <v>2795</v>
      </c>
      <c r="NML723" s="424"/>
      <c r="NMM723" s="424"/>
      <c r="NMN723" s="424"/>
      <c r="NMO723" s="423" t="s">
        <v>2795</v>
      </c>
      <c r="NMP723" s="424"/>
      <c r="NMQ723" s="424"/>
      <c r="NMR723" s="424"/>
      <c r="NMS723" s="423" t="s">
        <v>2795</v>
      </c>
      <c r="NMT723" s="424"/>
      <c r="NMU723" s="424"/>
      <c r="NMV723" s="424"/>
      <c r="NMW723" s="423" t="s">
        <v>2795</v>
      </c>
      <c r="NMX723" s="424"/>
      <c r="NMY723" s="424"/>
      <c r="NMZ723" s="424"/>
      <c r="NNA723" s="423" t="s">
        <v>2795</v>
      </c>
      <c r="NNB723" s="424"/>
      <c r="NNC723" s="424"/>
      <c r="NND723" s="424"/>
      <c r="NNE723" s="423" t="s">
        <v>2795</v>
      </c>
      <c r="NNF723" s="424"/>
      <c r="NNG723" s="424"/>
      <c r="NNH723" s="424"/>
      <c r="NNI723" s="423" t="s">
        <v>2795</v>
      </c>
      <c r="NNJ723" s="424"/>
      <c r="NNK723" s="424"/>
      <c r="NNL723" s="424"/>
      <c r="NNM723" s="423" t="s">
        <v>2795</v>
      </c>
      <c r="NNN723" s="424"/>
      <c r="NNO723" s="424"/>
      <c r="NNP723" s="424"/>
      <c r="NNQ723" s="423" t="s">
        <v>2795</v>
      </c>
      <c r="NNR723" s="424"/>
      <c r="NNS723" s="424"/>
      <c r="NNT723" s="424"/>
      <c r="NNU723" s="423" t="s">
        <v>2795</v>
      </c>
      <c r="NNV723" s="424"/>
      <c r="NNW723" s="424"/>
      <c r="NNX723" s="424"/>
      <c r="NNY723" s="423" t="s">
        <v>2795</v>
      </c>
      <c r="NNZ723" s="424"/>
      <c r="NOA723" s="424"/>
      <c r="NOB723" s="424"/>
      <c r="NOC723" s="423" t="s">
        <v>2795</v>
      </c>
      <c r="NOD723" s="424"/>
      <c r="NOE723" s="424"/>
      <c r="NOF723" s="424"/>
      <c r="NOG723" s="423" t="s">
        <v>2795</v>
      </c>
      <c r="NOH723" s="424"/>
      <c r="NOI723" s="424"/>
      <c r="NOJ723" s="424"/>
      <c r="NOK723" s="423" t="s">
        <v>2795</v>
      </c>
      <c r="NOL723" s="424"/>
      <c r="NOM723" s="424"/>
      <c r="NON723" s="424"/>
      <c r="NOO723" s="423" t="s">
        <v>2795</v>
      </c>
      <c r="NOP723" s="424"/>
      <c r="NOQ723" s="424"/>
      <c r="NOR723" s="424"/>
      <c r="NOS723" s="423" t="s">
        <v>2795</v>
      </c>
      <c r="NOT723" s="424"/>
      <c r="NOU723" s="424"/>
      <c r="NOV723" s="424"/>
      <c r="NOW723" s="423" t="s">
        <v>2795</v>
      </c>
      <c r="NOX723" s="424"/>
      <c r="NOY723" s="424"/>
      <c r="NOZ723" s="424"/>
      <c r="NPA723" s="423" t="s">
        <v>2795</v>
      </c>
      <c r="NPB723" s="424"/>
      <c r="NPC723" s="424"/>
      <c r="NPD723" s="424"/>
      <c r="NPE723" s="423" t="s">
        <v>2795</v>
      </c>
      <c r="NPF723" s="424"/>
      <c r="NPG723" s="424"/>
      <c r="NPH723" s="424"/>
      <c r="NPI723" s="423" t="s">
        <v>2795</v>
      </c>
      <c r="NPJ723" s="424"/>
      <c r="NPK723" s="424"/>
      <c r="NPL723" s="424"/>
      <c r="NPM723" s="423" t="s">
        <v>2795</v>
      </c>
      <c r="NPN723" s="424"/>
      <c r="NPO723" s="424"/>
      <c r="NPP723" s="424"/>
      <c r="NPQ723" s="423" t="s">
        <v>2795</v>
      </c>
      <c r="NPR723" s="424"/>
      <c r="NPS723" s="424"/>
      <c r="NPT723" s="424"/>
      <c r="NPU723" s="423" t="s">
        <v>2795</v>
      </c>
      <c r="NPV723" s="424"/>
      <c r="NPW723" s="424"/>
      <c r="NPX723" s="424"/>
      <c r="NPY723" s="423" t="s">
        <v>2795</v>
      </c>
      <c r="NPZ723" s="424"/>
      <c r="NQA723" s="424"/>
      <c r="NQB723" s="424"/>
      <c r="NQC723" s="423" t="s">
        <v>2795</v>
      </c>
      <c r="NQD723" s="424"/>
      <c r="NQE723" s="424"/>
      <c r="NQF723" s="424"/>
      <c r="NQG723" s="423" t="s">
        <v>2795</v>
      </c>
      <c r="NQH723" s="424"/>
      <c r="NQI723" s="424"/>
      <c r="NQJ723" s="424"/>
      <c r="NQK723" s="423" t="s">
        <v>2795</v>
      </c>
      <c r="NQL723" s="424"/>
      <c r="NQM723" s="424"/>
      <c r="NQN723" s="424"/>
      <c r="NQO723" s="423" t="s">
        <v>2795</v>
      </c>
      <c r="NQP723" s="424"/>
      <c r="NQQ723" s="424"/>
      <c r="NQR723" s="424"/>
      <c r="NQS723" s="423" t="s">
        <v>2795</v>
      </c>
      <c r="NQT723" s="424"/>
      <c r="NQU723" s="424"/>
      <c r="NQV723" s="424"/>
      <c r="NQW723" s="423" t="s">
        <v>2795</v>
      </c>
      <c r="NQX723" s="424"/>
      <c r="NQY723" s="424"/>
      <c r="NQZ723" s="424"/>
      <c r="NRA723" s="423" t="s">
        <v>2795</v>
      </c>
      <c r="NRB723" s="424"/>
      <c r="NRC723" s="424"/>
      <c r="NRD723" s="424"/>
      <c r="NRE723" s="423" t="s">
        <v>2795</v>
      </c>
      <c r="NRF723" s="424"/>
      <c r="NRG723" s="424"/>
      <c r="NRH723" s="424"/>
      <c r="NRI723" s="423" t="s">
        <v>2795</v>
      </c>
      <c r="NRJ723" s="424"/>
      <c r="NRK723" s="424"/>
      <c r="NRL723" s="424"/>
      <c r="NRM723" s="423" t="s">
        <v>2795</v>
      </c>
      <c r="NRN723" s="424"/>
      <c r="NRO723" s="424"/>
      <c r="NRP723" s="424"/>
      <c r="NRQ723" s="423" t="s">
        <v>2795</v>
      </c>
      <c r="NRR723" s="424"/>
      <c r="NRS723" s="424"/>
      <c r="NRT723" s="424"/>
      <c r="NRU723" s="423" t="s">
        <v>2795</v>
      </c>
      <c r="NRV723" s="424"/>
      <c r="NRW723" s="424"/>
      <c r="NRX723" s="424"/>
      <c r="NRY723" s="423" t="s">
        <v>2795</v>
      </c>
      <c r="NRZ723" s="424"/>
      <c r="NSA723" s="424"/>
      <c r="NSB723" s="424"/>
      <c r="NSC723" s="423" t="s">
        <v>2795</v>
      </c>
      <c r="NSD723" s="424"/>
      <c r="NSE723" s="424"/>
      <c r="NSF723" s="424"/>
      <c r="NSG723" s="423" t="s">
        <v>2795</v>
      </c>
      <c r="NSH723" s="424"/>
      <c r="NSI723" s="424"/>
      <c r="NSJ723" s="424"/>
      <c r="NSK723" s="423" t="s">
        <v>2795</v>
      </c>
      <c r="NSL723" s="424"/>
      <c r="NSM723" s="424"/>
      <c r="NSN723" s="424"/>
      <c r="NSO723" s="423" t="s">
        <v>2795</v>
      </c>
      <c r="NSP723" s="424"/>
      <c r="NSQ723" s="424"/>
      <c r="NSR723" s="424"/>
      <c r="NSS723" s="423" t="s">
        <v>2795</v>
      </c>
      <c r="NST723" s="424"/>
      <c r="NSU723" s="424"/>
      <c r="NSV723" s="424"/>
      <c r="NSW723" s="423" t="s">
        <v>2795</v>
      </c>
      <c r="NSX723" s="424"/>
      <c r="NSY723" s="424"/>
      <c r="NSZ723" s="424"/>
      <c r="NTA723" s="423" t="s">
        <v>2795</v>
      </c>
      <c r="NTB723" s="424"/>
      <c r="NTC723" s="424"/>
      <c r="NTD723" s="424"/>
      <c r="NTE723" s="423" t="s">
        <v>2795</v>
      </c>
      <c r="NTF723" s="424"/>
      <c r="NTG723" s="424"/>
      <c r="NTH723" s="424"/>
      <c r="NTI723" s="423" t="s">
        <v>2795</v>
      </c>
      <c r="NTJ723" s="424"/>
      <c r="NTK723" s="424"/>
      <c r="NTL723" s="424"/>
      <c r="NTM723" s="423" t="s">
        <v>2795</v>
      </c>
      <c r="NTN723" s="424"/>
      <c r="NTO723" s="424"/>
      <c r="NTP723" s="424"/>
      <c r="NTQ723" s="423" t="s">
        <v>2795</v>
      </c>
      <c r="NTR723" s="424"/>
      <c r="NTS723" s="424"/>
      <c r="NTT723" s="424"/>
      <c r="NTU723" s="423" t="s">
        <v>2795</v>
      </c>
      <c r="NTV723" s="424"/>
      <c r="NTW723" s="424"/>
      <c r="NTX723" s="424"/>
      <c r="NTY723" s="423" t="s">
        <v>2795</v>
      </c>
      <c r="NTZ723" s="424"/>
      <c r="NUA723" s="424"/>
      <c r="NUB723" s="424"/>
      <c r="NUC723" s="423" t="s">
        <v>2795</v>
      </c>
      <c r="NUD723" s="424"/>
      <c r="NUE723" s="424"/>
      <c r="NUF723" s="424"/>
      <c r="NUG723" s="423" t="s">
        <v>2795</v>
      </c>
      <c r="NUH723" s="424"/>
      <c r="NUI723" s="424"/>
      <c r="NUJ723" s="424"/>
      <c r="NUK723" s="423" t="s">
        <v>2795</v>
      </c>
      <c r="NUL723" s="424"/>
      <c r="NUM723" s="424"/>
      <c r="NUN723" s="424"/>
      <c r="NUO723" s="423" t="s">
        <v>2795</v>
      </c>
      <c r="NUP723" s="424"/>
      <c r="NUQ723" s="424"/>
      <c r="NUR723" s="424"/>
      <c r="NUS723" s="423" t="s">
        <v>2795</v>
      </c>
      <c r="NUT723" s="424"/>
      <c r="NUU723" s="424"/>
      <c r="NUV723" s="424"/>
      <c r="NUW723" s="423" t="s">
        <v>2795</v>
      </c>
      <c r="NUX723" s="424"/>
      <c r="NUY723" s="424"/>
      <c r="NUZ723" s="424"/>
      <c r="NVA723" s="423" t="s">
        <v>2795</v>
      </c>
      <c r="NVB723" s="424"/>
      <c r="NVC723" s="424"/>
      <c r="NVD723" s="424"/>
      <c r="NVE723" s="423" t="s">
        <v>2795</v>
      </c>
      <c r="NVF723" s="424"/>
      <c r="NVG723" s="424"/>
      <c r="NVH723" s="424"/>
      <c r="NVI723" s="423" t="s">
        <v>2795</v>
      </c>
      <c r="NVJ723" s="424"/>
      <c r="NVK723" s="424"/>
      <c r="NVL723" s="424"/>
      <c r="NVM723" s="423" t="s">
        <v>2795</v>
      </c>
      <c r="NVN723" s="424"/>
      <c r="NVO723" s="424"/>
      <c r="NVP723" s="424"/>
      <c r="NVQ723" s="423" t="s">
        <v>2795</v>
      </c>
      <c r="NVR723" s="424"/>
      <c r="NVS723" s="424"/>
      <c r="NVT723" s="424"/>
      <c r="NVU723" s="423" t="s">
        <v>2795</v>
      </c>
      <c r="NVV723" s="424"/>
      <c r="NVW723" s="424"/>
      <c r="NVX723" s="424"/>
      <c r="NVY723" s="423" t="s">
        <v>2795</v>
      </c>
      <c r="NVZ723" s="424"/>
      <c r="NWA723" s="424"/>
      <c r="NWB723" s="424"/>
      <c r="NWC723" s="423" t="s">
        <v>2795</v>
      </c>
      <c r="NWD723" s="424"/>
      <c r="NWE723" s="424"/>
      <c r="NWF723" s="424"/>
      <c r="NWG723" s="423" t="s">
        <v>2795</v>
      </c>
      <c r="NWH723" s="424"/>
      <c r="NWI723" s="424"/>
      <c r="NWJ723" s="424"/>
      <c r="NWK723" s="423" t="s">
        <v>2795</v>
      </c>
      <c r="NWL723" s="424"/>
      <c r="NWM723" s="424"/>
      <c r="NWN723" s="424"/>
      <c r="NWO723" s="423" t="s">
        <v>2795</v>
      </c>
      <c r="NWP723" s="424"/>
      <c r="NWQ723" s="424"/>
      <c r="NWR723" s="424"/>
      <c r="NWS723" s="423" t="s">
        <v>2795</v>
      </c>
      <c r="NWT723" s="424"/>
      <c r="NWU723" s="424"/>
      <c r="NWV723" s="424"/>
      <c r="NWW723" s="423" t="s">
        <v>2795</v>
      </c>
      <c r="NWX723" s="424"/>
      <c r="NWY723" s="424"/>
      <c r="NWZ723" s="424"/>
      <c r="NXA723" s="423" t="s">
        <v>2795</v>
      </c>
      <c r="NXB723" s="424"/>
      <c r="NXC723" s="424"/>
      <c r="NXD723" s="424"/>
      <c r="NXE723" s="423" t="s">
        <v>2795</v>
      </c>
      <c r="NXF723" s="424"/>
      <c r="NXG723" s="424"/>
      <c r="NXH723" s="424"/>
      <c r="NXI723" s="423" t="s">
        <v>2795</v>
      </c>
      <c r="NXJ723" s="424"/>
      <c r="NXK723" s="424"/>
      <c r="NXL723" s="424"/>
      <c r="NXM723" s="423" t="s">
        <v>2795</v>
      </c>
      <c r="NXN723" s="424"/>
      <c r="NXO723" s="424"/>
      <c r="NXP723" s="424"/>
      <c r="NXQ723" s="423" t="s">
        <v>2795</v>
      </c>
      <c r="NXR723" s="424"/>
      <c r="NXS723" s="424"/>
      <c r="NXT723" s="424"/>
      <c r="NXU723" s="423" t="s">
        <v>2795</v>
      </c>
      <c r="NXV723" s="424"/>
      <c r="NXW723" s="424"/>
      <c r="NXX723" s="424"/>
      <c r="NXY723" s="423" t="s">
        <v>2795</v>
      </c>
      <c r="NXZ723" s="424"/>
      <c r="NYA723" s="424"/>
      <c r="NYB723" s="424"/>
      <c r="NYC723" s="423" t="s">
        <v>2795</v>
      </c>
      <c r="NYD723" s="424"/>
      <c r="NYE723" s="424"/>
      <c r="NYF723" s="424"/>
      <c r="NYG723" s="423" t="s">
        <v>2795</v>
      </c>
      <c r="NYH723" s="424"/>
      <c r="NYI723" s="424"/>
      <c r="NYJ723" s="424"/>
      <c r="NYK723" s="423" t="s">
        <v>2795</v>
      </c>
      <c r="NYL723" s="424"/>
      <c r="NYM723" s="424"/>
      <c r="NYN723" s="424"/>
      <c r="NYO723" s="423" t="s">
        <v>2795</v>
      </c>
      <c r="NYP723" s="424"/>
      <c r="NYQ723" s="424"/>
      <c r="NYR723" s="424"/>
      <c r="NYS723" s="423" t="s">
        <v>2795</v>
      </c>
      <c r="NYT723" s="424"/>
      <c r="NYU723" s="424"/>
      <c r="NYV723" s="424"/>
      <c r="NYW723" s="423" t="s">
        <v>2795</v>
      </c>
      <c r="NYX723" s="424"/>
      <c r="NYY723" s="424"/>
      <c r="NYZ723" s="424"/>
      <c r="NZA723" s="423" t="s">
        <v>2795</v>
      </c>
      <c r="NZB723" s="424"/>
      <c r="NZC723" s="424"/>
      <c r="NZD723" s="424"/>
      <c r="NZE723" s="423" t="s">
        <v>2795</v>
      </c>
      <c r="NZF723" s="424"/>
      <c r="NZG723" s="424"/>
      <c r="NZH723" s="424"/>
      <c r="NZI723" s="423" t="s">
        <v>2795</v>
      </c>
      <c r="NZJ723" s="424"/>
      <c r="NZK723" s="424"/>
      <c r="NZL723" s="424"/>
      <c r="NZM723" s="423" t="s">
        <v>2795</v>
      </c>
      <c r="NZN723" s="424"/>
      <c r="NZO723" s="424"/>
      <c r="NZP723" s="424"/>
      <c r="NZQ723" s="423" t="s">
        <v>2795</v>
      </c>
      <c r="NZR723" s="424"/>
      <c r="NZS723" s="424"/>
      <c r="NZT723" s="424"/>
      <c r="NZU723" s="423" t="s">
        <v>2795</v>
      </c>
      <c r="NZV723" s="424"/>
      <c r="NZW723" s="424"/>
      <c r="NZX723" s="424"/>
      <c r="NZY723" s="423" t="s">
        <v>2795</v>
      </c>
      <c r="NZZ723" s="424"/>
      <c r="OAA723" s="424"/>
      <c r="OAB723" s="424"/>
      <c r="OAC723" s="423" t="s">
        <v>2795</v>
      </c>
      <c r="OAD723" s="424"/>
      <c r="OAE723" s="424"/>
      <c r="OAF723" s="424"/>
      <c r="OAG723" s="423" t="s">
        <v>2795</v>
      </c>
      <c r="OAH723" s="424"/>
      <c r="OAI723" s="424"/>
      <c r="OAJ723" s="424"/>
      <c r="OAK723" s="423" t="s">
        <v>2795</v>
      </c>
      <c r="OAL723" s="424"/>
      <c r="OAM723" s="424"/>
      <c r="OAN723" s="424"/>
      <c r="OAO723" s="423" t="s">
        <v>2795</v>
      </c>
      <c r="OAP723" s="424"/>
      <c r="OAQ723" s="424"/>
      <c r="OAR723" s="424"/>
      <c r="OAS723" s="423" t="s">
        <v>2795</v>
      </c>
      <c r="OAT723" s="424"/>
      <c r="OAU723" s="424"/>
      <c r="OAV723" s="424"/>
      <c r="OAW723" s="423" t="s">
        <v>2795</v>
      </c>
      <c r="OAX723" s="424"/>
      <c r="OAY723" s="424"/>
      <c r="OAZ723" s="424"/>
      <c r="OBA723" s="423" t="s">
        <v>2795</v>
      </c>
      <c r="OBB723" s="424"/>
      <c r="OBC723" s="424"/>
      <c r="OBD723" s="424"/>
      <c r="OBE723" s="423" t="s">
        <v>2795</v>
      </c>
      <c r="OBF723" s="424"/>
      <c r="OBG723" s="424"/>
      <c r="OBH723" s="424"/>
      <c r="OBI723" s="423" t="s">
        <v>2795</v>
      </c>
      <c r="OBJ723" s="424"/>
      <c r="OBK723" s="424"/>
      <c r="OBL723" s="424"/>
      <c r="OBM723" s="423" t="s">
        <v>2795</v>
      </c>
      <c r="OBN723" s="424"/>
      <c r="OBO723" s="424"/>
      <c r="OBP723" s="424"/>
      <c r="OBQ723" s="423" t="s">
        <v>2795</v>
      </c>
      <c r="OBR723" s="424"/>
      <c r="OBS723" s="424"/>
      <c r="OBT723" s="424"/>
      <c r="OBU723" s="423" t="s">
        <v>2795</v>
      </c>
      <c r="OBV723" s="424"/>
      <c r="OBW723" s="424"/>
      <c r="OBX723" s="424"/>
      <c r="OBY723" s="423" t="s">
        <v>2795</v>
      </c>
      <c r="OBZ723" s="424"/>
      <c r="OCA723" s="424"/>
      <c r="OCB723" s="424"/>
      <c r="OCC723" s="423" t="s">
        <v>2795</v>
      </c>
      <c r="OCD723" s="424"/>
      <c r="OCE723" s="424"/>
      <c r="OCF723" s="424"/>
      <c r="OCG723" s="423" t="s">
        <v>2795</v>
      </c>
      <c r="OCH723" s="424"/>
      <c r="OCI723" s="424"/>
      <c r="OCJ723" s="424"/>
      <c r="OCK723" s="423" t="s">
        <v>2795</v>
      </c>
      <c r="OCL723" s="424"/>
      <c r="OCM723" s="424"/>
      <c r="OCN723" s="424"/>
      <c r="OCO723" s="423" t="s">
        <v>2795</v>
      </c>
      <c r="OCP723" s="424"/>
      <c r="OCQ723" s="424"/>
      <c r="OCR723" s="424"/>
      <c r="OCS723" s="423" t="s">
        <v>2795</v>
      </c>
      <c r="OCT723" s="424"/>
      <c r="OCU723" s="424"/>
      <c r="OCV723" s="424"/>
      <c r="OCW723" s="423" t="s">
        <v>2795</v>
      </c>
      <c r="OCX723" s="424"/>
      <c r="OCY723" s="424"/>
      <c r="OCZ723" s="424"/>
      <c r="ODA723" s="423" t="s">
        <v>2795</v>
      </c>
      <c r="ODB723" s="424"/>
      <c r="ODC723" s="424"/>
      <c r="ODD723" s="424"/>
      <c r="ODE723" s="423" t="s">
        <v>2795</v>
      </c>
      <c r="ODF723" s="424"/>
      <c r="ODG723" s="424"/>
      <c r="ODH723" s="424"/>
      <c r="ODI723" s="423" t="s">
        <v>2795</v>
      </c>
      <c r="ODJ723" s="424"/>
      <c r="ODK723" s="424"/>
      <c r="ODL723" s="424"/>
      <c r="ODM723" s="423" t="s">
        <v>2795</v>
      </c>
      <c r="ODN723" s="424"/>
      <c r="ODO723" s="424"/>
      <c r="ODP723" s="424"/>
      <c r="ODQ723" s="423" t="s">
        <v>2795</v>
      </c>
      <c r="ODR723" s="424"/>
      <c r="ODS723" s="424"/>
      <c r="ODT723" s="424"/>
      <c r="ODU723" s="423" t="s">
        <v>2795</v>
      </c>
      <c r="ODV723" s="424"/>
      <c r="ODW723" s="424"/>
      <c r="ODX723" s="424"/>
      <c r="ODY723" s="423" t="s">
        <v>2795</v>
      </c>
      <c r="ODZ723" s="424"/>
      <c r="OEA723" s="424"/>
      <c r="OEB723" s="424"/>
      <c r="OEC723" s="423" t="s">
        <v>2795</v>
      </c>
      <c r="OED723" s="424"/>
      <c r="OEE723" s="424"/>
      <c r="OEF723" s="424"/>
      <c r="OEG723" s="423" t="s">
        <v>2795</v>
      </c>
      <c r="OEH723" s="424"/>
      <c r="OEI723" s="424"/>
      <c r="OEJ723" s="424"/>
      <c r="OEK723" s="423" t="s">
        <v>2795</v>
      </c>
      <c r="OEL723" s="424"/>
      <c r="OEM723" s="424"/>
      <c r="OEN723" s="424"/>
      <c r="OEO723" s="423" t="s">
        <v>2795</v>
      </c>
      <c r="OEP723" s="424"/>
      <c r="OEQ723" s="424"/>
      <c r="OER723" s="424"/>
      <c r="OES723" s="423" t="s">
        <v>2795</v>
      </c>
      <c r="OET723" s="424"/>
      <c r="OEU723" s="424"/>
      <c r="OEV723" s="424"/>
      <c r="OEW723" s="423" t="s">
        <v>2795</v>
      </c>
      <c r="OEX723" s="424"/>
      <c r="OEY723" s="424"/>
      <c r="OEZ723" s="424"/>
      <c r="OFA723" s="423" t="s">
        <v>2795</v>
      </c>
      <c r="OFB723" s="424"/>
      <c r="OFC723" s="424"/>
      <c r="OFD723" s="424"/>
      <c r="OFE723" s="423" t="s">
        <v>2795</v>
      </c>
      <c r="OFF723" s="424"/>
      <c r="OFG723" s="424"/>
      <c r="OFH723" s="424"/>
      <c r="OFI723" s="423" t="s">
        <v>2795</v>
      </c>
      <c r="OFJ723" s="424"/>
      <c r="OFK723" s="424"/>
      <c r="OFL723" s="424"/>
      <c r="OFM723" s="423" t="s">
        <v>2795</v>
      </c>
      <c r="OFN723" s="424"/>
      <c r="OFO723" s="424"/>
      <c r="OFP723" s="424"/>
      <c r="OFQ723" s="423" t="s">
        <v>2795</v>
      </c>
      <c r="OFR723" s="424"/>
      <c r="OFS723" s="424"/>
      <c r="OFT723" s="424"/>
      <c r="OFU723" s="423" t="s">
        <v>2795</v>
      </c>
      <c r="OFV723" s="424"/>
      <c r="OFW723" s="424"/>
      <c r="OFX723" s="424"/>
      <c r="OFY723" s="423" t="s">
        <v>2795</v>
      </c>
      <c r="OFZ723" s="424"/>
      <c r="OGA723" s="424"/>
      <c r="OGB723" s="424"/>
      <c r="OGC723" s="423" t="s">
        <v>2795</v>
      </c>
      <c r="OGD723" s="424"/>
      <c r="OGE723" s="424"/>
      <c r="OGF723" s="424"/>
      <c r="OGG723" s="423" t="s">
        <v>2795</v>
      </c>
      <c r="OGH723" s="424"/>
      <c r="OGI723" s="424"/>
      <c r="OGJ723" s="424"/>
      <c r="OGK723" s="423" t="s">
        <v>2795</v>
      </c>
      <c r="OGL723" s="424"/>
      <c r="OGM723" s="424"/>
      <c r="OGN723" s="424"/>
      <c r="OGO723" s="423" t="s">
        <v>2795</v>
      </c>
      <c r="OGP723" s="424"/>
      <c r="OGQ723" s="424"/>
      <c r="OGR723" s="424"/>
      <c r="OGS723" s="423" t="s">
        <v>2795</v>
      </c>
      <c r="OGT723" s="424"/>
      <c r="OGU723" s="424"/>
      <c r="OGV723" s="424"/>
      <c r="OGW723" s="423" t="s">
        <v>2795</v>
      </c>
      <c r="OGX723" s="424"/>
      <c r="OGY723" s="424"/>
      <c r="OGZ723" s="424"/>
      <c r="OHA723" s="423" t="s">
        <v>2795</v>
      </c>
      <c r="OHB723" s="424"/>
      <c r="OHC723" s="424"/>
      <c r="OHD723" s="424"/>
      <c r="OHE723" s="423" t="s">
        <v>2795</v>
      </c>
      <c r="OHF723" s="424"/>
      <c r="OHG723" s="424"/>
      <c r="OHH723" s="424"/>
      <c r="OHI723" s="423" t="s">
        <v>2795</v>
      </c>
      <c r="OHJ723" s="424"/>
      <c r="OHK723" s="424"/>
      <c r="OHL723" s="424"/>
      <c r="OHM723" s="423" t="s">
        <v>2795</v>
      </c>
      <c r="OHN723" s="424"/>
      <c r="OHO723" s="424"/>
      <c r="OHP723" s="424"/>
      <c r="OHQ723" s="423" t="s">
        <v>2795</v>
      </c>
      <c r="OHR723" s="424"/>
      <c r="OHS723" s="424"/>
      <c r="OHT723" s="424"/>
      <c r="OHU723" s="423" t="s">
        <v>2795</v>
      </c>
      <c r="OHV723" s="424"/>
      <c r="OHW723" s="424"/>
      <c r="OHX723" s="424"/>
      <c r="OHY723" s="423" t="s">
        <v>2795</v>
      </c>
      <c r="OHZ723" s="424"/>
      <c r="OIA723" s="424"/>
      <c r="OIB723" s="424"/>
      <c r="OIC723" s="423" t="s">
        <v>2795</v>
      </c>
      <c r="OID723" s="424"/>
      <c r="OIE723" s="424"/>
      <c r="OIF723" s="424"/>
      <c r="OIG723" s="423" t="s">
        <v>2795</v>
      </c>
      <c r="OIH723" s="424"/>
      <c r="OII723" s="424"/>
      <c r="OIJ723" s="424"/>
      <c r="OIK723" s="423" t="s">
        <v>2795</v>
      </c>
      <c r="OIL723" s="424"/>
      <c r="OIM723" s="424"/>
      <c r="OIN723" s="424"/>
      <c r="OIO723" s="423" t="s">
        <v>2795</v>
      </c>
      <c r="OIP723" s="424"/>
      <c r="OIQ723" s="424"/>
      <c r="OIR723" s="424"/>
      <c r="OIS723" s="423" t="s">
        <v>2795</v>
      </c>
      <c r="OIT723" s="424"/>
      <c r="OIU723" s="424"/>
      <c r="OIV723" s="424"/>
      <c r="OIW723" s="423" t="s">
        <v>2795</v>
      </c>
      <c r="OIX723" s="424"/>
      <c r="OIY723" s="424"/>
      <c r="OIZ723" s="424"/>
      <c r="OJA723" s="423" t="s">
        <v>2795</v>
      </c>
      <c r="OJB723" s="424"/>
      <c r="OJC723" s="424"/>
      <c r="OJD723" s="424"/>
      <c r="OJE723" s="423" t="s">
        <v>2795</v>
      </c>
      <c r="OJF723" s="424"/>
      <c r="OJG723" s="424"/>
      <c r="OJH723" s="424"/>
      <c r="OJI723" s="423" t="s">
        <v>2795</v>
      </c>
      <c r="OJJ723" s="424"/>
      <c r="OJK723" s="424"/>
      <c r="OJL723" s="424"/>
      <c r="OJM723" s="423" t="s">
        <v>2795</v>
      </c>
      <c r="OJN723" s="424"/>
      <c r="OJO723" s="424"/>
      <c r="OJP723" s="424"/>
      <c r="OJQ723" s="423" t="s">
        <v>2795</v>
      </c>
      <c r="OJR723" s="424"/>
      <c r="OJS723" s="424"/>
      <c r="OJT723" s="424"/>
      <c r="OJU723" s="423" t="s">
        <v>2795</v>
      </c>
      <c r="OJV723" s="424"/>
      <c r="OJW723" s="424"/>
      <c r="OJX723" s="424"/>
      <c r="OJY723" s="423" t="s">
        <v>2795</v>
      </c>
      <c r="OJZ723" s="424"/>
      <c r="OKA723" s="424"/>
      <c r="OKB723" s="424"/>
      <c r="OKC723" s="423" t="s">
        <v>2795</v>
      </c>
      <c r="OKD723" s="424"/>
      <c r="OKE723" s="424"/>
      <c r="OKF723" s="424"/>
      <c r="OKG723" s="423" t="s">
        <v>2795</v>
      </c>
      <c r="OKH723" s="424"/>
      <c r="OKI723" s="424"/>
      <c r="OKJ723" s="424"/>
      <c r="OKK723" s="423" t="s">
        <v>2795</v>
      </c>
      <c r="OKL723" s="424"/>
      <c r="OKM723" s="424"/>
      <c r="OKN723" s="424"/>
      <c r="OKO723" s="423" t="s">
        <v>2795</v>
      </c>
      <c r="OKP723" s="424"/>
      <c r="OKQ723" s="424"/>
      <c r="OKR723" s="424"/>
      <c r="OKS723" s="423" t="s">
        <v>2795</v>
      </c>
      <c r="OKT723" s="424"/>
      <c r="OKU723" s="424"/>
      <c r="OKV723" s="424"/>
      <c r="OKW723" s="423" t="s">
        <v>2795</v>
      </c>
      <c r="OKX723" s="424"/>
      <c r="OKY723" s="424"/>
      <c r="OKZ723" s="424"/>
      <c r="OLA723" s="423" t="s">
        <v>2795</v>
      </c>
      <c r="OLB723" s="424"/>
      <c r="OLC723" s="424"/>
      <c r="OLD723" s="424"/>
      <c r="OLE723" s="423" t="s">
        <v>2795</v>
      </c>
      <c r="OLF723" s="424"/>
      <c r="OLG723" s="424"/>
      <c r="OLH723" s="424"/>
      <c r="OLI723" s="423" t="s">
        <v>2795</v>
      </c>
      <c r="OLJ723" s="424"/>
      <c r="OLK723" s="424"/>
      <c r="OLL723" s="424"/>
      <c r="OLM723" s="423" t="s">
        <v>2795</v>
      </c>
      <c r="OLN723" s="424"/>
      <c r="OLO723" s="424"/>
      <c r="OLP723" s="424"/>
      <c r="OLQ723" s="423" t="s">
        <v>2795</v>
      </c>
      <c r="OLR723" s="424"/>
      <c r="OLS723" s="424"/>
      <c r="OLT723" s="424"/>
      <c r="OLU723" s="423" t="s">
        <v>2795</v>
      </c>
      <c r="OLV723" s="424"/>
      <c r="OLW723" s="424"/>
      <c r="OLX723" s="424"/>
      <c r="OLY723" s="423" t="s">
        <v>2795</v>
      </c>
      <c r="OLZ723" s="424"/>
      <c r="OMA723" s="424"/>
      <c r="OMB723" s="424"/>
      <c r="OMC723" s="423" t="s">
        <v>2795</v>
      </c>
      <c r="OMD723" s="424"/>
      <c r="OME723" s="424"/>
      <c r="OMF723" s="424"/>
      <c r="OMG723" s="423" t="s">
        <v>2795</v>
      </c>
      <c r="OMH723" s="424"/>
      <c r="OMI723" s="424"/>
      <c r="OMJ723" s="424"/>
      <c r="OMK723" s="423" t="s">
        <v>2795</v>
      </c>
      <c r="OML723" s="424"/>
      <c r="OMM723" s="424"/>
      <c r="OMN723" s="424"/>
      <c r="OMO723" s="423" t="s">
        <v>2795</v>
      </c>
      <c r="OMP723" s="424"/>
      <c r="OMQ723" s="424"/>
      <c r="OMR723" s="424"/>
      <c r="OMS723" s="423" t="s">
        <v>2795</v>
      </c>
      <c r="OMT723" s="424"/>
      <c r="OMU723" s="424"/>
      <c r="OMV723" s="424"/>
      <c r="OMW723" s="423" t="s">
        <v>2795</v>
      </c>
      <c r="OMX723" s="424"/>
      <c r="OMY723" s="424"/>
      <c r="OMZ723" s="424"/>
      <c r="ONA723" s="423" t="s">
        <v>2795</v>
      </c>
      <c r="ONB723" s="424"/>
      <c r="ONC723" s="424"/>
      <c r="OND723" s="424"/>
      <c r="ONE723" s="423" t="s">
        <v>2795</v>
      </c>
      <c r="ONF723" s="424"/>
      <c r="ONG723" s="424"/>
      <c r="ONH723" s="424"/>
      <c r="ONI723" s="423" t="s">
        <v>2795</v>
      </c>
      <c r="ONJ723" s="424"/>
      <c r="ONK723" s="424"/>
      <c r="ONL723" s="424"/>
      <c r="ONM723" s="423" t="s">
        <v>2795</v>
      </c>
      <c r="ONN723" s="424"/>
      <c r="ONO723" s="424"/>
      <c r="ONP723" s="424"/>
      <c r="ONQ723" s="423" t="s">
        <v>2795</v>
      </c>
      <c r="ONR723" s="424"/>
      <c r="ONS723" s="424"/>
      <c r="ONT723" s="424"/>
      <c r="ONU723" s="423" t="s">
        <v>2795</v>
      </c>
      <c r="ONV723" s="424"/>
      <c r="ONW723" s="424"/>
      <c r="ONX723" s="424"/>
      <c r="ONY723" s="423" t="s">
        <v>2795</v>
      </c>
      <c r="ONZ723" s="424"/>
      <c r="OOA723" s="424"/>
      <c r="OOB723" s="424"/>
      <c r="OOC723" s="423" t="s">
        <v>2795</v>
      </c>
      <c r="OOD723" s="424"/>
      <c r="OOE723" s="424"/>
      <c r="OOF723" s="424"/>
      <c r="OOG723" s="423" t="s">
        <v>2795</v>
      </c>
      <c r="OOH723" s="424"/>
      <c r="OOI723" s="424"/>
      <c r="OOJ723" s="424"/>
      <c r="OOK723" s="423" t="s">
        <v>2795</v>
      </c>
      <c r="OOL723" s="424"/>
      <c r="OOM723" s="424"/>
      <c r="OON723" s="424"/>
      <c r="OOO723" s="423" t="s">
        <v>2795</v>
      </c>
      <c r="OOP723" s="424"/>
      <c r="OOQ723" s="424"/>
      <c r="OOR723" s="424"/>
      <c r="OOS723" s="423" t="s">
        <v>2795</v>
      </c>
      <c r="OOT723" s="424"/>
      <c r="OOU723" s="424"/>
      <c r="OOV723" s="424"/>
      <c r="OOW723" s="423" t="s">
        <v>2795</v>
      </c>
      <c r="OOX723" s="424"/>
      <c r="OOY723" s="424"/>
      <c r="OOZ723" s="424"/>
      <c r="OPA723" s="423" t="s">
        <v>2795</v>
      </c>
      <c r="OPB723" s="424"/>
      <c r="OPC723" s="424"/>
      <c r="OPD723" s="424"/>
      <c r="OPE723" s="423" t="s">
        <v>2795</v>
      </c>
      <c r="OPF723" s="424"/>
      <c r="OPG723" s="424"/>
      <c r="OPH723" s="424"/>
      <c r="OPI723" s="423" t="s">
        <v>2795</v>
      </c>
      <c r="OPJ723" s="424"/>
      <c r="OPK723" s="424"/>
      <c r="OPL723" s="424"/>
      <c r="OPM723" s="423" t="s">
        <v>2795</v>
      </c>
      <c r="OPN723" s="424"/>
      <c r="OPO723" s="424"/>
      <c r="OPP723" s="424"/>
      <c r="OPQ723" s="423" t="s">
        <v>2795</v>
      </c>
      <c r="OPR723" s="424"/>
      <c r="OPS723" s="424"/>
      <c r="OPT723" s="424"/>
      <c r="OPU723" s="423" t="s">
        <v>2795</v>
      </c>
      <c r="OPV723" s="424"/>
      <c r="OPW723" s="424"/>
      <c r="OPX723" s="424"/>
      <c r="OPY723" s="423" t="s">
        <v>2795</v>
      </c>
      <c r="OPZ723" s="424"/>
      <c r="OQA723" s="424"/>
      <c r="OQB723" s="424"/>
      <c r="OQC723" s="423" t="s">
        <v>2795</v>
      </c>
      <c r="OQD723" s="424"/>
      <c r="OQE723" s="424"/>
      <c r="OQF723" s="424"/>
      <c r="OQG723" s="423" t="s">
        <v>2795</v>
      </c>
      <c r="OQH723" s="424"/>
      <c r="OQI723" s="424"/>
      <c r="OQJ723" s="424"/>
      <c r="OQK723" s="423" t="s">
        <v>2795</v>
      </c>
      <c r="OQL723" s="424"/>
      <c r="OQM723" s="424"/>
      <c r="OQN723" s="424"/>
      <c r="OQO723" s="423" t="s">
        <v>2795</v>
      </c>
      <c r="OQP723" s="424"/>
      <c r="OQQ723" s="424"/>
      <c r="OQR723" s="424"/>
      <c r="OQS723" s="423" t="s">
        <v>2795</v>
      </c>
      <c r="OQT723" s="424"/>
      <c r="OQU723" s="424"/>
      <c r="OQV723" s="424"/>
      <c r="OQW723" s="423" t="s">
        <v>2795</v>
      </c>
      <c r="OQX723" s="424"/>
      <c r="OQY723" s="424"/>
      <c r="OQZ723" s="424"/>
      <c r="ORA723" s="423" t="s">
        <v>2795</v>
      </c>
      <c r="ORB723" s="424"/>
      <c r="ORC723" s="424"/>
      <c r="ORD723" s="424"/>
      <c r="ORE723" s="423" t="s">
        <v>2795</v>
      </c>
      <c r="ORF723" s="424"/>
      <c r="ORG723" s="424"/>
      <c r="ORH723" s="424"/>
      <c r="ORI723" s="423" t="s">
        <v>2795</v>
      </c>
      <c r="ORJ723" s="424"/>
      <c r="ORK723" s="424"/>
      <c r="ORL723" s="424"/>
      <c r="ORM723" s="423" t="s">
        <v>2795</v>
      </c>
      <c r="ORN723" s="424"/>
      <c r="ORO723" s="424"/>
      <c r="ORP723" s="424"/>
      <c r="ORQ723" s="423" t="s">
        <v>2795</v>
      </c>
      <c r="ORR723" s="424"/>
      <c r="ORS723" s="424"/>
      <c r="ORT723" s="424"/>
      <c r="ORU723" s="423" t="s">
        <v>2795</v>
      </c>
      <c r="ORV723" s="424"/>
      <c r="ORW723" s="424"/>
      <c r="ORX723" s="424"/>
      <c r="ORY723" s="423" t="s">
        <v>2795</v>
      </c>
      <c r="ORZ723" s="424"/>
      <c r="OSA723" s="424"/>
      <c r="OSB723" s="424"/>
      <c r="OSC723" s="423" t="s">
        <v>2795</v>
      </c>
      <c r="OSD723" s="424"/>
      <c r="OSE723" s="424"/>
      <c r="OSF723" s="424"/>
      <c r="OSG723" s="423" t="s">
        <v>2795</v>
      </c>
      <c r="OSH723" s="424"/>
      <c r="OSI723" s="424"/>
      <c r="OSJ723" s="424"/>
      <c r="OSK723" s="423" t="s">
        <v>2795</v>
      </c>
      <c r="OSL723" s="424"/>
      <c r="OSM723" s="424"/>
      <c r="OSN723" s="424"/>
      <c r="OSO723" s="423" t="s">
        <v>2795</v>
      </c>
      <c r="OSP723" s="424"/>
      <c r="OSQ723" s="424"/>
      <c r="OSR723" s="424"/>
      <c r="OSS723" s="423" t="s">
        <v>2795</v>
      </c>
      <c r="OST723" s="424"/>
      <c r="OSU723" s="424"/>
      <c r="OSV723" s="424"/>
      <c r="OSW723" s="423" t="s">
        <v>2795</v>
      </c>
      <c r="OSX723" s="424"/>
      <c r="OSY723" s="424"/>
      <c r="OSZ723" s="424"/>
      <c r="OTA723" s="423" t="s">
        <v>2795</v>
      </c>
      <c r="OTB723" s="424"/>
      <c r="OTC723" s="424"/>
      <c r="OTD723" s="424"/>
      <c r="OTE723" s="423" t="s">
        <v>2795</v>
      </c>
      <c r="OTF723" s="424"/>
      <c r="OTG723" s="424"/>
      <c r="OTH723" s="424"/>
      <c r="OTI723" s="423" t="s">
        <v>2795</v>
      </c>
      <c r="OTJ723" s="424"/>
      <c r="OTK723" s="424"/>
      <c r="OTL723" s="424"/>
      <c r="OTM723" s="423" t="s">
        <v>2795</v>
      </c>
      <c r="OTN723" s="424"/>
      <c r="OTO723" s="424"/>
      <c r="OTP723" s="424"/>
      <c r="OTQ723" s="423" t="s">
        <v>2795</v>
      </c>
      <c r="OTR723" s="424"/>
      <c r="OTS723" s="424"/>
      <c r="OTT723" s="424"/>
      <c r="OTU723" s="423" t="s">
        <v>2795</v>
      </c>
      <c r="OTV723" s="424"/>
      <c r="OTW723" s="424"/>
      <c r="OTX723" s="424"/>
      <c r="OTY723" s="423" t="s">
        <v>2795</v>
      </c>
      <c r="OTZ723" s="424"/>
      <c r="OUA723" s="424"/>
      <c r="OUB723" s="424"/>
      <c r="OUC723" s="423" t="s">
        <v>2795</v>
      </c>
      <c r="OUD723" s="424"/>
      <c r="OUE723" s="424"/>
      <c r="OUF723" s="424"/>
      <c r="OUG723" s="423" t="s">
        <v>2795</v>
      </c>
      <c r="OUH723" s="424"/>
      <c r="OUI723" s="424"/>
      <c r="OUJ723" s="424"/>
      <c r="OUK723" s="423" t="s">
        <v>2795</v>
      </c>
      <c r="OUL723" s="424"/>
      <c r="OUM723" s="424"/>
      <c r="OUN723" s="424"/>
      <c r="OUO723" s="423" t="s">
        <v>2795</v>
      </c>
      <c r="OUP723" s="424"/>
      <c r="OUQ723" s="424"/>
      <c r="OUR723" s="424"/>
      <c r="OUS723" s="423" t="s">
        <v>2795</v>
      </c>
      <c r="OUT723" s="424"/>
      <c r="OUU723" s="424"/>
      <c r="OUV723" s="424"/>
      <c r="OUW723" s="423" t="s">
        <v>2795</v>
      </c>
      <c r="OUX723" s="424"/>
      <c r="OUY723" s="424"/>
      <c r="OUZ723" s="424"/>
      <c r="OVA723" s="423" t="s">
        <v>2795</v>
      </c>
      <c r="OVB723" s="424"/>
      <c r="OVC723" s="424"/>
      <c r="OVD723" s="424"/>
      <c r="OVE723" s="423" t="s">
        <v>2795</v>
      </c>
      <c r="OVF723" s="424"/>
      <c r="OVG723" s="424"/>
      <c r="OVH723" s="424"/>
      <c r="OVI723" s="423" t="s">
        <v>2795</v>
      </c>
      <c r="OVJ723" s="424"/>
      <c r="OVK723" s="424"/>
      <c r="OVL723" s="424"/>
      <c r="OVM723" s="423" t="s">
        <v>2795</v>
      </c>
      <c r="OVN723" s="424"/>
      <c r="OVO723" s="424"/>
      <c r="OVP723" s="424"/>
      <c r="OVQ723" s="423" t="s">
        <v>2795</v>
      </c>
      <c r="OVR723" s="424"/>
      <c r="OVS723" s="424"/>
      <c r="OVT723" s="424"/>
      <c r="OVU723" s="423" t="s">
        <v>2795</v>
      </c>
      <c r="OVV723" s="424"/>
      <c r="OVW723" s="424"/>
      <c r="OVX723" s="424"/>
      <c r="OVY723" s="423" t="s">
        <v>2795</v>
      </c>
      <c r="OVZ723" s="424"/>
      <c r="OWA723" s="424"/>
      <c r="OWB723" s="424"/>
      <c r="OWC723" s="423" t="s">
        <v>2795</v>
      </c>
      <c r="OWD723" s="424"/>
      <c r="OWE723" s="424"/>
      <c r="OWF723" s="424"/>
      <c r="OWG723" s="423" t="s">
        <v>2795</v>
      </c>
      <c r="OWH723" s="424"/>
      <c r="OWI723" s="424"/>
      <c r="OWJ723" s="424"/>
      <c r="OWK723" s="423" t="s">
        <v>2795</v>
      </c>
      <c r="OWL723" s="424"/>
      <c r="OWM723" s="424"/>
      <c r="OWN723" s="424"/>
      <c r="OWO723" s="423" t="s">
        <v>2795</v>
      </c>
      <c r="OWP723" s="424"/>
      <c r="OWQ723" s="424"/>
      <c r="OWR723" s="424"/>
      <c r="OWS723" s="423" t="s">
        <v>2795</v>
      </c>
      <c r="OWT723" s="424"/>
      <c r="OWU723" s="424"/>
      <c r="OWV723" s="424"/>
      <c r="OWW723" s="423" t="s">
        <v>2795</v>
      </c>
      <c r="OWX723" s="424"/>
      <c r="OWY723" s="424"/>
      <c r="OWZ723" s="424"/>
      <c r="OXA723" s="423" t="s">
        <v>2795</v>
      </c>
      <c r="OXB723" s="424"/>
      <c r="OXC723" s="424"/>
      <c r="OXD723" s="424"/>
      <c r="OXE723" s="423" t="s">
        <v>2795</v>
      </c>
      <c r="OXF723" s="424"/>
      <c r="OXG723" s="424"/>
      <c r="OXH723" s="424"/>
      <c r="OXI723" s="423" t="s">
        <v>2795</v>
      </c>
      <c r="OXJ723" s="424"/>
      <c r="OXK723" s="424"/>
      <c r="OXL723" s="424"/>
      <c r="OXM723" s="423" t="s">
        <v>2795</v>
      </c>
      <c r="OXN723" s="424"/>
      <c r="OXO723" s="424"/>
      <c r="OXP723" s="424"/>
      <c r="OXQ723" s="423" t="s">
        <v>2795</v>
      </c>
      <c r="OXR723" s="424"/>
      <c r="OXS723" s="424"/>
      <c r="OXT723" s="424"/>
      <c r="OXU723" s="423" t="s">
        <v>2795</v>
      </c>
      <c r="OXV723" s="424"/>
      <c r="OXW723" s="424"/>
      <c r="OXX723" s="424"/>
      <c r="OXY723" s="423" t="s">
        <v>2795</v>
      </c>
      <c r="OXZ723" s="424"/>
      <c r="OYA723" s="424"/>
      <c r="OYB723" s="424"/>
      <c r="OYC723" s="423" t="s">
        <v>2795</v>
      </c>
      <c r="OYD723" s="424"/>
      <c r="OYE723" s="424"/>
      <c r="OYF723" s="424"/>
      <c r="OYG723" s="423" t="s">
        <v>2795</v>
      </c>
      <c r="OYH723" s="424"/>
      <c r="OYI723" s="424"/>
      <c r="OYJ723" s="424"/>
      <c r="OYK723" s="423" t="s">
        <v>2795</v>
      </c>
      <c r="OYL723" s="424"/>
      <c r="OYM723" s="424"/>
      <c r="OYN723" s="424"/>
      <c r="OYO723" s="423" t="s">
        <v>2795</v>
      </c>
      <c r="OYP723" s="424"/>
      <c r="OYQ723" s="424"/>
      <c r="OYR723" s="424"/>
      <c r="OYS723" s="423" t="s">
        <v>2795</v>
      </c>
      <c r="OYT723" s="424"/>
      <c r="OYU723" s="424"/>
      <c r="OYV723" s="424"/>
      <c r="OYW723" s="423" t="s">
        <v>2795</v>
      </c>
      <c r="OYX723" s="424"/>
      <c r="OYY723" s="424"/>
      <c r="OYZ723" s="424"/>
      <c r="OZA723" s="423" t="s">
        <v>2795</v>
      </c>
      <c r="OZB723" s="424"/>
      <c r="OZC723" s="424"/>
      <c r="OZD723" s="424"/>
      <c r="OZE723" s="423" t="s">
        <v>2795</v>
      </c>
      <c r="OZF723" s="424"/>
      <c r="OZG723" s="424"/>
      <c r="OZH723" s="424"/>
      <c r="OZI723" s="423" t="s">
        <v>2795</v>
      </c>
      <c r="OZJ723" s="424"/>
      <c r="OZK723" s="424"/>
      <c r="OZL723" s="424"/>
      <c r="OZM723" s="423" t="s">
        <v>2795</v>
      </c>
      <c r="OZN723" s="424"/>
      <c r="OZO723" s="424"/>
      <c r="OZP723" s="424"/>
      <c r="OZQ723" s="423" t="s">
        <v>2795</v>
      </c>
      <c r="OZR723" s="424"/>
      <c r="OZS723" s="424"/>
      <c r="OZT723" s="424"/>
      <c r="OZU723" s="423" t="s">
        <v>2795</v>
      </c>
      <c r="OZV723" s="424"/>
      <c r="OZW723" s="424"/>
      <c r="OZX723" s="424"/>
      <c r="OZY723" s="423" t="s">
        <v>2795</v>
      </c>
      <c r="OZZ723" s="424"/>
      <c r="PAA723" s="424"/>
      <c r="PAB723" s="424"/>
      <c r="PAC723" s="423" t="s">
        <v>2795</v>
      </c>
      <c r="PAD723" s="424"/>
      <c r="PAE723" s="424"/>
      <c r="PAF723" s="424"/>
      <c r="PAG723" s="423" t="s">
        <v>2795</v>
      </c>
      <c r="PAH723" s="424"/>
      <c r="PAI723" s="424"/>
      <c r="PAJ723" s="424"/>
      <c r="PAK723" s="423" t="s">
        <v>2795</v>
      </c>
      <c r="PAL723" s="424"/>
      <c r="PAM723" s="424"/>
      <c r="PAN723" s="424"/>
      <c r="PAO723" s="423" t="s">
        <v>2795</v>
      </c>
      <c r="PAP723" s="424"/>
      <c r="PAQ723" s="424"/>
      <c r="PAR723" s="424"/>
      <c r="PAS723" s="423" t="s">
        <v>2795</v>
      </c>
      <c r="PAT723" s="424"/>
      <c r="PAU723" s="424"/>
      <c r="PAV723" s="424"/>
      <c r="PAW723" s="423" t="s">
        <v>2795</v>
      </c>
      <c r="PAX723" s="424"/>
      <c r="PAY723" s="424"/>
      <c r="PAZ723" s="424"/>
      <c r="PBA723" s="423" t="s">
        <v>2795</v>
      </c>
      <c r="PBB723" s="424"/>
      <c r="PBC723" s="424"/>
      <c r="PBD723" s="424"/>
      <c r="PBE723" s="423" t="s">
        <v>2795</v>
      </c>
      <c r="PBF723" s="424"/>
      <c r="PBG723" s="424"/>
      <c r="PBH723" s="424"/>
      <c r="PBI723" s="423" t="s">
        <v>2795</v>
      </c>
      <c r="PBJ723" s="424"/>
      <c r="PBK723" s="424"/>
      <c r="PBL723" s="424"/>
      <c r="PBM723" s="423" t="s">
        <v>2795</v>
      </c>
      <c r="PBN723" s="424"/>
      <c r="PBO723" s="424"/>
      <c r="PBP723" s="424"/>
      <c r="PBQ723" s="423" t="s">
        <v>2795</v>
      </c>
      <c r="PBR723" s="424"/>
      <c r="PBS723" s="424"/>
      <c r="PBT723" s="424"/>
      <c r="PBU723" s="423" t="s">
        <v>2795</v>
      </c>
      <c r="PBV723" s="424"/>
      <c r="PBW723" s="424"/>
      <c r="PBX723" s="424"/>
      <c r="PBY723" s="423" t="s">
        <v>2795</v>
      </c>
      <c r="PBZ723" s="424"/>
      <c r="PCA723" s="424"/>
      <c r="PCB723" s="424"/>
      <c r="PCC723" s="423" t="s">
        <v>2795</v>
      </c>
      <c r="PCD723" s="424"/>
      <c r="PCE723" s="424"/>
      <c r="PCF723" s="424"/>
      <c r="PCG723" s="423" t="s">
        <v>2795</v>
      </c>
      <c r="PCH723" s="424"/>
      <c r="PCI723" s="424"/>
      <c r="PCJ723" s="424"/>
      <c r="PCK723" s="423" t="s">
        <v>2795</v>
      </c>
      <c r="PCL723" s="424"/>
      <c r="PCM723" s="424"/>
      <c r="PCN723" s="424"/>
      <c r="PCO723" s="423" t="s">
        <v>2795</v>
      </c>
      <c r="PCP723" s="424"/>
      <c r="PCQ723" s="424"/>
      <c r="PCR723" s="424"/>
      <c r="PCS723" s="423" t="s">
        <v>2795</v>
      </c>
      <c r="PCT723" s="424"/>
      <c r="PCU723" s="424"/>
      <c r="PCV723" s="424"/>
      <c r="PCW723" s="423" t="s">
        <v>2795</v>
      </c>
      <c r="PCX723" s="424"/>
      <c r="PCY723" s="424"/>
      <c r="PCZ723" s="424"/>
      <c r="PDA723" s="423" t="s">
        <v>2795</v>
      </c>
      <c r="PDB723" s="424"/>
      <c r="PDC723" s="424"/>
      <c r="PDD723" s="424"/>
      <c r="PDE723" s="423" t="s">
        <v>2795</v>
      </c>
      <c r="PDF723" s="424"/>
      <c r="PDG723" s="424"/>
      <c r="PDH723" s="424"/>
      <c r="PDI723" s="423" t="s">
        <v>2795</v>
      </c>
      <c r="PDJ723" s="424"/>
      <c r="PDK723" s="424"/>
      <c r="PDL723" s="424"/>
      <c r="PDM723" s="423" t="s">
        <v>2795</v>
      </c>
      <c r="PDN723" s="424"/>
      <c r="PDO723" s="424"/>
      <c r="PDP723" s="424"/>
      <c r="PDQ723" s="423" t="s">
        <v>2795</v>
      </c>
      <c r="PDR723" s="424"/>
      <c r="PDS723" s="424"/>
      <c r="PDT723" s="424"/>
      <c r="PDU723" s="423" t="s">
        <v>2795</v>
      </c>
      <c r="PDV723" s="424"/>
      <c r="PDW723" s="424"/>
      <c r="PDX723" s="424"/>
      <c r="PDY723" s="423" t="s">
        <v>2795</v>
      </c>
      <c r="PDZ723" s="424"/>
      <c r="PEA723" s="424"/>
      <c r="PEB723" s="424"/>
      <c r="PEC723" s="423" t="s">
        <v>2795</v>
      </c>
      <c r="PED723" s="424"/>
      <c r="PEE723" s="424"/>
      <c r="PEF723" s="424"/>
      <c r="PEG723" s="423" t="s">
        <v>2795</v>
      </c>
      <c r="PEH723" s="424"/>
      <c r="PEI723" s="424"/>
      <c r="PEJ723" s="424"/>
      <c r="PEK723" s="423" t="s">
        <v>2795</v>
      </c>
      <c r="PEL723" s="424"/>
      <c r="PEM723" s="424"/>
      <c r="PEN723" s="424"/>
      <c r="PEO723" s="423" t="s">
        <v>2795</v>
      </c>
      <c r="PEP723" s="424"/>
      <c r="PEQ723" s="424"/>
      <c r="PER723" s="424"/>
      <c r="PES723" s="423" t="s">
        <v>2795</v>
      </c>
      <c r="PET723" s="424"/>
      <c r="PEU723" s="424"/>
      <c r="PEV723" s="424"/>
      <c r="PEW723" s="423" t="s">
        <v>2795</v>
      </c>
      <c r="PEX723" s="424"/>
      <c r="PEY723" s="424"/>
      <c r="PEZ723" s="424"/>
      <c r="PFA723" s="423" t="s">
        <v>2795</v>
      </c>
      <c r="PFB723" s="424"/>
      <c r="PFC723" s="424"/>
      <c r="PFD723" s="424"/>
      <c r="PFE723" s="423" t="s">
        <v>2795</v>
      </c>
      <c r="PFF723" s="424"/>
      <c r="PFG723" s="424"/>
      <c r="PFH723" s="424"/>
      <c r="PFI723" s="423" t="s">
        <v>2795</v>
      </c>
      <c r="PFJ723" s="424"/>
      <c r="PFK723" s="424"/>
      <c r="PFL723" s="424"/>
      <c r="PFM723" s="423" t="s">
        <v>2795</v>
      </c>
      <c r="PFN723" s="424"/>
      <c r="PFO723" s="424"/>
      <c r="PFP723" s="424"/>
      <c r="PFQ723" s="423" t="s">
        <v>2795</v>
      </c>
      <c r="PFR723" s="424"/>
      <c r="PFS723" s="424"/>
      <c r="PFT723" s="424"/>
      <c r="PFU723" s="423" t="s">
        <v>2795</v>
      </c>
      <c r="PFV723" s="424"/>
      <c r="PFW723" s="424"/>
      <c r="PFX723" s="424"/>
      <c r="PFY723" s="423" t="s">
        <v>2795</v>
      </c>
      <c r="PFZ723" s="424"/>
      <c r="PGA723" s="424"/>
      <c r="PGB723" s="424"/>
      <c r="PGC723" s="423" t="s">
        <v>2795</v>
      </c>
      <c r="PGD723" s="424"/>
      <c r="PGE723" s="424"/>
      <c r="PGF723" s="424"/>
      <c r="PGG723" s="423" t="s">
        <v>2795</v>
      </c>
      <c r="PGH723" s="424"/>
      <c r="PGI723" s="424"/>
      <c r="PGJ723" s="424"/>
      <c r="PGK723" s="423" t="s">
        <v>2795</v>
      </c>
      <c r="PGL723" s="424"/>
      <c r="PGM723" s="424"/>
      <c r="PGN723" s="424"/>
      <c r="PGO723" s="423" t="s">
        <v>2795</v>
      </c>
      <c r="PGP723" s="424"/>
      <c r="PGQ723" s="424"/>
      <c r="PGR723" s="424"/>
      <c r="PGS723" s="423" t="s">
        <v>2795</v>
      </c>
      <c r="PGT723" s="424"/>
      <c r="PGU723" s="424"/>
      <c r="PGV723" s="424"/>
      <c r="PGW723" s="423" t="s">
        <v>2795</v>
      </c>
      <c r="PGX723" s="424"/>
      <c r="PGY723" s="424"/>
      <c r="PGZ723" s="424"/>
      <c r="PHA723" s="423" t="s">
        <v>2795</v>
      </c>
      <c r="PHB723" s="424"/>
      <c r="PHC723" s="424"/>
      <c r="PHD723" s="424"/>
      <c r="PHE723" s="423" t="s">
        <v>2795</v>
      </c>
      <c r="PHF723" s="424"/>
      <c r="PHG723" s="424"/>
      <c r="PHH723" s="424"/>
      <c r="PHI723" s="423" t="s">
        <v>2795</v>
      </c>
      <c r="PHJ723" s="424"/>
      <c r="PHK723" s="424"/>
      <c r="PHL723" s="424"/>
      <c r="PHM723" s="423" t="s">
        <v>2795</v>
      </c>
      <c r="PHN723" s="424"/>
      <c r="PHO723" s="424"/>
      <c r="PHP723" s="424"/>
      <c r="PHQ723" s="423" t="s">
        <v>2795</v>
      </c>
      <c r="PHR723" s="424"/>
      <c r="PHS723" s="424"/>
      <c r="PHT723" s="424"/>
      <c r="PHU723" s="423" t="s">
        <v>2795</v>
      </c>
      <c r="PHV723" s="424"/>
      <c r="PHW723" s="424"/>
      <c r="PHX723" s="424"/>
      <c r="PHY723" s="423" t="s">
        <v>2795</v>
      </c>
      <c r="PHZ723" s="424"/>
      <c r="PIA723" s="424"/>
      <c r="PIB723" s="424"/>
      <c r="PIC723" s="423" t="s">
        <v>2795</v>
      </c>
      <c r="PID723" s="424"/>
      <c r="PIE723" s="424"/>
      <c r="PIF723" s="424"/>
      <c r="PIG723" s="423" t="s">
        <v>2795</v>
      </c>
      <c r="PIH723" s="424"/>
      <c r="PII723" s="424"/>
      <c r="PIJ723" s="424"/>
      <c r="PIK723" s="423" t="s">
        <v>2795</v>
      </c>
      <c r="PIL723" s="424"/>
      <c r="PIM723" s="424"/>
      <c r="PIN723" s="424"/>
      <c r="PIO723" s="423" t="s">
        <v>2795</v>
      </c>
      <c r="PIP723" s="424"/>
      <c r="PIQ723" s="424"/>
      <c r="PIR723" s="424"/>
      <c r="PIS723" s="423" t="s">
        <v>2795</v>
      </c>
      <c r="PIT723" s="424"/>
      <c r="PIU723" s="424"/>
      <c r="PIV723" s="424"/>
      <c r="PIW723" s="423" t="s">
        <v>2795</v>
      </c>
      <c r="PIX723" s="424"/>
      <c r="PIY723" s="424"/>
      <c r="PIZ723" s="424"/>
      <c r="PJA723" s="423" t="s">
        <v>2795</v>
      </c>
      <c r="PJB723" s="424"/>
      <c r="PJC723" s="424"/>
      <c r="PJD723" s="424"/>
      <c r="PJE723" s="423" t="s">
        <v>2795</v>
      </c>
      <c r="PJF723" s="424"/>
      <c r="PJG723" s="424"/>
      <c r="PJH723" s="424"/>
      <c r="PJI723" s="423" t="s">
        <v>2795</v>
      </c>
      <c r="PJJ723" s="424"/>
      <c r="PJK723" s="424"/>
      <c r="PJL723" s="424"/>
      <c r="PJM723" s="423" t="s">
        <v>2795</v>
      </c>
      <c r="PJN723" s="424"/>
      <c r="PJO723" s="424"/>
      <c r="PJP723" s="424"/>
      <c r="PJQ723" s="423" t="s">
        <v>2795</v>
      </c>
      <c r="PJR723" s="424"/>
      <c r="PJS723" s="424"/>
      <c r="PJT723" s="424"/>
      <c r="PJU723" s="423" t="s">
        <v>2795</v>
      </c>
      <c r="PJV723" s="424"/>
      <c r="PJW723" s="424"/>
      <c r="PJX723" s="424"/>
      <c r="PJY723" s="423" t="s">
        <v>2795</v>
      </c>
      <c r="PJZ723" s="424"/>
      <c r="PKA723" s="424"/>
      <c r="PKB723" s="424"/>
      <c r="PKC723" s="423" t="s">
        <v>2795</v>
      </c>
      <c r="PKD723" s="424"/>
      <c r="PKE723" s="424"/>
      <c r="PKF723" s="424"/>
      <c r="PKG723" s="423" t="s">
        <v>2795</v>
      </c>
      <c r="PKH723" s="424"/>
      <c r="PKI723" s="424"/>
      <c r="PKJ723" s="424"/>
      <c r="PKK723" s="423" t="s">
        <v>2795</v>
      </c>
      <c r="PKL723" s="424"/>
      <c r="PKM723" s="424"/>
      <c r="PKN723" s="424"/>
      <c r="PKO723" s="423" t="s">
        <v>2795</v>
      </c>
      <c r="PKP723" s="424"/>
      <c r="PKQ723" s="424"/>
      <c r="PKR723" s="424"/>
      <c r="PKS723" s="423" t="s">
        <v>2795</v>
      </c>
      <c r="PKT723" s="424"/>
      <c r="PKU723" s="424"/>
      <c r="PKV723" s="424"/>
      <c r="PKW723" s="423" t="s">
        <v>2795</v>
      </c>
      <c r="PKX723" s="424"/>
      <c r="PKY723" s="424"/>
      <c r="PKZ723" s="424"/>
      <c r="PLA723" s="423" t="s">
        <v>2795</v>
      </c>
      <c r="PLB723" s="424"/>
      <c r="PLC723" s="424"/>
      <c r="PLD723" s="424"/>
      <c r="PLE723" s="423" t="s">
        <v>2795</v>
      </c>
      <c r="PLF723" s="424"/>
      <c r="PLG723" s="424"/>
      <c r="PLH723" s="424"/>
      <c r="PLI723" s="423" t="s">
        <v>2795</v>
      </c>
      <c r="PLJ723" s="424"/>
      <c r="PLK723" s="424"/>
      <c r="PLL723" s="424"/>
      <c r="PLM723" s="423" t="s">
        <v>2795</v>
      </c>
      <c r="PLN723" s="424"/>
      <c r="PLO723" s="424"/>
      <c r="PLP723" s="424"/>
      <c r="PLQ723" s="423" t="s">
        <v>2795</v>
      </c>
      <c r="PLR723" s="424"/>
      <c r="PLS723" s="424"/>
      <c r="PLT723" s="424"/>
      <c r="PLU723" s="423" t="s">
        <v>2795</v>
      </c>
      <c r="PLV723" s="424"/>
      <c r="PLW723" s="424"/>
      <c r="PLX723" s="424"/>
      <c r="PLY723" s="423" t="s">
        <v>2795</v>
      </c>
      <c r="PLZ723" s="424"/>
      <c r="PMA723" s="424"/>
      <c r="PMB723" s="424"/>
      <c r="PMC723" s="423" t="s">
        <v>2795</v>
      </c>
      <c r="PMD723" s="424"/>
      <c r="PME723" s="424"/>
      <c r="PMF723" s="424"/>
      <c r="PMG723" s="423" t="s">
        <v>2795</v>
      </c>
      <c r="PMH723" s="424"/>
      <c r="PMI723" s="424"/>
      <c r="PMJ723" s="424"/>
      <c r="PMK723" s="423" t="s">
        <v>2795</v>
      </c>
      <c r="PML723" s="424"/>
      <c r="PMM723" s="424"/>
      <c r="PMN723" s="424"/>
      <c r="PMO723" s="423" t="s">
        <v>2795</v>
      </c>
      <c r="PMP723" s="424"/>
      <c r="PMQ723" s="424"/>
      <c r="PMR723" s="424"/>
      <c r="PMS723" s="423" t="s">
        <v>2795</v>
      </c>
      <c r="PMT723" s="424"/>
      <c r="PMU723" s="424"/>
      <c r="PMV723" s="424"/>
      <c r="PMW723" s="423" t="s">
        <v>2795</v>
      </c>
      <c r="PMX723" s="424"/>
      <c r="PMY723" s="424"/>
      <c r="PMZ723" s="424"/>
      <c r="PNA723" s="423" t="s">
        <v>2795</v>
      </c>
      <c r="PNB723" s="424"/>
      <c r="PNC723" s="424"/>
      <c r="PND723" s="424"/>
      <c r="PNE723" s="423" t="s">
        <v>2795</v>
      </c>
      <c r="PNF723" s="424"/>
      <c r="PNG723" s="424"/>
      <c r="PNH723" s="424"/>
      <c r="PNI723" s="423" t="s">
        <v>2795</v>
      </c>
      <c r="PNJ723" s="424"/>
      <c r="PNK723" s="424"/>
      <c r="PNL723" s="424"/>
      <c r="PNM723" s="423" t="s">
        <v>2795</v>
      </c>
      <c r="PNN723" s="424"/>
      <c r="PNO723" s="424"/>
      <c r="PNP723" s="424"/>
      <c r="PNQ723" s="423" t="s">
        <v>2795</v>
      </c>
      <c r="PNR723" s="424"/>
      <c r="PNS723" s="424"/>
      <c r="PNT723" s="424"/>
      <c r="PNU723" s="423" t="s">
        <v>2795</v>
      </c>
      <c r="PNV723" s="424"/>
      <c r="PNW723" s="424"/>
      <c r="PNX723" s="424"/>
      <c r="PNY723" s="423" t="s">
        <v>2795</v>
      </c>
      <c r="PNZ723" s="424"/>
      <c r="POA723" s="424"/>
      <c r="POB723" s="424"/>
      <c r="POC723" s="423" t="s">
        <v>2795</v>
      </c>
      <c r="POD723" s="424"/>
      <c r="POE723" s="424"/>
      <c r="POF723" s="424"/>
      <c r="POG723" s="423" t="s">
        <v>2795</v>
      </c>
      <c r="POH723" s="424"/>
      <c r="POI723" s="424"/>
      <c r="POJ723" s="424"/>
      <c r="POK723" s="423" t="s">
        <v>2795</v>
      </c>
      <c r="POL723" s="424"/>
      <c r="POM723" s="424"/>
      <c r="PON723" s="424"/>
      <c r="POO723" s="423" t="s">
        <v>2795</v>
      </c>
      <c r="POP723" s="424"/>
      <c r="POQ723" s="424"/>
      <c r="POR723" s="424"/>
      <c r="POS723" s="423" t="s">
        <v>2795</v>
      </c>
      <c r="POT723" s="424"/>
      <c r="POU723" s="424"/>
      <c r="POV723" s="424"/>
      <c r="POW723" s="423" t="s">
        <v>2795</v>
      </c>
      <c r="POX723" s="424"/>
      <c r="POY723" s="424"/>
      <c r="POZ723" s="424"/>
      <c r="PPA723" s="423" t="s">
        <v>2795</v>
      </c>
      <c r="PPB723" s="424"/>
      <c r="PPC723" s="424"/>
      <c r="PPD723" s="424"/>
      <c r="PPE723" s="423" t="s">
        <v>2795</v>
      </c>
      <c r="PPF723" s="424"/>
      <c r="PPG723" s="424"/>
      <c r="PPH723" s="424"/>
      <c r="PPI723" s="423" t="s">
        <v>2795</v>
      </c>
      <c r="PPJ723" s="424"/>
      <c r="PPK723" s="424"/>
      <c r="PPL723" s="424"/>
      <c r="PPM723" s="423" t="s">
        <v>2795</v>
      </c>
      <c r="PPN723" s="424"/>
      <c r="PPO723" s="424"/>
      <c r="PPP723" s="424"/>
      <c r="PPQ723" s="423" t="s">
        <v>2795</v>
      </c>
      <c r="PPR723" s="424"/>
      <c r="PPS723" s="424"/>
      <c r="PPT723" s="424"/>
      <c r="PPU723" s="423" t="s">
        <v>2795</v>
      </c>
      <c r="PPV723" s="424"/>
      <c r="PPW723" s="424"/>
      <c r="PPX723" s="424"/>
      <c r="PPY723" s="423" t="s">
        <v>2795</v>
      </c>
      <c r="PPZ723" s="424"/>
      <c r="PQA723" s="424"/>
      <c r="PQB723" s="424"/>
      <c r="PQC723" s="423" t="s">
        <v>2795</v>
      </c>
      <c r="PQD723" s="424"/>
      <c r="PQE723" s="424"/>
      <c r="PQF723" s="424"/>
      <c r="PQG723" s="423" t="s">
        <v>2795</v>
      </c>
      <c r="PQH723" s="424"/>
      <c r="PQI723" s="424"/>
      <c r="PQJ723" s="424"/>
      <c r="PQK723" s="423" t="s">
        <v>2795</v>
      </c>
      <c r="PQL723" s="424"/>
      <c r="PQM723" s="424"/>
      <c r="PQN723" s="424"/>
      <c r="PQO723" s="423" t="s">
        <v>2795</v>
      </c>
      <c r="PQP723" s="424"/>
      <c r="PQQ723" s="424"/>
      <c r="PQR723" s="424"/>
      <c r="PQS723" s="423" t="s">
        <v>2795</v>
      </c>
      <c r="PQT723" s="424"/>
      <c r="PQU723" s="424"/>
      <c r="PQV723" s="424"/>
      <c r="PQW723" s="423" t="s">
        <v>2795</v>
      </c>
      <c r="PQX723" s="424"/>
      <c r="PQY723" s="424"/>
      <c r="PQZ723" s="424"/>
      <c r="PRA723" s="423" t="s">
        <v>2795</v>
      </c>
      <c r="PRB723" s="424"/>
      <c r="PRC723" s="424"/>
      <c r="PRD723" s="424"/>
      <c r="PRE723" s="423" t="s">
        <v>2795</v>
      </c>
      <c r="PRF723" s="424"/>
      <c r="PRG723" s="424"/>
      <c r="PRH723" s="424"/>
      <c r="PRI723" s="423" t="s">
        <v>2795</v>
      </c>
      <c r="PRJ723" s="424"/>
      <c r="PRK723" s="424"/>
      <c r="PRL723" s="424"/>
      <c r="PRM723" s="423" t="s">
        <v>2795</v>
      </c>
      <c r="PRN723" s="424"/>
      <c r="PRO723" s="424"/>
      <c r="PRP723" s="424"/>
      <c r="PRQ723" s="423" t="s">
        <v>2795</v>
      </c>
      <c r="PRR723" s="424"/>
      <c r="PRS723" s="424"/>
      <c r="PRT723" s="424"/>
      <c r="PRU723" s="423" t="s">
        <v>2795</v>
      </c>
      <c r="PRV723" s="424"/>
      <c r="PRW723" s="424"/>
      <c r="PRX723" s="424"/>
      <c r="PRY723" s="423" t="s">
        <v>2795</v>
      </c>
      <c r="PRZ723" s="424"/>
      <c r="PSA723" s="424"/>
      <c r="PSB723" s="424"/>
      <c r="PSC723" s="423" t="s">
        <v>2795</v>
      </c>
      <c r="PSD723" s="424"/>
      <c r="PSE723" s="424"/>
      <c r="PSF723" s="424"/>
      <c r="PSG723" s="423" t="s">
        <v>2795</v>
      </c>
      <c r="PSH723" s="424"/>
      <c r="PSI723" s="424"/>
      <c r="PSJ723" s="424"/>
      <c r="PSK723" s="423" t="s">
        <v>2795</v>
      </c>
      <c r="PSL723" s="424"/>
      <c r="PSM723" s="424"/>
      <c r="PSN723" s="424"/>
      <c r="PSO723" s="423" t="s">
        <v>2795</v>
      </c>
      <c r="PSP723" s="424"/>
      <c r="PSQ723" s="424"/>
      <c r="PSR723" s="424"/>
      <c r="PSS723" s="423" t="s">
        <v>2795</v>
      </c>
      <c r="PST723" s="424"/>
      <c r="PSU723" s="424"/>
      <c r="PSV723" s="424"/>
      <c r="PSW723" s="423" t="s">
        <v>2795</v>
      </c>
      <c r="PSX723" s="424"/>
      <c r="PSY723" s="424"/>
      <c r="PSZ723" s="424"/>
      <c r="PTA723" s="423" t="s">
        <v>2795</v>
      </c>
      <c r="PTB723" s="424"/>
      <c r="PTC723" s="424"/>
      <c r="PTD723" s="424"/>
      <c r="PTE723" s="423" t="s">
        <v>2795</v>
      </c>
      <c r="PTF723" s="424"/>
      <c r="PTG723" s="424"/>
      <c r="PTH723" s="424"/>
      <c r="PTI723" s="423" t="s">
        <v>2795</v>
      </c>
      <c r="PTJ723" s="424"/>
      <c r="PTK723" s="424"/>
      <c r="PTL723" s="424"/>
      <c r="PTM723" s="423" t="s">
        <v>2795</v>
      </c>
      <c r="PTN723" s="424"/>
      <c r="PTO723" s="424"/>
      <c r="PTP723" s="424"/>
      <c r="PTQ723" s="423" t="s">
        <v>2795</v>
      </c>
      <c r="PTR723" s="424"/>
      <c r="PTS723" s="424"/>
      <c r="PTT723" s="424"/>
      <c r="PTU723" s="423" t="s">
        <v>2795</v>
      </c>
      <c r="PTV723" s="424"/>
      <c r="PTW723" s="424"/>
      <c r="PTX723" s="424"/>
      <c r="PTY723" s="423" t="s">
        <v>2795</v>
      </c>
      <c r="PTZ723" s="424"/>
      <c r="PUA723" s="424"/>
      <c r="PUB723" s="424"/>
      <c r="PUC723" s="423" t="s">
        <v>2795</v>
      </c>
      <c r="PUD723" s="424"/>
      <c r="PUE723" s="424"/>
      <c r="PUF723" s="424"/>
      <c r="PUG723" s="423" t="s">
        <v>2795</v>
      </c>
      <c r="PUH723" s="424"/>
      <c r="PUI723" s="424"/>
      <c r="PUJ723" s="424"/>
      <c r="PUK723" s="423" t="s">
        <v>2795</v>
      </c>
      <c r="PUL723" s="424"/>
      <c r="PUM723" s="424"/>
      <c r="PUN723" s="424"/>
      <c r="PUO723" s="423" t="s">
        <v>2795</v>
      </c>
      <c r="PUP723" s="424"/>
      <c r="PUQ723" s="424"/>
      <c r="PUR723" s="424"/>
      <c r="PUS723" s="423" t="s">
        <v>2795</v>
      </c>
      <c r="PUT723" s="424"/>
      <c r="PUU723" s="424"/>
      <c r="PUV723" s="424"/>
      <c r="PUW723" s="423" t="s">
        <v>2795</v>
      </c>
      <c r="PUX723" s="424"/>
      <c r="PUY723" s="424"/>
      <c r="PUZ723" s="424"/>
      <c r="PVA723" s="423" t="s">
        <v>2795</v>
      </c>
      <c r="PVB723" s="424"/>
      <c r="PVC723" s="424"/>
      <c r="PVD723" s="424"/>
      <c r="PVE723" s="423" t="s">
        <v>2795</v>
      </c>
      <c r="PVF723" s="424"/>
      <c r="PVG723" s="424"/>
      <c r="PVH723" s="424"/>
      <c r="PVI723" s="423" t="s">
        <v>2795</v>
      </c>
      <c r="PVJ723" s="424"/>
      <c r="PVK723" s="424"/>
      <c r="PVL723" s="424"/>
      <c r="PVM723" s="423" t="s">
        <v>2795</v>
      </c>
      <c r="PVN723" s="424"/>
      <c r="PVO723" s="424"/>
      <c r="PVP723" s="424"/>
      <c r="PVQ723" s="423" t="s">
        <v>2795</v>
      </c>
      <c r="PVR723" s="424"/>
      <c r="PVS723" s="424"/>
      <c r="PVT723" s="424"/>
      <c r="PVU723" s="423" t="s">
        <v>2795</v>
      </c>
      <c r="PVV723" s="424"/>
      <c r="PVW723" s="424"/>
      <c r="PVX723" s="424"/>
      <c r="PVY723" s="423" t="s">
        <v>2795</v>
      </c>
      <c r="PVZ723" s="424"/>
      <c r="PWA723" s="424"/>
      <c r="PWB723" s="424"/>
      <c r="PWC723" s="423" t="s">
        <v>2795</v>
      </c>
      <c r="PWD723" s="424"/>
      <c r="PWE723" s="424"/>
      <c r="PWF723" s="424"/>
      <c r="PWG723" s="423" t="s">
        <v>2795</v>
      </c>
      <c r="PWH723" s="424"/>
      <c r="PWI723" s="424"/>
      <c r="PWJ723" s="424"/>
      <c r="PWK723" s="423" t="s">
        <v>2795</v>
      </c>
      <c r="PWL723" s="424"/>
      <c r="PWM723" s="424"/>
      <c r="PWN723" s="424"/>
      <c r="PWO723" s="423" t="s">
        <v>2795</v>
      </c>
      <c r="PWP723" s="424"/>
      <c r="PWQ723" s="424"/>
      <c r="PWR723" s="424"/>
      <c r="PWS723" s="423" t="s">
        <v>2795</v>
      </c>
      <c r="PWT723" s="424"/>
      <c r="PWU723" s="424"/>
      <c r="PWV723" s="424"/>
      <c r="PWW723" s="423" t="s">
        <v>2795</v>
      </c>
      <c r="PWX723" s="424"/>
      <c r="PWY723" s="424"/>
      <c r="PWZ723" s="424"/>
      <c r="PXA723" s="423" t="s">
        <v>2795</v>
      </c>
      <c r="PXB723" s="424"/>
      <c r="PXC723" s="424"/>
      <c r="PXD723" s="424"/>
      <c r="PXE723" s="423" t="s">
        <v>2795</v>
      </c>
      <c r="PXF723" s="424"/>
      <c r="PXG723" s="424"/>
      <c r="PXH723" s="424"/>
      <c r="PXI723" s="423" t="s">
        <v>2795</v>
      </c>
      <c r="PXJ723" s="424"/>
      <c r="PXK723" s="424"/>
      <c r="PXL723" s="424"/>
      <c r="PXM723" s="423" t="s">
        <v>2795</v>
      </c>
      <c r="PXN723" s="424"/>
      <c r="PXO723" s="424"/>
      <c r="PXP723" s="424"/>
      <c r="PXQ723" s="423" t="s">
        <v>2795</v>
      </c>
      <c r="PXR723" s="424"/>
      <c r="PXS723" s="424"/>
      <c r="PXT723" s="424"/>
      <c r="PXU723" s="423" t="s">
        <v>2795</v>
      </c>
      <c r="PXV723" s="424"/>
      <c r="PXW723" s="424"/>
      <c r="PXX723" s="424"/>
      <c r="PXY723" s="423" t="s">
        <v>2795</v>
      </c>
      <c r="PXZ723" s="424"/>
      <c r="PYA723" s="424"/>
      <c r="PYB723" s="424"/>
      <c r="PYC723" s="423" t="s">
        <v>2795</v>
      </c>
      <c r="PYD723" s="424"/>
      <c r="PYE723" s="424"/>
      <c r="PYF723" s="424"/>
      <c r="PYG723" s="423" t="s">
        <v>2795</v>
      </c>
      <c r="PYH723" s="424"/>
      <c r="PYI723" s="424"/>
      <c r="PYJ723" s="424"/>
      <c r="PYK723" s="423" t="s">
        <v>2795</v>
      </c>
      <c r="PYL723" s="424"/>
      <c r="PYM723" s="424"/>
      <c r="PYN723" s="424"/>
      <c r="PYO723" s="423" t="s">
        <v>2795</v>
      </c>
      <c r="PYP723" s="424"/>
      <c r="PYQ723" s="424"/>
      <c r="PYR723" s="424"/>
      <c r="PYS723" s="423" t="s">
        <v>2795</v>
      </c>
      <c r="PYT723" s="424"/>
      <c r="PYU723" s="424"/>
      <c r="PYV723" s="424"/>
      <c r="PYW723" s="423" t="s">
        <v>2795</v>
      </c>
      <c r="PYX723" s="424"/>
      <c r="PYY723" s="424"/>
      <c r="PYZ723" s="424"/>
      <c r="PZA723" s="423" t="s">
        <v>2795</v>
      </c>
      <c r="PZB723" s="424"/>
      <c r="PZC723" s="424"/>
      <c r="PZD723" s="424"/>
      <c r="PZE723" s="423" t="s">
        <v>2795</v>
      </c>
      <c r="PZF723" s="424"/>
      <c r="PZG723" s="424"/>
      <c r="PZH723" s="424"/>
      <c r="PZI723" s="423" t="s">
        <v>2795</v>
      </c>
      <c r="PZJ723" s="424"/>
      <c r="PZK723" s="424"/>
      <c r="PZL723" s="424"/>
      <c r="PZM723" s="423" t="s">
        <v>2795</v>
      </c>
      <c r="PZN723" s="424"/>
      <c r="PZO723" s="424"/>
      <c r="PZP723" s="424"/>
      <c r="PZQ723" s="423" t="s">
        <v>2795</v>
      </c>
      <c r="PZR723" s="424"/>
      <c r="PZS723" s="424"/>
      <c r="PZT723" s="424"/>
      <c r="PZU723" s="423" t="s">
        <v>2795</v>
      </c>
      <c r="PZV723" s="424"/>
      <c r="PZW723" s="424"/>
      <c r="PZX723" s="424"/>
      <c r="PZY723" s="423" t="s">
        <v>2795</v>
      </c>
      <c r="PZZ723" s="424"/>
      <c r="QAA723" s="424"/>
      <c r="QAB723" s="424"/>
      <c r="QAC723" s="423" t="s">
        <v>2795</v>
      </c>
      <c r="QAD723" s="424"/>
      <c r="QAE723" s="424"/>
      <c r="QAF723" s="424"/>
      <c r="QAG723" s="423" t="s">
        <v>2795</v>
      </c>
      <c r="QAH723" s="424"/>
      <c r="QAI723" s="424"/>
      <c r="QAJ723" s="424"/>
      <c r="QAK723" s="423" t="s">
        <v>2795</v>
      </c>
      <c r="QAL723" s="424"/>
      <c r="QAM723" s="424"/>
      <c r="QAN723" s="424"/>
      <c r="QAO723" s="423" t="s">
        <v>2795</v>
      </c>
      <c r="QAP723" s="424"/>
      <c r="QAQ723" s="424"/>
      <c r="QAR723" s="424"/>
      <c r="QAS723" s="423" t="s">
        <v>2795</v>
      </c>
      <c r="QAT723" s="424"/>
      <c r="QAU723" s="424"/>
      <c r="QAV723" s="424"/>
      <c r="QAW723" s="423" t="s">
        <v>2795</v>
      </c>
      <c r="QAX723" s="424"/>
      <c r="QAY723" s="424"/>
      <c r="QAZ723" s="424"/>
      <c r="QBA723" s="423" t="s">
        <v>2795</v>
      </c>
      <c r="QBB723" s="424"/>
      <c r="QBC723" s="424"/>
      <c r="QBD723" s="424"/>
      <c r="QBE723" s="423" t="s">
        <v>2795</v>
      </c>
      <c r="QBF723" s="424"/>
      <c r="QBG723" s="424"/>
      <c r="QBH723" s="424"/>
      <c r="QBI723" s="423" t="s">
        <v>2795</v>
      </c>
      <c r="QBJ723" s="424"/>
      <c r="QBK723" s="424"/>
      <c r="QBL723" s="424"/>
      <c r="QBM723" s="423" t="s">
        <v>2795</v>
      </c>
      <c r="QBN723" s="424"/>
      <c r="QBO723" s="424"/>
      <c r="QBP723" s="424"/>
      <c r="QBQ723" s="423" t="s">
        <v>2795</v>
      </c>
      <c r="QBR723" s="424"/>
      <c r="QBS723" s="424"/>
      <c r="QBT723" s="424"/>
      <c r="QBU723" s="423" t="s">
        <v>2795</v>
      </c>
      <c r="QBV723" s="424"/>
      <c r="QBW723" s="424"/>
      <c r="QBX723" s="424"/>
      <c r="QBY723" s="423" t="s">
        <v>2795</v>
      </c>
      <c r="QBZ723" s="424"/>
      <c r="QCA723" s="424"/>
      <c r="QCB723" s="424"/>
      <c r="QCC723" s="423" t="s">
        <v>2795</v>
      </c>
      <c r="QCD723" s="424"/>
      <c r="QCE723" s="424"/>
      <c r="QCF723" s="424"/>
      <c r="QCG723" s="423" t="s">
        <v>2795</v>
      </c>
      <c r="QCH723" s="424"/>
      <c r="QCI723" s="424"/>
      <c r="QCJ723" s="424"/>
      <c r="QCK723" s="423" t="s">
        <v>2795</v>
      </c>
      <c r="QCL723" s="424"/>
      <c r="QCM723" s="424"/>
      <c r="QCN723" s="424"/>
      <c r="QCO723" s="423" t="s">
        <v>2795</v>
      </c>
      <c r="QCP723" s="424"/>
      <c r="QCQ723" s="424"/>
      <c r="QCR723" s="424"/>
      <c r="QCS723" s="423" t="s">
        <v>2795</v>
      </c>
      <c r="QCT723" s="424"/>
      <c r="QCU723" s="424"/>
      <c r="QCV723" s="424"/>
      <c r="QCW723" s="423" t="s">
        <v>2795</v>
      </c>
      <c r="QCX723" s="424"/>
      <c r="QCY723" s="424"/>
      <c r="QCZ723" s="424"/>
      <c r="QDA723" s="423" t="s">
        <v>2795</v>
      </c>
      <c r="QDB723" s="424"/>
      <c r="QDC723" s="424"/>
      <c r="QDD723" s="424"/>
      <c r="QDE723" s="423" t="s">
        <v>2795</v>
      </c>
      <c r="QDF723" s="424"/>
      <c r="QDG723" s="424"/>
      <c r="QDH723" s="424"/>
      <c r="QDI723" s="423" t="s">
        <v>2795</v>
      </c>
      <c r="QDJ723" s="424"/>
      <c r="QDK723" s="424"/>
      <c r="QDL723" s="424"/>
      <c r="QDM723" s="423" t="s">
        <v>2795</v>
      </c>
      <c r="QDN723" s="424"/>
      <c r="QDO723" s="424"/>
      <c r="QDP723" s="424"/>
      <c r="QDQ723" s="423" t="s">
        <v>2795</v>
      </c>
      <c r="QDR723" s="424"/>
      <c r="QDS723" s="424"/>
      <c r="QDT723" s="424"/>
      <c r="QDU723" s="423" t="s">
        <v>2795</v>
      </c>
      <c r="QDV723" s="424"/>
      <c r="QDW723" s="424"/>
      <c r="QDX723" s="424"/>
      <c r="QDY723" s="423" t="s">
        <v>2795</v>
      </c>
      <c r="QDZ723" s="424"/>
      <c r="QEA723" s="424"/>
      <c r="QEB723" s="424"/>
      <c r="QEC723" s="423" t="s">
        <v>2795</v>
      </c>
      <c r="QED723" s="424"/>
      <c r="QEE723" s="424"/>
      <c r="QEF723" s="424"/>
      <c r="QEG723" s="423" t="s">
        <v>2795</v>
      </c>
      <c r="QEH723" s="424"/>
      <c r="QEI723" s="424"/>
      <c r="QEJ723" s="424"/>
      <c r="QEK723" s="423" t="s">
        <v>2795</v>
      </c>
      <c r="QEL723" s="424"/>
      <c r="QEM723" s="424"/>
      <c r="QEN723" s="424"/>
      <c r="QEO723" s="423" t="s">
        <v>2795</v>
      </c>
      <c r="QEP723" s="424"/>
      <c r="QEQ723" s="424"/>
      <c r="QER723" s="424"/>
      <c r="QES723" s="423" t="s">
        <v>2795</v>
      </c>
      <c r="QET723" s="424"/>
      <c r="QEU723" s="424"/>
      <c r="QEV723" s="424"/>
      <c r="QEW723" s="423" t="s">
        <v>2795</v>
      </c>
      <c r="QEX723" s="424"/>
      <c r="QEY723" s="424"/>
      <c r="QEZ723" s="424"/>
      <c r="QFA723" s="423" t="s">
        <v>2795</v>
      </c>
      <c r="QFB723" s="424"/>
      <c r="QFC723" s="424"/>
      <c r="QFD723" s="424"/>
      <c r="QFE723" s="423" t="s">
        <v>2795</v>
      </c>
      <c r="QFF723" s="424"/>
      <c r="QFG723" s="424"/>
      <c r="QFH723" s="424"/>
      <c r="QFI723" s="423" t="s">
        <v>2795</v>
      </c>
      <c r="QFJ723" s="424"/>
      <c r="QFK723" s="424"/>
      <c r="QFL723" s="424"/>
      <c r="QFM723" s="423" t="s">
        <v>2795</v>
      </c>
      <c r="QFN723" s="424"/>
      <c r="QFO723" s="424"/>
      <c r="QFP723" s="424"/>
      <c r="QFQ723" s="423" t="s">
        <v>2795</v>
      </c>
      <c r="QFR723" s="424"/>
      <c r="QFS723" s="424"/>
      <c r="QFT723" s="424"/>
      <c r="QFU723" s="423" t="s">
        <v>2795</v>
      </c>
      <c r="QFV723" s="424"/>
      <c r="QFW723" s="424"/>
      <c r="QFX723" s="424"/>
      <c r="QFY723" s="423" t="s">
        <v>2795</v>
      </c>
      <c r="QFZ723" s="424"/>
      <c r="QGA723" s="424"/>
      <c r="QGB723" s="424"/>
      <c r="QGC723" s="423" t="s">
        <v>2795</v>
      </c>
      <c r="QGD723" s="424"/>
      <c r="QGE723" s="424"/>
      <c r="QGF723" s="424"/>
      <c r="QGG723" s="423" t="s">
        <v>2795</v>
      </c>
      <c r="QGH723" s="424"/>
      <c r="QGI723" s="424"/>
      <c r="QGJ723" s="424"/>
      <c r="QGK723" s="423" t="s">
        <v>2795</v>
      </c>
      <c r="QGL723" s="424"/>
      <c r="QGM723" s="424"/>
      <c r="QGN723" s="424"/>
      <c r="QGO723" s="423" t="s">
        <v>2795</v>
      </c>
      <c r="QGP723" s="424"/>
      <c r="QGQ723" s="424"/>
      <c r="QGR723" s="424"/>
      <c r="QGS723" s="423" t="s">
        <v>2795</v>
      </c>
      <c r="QGT723" s="424"/>
      <c r="QGU723" s="424"/>
      <c r="QGV723" s="424"/>
      <c r="QGW723" s="423" t="s">
        <v>2795</v>
      </c>
      <c r="QGX723" s="424"/>
      <c r="QGY723" s="424"/>
      <c r="QGZ723" s="424"/>
      <c r="QHA723" s="423" t="s">
        <v>2795</v>
      </c>
      <c r="QHB723" s="424"/>
      <c r="QHC723" s="424"/>
      <c r="QHD723" s="424"/>
      <c r="QHE723" s="423" t="s">
        <v>2795</v>
      </c>
      <c r="QHF723" s="424"/>
      <c r="QHG723" s="424"/>
      <c r="QHH723" s="424"/>
      <c r="QHI723" s="423" t="s">
        <v>2795</v>
      </c>
      <c r="QHJ723" s="424"/>
      <c r="QHK723" s="424"/>
      <c r="QHL723" s="424"/>
      <c r="QHM723" s="423" t="s">
        <v>2795</v>
      </c>
      <c r="QHN723" s="424"/>
      <c r="QHO723" s="424"/>
      <c r="QHP723" s="424"/>
      <c r="QHQ723" s="423" t="s">
        <v>2795</v>
      </c>
      <c r="QHR723" s="424"/>
      <c r="QHS723" s="424"/>
      <c r="QHT723" s="424"/>
      <c r="QHU723" s="423" t="s">
        <v>2795</v>
      </c>
      <c r="QHV723" s="424"/>
      <c r="QHW723" s="424"/>
      <c r="QHX723" s="424"/>
      <c r="QHY723" s="423" t="s">
        <v>2795</v>
      </c>
      <c r="QHZ723" s="424"/>
      <c r="QIA723" s="424"/>
      <c r="QIB723" s="424"/>
      <c r="QIC723" s="423" t="s">
        <v>2795</v>
      </c>
      <c r="QID723" s="424"/>
      <c r="QIE723" s="424"/>
      <c r="QIF723" s="424"/>
      <c r="QIG723" s="423" t="s">
        <v>2795</v>
      </c>
      <c r="QIH723" s="424"/>
      <c r="QII723" s="424"/>
      <c r="QIJ723" s="424"/>
      <c r="QIK723" s="423" t="s">
        <v>2795</v>
      </c>
      <c r="QIL723" s="424"/>
      <c r="QIM723" s="424"/>
      <c r="QIN723" s="424"/>
      <c r="QIO723" s="423" t="s">
        <v>2795</v>
      </c>
      <c r="QIP723" s="424"/>
      <c r="QIQ723" s="424"/>
      <c r="QIR723" s="424"/>
      <c r="QIS723" s="423" t="s">
        <v>2795</v>
      </c>
      <c r="QIT723" s="424"/>
      <c r="QIU723" s="424"/>
      <c r="QIV723" s="424"/>
      <c r="QIW723" s="423" t="s">
        <v>2795</v>
      </c>
      <c r="QIX723" s="424"/>
      <c r="QIY723" s="424"/>
      <c r="QIZ723" s="424"/>
      <c r="QJA723" s="423" t="s">
        <v>2795</v>
      </c>
      <c r="QJB723" s="424"/>
      <c r="QJC723" s="424"/>
      <c r="QJD723" s="424"/>
      <c r="QJE723" s="423" t="s">
        <v>2795</v>
      </c>
      <c r="QJF723" s="424"/>
      <c r="QJG723" s="424"/>
      <c r="QJH723" s="424"/>
      <c r="QJI723" s="423" t="s">
        <v>2795</v>
      </c>
      <c r="QJJ723" s="424"/>
      <c r="QJK723" s="424"/>
      <c r="QJL723" s="424"/>
      <c r="QJM723" s="423" t="s">
        <v>2795</v>
      </c>
      <c r="QJN723" s="424"/>
      <c r="QJO723" s="424"/>
      <c r="QJP723" s="424"/>
      <c r="QJQ723" s="423" t="s">
        <v>2795</v>
      </c>
      <c r="QJR723" s="424"/>
      <c r="QJS723" s="424"/>
      <c r="QJT723" s="424"/>
      <c r="QJU723" s="423" t="s">
        <v>2795</v>
      </c>
      <c r="QJV723" s="424"/>
      <c r="QJW723" s="424"/>
      <c r="QJX723" s="424"/>
      <c r="QJY723" s="423" t="s">
        <v>2795</v>
      </c>
      <c r="QJZ723" s="424"/>
      <c r="QKA723" s="424"/>
      <c r="QKB723" s="424"/>
      <c r="QKC723" s="423" t="s">
        <v>2795</v>
      </c>
      <c r="QKD723" s="424"/>
      <c r="QKE723" s="424"/>
      <c r="QKF723" s="424"/>
      <c r="QKG723" s="423" t="s">
        <v>2795</v>
      </c>
      <c r="QKH723" s="424"/>
      <c r="QKI723" s="424"/>
      <c r="QKJ723" s="424"/>
      <c r="QKK723" s="423" t="s">
        <v>2795</v>
      </c>
      <c r="QKL723" s="424"/>
      <c r="QKM723" s="424"/>
      <c r="QKN723" s="424"/>
      <c r="QKO723" s="423" t="s">
        <v>2795</v>
      </c>
      <c r="QKP723" s="424"/>
      <c r="QKQ723" s="424"/>
      <c r="QKR723" s="424"/>
      <c r="QKS723" s="423" t="s">
        <v>2795</v>
      </c>
      <c r="QKT723" s="424"/>
      <c r="QKU723" s="424"/>
      <c r="QKV723" s="424"/>
      <c r="QKW723" s="423" t="s">
        <v>2795</v>
      </c>
      <c r="QKX723" s="424"/>
      <c r="QKY723" s="424"/>
      <c r="QKZ723" s="424"/>
      <c r="QLA723" s="423" t="s">
        <v>2795</v>
      </c>
      <c r="QLB723" s="424"/>
      <c r="QLC723" s="424"/>
      <c r="QLD723" s="424"/>
      <c r="QLE723" s="423" t="s">
        <v>2795</v>
      </c>
      <c r="QLF723" s="424"/>
      <c r="QLG723" s="424"/>
      <c r="QLH723" s="424"/>
      <c r="QLI723" s="423" t="s">
        <v>2795</v>
      </c>
      <c r="QLJ723" s="424"/>
      <c r="QLK723" s="424"/>
      <c r="QLL723" s="424"/>
      <c r="QLM723" s="423" t="s">
        <v>2795</v>
      </c>
      <c r="QLN723" s="424"/>
      <c r="QLO723" s="424"/>
      <c r="QLP723" s="424"/>
      <c r="QLQ723" s="423" t="s">
        <v>2795</v>
      </c>
      <c r="QLR723" s="424"/>
      <c r="QLS723" s="424"/>
      <c r="QLT723" s="424"/>
      <c r="QLU723" s="423" t="s">
        <v>2795</v>
      </c>
      <c r="QLV723" s="424"/>
      <c r="QLW723" s="424"/>
      <c r="QLX723" s="424"/>
      <c r="QLY723" s="423" t="s">
        <v>2795</v>
      </c>
      <c r="QLZ723" s="424"/>
      <c r="QMA723" s="424"/>
      <c r="QMB723" s="424"/>
      <c r="QMC723" s="423" t="s">
        <v>2795</v>
      </c>
      <c r="QMD723" s="424"/>
      <c r="QME723" s="424"/>
      <c r="QMF723" s="424"/>
      <c r="QMG723" s="423" t="s">
        <v>2795</v>
      </c>
      <c r="QMH723" s="424"/>
      <c r="QMI723" s="424"/>
      <c r="QMJ723" s="424"/>
      <c r="QMK723" s="423" t="s">
        <v>2795</v>
      </c>
      <c r="QML723" s="424"/>
      <c r="QMM723" s="424"/>
      <c r="QMN723" s="424"/>
      <c r="QMO723" s="423" t="s">
        <v>2795</v>
      </c>
      <c r="QMP723" s="424"/>
      <c r="QMQ723" s="424"/>
      <c r="QMR723" s="424"/>
      <c r="QMS723" s="423" t="s">
        <v>2795</v>
      </c>
      <c r="QMT723" s="424"/>
      <c r="QMU723" s="424"/>
      <c r="QMV723" s="424"/>
      <c r="QMW723" s="423" t="s">
        <v>2795</v>
      </c>
      <c r="QMX723" s="424"/>
      <c r="QMY723" s="424"/>
      <c r="QMZ723" s="424"/>
      <c r="QNA723" s="423" t="s">
        <v>2795</v>
      </c>
      <c r="QNB723" s="424"/>
      <c r="QNC723" s="424"/>
      <c r="QND723" s="424"/>
      <c r="QNE723" s="423" t="s">
        <v>2795</v>
      </c>
      <c r="QNF723" s="424"/>
      <c r="QNG723" s="424"/>
      <c r="QNH723" s="424"/>
      <c r="QNI723" s="423" t="s">
        <v>2795</v>
      </c>
      <c r="QNJ723" s="424"/>
      <c r="QNK723" s="424"/>
      <c r="QNL723" s="424"/>
      <c r="QNM723" s="423" t="s">
        <v>2795</v>
      </c>
      <c r="QNN723" s="424"/>
      <c r="QNO723" s="424"/>
      <c r="QNP723" s="424"/>
      <c r="QNQ723" s="423" t="s">
        <v>2795</v>
      </c>
      <c r="QNR723" s="424"/>
      <c r="QNS723" s="424"/>
      <c r="QNT723" s="424"/>
      <c r="QNU723" s="423" t="s">
        <v>2795</v>
      </c>
      <c r="QNV723" s="424"/>
      <c r="QNW723" s="424"/>
      <c r="QNX723" s="424"/>
      <c r="QNY723" s="423" t="s">
        <v>2795</v>
      </c>
      <c r="QNZ723" s="424"/>
      <c r="QOA723" s="424"/>
      <c r="QOB723" s="424"/>
      <c r="QOC723" s="423" t="s">
        <v>2795</v>
      </c>
      <c r="QOD723" s="424"/>
      <c r="QOE723" s="424"/>
      <c r="QOF723" s="424"/>
      <c r="QOG723" s="423" t="s">
        <v>2795</v>
      </c>
      <c r="QOH723" s="424"/>
      <c r="QOI723" s="424"/>
      <c r="QOJ723" s="424"/>
      <c r="QOK723" s="423" t="s">
        <v>2795</v>
      </c>
      <c r="QOL723" s="424"/>
      <c r="QOM723" s="424"/>
      <c r="QON723" s="424"/>
      <c r="QOO723" s="423" t="s">
        <v>2795</v>
      </c>
      <c r="QOP723" s="424"/>
      <c r="QOQ723" s="424"/>
      <c r="QOR723" s="424"/>
      <c r="QOS723" s="423" t="s">
        <v>2795</v>
      </c>
      <c r="QOT723" s="424"/>
      <c r="QOU723" s="424"/>
      <c r="QOV723" s="424"/>
      <c r="QOW723" s="423" t="s">
        <v>2795</v>
      </c>
      <c r="QOX723" s="424"/>
      <c r="QOY723" s="424"/>
      <c r="QOZ723" s="424"/>
      <c r="QPA723" s="423" t="s">
        <v>2795</v>
      </c>
      <c r="QPB723" s="424"/>
      <c r="QPC723" s="424"/>
      <c r="QPD723" s="424"/>
      <c r="QPE723" s="423" t="s">
        <v>2795</v>
      </c>
      <c r="QPF723" s="424"/>
      <c r="QPG723" s="424"/>
      <c r="QPH723" s="424"/>
      <c r="QPI723" s="423" t="s">
        <v>2795</v>
      </c>
      <c r="QPJ723" s="424"/>
      <c r="QPK723" s="424"/>
      <c r="QPL723" s="424"/>
      <c r="QPM723" s="423" t="s">
        <v>2795</v>
      </c>
      <c r="QPN723" s="424"/>
      <c r="QPO723" s="424"/>
      <c r="QPP723" s="424"/>
      <c r="QPQ723" s="423" t="s">
        <v>2795</v>
      </c>
      <c r="QPR723" s="424"/>
      <c r="QPS723" s="424"/>
      <c r="QPT723" s="424"/>
      <c r="QPU723" s="423" t="s">
        <v>2795</v>
      </c>
      <c r="QPV723" s="424"/>
      <c r="QPW723" s="424"/>
      <c r="QPX723" s="424"/>
      <c r="QPY723" s="423" t="s">
        <v>2795</v>
      </c>
      <c r="QPZ723" s="424"/>
      <c r="QQA723" s="424"/>
      <c r="QQB723" s="424"/>
      <c r="QQC723" s="423" t="s">
        <v>2795</v>
      </c>
      <c r="QQD723" s="424"/>
      <c r="QQE723" s="424"/>
      <c r="QQF723" s="424"/>
      <c r="QQG723" s="423" t="s">
        <v>2795</v>
      </c>
      <c r="QQH723" s="424"/>
      <c r="QQI723" s="424"/>
      <c r="QQJ723" s="424"/>
      <c r="QQK723" s="423" t="s">
        <v>2795</v>
      </c>
      <c r="QQL723" s="424"/>
      <c r="QQM723" s="424"/>
      <c r="QQN723" s="424"/>
      <c r="QQO723" s="423" t="s">
        <v>2795</v>
      </c>
      <c r="QQP723" s="424"/>
      <c r="QQQ723" s="424"/>
      <c r="QQR723" s="424"/>
      <c r="QQS723" s="423" t="s">
        <v>2795</v>
      </c>
      <c r="QQT723" s="424"/>
      <c r="QQU723" s="424"/>
      <c r="QQV723" s="424"/>
      <c r="QQW723" s="423" t="s">
        <v>2795</v>
      </c>
      <c r="QQX723" s="424"/>
      <c r="QQY723" s="424"/>
      <c r="QQZ723" s="424"/>
      <c r="QRA723" s="423" t="s">
        <v>2795</v>
      </c>
      <c r="QRB723" s="424"/>
      <c r="QRC723" s="424"/>
      <c r="QRD723" s="424"/>
      <c r="QRE723" s="423" t="s">
        <v>2795</v>
      </c>
      <c r="QRF723" s="424"/>
      <c r="QRG723" s="424"/>
      <c r="QRH723" s="424"/>
      <c r="QRI723" s="423" t="s">
        <v>2795</v>
      </c>
      <c r="QRJ723" s="424"/>
      <c r="QRK723" s="424"/>
      <c r="QRL723" s="424"/>
      <c r="QRM723" s="423" t="s">
        <v>2795</v>
      </c>
      <c r="QRN723" s="424"/>
      <c r="QRO723" s="424"/>
      <c r="QRP723" s="424"/>
      <c r="QRQ723" s="423" t="s">
        <v>2795</v>
      </c>
      <c r="QRR723" s="424"/>
      <c r="QRS723" s="424"/>
      <c r="QRT723" s="424"/>
      <c r="QRU723" s="423" t="s">
        <v>2795</v>
      </c>
      <c r="QRV723" s="424"/>
      <c r="QRW723" s="424"/>
      <c r="QRX723" s="424"/>
      <c r="QRY723" s="423" t="s">
        <v>2795</v>
      </c>
      <c r="QRZ723" s="424"/>
      <c r="QSA723" s="424"/>
      <c r="QSB723" s="424"/>
      <c r="QSC723" s="423" t="s">
        <v>2795</v>
      </c>
      <c r="QSD723" s="424"/>
      <c r="QSE723" s="424"/>
      <c r="QSF723" s="424"/>
      <c r="QSG723" s="423" t="s">
        <v>2795</v>
      </c>
      <c r="QSH723" s="424"/>
      <c r="QSI723" s="424"/>
      <c r="QSJ723" s="424"/>
      <c r="QSK723" s="423" t="s">
        <v>2795</v>
      </c>
      <c r="QSL723" s="424"/>
      <c r="QSM723" s="424"/>
      <c r="QSN723" s="424"/>
      <c r="QSO723" s="423" t="s">
        <v>2795</v>
      </c>
      <c r="QSP723" s="424"/>
      <c r="QSQ723" s="424"/>
      <c r="QSR723" s="424"/>
      <c r="QSS723" s="423" t="s">
        <v>2795</v>
      </c>
      <c r="QST723" s="424"/>
      <c r="QSU723" s="424"/>
      <c r="QSV723" s="424"/>
      <c r="QSW723" s="423" t="s">
        <v>2795</v>
      </c>
      <c r="QSX723" s="424"/>
      <c r="QSY723" s="424"/>
      <c r="QSZ723" s="424"/>
      <c r="QTA723" s="423" t="s">
        <v>2795</v>
      </c>
      <c r="QTB723" s="424"/>
      <c r="QTC723" s="424"/>
      <c r="QTD723" s="424"/>
      <c r="QTE723" s="423" t="s">
        <v>2795</v>
      </c>
      <c r="QTF723" s="424"/>
      <c r="QTG723" s="424"/>
      <c r="QTH723" s="424"/>
      <c r="QTI723" s="423" t="s">
        <v>2795</v>
      </c>
      <c r="QTJ723" s="424"/>
      <c r="QTK723" s="424"/>
      <c r="QTL723" s="424"/>
      <c r="QTM723" s="423" t="s">
        <v>2795</v>
      </c>
      <c r="QTN723" s="424"/>
      <c r="QTO723" s="424"/>
      <c r="QTP723" s="424"/>
      <c r="QTQ723" s="423" t="s">
        <v>2795</v>
      </c>
      <c r="QTR723" s="424"/>
      <c r="QTS723" s="424"/>
      <c r="QTT723" s="424"/>
      <c r="QTU723" s="423" t="s">
        <v>2795</v>
      </c>
      <c r="QTV723" s="424"/>
      <c r="QTW723" s="424"/>
      <c r="QTX723" s="424"/>
      <c r="QTY723" s="423" t="s">
        <v>2795</v>
      </c>
      <c r="QTZ723" s="424"/>
      <c r="QUA723" s="424"/>
      <c r="QUB723" s="424"/>
      <c r="QUC723" s="423" t="s">
        <v>2795</v>
      </c>
      <c r="QUD723" s="424"/>
      <c r="QUE723" s="424"/>
      <c r="QUF723" s="424"/>
      <c r="QUG723" s="423" t="s">
        <v>2795</v>
      </c>
      <c r="QUH723" s="424"/>
      <c r="QUI723" s="424"/>
      <c r="QUJ723" s="424"/>
      <c r="QUK723" s="423" t="s">
        <v>2795</v>
      </c>
      <c r="QUL723" s="424"/>
      <c r="QUM723" s="424"/>
      <c r="QUN723" s="424"/>
      <c r="QUO723" s="423" t="s">
        <v>2795</v>
      </c>
      <c r="QUP723" s="424"/>
      <c r="QUQ723" s="424"/>
      <c r="QUR723" s="424"/>
      <c r="QUS723" s="423" t="s">
        <v>2795</v>
      </c>
      <c r="QUT723" s="424"/>
      <c r="QUU723" s="424"/>
      <c r="QUV723" s="424"/>
      <c r="QUW723" s="423" t="s">
        <v>2795</v>
      </c>
      <c r="QUX723" s="424"/>
      <c r="QUY723" s="424"/>
      <c r="QUZ723" s="424"/>
      <c r="QVA723" s="423" t="s">
        <v>2795</v>
      </c>
      <c r="QVB723" s="424"/>
      <c r="QVC723" s="424"/>
      <c r="QVD723" s="424"/>
      <c r="QVE723" s="423" t="s">
        <v>2795</v>
      </c>
      <c r="QVF723" s="424"/>
      <c r="QVG723" s="424"/>
      <c r="QVH723" s="424"/>
      <c r="QVI723" s="423" t="s">
        <v>2795</v>
      </c>
      <c r="QVJ723" s="424"/>
      <c r="QVK723" s="424"/>
      <c r="QVL723" s="424"/>
      <c r="QVM723" s="423" t="s">
        <v>2795</v>
      </c>
      <c r="QVN723" s="424"/>
      <c r="QVO723" s="424"/>
      <c r="QVP723" s="424"/>
      <c r="QVQ723" s="423" t="s">
        <v>2795</v>
      </c>
      <c r="QVR723" s="424"/>
      <c r="QVS723" s="424"/>
      <c r="QVT723" s="424"/>
      <c r="QVU723" s="423" t="s">
        <v>2795</v>
      </c>
      <c r="QVV723" s="424"/>
      <c r="QVW723" s="424"/>
      <c r="QVX723" s="424"/>
      <c r="QVY723" s="423" t="s">
        <v>2795</v>
      </c>
      <c r="QVZ723" s="424"/>
      <c r="QWA723" s="424"/>
      <c r="QWB723" s="424"/>
      <c r="QWC723" s="423" t="s">
        <v>2795</v>
      </c>
      <c r="QWD723" s="424"/>
      <c r="QWE723" s="424"/>
      <c r="QWF723" s="424"/>
      <c r="QWG723" s="423" t="s">
        <v>2795</v>
      </c>
      <c r="QWH723" s="424"/>
      <c r="QWI723" s="424"/>
      <c r="QWJ723" s="424"/>
      <c r="QWK723" s="423" t="s">
        <v>2795</v>
      </c>
      <c r="QWL723" s="424"/>
      <c r="QWM723" s="424"/>
      <c r="QWN723" s="424"/>
      <c r="QWO723" s="423" t="s">
        <v>2795</v>
      </c>
      <c r="QWP723" s="424"/>
      <c r="QWQ723" s="424"/>
      <c r="QWR723" s="424"/>
      <c r="QWS723" s="423" t="s">
        <v>2795</v>
      </c>
      <c r="QWT723" s="424"/>
      <c r="QWU723" s="424"/>
      <c r="QWV723" s="424"/>
      <c r="QWW723" s="423" t="s">
        <v>2795</v>
      </c>
      <c r="QWX723" s="424"/>
      <c r="QWY723" s="424"/>
      <c r="QWZ723" s="424"/>
      <c r="QXA723" s="423" t="s">
        <v>2795</v>
      </c>
      <c r="QXB723" s="424"/>
      <c r="QXC723" s="424"/>
      <c r="QXD723" s="424"/>
      <c r="QXE723" s="423" t="s">
        <v>2795</v>
      </c>
      <c r="QXF723" s="424"/>
      <c r="QXG723" s="424"/>
      <c r="QXH723" s="424"/>
      <c r="QXI723" s="423" t="s">
        <v>2795</v>
      </c>
      <c r="QXJ723" s="424"/>
      <c r="QXK723" s="424"/>
      <c r="QXL723" s="424"/>
      <c r="QXM723" s="423" t="s">
        <v>2795</v>
      </c>
      <c r="QXN723" s="424"/>
      <c r="QXO723" s="424"/>
      <c r="QXP723" s="424"/>
      <c r="QXQ723" s="423" t="s">
        <v>2795</v>
      </c>
      <c r="QXR723" s="424"/>
      <c r="QXS723" s="424"/>
      <c r="QXT723" s="424"/>
      <c r="QXU723" s="423" t="s">
        <v>2795</v>
      </c>
      <c r="QXV723" s="424"/>
      <c r="QXW723" s="424"/>
      <c r="QXX723" s="424"/>
      <c r="QXY723" s="423" t="s">
        <v>2795</v>
      </c>
      <c r="QXZ723" s="424"/>
      <c r="QYA723" s="424"/>
      <c r="QYB723" s="424"/>
      <c r="QYC723" s="423" t="s">
        <v>2795</v>
      </c>
      <c r="QYD723" s="424"/>
      <c r="QYE723" s="424"/>
      <c r="QYF723" s="424"/>
      <c r="QYG723" s="423" t="s">
        <v>2795</v>
      </c>
      <c r="QYH723" s="424"/>
      <c r="QYI723" s="424"/>
      <c r="QYJ723" s="424"/>
      <c r="QYK723" s="423" t="s">
        <v>2795</v>
      </c>
      <c r="QYL723" s="424"/>
      <c r="QYM723" s="424"/>
      <c r="QYN723" s="424"/>
      <c r="QYO723" s="423" t="s">
        <v>2795</v>
      </c>
      <c r="QYP723" s="424"/>
      <c r="QYQ723" s="424"/>
      <c r="QYR723" s="424"/>
      <c r="QYS723" s="423" t="s">
        <v>2795</v>
      </c>
      <c r="QYT723" s="424"/>
      <c r="QYU723" s="424"/>
      <c r="QYV723" s="424"/>
      <c r="QYW723" s="423" t="s">
        <v>2795</v>
      </c>
      <c r="QYX723" s="424"/>
      <c r="QYY723" s="424"/>
      <c r="QYZ723" s="424"/>
      <c r="QZA723" s="423" t="s">
        <v>2795</v>
      </c>
      <c r="QZB723" s="424"/>
      <c r="QZC723" s="424"/>
      <c r="QZD723" s="424"/>
      <c r="QZE723" s="423" t="s">
        <v>2795</v>
      </c>
      <c r="QZF723" s="424"/>
      <c r="QZG723" s="424"/>
      <c r="QZH723" s="424"/>
      <c r="QZI723" s="423" t="s">
        <v>2795</v>
      </c>
      <c r="QZJ723" s="424"/>
      <c r="QZK723" s="424"/>
      <c r="QZL723" s="424"/>
      <c r="QZM723" s="423" t="s">
        <v>2795</v>
      </c>
      <c r="QZN723" s="424"/>
      <c r="QZO723" s="424"/>
      <c r="QZP723" s="424"/>
      <c r="QZQ723" s="423" t="s">
        <v>2795</v>
      </c>
      <c r="QZR723" s="424"/>
      <c r="QZS723" s="424"/>
      <c r="QZT723" s="424"/>
      <c r="QZU723" s="423" t="s">
        <v>2795</v>
      </c>
      <c r="QZV723" s="424"/>
      <c r="QZW723" s="424"/>
      <c r="QZX723" s="424"/>
      <c r="QZY723" s="423" t="s">
        <v>2795</v>
      </c>
      <c r="QZZ723" s="424"/>
      <c r="RAA723" s="424"/>
      <c r="RAB723" s="424"/>
      <c r="RAC723" s="423" t="s">
        <v>2795</v>
      </c>
      <c r="RAD723" s="424"/>
      <c r="RAE723" s="424"/>
      <c r="RAF723" s="424"/>
      <c r="RAG723" s="423" t="s">
        <v>2795</v>
      </c>
      <c r="RAH723" s="424"/>
      <c r="RAI723" s="424"/>
      <c r="RAJ723" s="424"/>
      <c r="RAK723" s="423" t="s">
        <v>2795</v>
      </c>
      <c r="RAL723" s="424"/>
      <c r="RAM723" s="424"/>
      <c r="RAN723" s="424"/>
      <c r="RAO723" s="423" t="s">
        <v>2795</v>
      </c>
      <c r="RAP723" s="424"/>
      <c r="RAQ723" s="424"/>
      <c r="RAR723" s="424"/>
      <c r="RAS723" s="423" t="s">
        <v>2795</v>
      </c>
      <c r="RAT723" s="424"/>
      <c r="RAU723" s="424"/>
      <c r="RAV723" s="424"/>
      <c r="RAW723" s="423" t="s">
        <v>2795</v>
      </c>
      <c r="RAX723" s="424"/>
      <c r="RAY723" s="424"/>
      <c r="RAZ723" s="424"/>
      <c r="RBA723" s="423" t="s">
        <v>2795</v>
      </c>
      <c r="RBB723" s="424"/>
      <c r="RBC723" s="424"/>
      <c r="RBD723" s="424"/>
      <c r="RBE723" s="423" t="s">
        <v>2795</v>
      </c>
      <c r="RBF723" s="424"/>
      <c r="RBG723" s="424"/>
      <c r="RBH723" s="424"/>
      <c r="RBI723" s="423" t="s">
        <v>2795</v>
      </c>
      <c r="RBJ723" s="424"/>
      <c r="RBK723" s="424"/>
      <c r="RBL723" s="424"/>
      <c r="RBM723" s="423" t="s">
        <v>2795</v>
      </c>
      <c r="RBN723" s="424"/>
      <c r="RBO723" s="424"/>
      <c r="RBP723" s="424"/>
      <c r="RBQ723" s="423" t="s">
        <v>2795</v>
      </c>
      <c r="RBR723" s="424"/>
      <c r="RBS723" s="424"/>
      <c r="RBT723" s="424"/>
      <c r="RBU723" s="423" t="s">
        <v>2795</v>
      </c>
      <c r="RBV723" s="424"/>
      <c r="RBW723" s="424"/>
      <c r="RBX723" s="424"/>
      <c r="RBY723" s="423" t="s">
        <v>2795</v>
      </c>
      <c r="RBZ723" s="424"/>
      <c r="RCA723" s="424"/>
      <c r="RCB723" s="424"/>
      <c r="RCC723" s="423" t="s">
        <v>2795</v>
      </c>
      <c r="RCD723" s="424"/>
      <c r="RCE723" s="424"/>
      <c r="RCF723" s="424"/>
      <c r="RCG723" s="423" t="s">
        <v>2795</v>
      </c>
      <c r="RCH723" s="424"/>
      <c r="RCI723" s="424"/>
      <c r="RCJ723" s="424"/>
      <c r="RCK723" s="423" t="s">
        <v>2795</v>
      </c>
      <c r="RCL723" s="424"/>
      <c r="RCM723" s="424"/>
      <c r="RCN723" s="424"/>
      <c r="RCO723" s="423" t="s">
        <v>2795</v>
      </c>
      <c r="RCP723" s="424"/>
      <c r="RCQ723" s="424"/>
      <c r="RCR723" s="424"/>
      <c r="RCS723" s="423" t="s">
        <v>2795</v>
      </c>
      <c r="RCT723" s="424"/>
      <c r="RCU723" s="424"/>
      <c r="RCV723" s="424"/>
      <c r="RCW723" s="423" t="s">
        <v>2795</v>
      </c>
      <c r="RCX723" s="424"/>
      <c r="RCY723" s="424"/>
      <c r="RCZ723" s="424"/>
      <c r="RDA723" s="423" t="s">
        <v>2795</v>
      </c>
      <c r="RDB723" s="424"/>
      <c r="RDC723" s="424"/>
      <c r="RDD723" s="424"/>
      <c r="RDE723" s="423" t="s">
        <v>2795</v>
      </c>
      <c r="RDF723" s="424"/>
      <c r="RDG723" s="424"/>
      <c r="RDH723" s="424"/>
      <c r="RDI723" s="423" t="s">
        <v>2795</v>
      </c>
      <c r="RDJ723" s="424"/>
      <c r="RDK723" s="424"/>
      <c r="RDL723" s="424"/>
      <c r="RDM723" s="423" t="s">
        <v>2795</v>
      </c>
      <c r="RDN723" s="424"/>
      <c r="RDO723" s="424"/>
      <c r="RDP723" s="424"/>
      <c r="RDQ723" s="423" t="s">
        <v>2795</v>
      </c>
      <c r="RDR723" s="424"/>
      <c r="RDS723" s="424"/>
      <c r="RDT723" s="424"/>
      <c r="RDU723" s="423" t="s">
        <v>2795</v>
      </c>
      <c r="RDV723" s="424"/>
      <c r="RDW723" s="424"/>
      <c r="RDX723" s="424"/>
      <c r="RDY723" s="423" t="s">
        <v>2795</v>
      </c>
      <c r="RDZ723" s="424"/>
      <c r="REA723" s="424"/>
      <c r="REB723" s="424"/>
      <c r="REC723" s="423" t="s">
        <v>2795</v>
      </c>
      <c r="RED723" s="424"/>
      <c r="REE723" s="424"/>
      <c r="REF723" s="424"/>
      <c r="REG723" s="423" t="s">
        <v>2795</v>
      </c>
      <c r="REH723" s="424"/>
      <c r="REI723" s="424"/>
      <c r="REJ723" s="424"/>
      <c r="REK723" s="423" t="s">
        <v>2795</v>
      </c>
      <c r="REL723" s="424"/>
      <c r="REM723" s="424"/>
      <c r="REN723" s="424"/>
      <c r="REO723" s="423" t="s">
        <v>2795</v>
      </c>
      <c r="REP723" s="424"/>
      <c r="REQ723" s="424"/>
      <c r="RER723" s="424"/>
      <c r="RES723" s="423" t="s">
        <v>2795</v>
      </c>
      <c r="RET723" s="424"/>
      <c r="REU723" s="424"/>
      <c r="REV723" s="424"/>
      <c r="REW723" s="423" t="s">
        <v>2795</v>
      </c>
      <c r="REX723" s="424"/>
      <c r="REY723" s="424"/>
      <c r="REZ723" s="424"/>
      <c r="RFA723" s="423" t="s">
        <v>2795</v>
      </c>
      <c r="RFB723" s="424"/>
      <c r="RFC723" s="424"/>
      <c r="RFD723" s="424"/>
      <c r="RFE723" s="423" t="s">
        <v>2795</v>
      </c>
      <c r="RFF723" s="424"/>
      <c r="RFG723" s="424"/>
      <c r="RFH723" s="424"/>
      <c r="RFI723" s="423" t="s">
        <v>2795</v>
      </c>
      <c r="RFJ723" s="424"/>
      <c r="RFK723" s="424"/>
      <c r="RFL723" s="424"/>
      <c r="RFM723" s="423" t="s">
        <v>2795</v>
      </c>
      <c r="RFN723" s="424"/>
      <c r="RFO723" s="424"/>
      <c r="RFP723" s="424"/>
      <c r="RFQ723" s="423" t="s">
        <v>2795</v>
      </c>
      <c r="RFR723" s="424"/>
      <c r="RFS723" s="424"/>
      <c r="RFT723" s="424"/>
      <c r="RFU723" s="423" t="s">
        <v>2795</v>
      </c>
      <c r="RFV723" s="424"/>
      <c r="RFW723" s="424"/>
      <c r="RFX723" s="424"/>
      <c r="RFY723" s="423" t="s">
        <v>2795</v>
      </c>
      <c r="RFZ723" s="424"/>
      <c r="RGA723" s="424"/>
      <c r="RGB723" s="424"/>
      <c r="RGC723" s="423" t="s">
        <v>2795</v>
      </c>
      <c r="RGD723" s="424"/>
      <c r="RGE723" s="424"/>
      <c r="RGF723" s="424"/>
      <c r="RGG723" s="423" t="s">
        <v>2795</v>
      </c>
      <c r="RGH723" s="424"/>
      <c r="RGI723" s="424"/>
      <c r="RGJ723" s="424"/>
      <c r="RGK723" s="423" t="s">
        <v>2795</v>
      </c>
      <c r="RGL723" s="424"/>
      <c r="RGM723" s="424"/>
      <c r="RGN723" s="424"/>
      <c r="RGO723" s="423" t="s">
        <v>2795</v>
      </c>
      <c r="RGP723" s="424"/>
      <c r="RGQ723" s="424"/>
      <c r="RGR723" s="424"/>
      <c r="RGS723" s="423" t="s">
        <v>2795</v>
      </c>
      <c r="RGT723" s="424"/>
      <c r="RGU723" s="424"/>
      <c r="RGV723" s="424"/>
      <c r="RGW723" s="423" t="s">
        <v>2795</v>
      </c>
      <c r="RGX723" s="424"/>
      <c r="RGY723" s="424"/>
      <c r="RGZ723" s="424"/>
      <c r="RHA723" s="423" t="s">
        <v>2795</v>
      </c>
      <c r="RHB723" s="424"/>
      <c r="RHC723" s="424"/>
      <c r="RHD723" s="424"/>
      <c r="RHE723" s="423" t="s">
        <v>2795</v>
      </c>
      <c r="RHF723" s="424"/>
      <c r="RHG723" s="424"/>
      <c r="RHH723" s="424"/>
      <c r="RHI723" s="423" t="s">
        <v>2795</v>
      </c>
      <c r="RHJ723" s="424"/>
      <c r="RHK723" s="424"/>
      <c r="RHL723" s="424"/>
      <c r="RHM723" s="423" t="s">
        <v>2795</v>
      </c>
      <c r="RHN723" s="424"/>
      <c r="RHO723" s="424"/>
      <c r="RHP723" s="424"/>
      <c r="RHQ723" s="423" t="s">
        <v>2795</v>
      </c>
      <c r="RHR723" s="424"/>
      <c r="RHS723" s="424"/>
      <c r="RHT723" s="424"/>
      <c r="RHU723" s="423" t="s">
        <v>2795</v>
      </c>
      <c r="RHV723" s="424"/>
      <c r="RHW723" s="424"/>
      <c r="RHX723" s="424"/>
      <c r="RHY723" s="423" t="s">
        <v>2795</v>
      </c>
      <c r="RHZ723" s="424"/>
      <c r="RIA723" s="424"/>
      <c r="RIB723" s="424"/>
      <c r="RIC723" s="423" t="s">
        <v>2795</v>
      </c>
      <c r="RID723" s="424"/>
      <c r="RIE723" s="424"/>
      <c r="RIF723" s="424"/>
      <c r="RIG723" s="423" t="s">
        <v>2795</v>
      </c>
      <c r="RIH723" s="424"/>
      <c r="RII723" s="424"/>
      <c r="RIJ723" s="424"/>
      <c r="RIK723" s="423" t="s">
        <v>2795</v>
      </c>
      <c r="RIL723" s="424"/>
      <c r="RIM723" s="424"/>
      <c r="RIN723" s="424"/>
      <c r="RIO723" s="423" t="s">
        <v>2795</v>
      </c>
      <c r="RIP723" s="424"/>
      <c r="RIQ723" s="424"/>
      <c r="RIR723" s="424"/>
      <c r="RIS723" s="423" t="s">
        <v>2795</v>
      </c>
      <c r="RIT723" s="424"/>
      <c r="RIU723" s="424"/>
      <c r="RIV723" s="424"/>
      <c r="RIW723" s="423" t="s">
        <v>2795</v>
      </c>
      <c r="RIX723" s="424"/>
      <c r="RIY723" s="424"/>
      <c r="RIZ723" s="424"/>
      <c r="RJA723" s="423" t="s">
        <v>2795</v>
      </c>
      <c r="RJB723" s="424"/>
      <c r="RJC723" s="424"/>
      <c r="RJD723" s="424"/>
      <c r="RJE723" s="423" t="s">
        <v>2795</v>
      </c>
      <c r="RJF723" s="424"/>
      <c r="RJG723" s="424"/>
      <c r="RJH723" s="424"/>
      <c r="RJI723" s="423" t="s">
        <v>2795</v>
      </c>
      <c r="RJJ723" s="424"/>
      <c r="RJK723" s="424"/>
      <c r="RJL723" s="424"/>
      <c r="RJM723" s="423" t="s">
        <v>2795</v>
      </c>
      <c r="RJN723" s="424"/>
      <c r="RJO723" s="424"/>
      <c r="RJP723" s="424"/>
      <c r="RJQ723" s="423" t="s">
        <v>2795</v>
      </c>
      <c r="RJR723" s="424"/>
      <c r="RJS723" s="424"/>
      <c r="RJT723" s="424"/>
      <c r="RJU723" s="423" t="s">
        <v>2795</v>
      </c>
      <c r="RJV723" s="424"/>
      <c r="RJW723" s="424"/>
      <c r="RJX723" s="424"/>
      <c r="RJY723" s="423" t="s">
        <v>2795</v>
      </c>
      <c r="RJZ723" s="424"/>
      <c r="RKA723" s="424"/>
      <c r="RKB723" s="424"/>
      <c r="RKC723" s="423" t="s">
        <v>2795</v>
      </c>
      <c r="RKD723" s="424"/>
      <c r="RKE723" s="424"/>
      <c r="RKF723" s="424"/>
      <c r="RKG723" s="423" t="s">
        <v>2795</v>
      </c>
      <c r="RKH723" s="424"/>
      <c r="RKI723" s="424"/>
      <c r="RKJ723" s="424"/>
      <c r="RKK723" s="423" t="s">
        <v>2795</v>
      </c>
      <c r="RKL723" s="424"/>
      <c r="RKM723" s="424"/>
      <c r="RKN723" s="424"/>
      <c r="RKO723" s="423" t="s">
        <v>2795</v>
      </c>
      <c r="RKP723" s="424"/>
      <c r="RKQ723" s="424"/>
      <c r="RKR723" s="424"/>
      <c r="RKS723" s="423" t="s">
        <v>2795</v>
      </c>
      <c r="RKT723" s="424"/>
      <c r="RKU723" s="424"/>
      <c r="RKV723" s="424"/>
      <c r="RKW723" s="423" t="s">
        <v>2795</v>
      </c>
      <c r="RKX723" s="424"/>
      <c r="RKY723" s="424"/>
      <c r="RKZ723" s="424"/>
      <c r="RLA723" s="423" t="s">
        <v>2795</v>
      </c>
      <c r="RLB723" s="424"/>
      <c r="RLC723" s="424"/>
      <c r="RLD723" s="424"/>
      <c r="RLE723" s="423" t="s">
        <v>2795</v>
      </c>
      <c r="RLF723" s="424"/>
      <c r="RLG723" s="424"/>
      <c r="RLH723" s="424"/>
      <c r="RLI723" s="423" t="s">
        <v>2795</v>
      </c>
      <c r="RLJ723" s="424"/>
      <c r="RLK723" s="424"/>
      <c r="RLL723" s="424"/>
      <c r="RLM723" s="423" t="s">
        <v>2795</v>
      </c>
      <c r="RLN723" s="424"/>
      <c r="RLO723" s="424"/>
      <c r="RLP723" s="424"/>
      <c r="RLQ723" s="423" t="s">
        <v>2795</v>
      </c>
      <c r="RLR723" s="424"/>
      <c r="RLS723" s="424"/>
      <c r="RLT723" s="424"/>
      <c r="RLU723" s="423" t="s">
        <v>2795</v>
      </c>
      <c r="RLV723" s="424"/>
      <c r="RLW723" s="424"/>
      <c r="RLX723" s="424"/>
      <c r="RLY723" s="423" t="s">
        <v>2795</v>
      </c>
      <c r="RLZ723" s="424"/>
      <c r="RMA723" s="424"/>
      <c r="RMB723" s="424"/>
      <c r="RMC723" s="423" t="s">
        <v>2795</v>
      </c>
      <c r="RMD723" s="424"/>
      <c r="RME723" s="424"/>
      <c r="RMF723" s="424"/>
      <c r="RMG723" s="423" t="s">
        <v>2795</v>
      </c>
      <c r="RMH723" s="424"/>
      <c r="RMI723" s="424"/>
      <c r="RMJ723" s="424"/>
      <c r="RMK723" s="423" t="s">
        <v>2795</v>
      </c>
      <c r="RML723" s="424"/>
      <c r="RMM723" s="424"/>
      <c r="RMN723" s="424"/>
      <c r="RMO723" s="423" t="s">
        <v>2795</v>
      </c>
      <c r="RMP723" s="424"/>
      <c r="RMQ723" s="424"/>
      <c r="RMR723" s="424"/>
      <c r="RMS723" s="423" t="s">
        <v>2795</v>
      </c>
      <c r="RMT723" s="424"/>
      <c r="RMU723" s="424"/>
      <c r="RMV723" s="424"/>
      <c r="RMW723" s="423" t="s">
        <v>2795</v>
      </c>
      <c r="RMX723" s="424"/>
      <c r="RMY723" s="424"/>
      <c r="RMZ723" s="424"/>
      <c r="RNA723" s="423" t="s">
        <v>2795</v>
      </c>
      <c r="RNB723" s="424"/>
      <c r="RNC723" s="424"/>
      <c r="RND723" s="424"/>
      <c r="RNE723" s="423" t="s">
        <v>2795</v>
      </c>
      <c r="RNF723" s="424"/>
      <c r="RNG723" s="424"/>
      <c r="RNH723" s="424"/>
      <c r="RNI723" s="423" t="s">
        <v>2795</v>
      </c>
      <c r="RNJ723" s="424"/>
      <c r="RNK723" s="424"/>
      <c r="RNL723" s="424"/>
      <c r="RNM723" s="423" t="s">
        <v>2795</v>
      </c>
      <c r="RNN723" s="424"/>
      <c r="RNO723" s="424"/>
      <c r="RNP723" s="424"/>
      <c r="RNQ723" s="423" t="s">
        <v>2795</v>
      </c>
      <c r="RNR723" s="424"/>
      <c r="RNS723" s="424"/>
      <c r="RNT723" s="424"/>
      <c r="RNU723" s="423" t="s">
        <v>2795</v>
      </c>
      <c r="RNV723" s="424"/>
      <c r="RNW723" s="424"/>
      <c r="RNX723" s="424"/>
      <c r="RNY723" s="423" t="s">
        <v>2795</v>
      </c>
      <c r="RNZ723" s="424"/>
      <c r="ROA723" s="424"/>
      <c r="ROB723" s="424"/>
      <c r="ROC723" s="423" t="s">
        <v>2795</v>
      </c>
      <c r="ROD723" s="424"/>
      <c r="ROE723" s="424"/>
      <c r="ROF723" s="424"/>
      <c r="ROG723" s="423" t="s">
        <v>2795</v>
      </c>
      <c r="ROH723" s="424"/>
      <c r="ROI723" s="424"/>
      <c r="ROJ723" s="424"/>
      <c r="ROK723" s="423" t="s">
        <v>2795</v>
      </c>
      <c r="ROL723" s="424"/>
      <c r="ROM723" s="424"/>
      <c r="RON723" s="424"/>
      <c r="ROO723" s="423" t="s">
        <v>2795</v>
      </c>
      <c r="ROP723" s="424"/>
      <c r="ROQ723" s="424"/>
      <c r="ROR723" s="424"/>
      <c r="ROS723" s="423" t="s">
        <v>2795</v>
      </c>
      <c r="ROT723" s="424"/>
      <c r="ROU723" s="424"/>
      <c r="ROV723" s="424"/>
      <c r="ROW723" s="423" t="s">
        <v>2795</v>
      </c>
      <c r="ROX723" s="424"/>
      <c r="ROY723" s="424"/>
      <c r="ROZ723" s="424"/>
      <c r="RPA723" s="423" t="s">
        <v>2795</v>
      </c>
      <c r="RPB723" s="424"/>
      <c r="RPC723" s="424"/>
      <c r="RPD723" s="424"/>
      <c r="RPE723" s="423" t="s">
        <v>2795</v>
      </c>
      <c r="RPF723" s="424"/>
      <c r="RPG723" s="424"/>
      <c r="RPH723" s="424"/>
      <c r="RPI723" s="423" t="s">
        <v>2795</v>
      </c>
      <c r="RPJ723" s="424"/>
      <c r="RPK723" s="424"/>
      <c r="RPL723" s="424"/>
      <c r="RPM723" s="423" t="s">
        <v>2795</v>
      </c>
      <c r="RPN723" s="424"/>
      <c r="RPO723" s="424"/>
      <c r="RPP723" s="424"/>
      <c r="RPQ723" s="423" t="s">
        <v>2795</v>
      </c>
      <c r="RPR723" s="424"/>
      <c r="RPS723" s="424"/>
      <c r="RPT723" s="424"/>
      <c r="RPU723" s="423" t="s">
        <v>2795</v>
      </c>
      <c r="RPV723" s="424"/>
      <c r="RPW723" s="424"/>
      <c r="RPX723" s="424"/>
      <c r="RPY723" s="423" t="s">
        <v>2795</v>
      </c>
      <c r="RPZ723" s="424"/>
      <c r="RQA723" s="424"/>
      <c r="RQB723" s="424"/>
      <c r="RQC723" s="423" t="s">
        <v>2795</v>
      </c>
      <c r="RQD723" s="424"/>
      <c r="RQE723" s="424"/>
      <c r="RQF723" s="424"/>
      <c r="RQG723" s="423" t="s">
        <v>2795</v>
      </c>
      <c r="RQH723" s="424"/>
      <c r="RQI723" s="424"/>
      <c r="RQJ723" s="424"/>
      <c r="RQK723" s="423" t="s">
        <v>2795</v>
      </c>
      <c r="RQL723" s="424"/>
      <c r="RQM723" s="424"/>
      <c r="RQN723" s="424"/>
      <c r="RQO723" s="423" t="s">
        <v>2795</v>
      </c>
      <c r="RQP723" s="424"/>
      <c r="RQQ723" s="424"/>
      <c r="RQR723" s="424"/>
      <c r="RQS723" s="423" t="s">
        <v>2795</v>
      </c>
      <c r="RQT723" s="424"/>
      <c r="RQU723" s="424"/>
      <c r="RQV723" s="424"/>
      <c r="RQW723" s="423" t="s">
        <v>2795</v>
      </c>
      <c r="RQX723" s="424"/>
      <c r="RQY723" s="424"/>
      <c r="RQZ723" s="424"/>
      <c r="RRA723" s="423" t="s">
        <v>2795</v>
      </c>
      <c r="RRB723" s="424"/>
      <c r="RRC723" s="424"/>
      <c r="RRD723" s="424"/>
      <c r="RRE723" s="423" t="s">
        <v>2795</v>
      </c>
      <c r="RRF723" s="424"/>
      <c r="RRG723" s="424"/>
      <c r="RRH723" s="424"/>
      <c r="RRI723" s="423" t="s">
        <v>2795</v>
      </c>
      <c r="RRJ723" s="424"/>
      <c r="RRK723" s="424"/>
      <c r="RRL723" s="424"/>
      <c r="RRM723" s="423" t="s">
        <v>2795</v>
      </c>
      <c r="RRN723" s="424"/>
      <c r="RRO723" s="424"/>
      <c r="RRP723" s="424"/>
      <c r="RRQ723" s="423" t="s">
        <v>2795</v>
      </c>
      <c r="RRR723" s="424"/>
      <c r="RRS723" s="424"/>
      <c r="RRT723" s="424"/>
      <c r="RRU723" s="423" t="s">
        <v>2795</v>
      </c>
      <c r="RRV723" s="424"/>
      <c r="RRW723" s="424"/>
      <c r="RRX723" s="424"/>
      <c r="RRY723" s="423" t="s">
        <v>2795</v>
      </c>
      <c r="RRZ723" s="424"/>
      <c r="RSA723" s="424"/>
      <c r="RSB723" s="424"/>
      <c r="RSC723" s="423" t="s">
        <v>2795</v>
      </c>
      <c r="RSD723" s="424"/>
      <c r="RSE723" s="424"/>
      <c r="RSF723" s="424"/>
      <c r="RSG723" s="423" t="s">
        <v>2795</v>
      </c>
      <c r="RSH723" s="424"/>
      <c r="RSI723" s="424"/>
      <c r="RSJ723" s="424"/>
      <c r="RSK723" s="423" t="s">
        <v>2795</v>
      </c>
      <c r="RSL723" s="424"/>
      <c r="RSM723" s="424"/>
      <c r="RSN723" s="424"/>
      <c r="RSO723" s="423" t="s">
        <v>2795</v>
      </c>
      <c r="RSP723" s="424"/>
      <c r="RSQ723" s="424"/>
      <c r="RSR723" s="424"/>
      <c r="RSS723" s="423" t="s">
        <v>2795</v>
      </c>
      <c r="RST723" s="424"/>
      <c r="RSU723" s="424"/>
      <c r="RSV723" s="424"/>
      <c r="RSW723" s="423" t="s">
        <v>2795</v>
      </c>
      <c r="RSX723" s="424"/>
      <c r="RSY723" s="424"/>
      <c r="RSZ723" s="424"/>
      <c r="RTA723" s="423" t="s">
        <v>2795</v>
      </c>
      <c r="RTB723" s="424"/>
      <c r="RTC723" s="424"/>
      <c r="RTD723" s="424"/>
      <c r="RTE723" s="423" t="s">
        <v>2795</v>
      </c>
      <c r="RTF723" s="424"/>
      <c r="RTG723" s="424"/>
      <c r="RTH723" s="424"/>
      <c r="RTI723" s="423" t="s">
        <v>2795</v>
      </c>
      <c r="RTJ723" s="424"/>
      <c r="RTK723" s="424"/>
      <c r="RTL723" s="424"/>
      <c r="RTM723" s="423" t="s">
        <v>2795</v>
      </c>
      <c r="RTN723" s="424"/>
      <c r="RTO723" s="424"/>
      <c r="RTP723" s="424"/>
      <c r="RTQ723" s="423" t="s">
        <v>2795</v>
      </c>
      <c r="RTR723" s="424"/>
      <c r="RTS723" s="424"/>
      <c r="RTT723" s="424"/>
      <c r="RTU723" s="423" t="s">
        <v>2795</v>
      </c>
      <c r="RTV723" s="424"/>
      <c r="RTW723" s="424"/>
      <c r="RTX723" s="424"/>
      <c r="RTY723" s="423" t="s">
        <v>2795</v>
      </c>
      <c r="RTZ723" s="424"/>
      <c r="RUA723" s="424"/>
      <c r="RUB723" s="424"/>
      <c r="RUC723" s="423" t="s">
        <v>2795</v>
      </c>
      <c r="RUD723" s="424"/>
      <c r="RUE723" s="424"/>
      <c r="RUF723" s="424"/>
      <c r="RUG723" s="423" t="s">
        <v>2795</v>
      </c>
      <c r="RUH723" s="424"/>
      <c r="RUI723" s="424"/>
      <c r="RUJ723" s="424"/>
      <c r="RUK723" s="423" t="s">
        <v>2795</v>
      </c>
      <c r="RUL723" s="424"/>
      <c r="RUM723" s="424"/>
      <c r="RUN723" s="424"/>
      <c r="RUO723" s="423" t="s">
        <v>2795</v>
      </c>
      <c r="RUP723" s="424"/>
      <c r="RUQ723" s="424"/>
      <c r="RUR723" s="424"/>
      <c r="RUS723" s="423" t="s">
        <v>2795</v>
      </c>
      <c r="RUT723" s="424"/>
      <c r="RUU723" s="424"/>
      <c r="RUV723" s="424"/>
      <c r="RUW723" s="423" t="s">
        <v>2795</v>
      </c>
      <c r="RUX723" s="424"/>
      <c r="RUY723" s="424"/>
      <c r="RUZ723" s="424"/>
      <c r="RVA723" s="423" t="s">
        <v>2795</v>
      </c>
      <c r="RVB723" s="424"/>
      <c r="RVC723" s="424"/>
      <c r="RVD723" s="424"/>
      <c r="RVE723" s="423" t="s">
        <v>2795</v>
      </c>
      <c r="RVF723" s="424"/>
      <c r="RVG723" s="424"/>
      <c r="RVH723" s="424"/>
      <c r="RVI723" s="423" t="s">
        <v>2795</v>
      </c>
      <c r="RVJ723" s="424"/>
      <c r="RVK723" s="424"/>
      <c r="RVL723" s="424"/>
      <c r="RVM723" s="423" t="s">
        <v>2795</v>
      </c>
      <c r="RVN723" s="424"/>
      <c r="RVO723" s="424"/>
      <c r="RVP723" s="424"/>
      <c r="RVQ723" s="423" t="s">
        <v>2795</v>
      </c>
      <c r="RVR723" s="424"/>
      <c r="RVS723" s="424"/>
      <c r="RVT723" s="424"/>
      <c r="RVU723" s="423" t="s">
        <v>2795</v>
      </c>
      <c r="RVV723" s="424"/>
      <c r="RVW723" s="424"/>
      <c r="RVX723" s="424"/>
      <c r="RVY723" s="423" t="s">
        <v>2795</v>
      </c>
      <c r="RVZ723" s="424"/>
      <c r="RWA723" s="424"/>
      <c r="RWB723" s="424"/>
      <c r="RWC723" s="423" t="s">
        <v>2795</v>
      </c>
      <c r="RWD723" s="424"/>
      <c r="RWE723" s="424"/>
      <c r="RWF723" s="424"/>
      <c r="RWG723" s="423" t="s">
        <v>2795</v>
      </c>
      <c r="RWH723" s="424"/>
      <c r="RWI723" s="424"/>
      <c r="RWJ723" s="424"/>
      <c r="RWK723" s="423" t="s">
        <v>2795</v>
      </c>
      <c r="RWL723" s="424"/>
      <c r="RWM723" s="424"/>
      <c r="RWN723" s="424"/>
      <c r="RWO723" s="423" t="s">
        <v>2795</v>
      </c>
      <c r="RWP723" s="424"/>
      <c r="RWQ723" s="424"/>
      <c r="RWR723" s="424"/>
      <c r="RWS723" s="423" t="s">
        <v>2795</v>
      </c>
      <c r="RWT723" s="424"/>
      <c r="RWU723" s="424"/>
      <c r="RWV723" s="424"/>
      <c r="RWW723" s="423" t="s">
        <v>2795</v>
      </c>
      <c r="RWX723" s="424"/>
      <c r="RWY723" s="424"/>
      <c r="RWZ723" s="424"/>
      <c r="RXA723" s="423" t="s">
        <v>2795</v>
      </c>
      <c r="RXB723" s="424"/>
      <c r="RXC723" s="424"/>
      <c r="RXD723" s="424"/>
      <c r="RXE723" s="423" t="s">
        <v>2795</v>
      </c>
      <c r="RXF723" s="424"/>
      <c r="RXG723" s="424"/>
      <c r="RXH723" s="424"/>
      <c r="RXI723" s="423" t="s">
        <v>2795</v>
      </c>
      <c r="RXJ723" s="424"/>
      <c r="RXK723" s="424"/>
      <c r="RXL723" s="424"/>
      <c r="RXM723" s="423" t="s">
        <v>2795</v>
      </c>
      <c r="RXN723" s="424"/>
      <c r="RXO723" s="424"/>
      <c r="RXP723" s="424"/>
      <c r="RXQ723" s="423" t="s">
        <v>2795</v>
      </c>
      <c r="RXR723" s="424"/>
      <c r="RXS723" s="424"/>
      <c r="RXT723" s="424"/>
      <c r="RXU723" s="423" t="s">
        <v>2795</v>
      </c>
      <c r="RXV723" s="424"/>
      <c r="RXW723" s="424"/>
      <c r="RXX723" s="424"/>
      <c r="RXY723" s="423" t="s">
        <v>2795</v>
      </c>
      <c r="RXZ723" s="424"/>
      <c r="RYA723" s="424"/>
      <c r="RYB723" s="424"/>
      <c r="RYC723" s="423" t="s">
        <v>2795</v>
      </c>
      <c r="RYD723" s="424"/>
      <c r="RYE723" s="424"/>
      <c r="RYF723" s="424"/>
      <c r="RYG723" s="423" t="s">
        <v>2795</v>
      </c>
      <c r="RYH723" s="424"/>
      <c r="RYI723" s="424"/>
      <c r="RYJ723" s="424"/>
      <c r="RYK723" s="423" t="s">
        <v>2795</v>
      </c>
      <c r="RYL723" s="424"/>
      <c r="RYM723" s="424"/>
      <c r="RYN723" s="424"/>
      <c r="RYO723" s="423" t="s">
        <v>2795</v>
      </c>
      <c r="RYP723" s="424"/>
      <c r="RYQ723" s="424"/>
      <c r="RYR723" s="424"/>
      <c r="RYS723" s="423" t="s">
        <v>2795</v>
      </c>
      <c r="RYT723" s="424"/>
      <c r="RYU723" s="424"/>
      <c r="RYV723" s="424"/>
      <c r="RYW723" s="423" t="s">
        <v>2795</v>
      </c>
      <c r="RYX723" s="424"/>
      <c r="RYY723" s="424"/>
      <c r="RYZ723" s="424"/>
      <c r="RZA723" s="423" t="s">
        <v>2795</v>
      </c>
      <c r="RZB723" s="424"/>
      <c r="RZC723" s="424"/>
      <c r="RZD723" s="424"/>
      <c r="RZE723" s="423" t="s">
        <v>2795</v>
      </c>
      <c r="RZF723" s="424"/>
      <c r="RZG723" s="424"/>
      <c r="RZH723" s="424"/>
      <c r="RZI723" s="423" t="s">
        <v>2795</v>
      </c>
      <c r="RZJ723" s="424"/>
      <c r="RZK723" s="424"/>
      <c r="RZL723" s="424"/>
      <c r="RZM723" s="423" t="s">
        <v>2795</v>
      </c>
      <c r="RZN723" s="424"/>
      <c r="RZO723" s="424"/>
      <c r="RZP723" s="424"/>
      <c r="RZQ723" s="423" t="s">
        <v>2795</v>
      </c>
      <c r="RZR723" s="424"/>
      <c r="RZS723" s="424"/>
      <c r="RZT723" s="424"/>
      <c r="RZU723" s="423" t="s">
        <v>2795</v>
      </c>
      <c r="RZV723" s="424"/>
      <c r="RZW723" s="424"/>
      <c r="RZX723" s="424"/>
      <c r="RZY723" s="423" t="s">
        <v>2795</v>
      </c>
      <c r="RZZ723" s="424"/>
      <c r="SAA723" s="424"/>
      <c r="SAB723" s="424"/>
      <c r="SAC723" s="423" t="s">
        <v>2795</v>
      </c>
      <c r="SAD723" s="424"/>
      <c r="SAE723" s="424"/>
      <c r="SAF723" s="424"/>
      <c r="SAG723" s="423" t="s">
        <v>2795</v>
      </c>
      <c r="SAH723" s="424"/>
      <c r="SAI723" s="424"/>
      <c r="SAJ723" s="424"/>
      <c r="SAK723" s="423" t="s">
        <v>2795</v>
      </c>
      <c r="SAL723" s="424"/>
      <c r="SAM723" s="424"/>
      <c r="SAN723" s="424"/>
      <c r="SAO723" s="423" t="s">
        <v>2795</v>
      </c>
      <c r="SAP723" s="424"/>
      <c r="SAQ723" s="424"/>
      <c r="SAR723" s="424"/>
      <c r="SAS723" s="423" t="s">
        <v>2795</v>
      </c>
      <c r="SAT723" s="424"/>
      <c r="SAU723" s="424"/>
      <c r="SAV723" s="424"/>
      <c r="SAW723" s="423" t="s">
        <v>2795</v>
      </c>
      <c r="SAX723" s="424"/>
      <c r="SAY723" s="424"/>
      <c r="SAZ723" s="424"/>
      <c r="SBA723" s="423" t="s">
        <v>2795</v>
      </c>
      <c r="SBB723" s="424"/>
      <c r="SBC723" s="424"/>
      <c r="SBD723" s="424"/>
      <c r="SBE723" s="423" t="s">
        <v>2795</v>
      </c>
      <c r="SBF723" s="424"/>
      <c r="SBG723" s="424"/>
      <c r="SBH723" s="424"/>
      <c r="SBI723" s="423" t="s">
        <v>2795</v>
      </c>
      <c r="SBJ723" s="424"/>
      <c r="SBK723" s="424"/>
      <c r="SBL723" s="424"/>
      <c r="SBM723" s="423" t="s">
        <v>2795</v>
      </c>
      <c r="SBN723" s="424"/>
      <c r="SBO723" s="424"/>
      <c r="SBP723" s="424"/>
      <c r="SBQ723" s="423" t="s">
        <v>2795</v>
      </c>
      <c r="SBR723" s="424"/>
      <c r="SBS723" s="424"/>
      <c r="SBT723" s="424"/>
      <c r="SBU723" s="423" t="s">
        <v>2795</v>
      </c>
      <c r="SBV723" s="424"/>
      <c r="SBW723" s="424"/>
      <c r="SBX723" s="424"/>
      <c r="SBY723" s="423" t="s">
        <v>2795</v>
      </c>
      <c r="SBZ723" s="424"/>
      <c r="SCA723" s="424"/>
      <c r="SCB723" s="424"/>
      <c r="SCC723" s="423" t="s">
        <v>2795</v>
      </c>
      <c r="SCD723" s="424"/>
      <c r="SCE723" s="424"/>
      <c r="SCF723" s="424"/>
      <c r="SCG723" s="423" t="s">
        <v>2795</v>
      </c>
      <c r="SCH723" s="424"/>
      <c r="SCI723" s="424"/>
      <c r="SCJ723" s="424"/>
      <c r="SCK723" s="423" t="s">
        <v>2795</v>
      </c>
      <c r="SCL723" s="424"/>
      <c r="SCM723" s="424"/>
      <c r="SCN723" s="424"/>
      <c r="SCO723" s="423" t="s">
        <v>2795</v>
      </c>
      <c r="SCP723" s="424"/>
      <c r="SCQ723" s="424"/>
      <c r="SCR723" s="424"/>
      <c r="SCS723" s="423" t="s">
        <v>2795</v>
      </c>
      <c r="SCT723" s="424"/>
      <c r="SCU723" s="424"/>
      <c r="SCV723" s="424"/>
      <c r="SCW723" s="423" t="s">
        <v>2795</v>
      </c>
      <c r="SCX723" s="424"/>
      <c r="SCY723" s="424"/>
      <c r="SCZ723" s="424"/>
      <c r="SDA723" s="423" t="s">
        <v>2795</v>
      </c>
      <c r="SDB723" s="424"/>
      <c r="SDC723" s="424"/>
      <c r="SDD723" s="424"/>
      <c r="SDE723" s="423" t="s">
        <v>2795</v>
      </c>
      <c r="SDF723" s="424"/>
      <c r="SDG723" s="424"/>
      <c r="SDH723" s="424"/>
      <c r="SDI723" s="423" t="s">
        <v>2795</v>
      </c>
      <c r="SDJ723" s="424"/>
      <c r="SDK723" s="424"/>
      <c r="SDL723" s="424"/>
      <c r="SDM723" s="423" t="s">
        <v>2795</v>
      </c>
      <c r="SDN723" s="424"/>
      <c r="SDO723" s="424"/>
      <c r="SDP723" s="424"/>
      <c r="SDQ723" s="423" t="s">
        <v>2795</v>
      </c>
      <c r="SDR723" s="424"/>
      <c r="SDS723" s="424"/>
      <c r="SDT723" s="424"/>
      <c r="SDU723" s="423" t="s">
        <v>2795</v>
      </c>
      <c r="SDV723" s="424"/>
      <c r="SDW723" s="424"/>
      <c r="SDX723" s="424"/>
      <c r="SDY723" s="423" t="s">
        <v>2795</v>
      </c>
      <c r="SDZ723" s="424"/>
      <c r="SEA723" s="424"/>
      <c r="SEB723" s="424"/>
      <c r="SEC723" s="423" t="s">
        <v>2795</v>
      </c>
      <c r="SED723" s="424"/>
      <c r="SEE723" s="424"/>
      <c r="SEF723" s="424"/>
      <c r="SEG723" s="423" t="s">
        <v>2795</v>
      </c>
      <c r="SEH723" s="424"/>
      <c r="SEI723" s="424"/>
      <c r="SEJ723" s="424"/>
      <c r="SEK723" s="423" t="s">
        <v>2795</v>
      </c>
      <c r="SEL723" s="424"/>
      <c r="SEM723" s="424"/>
      <c r="SEN723" s="424"/>
      <c r="SEO723" s="423" t="s">
        <v>2795</v>
      </c>
      <c r="SEP723" s="424"/>
      <c r="SEQ723" s="424"/>
      <c r="SER723" s="424"/>
      <c r="SES723" s="423" t="s">
        <v>2795</v>
      </c>
      <c r="SET723" s="424"/>
      <c r="SEU723" s="424"/>
      <c r="SEV723" s="424"/>
      <c r="SEW723" s="423" t="s">
        <v>2795</v>
      </c>
      <c r="SEX723" s="424"/>
      <c r="SEY723" s="424"/>
      <c r="SEZ723" s="424"/>
      <c r="SFA723" s="423" t="s">
        <v>2795</v>
      </c>
      <c r="SFB723" s="424"/>
      <c r="SFC723" s="424"/>
      <c r="SFD723" s="424"/>
      <c r="SFE723" s="423" t="s">
        <v>2795</v>
      </c>
      <c r="SFF723" s="424"/>
      <c r="SFG723" s="424"/>
      <c r="SFH723" s="424"/>
      <c r="SFI723" s="423" t="s">
        <v>2795</v>
      </c>
      <c r="SFJ723" s="424"/>
      <c r="SFK723" s="424"/>
      <c r="SFL723" s="424"/>
      <c r="SFM723" s="423" t="s">
        <v>2795</v>
      </c>
      <c r="SFN723" s="424"/>
      <c r="SFO723" s="424"/>
      <c r="SFP723" s="424"/>
      <c r="SFQ723" s="423" t="s">
        <v>2795</v>
      </c>
      <c r="SFR723" s="424"/>
      <c r="SFS723" s="424"/>
      <c r="SFT723" s="424"/>
      <c r="SFU723" s="423" t="s">
        <v>2795</v>
      </c>
      <c r="SFV723" s="424"/>
      <c r="SFW723" s="424"/>
      <c r="SFX723" s="424"/>
      <c r="SFY723" s="423" t="s">
        <v>2795</v>
      </c>
      <c r="SFZ723" s="424"/>
      <c r="SGA723" s="424"/>
      <c r="SGB723" s="424"/>
      <c r="SGC723" s="423" t="s">
        <v>2795</v>
      </c>
      <c r="SGD723" s="424"/>
      <c r="SGE723" s="424"/>
      <c r="SGF723" s="424"/>
      <c r="SGG723" s="423" t="s">
        <v>2795</v>
      </c>
      <c r="SGH723" s="424"/>
      <c r="SGI723" s="424"/>
      <c r="SGJ723" s="424"/>
      <c r="SGK723" s="423" t="s">
        <v>2795</v>
      </c>
      <c r="SGL723" s="424"/>
      <c r="SGM723" s="424"/>
      <c r="SGN723" s="424"/>
      <c r="SGO723" s="423" t="s">
        <v>2795</v>
      </c>
      <c r="SGP723" s="424"/>
      <c r="SGQ723" s="424"/>
      <c r="SGR723" s="424"/>
      <c r="SGS723" s="423" t="s">
        <v>2795</v>
      </c>
      <c r="SGT723" s="424"/>
      <c r="SGU723" s="424"/>
      <c r="SGV723" s="424"/>
      <c r="SGW723" s="423" t="s">
        <v>2795</v>
      </c>
      <c r="SGX723" s="424"/>
      <c r="SGY723" s="424"/>
      <c r="SGZ723" s="424"/>
      <c r="SHA723" s="423" t="s">
        <v>2795</v>
      </c>
      <c r="SHB723" s="424"/>
      <c r="SHC723" s="424"/>
      <c r="SHD723" s="424"/>
      <c r="SHE723" s="423" t="s">
        <v>2795</v>
      </c>
      <c r="SHF723" s="424"/>
      <c r="SHG723" s="424"/>
      <c r="SHH723" s="424"/>
      <c r="SHI723" s="423" t="s">
        <v>2795</v>
      </c>
      <c r="SHJ723" s="424"/>
      <c r="SHK723" s="424"/>
      <c r="SHL723" s="424"/>
      <c r="SHM723" s="423" t="s">
        <v>2795</v>
      </c>
      <c r="SHN723" s="424"/>
      <c r="SHO723" s="424"/>
      <c r="SHP723" s="424"/>
      <c r="SHQ723" s="423" t="s">
        <v>2795</v>
      </c>
      <c r="SHR723" s="424"/>
      <c r="SHS723" s="424"/>
      <c r="SHT723" s="424"/>
      <c r="SHU723" s="423" t="s">
        <v>2795</v>
      </c>
      <c r="SHV723" s="424"/>
      <c r="SHW723" s="424"/>
      <c r="SHX723" s="424"/>
      <c r="SHY723" s="423" t="s">
        <v>2795</v>
      </c>
      <c r="SHZ723" s="424"/>
      <c r="SIA723" s="424"/>
      <c r="SIB723" s="424"/>
      <c r="SIC723" s="423" t="s">
        <v>2795</v>
      </c>
      <c r="SID723" s="424"/>
      <c r="SIE723" s="424"/>
      <c r="SIF723" s="424"/>
      <c r="SIG723" s="423" t="s">
        <v>2795</v>
      </c>
      <c r="SIH723" s="424"/>
      <c r="SII723" s="424"/>
      <c r="SIJ723" s="424"/>
      <c r="SIK723" s="423" t="s">
        <v>2795</v>
      </c>
      <c r="SIL723" s="424"/>
      <c r="SIM723" s="424"/>
      <c r="SIN723" s="424"/>
      <c r="SIO723" s="423" t="s">
        <v>2795</v>
      </c>
      <c r="SIP723" s="424"/>
      <c r="SIQ723" s="424"/>
      <c r="SIR723" s="424"/>
      <c r="SIS723" s="423" t="s">
        <v>2795</v>
      </c>
      <c r="SIT723" s="424"/>
      <c r="SIU723" s="424"/>
      <c r="SIV723" s="424"/>
      <c r="SIW723" s="423" t="s">
        <v>2795</v>
      </c>
      <c r="SIX723" s="424"/>
      <c r="SIY723" s="424"/>
      <c r="SIZ723" s="424"/>
      <c r="SJA723" s="423" t="s">
        <v>2795</v>
      </c>
      <c r="SJB723" s="424"/>
      <c r="SJC723" s="424"/>
      <c r="SJD723" s="424"/>
      <c r="SJE723" s="423" t="s">
        <v>2795</v>
      </c>
      <c r="SJF723" s="424"/>
      <c r="SJG723" s="424"/>
      <c r="SJH723" s="424"/>
      <c r="SJI723" s="423" t="s">
        <v>2795</v>
      </c>
      <c r="SJJ723" s="424"/>
      <c r="SJK723" s="424"/>
      <c r="SJL723" s="424"/>
      <c r="SJM723" s="423" t="s">
        <v>2795</v>
      </c>
      <c r="SJN723" s="424"/>
      <c r="SJO723" s="424"/>
      <c r="SJP723" s="424"/>
      <c r="SJQ723" s="423" t="s">
        <v>2795</v>
      </c>
      <c r="SJR723" s="424"/>
      <c r="SJS723" s="424"/>
      <c r="SJT723" s="424"/>
      <c r="SJU723" s="423" t="s">
        <v>2795</v>
      </c>
      <c r="SJV723" s="424"/>
      <c r="SJW723" s="424"/>
      <c r="SJX723" s="424"/>
      <c r="SJY723" s="423" t="s">
        <v>2795</v>
      </c>
      <c r="SJZ723" s="424"/>
      <c r="SKA723" s="424"/>
      <c r="SKB723" s="424"/>
      <c r="SKC723" s="423" t="s">
        <v>2795</v>
      </c>
      <c r="SKD723" s="424"/>
      <c r="SKE723" s="424"/>
      <c r="SKF723" s="424"/>
      <c r="SKG723" s="423" t="s">
        <v>2795</v>
      </c>
      <c r="SKH723" s="424"/>
      <c r="SKI723" s="424"/>
      <c r="SKJ723" s="424"/>
      <c r="SKK723" s="423" t="s">
        <v>2795</v>
      </c>
      <c r="SKL723" s="424"/>
      <c r="SKM723" s="424"/>
      <c r="SKN723" s="424"/>
      <c r="SKO723" s="423" t="s">
        <v>2795</v>
      </c>
      <c r="SKP723" s="424"/>
      <c r="SKQ723" s="424"/>
      <c r="SKR723" s="424"/>
      <c r="SKS723" s="423" t="s">
        <v>2795</v>
      </c>
      <c r="SKT723" s="424"/>
      <c r="SKU723" s="424"/>
      <c r="SKV723" s="424"/>
      <c r="SKW723" s="423" t="s">
        <v>2795</v>
      </c>
      <c r="SKX723" s="424"/>
      <c r="SKY723" s="424"/>
      <c r="SKZ723" s="424"/>
      <c r="SLA723" s="423" t="s">
        <v>2795</v>
      </c>
      <c r="SLB723" s="424"/>
      <c r="SLC723" s="424"/>
      <c r="SLD723" s="424"/>
      <c r="SLE723" s="423" t="s">
        <v>2795</v>
      </c>
      <c r="SLF723" s="424"/>
      <c r="SLG723" s="424"/>
      <c r="SLH723" s="424"/>
      <c r="SLI723" s="423" t="s">
        <v>2795</v>
      </c>
      <c r="SLJ723" s="424"/>
      <c r="SLK723" s="424"/>
      <c r="SLL723" s="424"/>
      <c r="SLM723" s="423" t="s">
        <v>2795</v>
      </c>
      <c r="SLN723" s="424"/>
      <c r="SLO723" s="424"/>
      <c r="SLP723" s="424"/>
      <c r="SLQ723" s="423" t="s">
        <v>2795</v>
      </c>
      <c r="SLR723" s="424"/>
      <c r="SLS723" s="424"/>
      <c r="SLT723" s="424"/>
      <c r="SLU723" s="423" t="s">
        <v>2795</v>
      </c>
      <c r="SLV723" s="424"/>
      <c r="SLW723" s="424"/>
      <c r="SLX723" s="424"/>
      <c r="SLY723" s="423" t="s">
        <v>2795</v>
      </c>
      <c r="SLZ723" s="424"/>
      <c r="SMA723" s="424"/>
      <c r="SMB723" s="424"/>
      <c r="SMC723" s="423" t="s">
        <v>2795</v>
      </c>
      <c r="SMD723" s="424"/>
      <c r="SME723" s="424"/>
      <c r="SMF723" s="424"/>
      <c r="SMG723" s="423" t="s">
        <v>2795</v>
      </c>
      <c r="SMH723" s="424"/>
      <c r="SMI723" s="424"/>
      <c r="SMJ723" s="424"/>
      <c r="SMK723" s="423" t="s">
        <v>2795</v>
      </c>
      <c r="SML723" s="424"/>
      <c r="SMM723" s="424"/>
      <c r="SMN723" s="424"/>
      <c r="SMO723" s="423" t="s">
        <v>2795</v>
      </c>
      <c r="SMP723" s="424"/>
      <c r="SMQ723" s="424"/>
      <c r="SMR723" s="424"/>
      <c r="SMS723" s="423" t="s">
        <v>2795</v>
      </c>
      <c r="SMT723" s="424"/>
      <c r="SMU723" s="424"/>
      <c r="SMV723" s="424"/>
      <c r="SMW723" s="423" t="s">
        <v>2795</v>
      </c>
      <c r="SMX723" s="424"/>
      <c r="SMY723" s="424"/>
      <c r="SMZ723" s="424"/>
      <c r="SNA723" s="423" t="s">
        <v>2795</v>
      </c>
      <c r="SNB723" s="424"/>
      <c r="SNC723" s="424"/>
      <c r="SND723" s="424"/>
      <c r="SNE723" s="423" t="s">
        <v>2795</v>
      </c>
      <c r="SNF723" s="424"/>
      <c r="SNG723" s="424"/>
      <c r="SNH723" s="424"/>
      <c r="SNI723" s="423" t="s">
        <v>2795</v>
      </c>
      <c r="SNJ723" s="424"/>
      <c r="SNK723" s="424"/>
      <c r="SNL723" s="424"/>
      <c r="SNM723" s="423" t="s">
        <v>2795</v>
      </c>
      <c r="SNN723" s="424"/>
      <c r="SNO723" s="424"/>
      <c r="SNP723" s="424"/>
      <c r="SNQ723" s="423" t="s">
        <v>2795</v>
      </c>
      <c r="SNR723" s="424"/>
      <c r="SNS723" s="424"/>
      <c r="SNT723" s="424"/>
      <c r="SNU723" s="423" t="s">
        <v>2795</v>
      </c>
      <c r="SNV723" s="424"/>
      <c r="SNW723" s="424"/>
      <c r="SNX723" s="424"/>
      <c r="SNY723" s="423" t="s">
        <v>2795</v>
      </c>
      <c r="SNZ723" s="424"/>
      <c r="SOA723" s="424"/>
      <c r="SOB723" s="424"/>
      <c r="SOC723" s="423" t="s">
        <v>2795</v>
      </c>
      <c r="SOD723" s="424"/>
      <c r="SOE723" s="424"/>
      <c r="SOF723" s="424"/>
      <c r="SOG723" s="423" t="s">
        <v>2795</v>
      </c>
      <c r="SOH723" s="424"/>
      <c r="SOI723" s="424"/>
      <c r="SOJ723" s="424"/>
      <c r="SOK723" s="423" t="s">
        <v>2795</v>
      </c>
      <c r="SOL723" s="424"/>
      <c r="SOM723" s="424"/>
      <c r="SON723" s="424"/>
      <c r="SOO723" s="423" t="s">
        <v>2795</v>
      </c>
      <c r="SOP723" s="424"/>
      <c r="SOQ723" s="424"/>
      <c r="SOR723" s="424"/>
      <c r="SOS723" s="423" t="s">
        <v>2795</v>
      </c>
      <c r="SOT723" s="424"/>
      <c r="SOU723" s="424"/>
      <c r="SOV723" s="424"/>
      <c r="SOW723" s="423" t="s">
        <v>2795</v>
      </c>
      <c r="SOX723" s="424"/>
      <c r="SOY723" s="424"/>
      <c r="SOZ723" s="424"/>
      <c r="SPA723" s="423" t="s">
        <v>2795</v>
      </c>
      <c r="SPB723" s="424"/>
      <c r="SPC723" s="424"/>
      <c r="SPD723" s="424"/>
      <c r="SPE723" s="423" t="s">
        <v>2795</v>
      </c>
      <c r="SPF723" s="424"/>
      <c r="SPG723" s="424"/>
      <c r="SPH723" s="424"/>
      <c r="SPI723" s="423" t="s">
        <v>2795</v>
      </c>
      <c r="SPJ723" s="424"/>
      <c r="SPK723" s="424"/>
      <c r="SPL723" s="424"/>
      <c r="SPM723" s="423" t="s">
        <v>2795</v>
      </c>
      <c r="SPN723" s="424"/>
      <c r="SPO723" s="424"/>
      <c r="SPP723" s="424"/>
      <c r="SPQ723" s="423" t="s">
        <v>2795</v>
      </c>
      <c r="SPR723" s="424"/>
      <c r="SPS723" s="424"/>
      <c r="SPT723" s="424"/>
      <c r="SPU723" s="423" t="s">
        <v>2795</v>
      </c>
      <c r="SPV723" s="424"/>
      <c r="SPW723" s="424"/>
      <c r="SPX723" s="424"/>
      <c r="SPY723" s="423" t="s">
        <v>2795</v>
      </c>
      <c r="SPZ723" s="424"/>
      <c r="SQA723" s="424"/>
      <c r="SQB723" s="424"/>
      <c r="SQC723" s="423" t="s">
        <v>2795</v>
      </c>
      <c r="SQD723" s="424"/>
      <c r="SQE723" s="424"/>
      <c r="SQF723" s="424"/>
      <c r="SQG723" s="423" t="s">
        <v>2795</v>
      </c>
      <c r="SQH723" s="424"/>
      <c r="SQI723" s="424"/>
      <c r="SQJ723" s="424"/>
      <c r="SQK723" s="423" t="s">
        <v>2795</v>
      </c>
      <c r="SQL723" s="424"/>
      <c r="SQM723" s="424"/>
      <c r="SQN723" s="424"/>
      <c r="SQO723" s="423" t="s">
        <v>2795</v>
      </c>
      <c r="SQP723" s="424"/>
      <c r="SQQ723" s="424"/>
      <c r="SQR723" s="424"/>
      <c r="SQS723" s="423" t="s">
        <v>2795</v>
      </c>
      <c r="SQT723" s="424"/>
      <c r="SQU723" s="424"/>
      <c r="SQV723" s="424"/>
      <c r="SQW723" s="423" t="s">
        <v>2795</v>
      </c>
      <c r="SQX723" s="424"/>
      <c r="SQY723" s="424"/>
      <c r="SQZ723" s="424"/>
      <c r="SRA723" s="423" t="s">
        <v>2795</v>
      </c>
      <c r="SRB723" s="424"/>
      <c r="SRC723" s="424"/>
      <c r="SRD723" s="424"/>
      <c r="SRE723" s="423" t="s">
        <v>2795</v>
      </c>
      <c r="SRF723" s="424"/>
      <c r="SRG723" s="424"/>
      <c r="SRH723" s="424"/>
      <c r="SRI723" s="423" t="s">
        <v>2795</v>
      </c>
      <c r="SRJ723" s="424"/>
      <c r="SRK723" s="424"/>
      <c r="SRL723" s="424"/>
      <c r="SRM723" s="423" t="s">
        <v>2795</v>
      </c>
      <c r="SRN723" s="424"/>
      <c r="SRO723" s="424"/>
      <c r="SRP723" s="424"/>
      <c r="SRQ723" s="423" t="s">
        <v>2795</v>
      </c>
      <c r="SRR723" s="424"/>
      <c r="SRS723" s="424"/>
      <c r="SRT723" s="424"/>
      <c r="SRU723" s="423" t="s">
        <v>2795</v>
      </c>
      <c r="SRV723" s="424"/>
      <c r="SRW723" s="424"/>
      <c r="SRX723" s="424"/>
      <c r="SRY723" s="423" t="s">
        <v>2795</v>
      </c>
      <c r="SRZ723" s="424"/>
      <c r="SSA723" s="424"/>
      <c r="SSB723" s="424"/>
      <c r="SSC723" s="423" t="s">
        <v>2795</v>
      </c>
      <c r="SSD723" s="424"/>
      <c r="SSE723" s="424"/>
      <c r="SSF723" s="424"/>
      <c r="SSG723" s="423" t="s">
        <v>2795</v>
      </c>
      <c r="SSH723" s="424"/>
      <c r="SSI723" s="424"/>
      <c r="SSJ723" s="424"/>
      <c r="SSK723" s="423" t="s">
        <v>2795</v>
      </c>
      <c r="SSL723" s="424"/>
      <c r="SSM723" s="424"/>
      <c r="SSN723" s="424"/>
      <c r="SSO723" s="423" t="s">
        <v>2795</v>
      </c>
      <c r="SSP723" s="424"/>
      <c r="SSQ723" s="424"/>
      <c r="SSR723" s="424"/>
      <c r="SSS723" s="423" t="s">
        <v>2795</v>
      </c>
      <c r="SST723" s="424"/>
      <c r="SSU723" s="424"/>
      <c r="SSV723" s="424"/>
      <c r="SSW723" s="423" t="s">
        <v>2795</v>
      </c>
      <c r="SSX723" s="424"/>
      <c r="SSY723" s="424"/>
      <c r="SSZ723" s="424"/>
      <c r="STA723" s="423" t="s">
        <v>2795</v>
      </c>
      <c r="STB723" s="424"/>
      <c r="STC723" s="424"/>
      <c r="STD723" s="424"/>
      <c r="STE723" s="423" t="s">
        <v>2795</v>
      </c>
      <c r="STF723" s="424"/>
      <c r="STG723" s="424"/>
      <c r="STH723" s="424"/>
      <c r="STI723" s="423" t="s">
        <v>2795</v>
      </c>
      <c r="STJ723" s="424"/>
      <c r="STK723" s="424"/>
      <c r="STL723" s="424"/>
      <c r="STM723" s="423" t="s">
        <v>2795</v>
      </c>
      <c r="STN723" s="424"/>
      <c r="STO723" s="424"/>
      <c r="STP723" s="424"/>
      <c r="STQ723" s="423" t="s">
        <v>2795</v>
      </c>
      <c r="STR723" s="424"/>
      <c r="STS723" s="424"/>
      <c r="STT723" s="424"/>
      <c r="STU723" s="423" t="s">
        <v>2795</v>
      </c>
      <c r="STV723" s="424"/>
      <c r="STW723" s="424"/>
      <c r="STX723" s="424"/>
      <c r="STY723" s="423" t="s">
        <v>2795</v>
      </c>
      <c r="STZ723" s="424"/>
      <c r="SUA723" s="424"/>
      <c r="SUB723" s="424"/>
      <c r="SUC723" s="423" t="s">
        <v>2795</v>
      </c>
      <c r="SUD723" s="424"/>
      <c r="SUE723" s="424"/>
      <c r="SUF723" s="424"/>
      <c r="SUG723" s="423" t="s">
        <v>2795</v>
      </c>
      <c r="SUH723" s="424"/>
      <c r="SUI723" s="424"/>
      <c r="SUJ723" s="424"/>
      <c r="SUK723" s="423" t="s">
        <v>2795</v>
      </c>
      <c r="SUL723" s="424"/>
      <c r="SUM723" s="424"/>
      <c r="SUN723" s="424"/>
      <c r="SUO723" s="423" t="s">
        <v>2795</v>
      </c>
      <c r="SUP723" s="424"/>
      <c r="SUQ723" s="424"/>
      <c r="SUR723" s="424"/>
      <c r="SUS723" s="423" t="s">
        <v>2795</v>
      </c>
      <c r="SUT723" s="424"/>
      <c r="SUU723" s="424"/>
      <c r="SUV723" s="424"/>
      <c r="SUW723" s="423" t="s">
        <v>2795</v>
      </c>
      <c r="SUX723" s="424"/>
      <c r="SUY723" s="424"/>
      <c r="SUZ723" s="424"/>
      <c r="SVA723" s="423" t="s">
        <v>2795</v>
      </c>
      <c r="SVB723" s="424"/>
      <c r="SVC723" s="424"/>
      <c r="SVD723" s="424"/>
      <c r="SVE723" s="423" t="s">
        <v>2795</v>
      </c>
      <c r="SVF723" s="424"/>
      <c r="SVG723" s="424"/>
      <c r="SVH723" s="424"/>
      <c r="SVI723" s="423" t="s">
        <v>2795</v>
      </c>
      <c r="SVJ723" s="424"/>
      <c r="SVK723" s="424"/>
      <c r="SVL723" s="424"/>
      <c r="SVM723" s="423" t="s">
        <v>2795</v>
      </c>
      <c r="SVN723" s="424"/>
      <c r="SVO723" s="424"/>
      <c r="SVP723" s="424"/>
      <c r="SVQ723" s="423" t="s">
        <v>2795</v>
      </c>
      <c r="SVR723" s="424"/>
      <c r="SVS723" s="424"/>
      <c r="SVT723" s="424"/>
      <c r="SVU723" s="423" t="s">
        <v>2795</v>
      </c>
      <c r="SVV723" s="424"/>
      <c r="SVW723" s="424"/>
      <c r="SVX723" s="424"/>
      <c r="SVY723" s="423" t="s">
        <v>2795</v>
      </c>
      <c r="SVZ723" s="424"/>
      <c r="SWA723" s="424"/>
      <c r="SWB723" s="424"/>
      <c r="SWC723" s="423" t="s">
        <v>2795</v>
      </c>
      <c r="SWD723" s="424"/>
      <c r="SWE723" s="424"/>
      <c r="SWF723" s="424"/>
      <c r="SWG723" s="423" t="s">
        <v>2795</v>
      </c>
      <c r="SWH723" s="424"/>
      <c r="SWI723" s="424"/>
      <c r="SWJ723" s="424"/>
      <c r="SWK723" s="423" t="s">
        <v>2795</v>
      </c>
      <c r="SWL723" s="424"/>
      <c r="SWM723" s="424"/>
      <c r="SWN723" s="424"/>
      <c r="SWO723" s="423" t="s">
        <v>2795</v>
      </c>
      <c r="SWP723" s="424"/>
      <c r="SWQ723" s="424"/>
      <c r="SWR723" s="424"/>
      <c r="SWS723" s="423" t="s">
        <v>2795</v>
      </c>
      <c r="SWT723" s="424"/>
      <c r="SWU723" s="424"/>
      <c r="SWV723" s="424"/>
      <c r="SWW723" s="423" t="s">
        <v>2795</v>
      </c>
      <c r="SWX723" s="424"/>
      <c r="SWY723" s="424"/>
      <c r="SWZ723" s="424"/>
      <c r="SXA723" s="423" t="s">
        <v>2795</v>
      </c>
      <c r="SXB723" s="424"/>
      <c r="SXC723" s="424"/>
      <c r="SXD723" s="424"/>
      <c r="SXE723" s="423" t="s">
        <v>2795</v>
      </c>
      <c r="SXF723" s="424"/>
      <c r="SXG723" s="424"/>
      <c r="SXH723" s="424"/>
      <c r="SXI723" s="423" t="s">
        <v>2795</v>
      </c>
      <c r="SXJ723" s="424"/>
      <c r="SXK723" s="424"/>
      <c r="SXL723" s="424"/>
      <c r="SXM723" s="423" t="s">
        <v>2795</v>
      </c>
      <c r="SXN723" s="424"/>
      <c r="SXO723" s="424"/>
      <c r="SXP723" s="424"/>
      <c r="SXQ723" s="423" t="s">
        <v>2795</v>
      </c>
      <c r="SXR723" s="424"/>
      <c r="SXS723" s="424"/>
      <c r="SXT723" s="424"/>
      <c r="SXU723" s="423" t="s">
        <v>2795</v>
      </c>
      <c r="SXV723" s="424"/>
      <c r="SXW723" s="424"/>
      <c r="SXX723" s="424"/>
      <c r="SXY723" s="423" t="s">
        <v>2795</v>
      </c>
      <c r="SXZ723" s="424"/>
      <c r="SYA723" s="424"/>
      <c r="SYB723" s="424"/>
      <c r="SYC723" s="423" t="s">
        <v>2795</v>
      </c>
      <c r="SYD723" s="424"/>
      <c r="SYE723" s="424"/>
      <c r="SYF723" s="424"/>
      <c r="SYG723" s="423" t="s">
        <v>2795</v>
      </c>
      <c r="SYH723" s="424"/>
      <c r="SYI723" s="424"/>
      <c r="SYJ723" s="424"/>
      <c r="SYK723" s="423" t="s">
        <v>2795</v>
      </c>
      <c r="SYL723" s="424"/>
      <c r="SYM723" s="424"/>
      <c r="SYN723" s="424"/>
      <c r="SYO723" s="423" t="s">
        <v>2795</v>
      </c>
      <c r="SYP723" s="424"/>
      <c r="SYQ723" s="424"/>
      <c r="SYR723" s="424"/>
      <c r="SYS723" s="423" t="s">
        <v>2795</v>
      </c>
      <c r="SYT723" s="424"/>
      <c r="SYU723" s="424"/>
      <c r="SYV723" s="424"/>
      <c r="SYW723" s="423" t="s">
        <v>2795</v>
      </c>
      <c r="SYX723" s="424"/>
      <c r="SYY723" s="424"/>
      <c r="SYZ723" s="424"/>
      <c r="SZA723" s="423" t="s">
        <v>2795</v>
      </c>
      <c r="SZB723" s="424"/>
      <c r="SZC723" s="424"/>
      <c r="SZD723" s="424"/>
      <c r="SZE723" s="423" t="s">
        <v>2795</v>
      </c>
      <c r="SZF723" s="424"/>
      <c r="SZG723" s="424"/>
      <c r="SZH723" s="424"/>
      <c r="SZI723" s="423" t="s">
        <v>2795</v>
      </c>
      <c r="SZJ723" s="424"/>
      <c r="SZK723" s="424"/>
      <c r="SZL723" s="424"/>
      <c r="SZM723" s="423" t="s">
        <v>2795</v>
      </c>
      <c r="SZN723" s="424"/>
      <c r="SZO723" s="424"/>
      <c r="SZP723" s="424"/>
      <c r="SZQ723" s="423" t="s">
        <v>2795</v>
      </c>
      <c r="SZR723" s="424"/>
      <c r="SZS723" s="424"/>
      <c r="SZT723" s="424"/>
      <c r="SZU723" s="423" t="s">
        <v>2795</v>
      </c>
      <c r="SZV723" s="424"/>
      <c r="SZW723" s="424"/>
      <c r="SZX723" s="424"/>
      <c r="SZY723" s="423" t="s">
        <v>2795</v>
      </c>
      <c r="SZZ723" s="424"/>
      <c r="TAA723" s="424"/>
      <c r="TAB723" s="424"/>
      <c r="TAC723" s="423" t="s">
        <v>2795</v>
      </c>
      <c r="TAD723" s="424"/>
      <c r="TAE723" s="424"/>
      <c r="TAF723" s="424"/>
      <c r="TAG723" s="423" t="s">
        <v>2795</v>
      </c>
      <c r="TAH723" s="424"/>
      <c r="TAI723" s="424"/>
      <c r="TAJ723" s="424"/>
      <c r="TAK723" s="423" t="s">
        <v>2795</v>
      </c>
      <c r="TAL723" s="424"/>
      <c r="TAM723" s="424"/>
      <c r="TAN723" s="424"/>
      <c r="TAO723" s="423" t="s">
        <v>2795</v>
      </c>
      <c r="TAP723" s="424"/>
      <c r="TAQ723" s="424"/>
      <c r="TAR723" s="424"/>
      <c r="TAS723" s="423" t="s">
        <v>2795</v>
      </c>
      <c r="TAT723" s="424"/>
      <c r="TAU723" s="424"/>
      <c r="TAV723" s="424"/>
      <c r="TAW723" s="423" t="s">
        <v>2795</v>
      </c>
      <c r="TAX723" s="424"/>
      <c r="TAY723" s="424"/>
      <c r="TAZ723" s="424"/>
      <c r="TBA723" s="423" t="s">
        <v>2795</v>
      </c>
      <c r="TBB723" s="424"/>
      <c r="TBC723" s="424"/>
      <c r="TBD723" s="424"/>
      <c r="TBE723" s="423" t="s">
        <v>2795</v>
      </c>
      <c r="TBF723" s="424"/>
      <c r="TBG723" s="424"/>
      <c r="TBH723" s="424"/>
      <c r="TBI723" s="423" t="s">
        <v>2795</v>
      </c>
      <c r="TBJ723" s="424"/>
      <c r="TBK723" s="424"/>
      <c r="TBL723" s="424"/>
      <c r="TBM723" s="423" t="s">
        <v>2795</v>
      </c>
      <c r="TBN723" s="424"/>
      <c r="TBO723" s="424"/>
      <c r="TBP723" s="424"/>
      <c r="TBQ723" s="423" t="s">
        <v>2795</v>
      </c>
      <c r="TBR723" s="424"/>
      <c r="TBS723" s="424"/>
      <c r="TBT723" s="424"/>
      <c r="TBU723" s="423" t="s">
        <v>2795</v>
      </c>
      <c r="TBV723" s="424"/>
      <c r="TBW723" s="424"/>
      <c r="TBX723" s="424"/>
      <c r="TBY723" s="423" t="s">
        <v>2795</v>
      </c>
      <c r="TBZ723" s="424"/>
      <c r="TCA723" s="424"/>
      <c r="TCB723" s="424"/>
      <c r="TCC723" s="423" t="s">
        <v>2795</v>
      </c>
      <c r="TCD723" s="424"/>
      <c r="TCE723" s="424"/>
      <c r="TCF723" s="424"/>
      <c r="TCG723" s="423" t="s">
        <v>2795</v>
      </c>
      <c r="TCH723" s="424"/>
      <c r="TCI723" s="424"/>
      <c r="TCJ723" s="424"/>
      <c r="TCK723" s="423" t="s">
        <v>2795</v>
      </c>
      <c r="TCL723" s="424"/>
      <c r="TCM723" s="424"/>
      <c r="TCN723" s="424"/>
      <c r="TCO723" s="423" t="s">
        <v>2795</v>
      </c>
      <c r="TCP723" s="424"/>
      <c r="TCQ723" s="424"/>
      <c r="TCR723" s="424"/>
      <c r="TCS723" s="423" t="s">
        <v>2795</v>
      </c>
      <c r="TCT723" s="424"/>
      <c r="TCU723" s="424"/>
      <c r="TCV723" s="424"/>
      <c r="TCW723" s="423" t="s">
        <v>2795</v>
      </c>
      <c r="TCX723" s="424"/>
      <c r="TCY723" s="424"/>
      <c r="TCZ723" s="424"/>
      <c r="TDA723" s="423" t="s">
        <v>2795</v>
      </c>
      <c r="TDB723" s="424"/>
      <c r="TDC723" s="424"/>
      <c r="TDD723" s="424"/>
      <c r="TDE723" s="423" t="s">
        <v>2795</v>
      </c>
      <c r="TDF723" s="424"/>
      <c r="TDG723" s="424"/>
      <c r="TDH723" s="424"/>
      <c r="TDI723" s="423" t="s">
        <v>2795</v>
      </c>
      <c r="TDJ723" s="424"/>
      <c r="TDK723" s="424"/>
      <c r="TDL723" s="424"/>
      <c r="TDM723" s="423" t="s">
        <v>2795</v>
      </c>
      <c r="TDN723" s="424"/>
      <c r="TDO723" s="424"/>
      <c r="TDP723" s="424"/>
      <c r="TDQ723" s="423" t="s">
        <v>2795</v>
      </c>
      <c r="TDR723" s="424"/>
      <c r="TDS723" s="424"/>
      <c r="TDT723" s="424"/>
      <c r="TDU723" s="423" t="s">
        <v>2795</v>
      </c>
      <c r="TDV723" s="424"/>
      <c r="TDW723" s="424"/>
      <c r="TDX723" s="424"/>
      <c r="TDY723" s="423" t="s">
        <v>2795</v>
      </c>
      <c r="TDZ723" s="424"/>
      <c r="TEA723" s="424"/>
      <c r="TEB723" s="424"/>
      <c r="TEC723" s="423" t="s">
        <v>2795</v>
      </c>
      <c r="TED723" s="424"/>
      <c r="TEE723" s="424"/>
      <c r="TEF723" s="424"/>
      <c r="TEG723" s="423" t="s">
        <v>2795</v>
      </c>
      <c r="TEH723" s="424"/>
      <c r="TEI723" s="424"/>
      <c r="TEJ723" s="424"/>
      <c r="TEK723" s="423" t="s">
        <v>2795</v>
      </c>
      <c r="TEL723" s="424"/>
      <c r="TEM723" s="424"/>
      <c r="TEN723" s="424"/>
      <c r="TEO723" s="423" t="s">
        <v>2795</v>
      </c>
      <c r="TEP723" s="424"/>
      <c r="TEQ723" s="424"/>
      <c r="TER723" s="424"/>
      <c r="TES723" s="423" t="s">
        <v>2795</v>
      </c>
      <c r="TET723" s="424"/>
      <c r="TEU723" s="424"/>
      <c r="TEV723" s="424"/>
      <c r="TEW723" s="423" t="s">
        <v>2795</v>
      </c>
      <c r="TEX723" s="424"/>
      <c r="TEY723" s="424"/>
      <c r="TEZ723" s="424"/>
      <c r="TFA723" s="423" t="s">
        <v>2795</v>
      </c>
      <c r="TFB723" s="424"/>
      <c r="TFC723" s="424"/>
      <c r="TFD723" s="424"/>
      <c r="TFE723" s="423" t="s">
        <v>2795</v>
      </c>
      <c r="TFF723" s="424"/>
      <c r="TFG723" s="424"/>
      <c r="TFH723" s="424"/>
      <c r="TFI723" s="423" t="s">
        <v>2795</v>
      </c>
      <c r="TFJ723" s="424"/>
      <c r="TFK723" s="424"/>
      <c r="TFL723" s="424"/>
      <c r="TFM723" s="423" t="s">
        <v>2795</v>
      </c>
      <c r="TFN723" s="424"/>
      <c r="TFO723" s="424"/>
      <c r="TFP723" s="424"/>
      <c r="TFQ723" s="423" t="s">
        <v>2795</v>
      </c>
      <c r="TFR723" s="424"/>
      <c r="TFS723" s="424"/>
      <c r="TFT723" s="424"/>
      <c r="TFU723" s="423" t="s">
        <v>2795</v>
      </c>
      <c r="TFV723" s="424"/>
      <c r="TFW723" s="424"/>
      <c r="TFX723" s="424"/>
      <c r="TFY723" s="423" t="s">
        <v>2795</v>
      </c>
      <c r="TFZ723" s="424"/>
      <c r="TGA723" s="424"/>
      <c r="TGB723" s="424"/>
      <c r="TGC723" s="423" t="s">
        <v>2795</v>
      </c>
      <c r="TGD723" s="424"/>
      <c r="TGE723" s="424"/>
      <c r="TGF723" s="424"/>
      <c r="TGG723" s="423" t="s">
        <v>2795</v>
      </c>
      <c r="TGH723" s="424"/>
      <c r="TGI723" s="424"/>
      <c r="TGJ723" s="424"/>
      <c r="TGK723" s="423" t="s">
        <v>2795</v>
      </c>
      <c r="TGL723" s="424"/>
      <c r="TGM723" s="424"/>
      <c r="TGN723" s="424"/>
      <c r="TGO723" s="423" t="s">
        <v>2795</v>
      </c>
      <c r="TGP723" s="424"/>
      <c r="TGQ723" s="424"/>
      <c r="TGR723" s="424"/>
      <c r="TGS723" s="423" t="s">
        <v>2795</v>
      </c>
      <c r="TGT723" s="424"/>
      <c r="TGU723" s="424"/>
      <c r="TGV723" s="424"/>
      <c r="TGW723" s="423" t="s">
        <v>2795</v>
      </c>
      <c r="TGX723" s="424"/>
      <c r="TGY723" s="424"/>
      <c r="TGZ723" s="424"/>
      <c r="THA723" s="423" t="s">
        <v>2795</v>
      </c>
      <c r="THB723" s="424"/>
      <c r="THC723" s="424"/>
      <c r="THD723" s="424"/>
      <c r="THE723" s="423" t="s">
        <v>2795</v>
      </c>
      <c r="THF723" s="424"/>
      <c r="THG723" s="424"/>
      <c r="THH723" s="424"/>
      <c r="THI723" s="423" t="s">
        <v>2795</v>
      </c>
      <c r="THJ723" s="424"/>
      <c r="THK723" s="424"/>
      <c r="THL723" s="424"/>
      <c r="THM723" s="423" t="s">
        <v>2795</v>
      </c>
      <c r="THN723" s="424"/>
      <c r="THO723" s="424"/>
      <c r="THP723" s="424"/>
      <c r="THQ723" s="423" t="s">
        <v>2795</v>
      </c>
      <c r="THR723" s="424"/>
      <c r="THS723" s="424"/>
      <c r="THT723" s="424"/>
      <c r="THU723" s="423" t="s">
        <v>2795</v>
      </c>
      <c r="THV723" s="424"/>
      <c r="THW723" s="424"/>
      <c r="THX723" s="424"/>
      <c r="THY723" s="423" t="s">
        <v>2795</v>
      </c>
      <c r="THZ723" s="424"/>
      <c r="TIA723" s="424"/>
      <c r="TIB723" s="424"/>
      <c r="TIC723" s="423" t="s">
        <v>2795</v>
      </c>
      <c r="TID723" s="424"/>
      <c r="TIE723" s="424"/>
      <c r="TIF723" s="424"/>
      <c r="TIG723" s="423" t="s">
        <v>2795</v>
      </c>
      <c r="TIH723" s="424"/>
      <c r="TII723" s="424"/>
      <c r="TIJ723" s="424"/>
      <c r="TIK723" s="423" t="s">
        <v>2795</v>
      </c>
      <c r="TIL723" s="424"/>
      <c r="TIM723" s="424"/>
      <c r="TIN723" s="424"/>
      <c r="TIO723" s="423" t="s">
        <v>2795</v>
      </c>
      <c r="TIP723" s="424"/>
      <c r="TIQ723" s="424"/>
      <c r="TIR723" s="424"/>
      <c r="TIS723" s="423" t="s">
        <v>2795</v>
      </c>
      <c r="TIT723" s="424"/>
      <c r="TIU723" s="424"/>
      <c r="TIV723" s="424"/>
      <c r="TIW723" s="423" t="s">
        <v>2795</v>
      </c>
      <c r="TIX723" s="424"/>
      <c r="TIY723" s="424"/>
      <c r="TIZ723" s="424"/>
      <c r="TJA723" s="423" t="s">
        <v>2795</v>
      </c>
      <c r="TJB723" s="424"/>
      <c r="TJC723" s="424"/>
      <c r="TJD723" s="424"/>
      <c r="TJE723" s="423" t="s">
        <v>2795</v>
      </c>
      <c r="TJF723" s="424"/>
      <c r="TJG723" s="424"/>
      <c r="TJH723" s="424"/>
      <c r="TJI723" s="423" t="s">
        <v>2795</v>
      </c>
      <c r="TJJ723" s="424"/>
      <c r="TJK723" s="424"/>
      <c r="TJL723" s="424"/>
      <c r="TJM723" s="423" t="s">
        <v>2795</v>
      </c>
      <c r="TJN723" s="424"/>
      <c r="TJO723" s="424"/>
      <c r="TJP723" s="424"/>
      <c r="TJQ723" s="423" t="s">
        <v>2795</v>
      </c>
      <c r="TJR723" s="424"/>
      <c r="TJS723" s="424"/>
      <c r="TJT723" s="424"/>
      <c r="TJU723" s="423" t="s">
        <v>2795</v>
      </c>
      <c r="TJV723" s="424"/>
      <c r="TJW723" s="424"/>
      <c r="TJX723" s="424"/>
      <c r="TJY723" s="423" t="s">
        <v>2795</v>
      </c>
      <c r="TJZ723" s="424"/>
      <c r="TKA723" s="424"/>
      <c r="TKB723" s="424"/>
      <c r="TKC723" s="423" t="s">
        <v>2795</v>
      </c>
      <c r="TKD723" s="424"/>
      <c r="TKE723" s="424"/>
      <c r="TKF723" s="424"/>
      <c r="TKG723" s="423" t="s">
        <v>2795</v>
      </c>
      <c r="TKH723" s="424"/>
      <c r="TKI723" s="424"/>
      <c r="TKJ723" s="424"/>
      <c r="TKK723" s="423" t="s">
        <v>2795</v>
      </c>
      <c r="TKL723" s="424"/>
      <c r="TKM723" s="424"/>
      <c r="TKN723" s="424"/>
      <c r="TKO723" s="423" t="s">
        <v>2795</v>
      </c>
      <c r="TKP723" s="424"/>
      <c r="TKQ723" s="424"/>
      <c r="TKR723" s="424"/>
      <c r="TKS723" s="423" t="s">
        <v>2795</v>
      </c>
      <c r="TKT723" s="424"/>
      <c r="TKU723" s="424"/>
      <c r="TKV723" s="424"/>
      <c r="TKW723" s="423" t="s">
        <v>2795</v>
      </c>
      <c r="TKX723" s="424"/>
      <c r="TKY723" s="424"/>
      <c r="TKZ723" s="424"/>
      <c r="TLA723" s="423" t="s">
        <v>2795</v>
      </c>
      <c r="TLB723" s="424"/>
      <c r="TLC723" s="424"/>
      <c r="TLD723" s="424"/>
      <c r="TLE723" s="423" t="s">
        <v>2795</v>
      </c>
      <c r="TLF723" s="424"/>
      <c r="TLG723" s="424"/>
      <c r="TLH723" s="424"/>
      <c r="TLI723" s="423" t="s">
        <v>2795</v>
      </c>
      <c r="TLJ723" s="424"/>
      <c r="TLK723" s="424"/>
      <c r="TLL723" s="424"/>
      <c r="TLM723" s="423" t="s">
        <v>2795</v>
      </c>
      <c r="TLN723" s="424"/>
      <c r="TLO723" s="424"/>
      <c r="TLP723" s="424"/>
      <c r="TLQ723" s="423" t="s">
        <v>2795</v>
      </c>
      <c r="TLR723" s="424"/>
      <c r="TLS723" s="424"/>
      <c r="TLT723" s="424"/>
      <c r="TLU723" s="423" t="s">
        <v>2795</v>
      </c>
      <c r="TLV723" s="424"/>
      <c r="TLW723" s="424"/>
      <c r="TLX723" s="424"/>
      <c r="TLY723" s="423" t="s">
        <v>2795</v>
      </c>
      <c r="TLZ723" s="424"/>
      <c r="TMA723" s="424"/>
      <c r="TMB723" s="424"/>
      <c r="TMC723" s="423" t="s">
        <v>2795</v>
      </c>
      <c r="TMD723" s="424"/>
      <c r="TME723" s="424"/>
      <c r="TMF723" s="424"/>
      <c r="TMG723" s="423" t="s">
        <v>2795</v>
      </c>
      <c r="TMH723" s="424"/>
      <c r="TMI723" s="424"/>
      <c r="TMJ723" s="424"/>
      <c r="TMK723" s="423" t="s">
        <v>2795</v>
      </c>
      <c r="TML723" s="424"/>
      <c r="TMM723" s="424"/>
      <c r="TMN723" s="424"/>
      <c r="TMO723" s="423" t="s">
        <v>2795</v>
      </c>
      <c r="TMP723" s="424"/>
      <c r="TMQ723" s="424"/>
      <c r="TMR723" s="424"/>
      <c r="TMS723" s="423" t="s">
        <v>2795</v>
      </c>
      <c r="TMT723" s="424"/>
      <c r="TMU723" s="424"/>
      <c r="TMV723" s="424"/>
      <c r="TMW723" s="423" t="s">
        <v>2795</v>
      </c>
      <c r="TMX723" s="424"/>
      <c r="TMY723" s="424"/>
      <c r="TMZ723" s="424"/>
      <c r="TNA723" s="423" t="s">
        <v>2795</v>
      </c>
      <c r="TNB723" s="424"/>
      <c r="TNC723" s="424"/>
      <c r="TND723" s="424"/>
      <c r="TNE723" s="423" t="s">
        <v>2795</v>
      </c>
      <c r="TNF723" s="424"/>
      <c r="TNG723" s="424"/>
      <c r="TNH723" s="424"/>
      <c r="TNI723" s="423" t="s">
        <v>2795</v>
      </c>
      <c r="TNJ723" s="424"/>
      <c r="TNK723" s="424"/>
      <c r="TNL723" s="424"/>
      <c r="TNM723" s="423" t="s">
        <v>2795</v>
      </c>
      <c r="TNN723" s="424"/>
      <c r="TNO723" s="424"/>
      <c r="TNP723" s="424"/>
      <c r="TNQ723" s="423" t="s">
        <v>2795</v>
      </c>
      <c r="TNR723" s="424"/>
      <c r="TNS723" s="424"/>
      <c r="TNT723" s="424"/>
      <c r="TNU723" s="423" t="s">
        <v>2795</v>
      </c>
      <c r="TNV723" s="424"/>
      <c r="TNW723" s="424"/>
      <c r="TNX723" s="424"/>
      <c r="TNY723" s="423" t="s">
        <v>2795</v>
      </c>
      <c r="TNZ723" s="424"/>
      <c r="TOA723" s="424"/>
      <c r="TOB723" s="424"/>
      <c r="TOC723" s="423" t="s">
        <v>2795</v>
      </c>
      <c r="TOD723" s="424"/>
      <c r="TOE723" s="424"/>
      <c r="TOF723" s="424"/>
      <c r="TOG723" s="423" t="s">
        <v>2795</v>
      </c>
      <c r="TOH723" s="424"/>
      <c r="TOI723" s="424"/>
      <c r="TOJ723" s="424"/>
      <c r="TOK723" s="423" t="s">
        <v>2795</v>
      </c>
      <c r="TOL723" s="424"/>
      <c r="TOM723" s="424"/>
      <c r="TON723" s="424"/>
      <c r="TOO723" s="423" t="s">
        <v>2795</v>
      </c>
      <c r="TOP723" s="424"/>
      <c r="TOQ723" s="424"/>
      <c r="TOR723" s="424"/>
      <c r="TOS723" s="423" t="s">
        <v>2795</v>
      </c>
      <c r="TOT723" s="424"/>
      <c r="TOU723" s="424"/>
      <c r="TOV723" s="424"/>
      <c r="TOW723" s="423" t="s">
        <v>2795</v>
      </c>
      <c r="TOX723" s="424"/>
      <c r="TOY723" s="424"/>
      <c r="TOZ723" s="424"/>
      <c r="TPA723" s="423" t="s">
        <v>2795</v>
      </c>
      <c r="TPB723" s="424"/>
      <c r="TPC723" s="424"/>
      <c r="TPD723" s="424"/>
      <c r="TPE723" s="423" t="s">
        <v>2795</v>
      </c>
      <c r="TPF723" s="424"/>
      <c r="TPG723" s="424"/>
      <c r="TPH723" s="424"/>
      <c r="TPI723" s="423" t="s">
        <v>2795</v>
      </c>
      <c r="TPJ723" s="424"/>
      <c r="TPK723" s="424"/>
      <c r="TPL723" s="424"/>
      <c r="TPM723" s="423" t="s">
        <v>2795</v>
      </c>
      <c r="TPN723" s="424"/>
      <c r="TPO723" s="424"/>
      <c r="TPP723" s="424"/>
      <c r="TPQ723" s="423" t="s">
        <v>2795</v>
      </c>
      <c r="TPR723" s="424"/>
      <c r="TPS723" s="424"/>
      <c r="TPT723" s="424"/>
      <c r="TPU723" s="423" t="s">
        <v>2795</v>
      </c>
      <c r="TPV723" s="424"/>
      <c r="TPW723" s="424"/>
      <c r="TPX723" s="424"/>
      <c r="TPY723" s="423" t="s">
        <v>2795</v>
      </c>
      <c r="TPZ723" s="424"/>
      <c r="TQA723" s="424"/>
      <c r="TQB723" s="424"/>
      <c r="TQC723" s="423" t="s">
        <v>2795</v>
      </c>
      <c r="TQD723" s="424"/>
      <c r="TQE723" s="424"/>
      <c r="TQF723" s="424"/>
      <c r="TQG723" s="423" t="s">
        <v>2795</v>
      </c>
      <c r="TQH723" s="424"/>
      <c r="TQI723" s="424"/>
      <c r="TQJ723" s="424"/>
      <c r="TQK723" s="423" t="s">
        <v>2795</v>
      </c>
      <c r="TQL723" s="424"/>
      <c r="TQM723" s="424"/>
      <c r="TQN723" s="424"/>
      <c r="TQO723" s="423" t="s">
        <v>2795</v>
      </c>
      <c r="TQP723" s="424"/>
      <c r="TQQ723" s="424"/>
      <c r="TQR723" s="424"/>
      <c r="TQS723" s="423" t="s">
        <v>2795</v>
      </c>
      <c r="TQT723" s="424"/>
      <c r="TQU723" s="424"/>
      <c r="TQV723" s="424"/>
      <c r="TQW723" s="423" t="s">
        <v>2795</v>
      </c>
      <c r="TQX723" s="424"/>
      <c r="TQY723" s="424"/>
      <c r="TQZ723" s="424"/>
      <c r="TRA723" s="423" t="s">
        <v>2795</v>
      </c>
      <c r="TRB723" s="424"/>
      <c r="TRC723" s="424"/>
      <c r="TRD723" s="424"/>
      <c r="TRE723" s="423" t="s">
        <v>2795</v>
      </c>
      <c r="TRF723" s="424"/>
      <c r="TRG723" s="424"/>
      <c r="TRH723" s="424"/>
      <c r="TRI723" s="423" t="s">
        <v>2795</v>
      </c>
      <c r="TRJ723" s="424"/>
      <c r="TRK723" s="424"/>
      <c r="TRL723" s="424"/>
      <c r="TRM723" s="423" t="s">
        <v>2795</v>
      </c>
      <c r="TRN723" s="424"/>
      <c r="TRO723" s="424"/>
      <c r="TRP723" s="424"/>
      <c r="TRQ723" s="423" t="s">
        <v>2795</v>
      </c>
      <c r="TRR723" s="424"/>
      <c r="TRS723" s="424"/>
      <c r="TRT723" s="424"/>
      <c r="TRU723" s="423" t="s">
        <v>2795</v>
      </c>
      <c r="TRV723" s="424"/>
      <c r="TRW723" s="424"/>
      <c r="TRX723" s="424"/>
      <c r="TRY723" s="423" t="s">
        <v>2795</v>
      </c>
      <c r="TRZ723" s="424"/>
      <c r="TSA723" s="424"/>
      <c r="TSB723" s="424"/>
      <c r="TSC723" s="423" t="s">
        <v>2795</v>
      </c>
      <c r="TSD723" s="424"/>
      <c r="TSE723" s="424"/>
      <c r="TSF723" s="424"/>
      <c r="TSG723" s="423" t="s">
        <v>2795</v>
      </c>
      <c r="TSH723" s="424"/>
      <c r="TSI723" s="424"/>
      <c r="TSJ723" s="424"/>
      <c r="TSK723" s="423" t="s">
        <v>2795</v>
      </c>
      <c r="TSL723" s="424"/>
      <c r="TSM723" s="424"/>
      <c r="TSN723" s="424"/>
      <c r="TSO723" s="423" t="s">
        <v>2795</v>
      </c>
      <c r="TSP723" s="424"/>
      <c r="TSQ723" s="424"/>
      <c r="TSR723" s="424"/>
      <c r="TSS723" s="423" t="s">
        <v>2795</v>
      </c>
      <c r="TST723" s="424"/>
      <c r="TSU723" s="424"/>
      <c r="TSV723" s="424"/>
      <c r="TSW723" s="423" t="s">
        <v>2795</v>
      </c>
      <c r="TSX723" s="424"/>
      <c r="TSY723" s="424"/>
      <c r="TSZ723" s="424"/>
      <c r="TTA723" s="423" t="s">
        <v>2795</v>
      </c>
      <c r="TTB723" s="424"/>
      <c r="TTC723" s="424"/>
      <c r="TTD723" s="424"/>
      <c r="TTE723" s="423" t="s">
        <v>2795</v>
      </c>
      <c r="TTF723" s="424"/>
      <c r="TTG723" s="424"/>
      <c r="TTH723" s="424"/>
      <c r="TTI723" s="423" t="s">
        <v>2795</v>
      </c>
      <c r="TTJ723" s="424"/>
      <c r="TTK723" s="424"/>
      <c r="TTL723" s="424"/>
      <c r="TTM723" s="423" t="s">
        <v>2795</v>
      </c>
      <c r="TTN723" s="424"/>
      <c r="TTO723" s="424"/>
      <c r="TTP723" s="424"/>
      <c r="TTQ723" s="423" t="s">
        <v>2795</v>
      </c>
      <c r="TTR723" s="424"/>
      <c r="TTS723" s="424"/>
      <c r="TTT723" s="424"/>
      <c r="TTU723" s="423" t="s">
        <v>2795</v>
      </c>
      <c r="TTV723" s="424"/>
      <c r="TTW723" s="424"/>
      <c r="TTX723" s="424"/>
      <c r="TTY723" s="423" t="s">
        <v>2795</v>
      </c>
      <c r="TTZ723" s="424"/>
      <c r="TUA723" s="424"/>
      <c r="TUB723" s="424"/>
      <c r="TUC723" s="423" t="s">
        <v>2795</v>
      </c>
      <c r="TUD723" s="424"/>
      <c r="TUE723" s="424"/>
      <c r="TUF723" s="424"/>
      <c r="TUG723" s="423" t="s">
        <v>2795</v>
      </c>
      <c r="TUH723" s="424"/>
      <c r="TUI723" s="424"/>
      <c r="TUJ723" s="424"/>
      <c r="TUK723" s="423" t="s">
        <v>2795</v>
      </c>
      <c r="TUL723" s="424"/>
      <c r="TUM723" s="424"/>
      <c r="TUN723" s="424"/>
      <c r="TUO723" s="423" t="s">
        <v>2795</v>
      </c>
      <c r="TUP723" s="424"/>
      <c r="TUQ723" s="424"/>
      <c r="TUR723" s="424"/>
      <c r="TUS723" s="423" t="s">
        <v>2795</v>
      </c>
      <c r="TUT723" s="424"/>
      <c r="TUU723" s="424"/>
      <c r="TUV723" s="424"/>
      <c r="TUW723" s="423" t="s">
        <v>2795</v>
      </c>
      <c r="TUX723" s="424"/>
      <c r="TUY723" s="424"/>
      <c r="TUZ723" s="424"/>
      <c r="TVA723" s="423" t="s">
        <v>2795</v>
      </c>
      <c r="TVB723" s="424"/>
      <c r="TVC723" s="424"/>
      <c r="TVD723" s="424"/>
      <c r="TVE723" s="423" t="s">
        <v>2795</v>
      </c>
      <c r="TVF723" s="424"/>
      <c r="TVG723" s="424"/>
      <c r="TVH723" s="424"/>
      <c r="TVI723" s="423" t="s">
        <v>2795</v>
      </c>
      <c r="TVJ723" s="424"/>
      <c r="TVK723" s="424"/>
      <c r="TVL723" s="424"/>
      <c r="TVM723" s="423" t="s">
        <v>2795</v>
      </c>
      <c r="TVN723" s="424"/>
      <c r="TVO723" s="424"/>
      <c r="TVP723" s="424"/>
      <c r="TVQ723" s="423" t="s">
        <v>2795</v>
      </c>
      <c r="TVR723" s="424"/>
      <c r="TVS723" s="424"/>
      <c r="TVT723" s="424"/>
      <c r="TVU723" s="423" t="s">
        <v>2795</v>
      </c>
      <c r="TVV723" s="424"/>
      <c r="TVW723" s="424"/>
      <c r="TVX723" s="424"/>
      <c r="TVY723" s="423" t="s">
        <v>2795</v>
      </c>
      <c r="TVZ723" s="424"/>
      <c r="TWA723" s="424"/>
      <c r="TWB723" s="424"/>
      <c r="TWC723" s="423" t="s">
        <v>2795</v>
      </c>
      <c r="TWD723" s="424"/>
      <c r="TWE723" s="424"/>
      <c r="TWF723" s="424"/>
      <c r="TWG723" s="423" t="s">
        <v>2795</v>
      </c>
      <c r="TWH723" s="424"/>
      <c r="TWI723" s="424"/>
      <c r="TWJ723" s="424"/>
      <c r="TWK723" s="423" t="s">
        <v>2795</v>
      </c>
      <c r="TWL723" s="424"/>
      <c r="TWM723" s="424"/>
      <c r="TWN723" s="424"/>
      <c r="TWO723" s="423" t="s">
        <v>2795</v>
      </c>
      <c r="TWP723" s="424"/>
      <c r="TWQ723" s="424"/>
      <c r="TWR723" s="424"/>
      <c r="TWS723" s="423" t="s">
        <v>2795</v>
      </c>
      <c r="TWT723" s="424"/>
      <c r="TWU723" s="424"/>
      <c r="TWV723" s="424"/>
      <c r="TWW723" s="423" t="s">
        <v>2795</v>
      </c>
      <c r="TWX723" s="424"/>
      <c r="TWY723" s="424"/>
      <c r="TWZ723" s="424"/>
      <c r="TXA723" s="423" t="s">
        <v>2795</v>
      </c>
      <c r="TXB723" s="424"/>
      <c r="TXC723" s="424"/>
      <c r="TXD723" s="424"/>
      <c r="TXE723" s="423" t="s">
        <v>2795</v>
      </c>
      <c r="TXF723" s="424"/>
      <c r="TXG723" s="424"/>
      <c r="TXH723" s="424"/>
      <c r="TXI723" s="423" t="s">
        <v>2795</v>
      </c>
      <c r="TXJ723" s="424"/>
      <c r="TXK723" s="424"/>
      <c r="TXL723" s="424"/>
      <c r="TXM723" s="423" t="s">
        <v>2795</v>
      </c>
      <c r="TXN723" s="424"/>
      <c r="TXO723" s="424"/>
      <c r="TXP723" s="424"/>
      <c r="TXQ723" s="423" t="s">
        <v>2795</v>
      </c>
      <c r="TXR723" s="424"/>
      <c r="TXS723" s="424"/>
      <c r="TXT723" s="424"/>
      <c r="TXU723" s="423" t="s">
        <v>2795</v>
      </c>
      <c r="TXV723" s="424"/>
      <c r="TXW723" s="424"/>
      <c r="TXX723" s="424"/>
      <c r="TXY723" s="423" t="s">
        <v>2795</v>
      </c>
      <c r="TXZ723" s="424"/>
      <c r="TYA723" s="424"/>
      <c r="TYB723" s="424"/>
      <c r="TYC723" s="423" t="s">
        <v>2795</v>
      </c>
      <c r="TYD723" s="424"/>
      <c r="TYE723" s="424"/>
      <c r="TYF723" s="424"/>
      <c r="TYG723" s="423" t="s">
        <v>2795</v>
      </c>
      <c r="TYH723" s="424"/>
      <c r="TYI723" s="424"/>
      <c r="TYJ723" s="424"/>
      <c r="TYK723" s="423" t="s">
        <v>2795</v>
      </c>
      <c r="TYL723" s="424"/>
      <c r="TYM723" s="424"/>
      <c r="TYN723" s="424"/>
      <c r="TYO723" s="423" t="s">
        <v>2795</v>
      </c>
      <c r="TYP723" s="424"/>
      <c r="TYQ723" s="424"/>
      <c r="TYR723" s="424"/>
      <c r="TYS723" s="423" t="s">
        <v>2795</v>
      </c>
      <c r="TYT723" s="424"/>
      <c r="TYU723" s="424"/>
      <c r="TYV723" s="424"/>
      <c r="TYW723" s="423" t="s">
        <v>2795</v>
      </c>
      <c r="TYX723" s="424"/>
      <c r="TYY723" s="424"/>
      <c r="TYZ723" s="424"/>
      <c r="TZA723" s="423" t="s">
        <v>2795</v>
      </c>
      <c r="TZB723" s="424"/>
      <c r="TZC723" s="424"/>
      <c r="TZD723" s="424"/>
      <c r="TZE723" s="423" t="s">
        <v>2795</v>
      </c>
      <c r="TZF723" s="424"/>
      <c r="TZG723" s="424"/>
      <c r="TZH723" s="424"/>
      <c r="TZI723" s="423" t="s">
        <v>2795</v>
      </c>
      <c r="TZJ723" s="424"/>
      <c r="TZK723" s="424"/>
      <c r="TZL723" s="424"/>
      <c r="TZM723" s="423" t="s">
        <v>2795</v>
      </c>
      <c r="TZN723" s="424"/>
      <c r="TZO723" s="424"/>
      <c r="TZP723" s="424"/>
      <c r="TZQ723" s="423" t="s">
        <v>2795</v>
      </c>
      <c r="TZR723" s="424"/>
      <c r="TZS723" s="424"/>
      <c r="TZT723" s="424"/>
      <c r="TZU723" s="423" t="s">
        <v>2795</v>
      </c>
      <c r="TZV723" s="424"/>
      <c r="TZW723" s="424"/>
      <c r="TZX723" s="424"/>
      <c r="TZY723" s="423" t="s">
        <v>2795</v>
      </c>
      <c r="TZZ723" s="424"/>
      <c r="UAA723" s="424"/>
      <c r="UAB723" s="424"/>
      <c r="UAC723" s="423" t="s">
        <v>2795</v>
      </c>
      <c r="UAD723" s="424"/>
      <c r="UAE723" s="424"/>
      <c r="UAF723" s="424"/>
      <c r="UAG723" s="423" t="s">
        <v>2795</v>
      </c>
      <c r="UAH723" s="424"/>
      <c r="UAI723" s="424"/>
      <c r="UAJ723" s="424"/>
      <c r="UAK723" s="423" t="s">
        <v>2795</v>
      </c>
      <c r="UAL723" s="424"/>
      <c r="UAM723" s="424"/>
      <c r="UAN723" s="424"/>
      <c r="UAO723" s="423" t="s">
        <v>2795</v>
      </c>
      <c r="UAP723" s="424"/>
      <c r="UAQ723" s="424"/>
      <c r="UAR723" s="424"/>
      <c r="UAS723" s="423" t="s">
        <v>2795</v>
      </c>
      <c r="UAT723" s="424"/>
      <c r="UAU723" s="424"/>
      <c r="UAV723" s="424"/>
      <c r="UAW723" s="423" t="s">
        <v>2795</v>
      </c>
      <c r="UAX723" s="424"/>
      <c r="UAY723" s="424"/>
      <c r="UAZ723" s="424"/>
      <c r="UBA723" s="423" t="s">
        <v>2795</v>
      </c>
      <c r="UBB723" s="424"/>
      <c r="UBC723" s="424"/>
      <c r="UBD723" s="424"/>
      <c r="UBE723" s="423" t="s">
        <v>2795</v>
      </c>
      <c r="UBF723" s="424"/>
      <c r="UBG723" s="424"/>
      <c r="UBH723" s="424"/>
      <c r="UBI723" s="423" t="s">
        <v>2795</v>
      </c>
      <c r="UBJ723" s="424"/>
      <c r="UBK723" s="424"/>
      <c r="UBL723" s="424"/>
      <c r="UBM723" s="423" t="s">
        <v>2795</v>
      </c>
      <c r="UBN723" s="424"/>
      <c r="UBO723" s="424"/>
      <c r="UBP723" s="424"/>
      <c r="UBQ723" s="423" t="s">
        <v>2795</v>
      </c>
      <c r="UBR723" s="424"/>
      <c r="UBS723" s="424"/>
      <c r="UBT723" s="424"/>
      <c r="UBU723" s="423" t="s">
        <v>2795</v>
      </c>
      <c r="UBV723" s="424"/>
      <c r="UBW723" s="424"/>
      <c r="UBX723" s="424"/>
      <c r="UBY723" s="423" t="s">
        <v>2795</v>
      </c>
      <c r="UBZ723" s="424"/>
      <c r="UCA723" s="424"/>
      <c r="UCB723" s="424"/>
      <c r="UCC723" s="423" t="s">
        <v>2795</v>
      </c>
      <c r="UCD723" s="424"/>
      <c r="UCE723" s="424"/>
      <c r="UCF723" s="424"/>
      <c r="UCG723" s="423" t="s">
        <v>2795</v>
      </c>
      <c r="UCH723" s="424"/>
      <c r="UCI723" s="424"/>
      <c r="UCJ723" s="424"/>
      <c r="UCK723" s="423" t="s">
        <v>2795</v>
      </c>
      <c r="UCL723" s="424"/>
      <c r="UCM723" s="424"/>
      <c r="UCN723" s="424"/>
      <c r="UCO723" s="423" t="s">
        <v>2795</v>
      </c>
      <c r="UCP723" s="424"/>
      <c r="UCQ723" s="424"/>
      <c r="UCR723" s="424"/>
      <c r="UCS723" s="423" t="s">
        <v>2795</v>
      </c>
      <c r="UCT723" s="424"/>
      <c r="UCU723" s="424"/>
      <c r="UCV723" s="424"/>
      <c r="UCW723" s="423" t="s">
        <v>2795</v>
      </c>
      <c r="UCX723" s="424"/>
      <c r="UCY723" s="424"/>
      <c r="UCZ723" s="424"/>
      <c r="UDA723" s="423" t="s">
        <v>2795</v>
      </c>
      <c r="UDB723" s="424"/>
      <c r="UDC723" s="424"/>
      <c r="UDD723" s="424"/>
      <c r="UDE723" s="423" t="s">
        <v>2795</v>
      </c>
      <c r="UDF723" s="424"/>
      <c r="UDG723" s="424"/>
      <c r="UDH723" s="424"/>
      <c r="UDI723" s="423" t="s">
        <v>2795</v>
      </c>
      <c r="UDJ723" s="424"/>
      <c r="UDK723" s="424"/>
      <c r="UDL723" s="424"/>
      <c r="UDM723" s="423" t="s">
        <v>2795</v>
      </c>
      <c r="UDN723" s="424"/>
      <c r="UDO723" s="424"/>
      <c r="UDP723" s="424"/>
      <c r="UDQ723" s="423" t="s">
        <v>2795</v>
      </c>
      <c r="UDR723" s="424"/>
      <c r="UDS723" s="424"/>
      <c r="UDT723" s="424"/>
      <c r="UDU723" s="423" t="s">
        <v>2795</v>
      </c>
      <c r="UDV723" s="424"/>
      <c r="UDW723" s="424"/>
      <c r="UDX723" s="424"/>
      <c r="UDY723" s="423" t="s">
        <v>2795</v>
      </c>
      <c r="UDZ723" s="424"/>
      <c r="UEA723" s="424"/>
      <c r="UEB723" s="424"/>
      <c r="UEC723" s="423" t="s">
        <v>2795</v>
      </c>
      <c r="UED723" s="424"/>
      <c r="UEE723" s="424"/>
      <c r="UEF723" s="424"/>
      <c r="UEG723" s="423" t="s">
        <v>2795</v>
      </c>
      <c r="UEH723" s="424"/>
      <c r="UEI723" s="424"/>
      <c r="UEJ723" s="424"/>
      <c r="UEK723" s="423" t="s">
        <v>2795</v>
      </c>
      <c r="UEL723" s="424"/>
      <c r="UEM723" s="424"/>
      <c r="UEN723" s="424"/>
      <c r="UEO723" s="423" t="s">
        <v>2795</v>
      </c>
      <c r="UEP723" s="424"/>
      <c r="UEQ723" s="424"/>
      <c r="UER723" s="424"/>
      <c r="UES723" s="423" t="s">
        <v>2795</v>
      </c>
      <c r="UET723" s="424"/>
      <c r="UEU723" s="424"/>
      <c r="UEV723" s="424"/>
      <c r="UEW723" s="423" t="s">
        <v>2795</v>
      </c>
      <c r="UEX723" s="424"/>
      <c r="UEY723" s="424"/>
      <c r="UEZ723" s="424"/>
      <c r="UFA723" s="423" t="s">
        <v>2795</v>
      </c>
      <c r="UFB723" s="424"/>
      <c r="UFC723" s="424"/>
      <c r="UFD723" s="424"/>
      <c r="UFE723" s="423" t="s">
        <v>2795</v>
      </c>
      <c r="UFF723" s="424"/>
      <c r="UFG723" s="424"/>
      <c r="UFH723" s="424"/>
      <c r="UFI723" s="423" t="s">
        <v>2795</v>
      </c>
      <c r="UFJ723" s="424"/>
      <c r="UFK723" s="424"/>
      <c r="UFL723" s="424"/>
      <c r="UFM723" s="423" t="s">
        <v>2795</v>
      </c>
      <c r="UFN723" s="424"/>
      <c r="UFO723" s="424"/>
      <c r="UFP723" s="424"/>
      <c r="UFQ723" s="423" t="s">
        <v>2795</v>
      </c>
      <c r="UFR723" s="424"/>
      <c r="UFS723" s="424"/>
      <c r="UFT723" s="424"/>
      <c r="UFU723" s="423" t="s">
        <v>2795</v>
      </c>
      <c r="UFV723" s="424"/>
      <c r="UFW723" s="424"/>
      <c r="UFX723" s="424"/>
      <c r="UFY723" s="423" t="s">
        <v>2795</v>
      </c>
      <c r="UFZ723" s="424"/>
      <c r="UGA723" s="424"/>
      <c r="UGB723" s="424"/>
      <c r="UGC723" s="423" t="s">
        <v>2795</v>
      </c>
      <c r="UGD723" s="424"/>
      <c r="UGE723" s="424"/>
      <c r="UGF723" s="424"/>
      <c r="UGG723" s="423" t="s">
        <v>2795</v>
      </c>
      <c r="UGH723" s="424"/>
      <c r="UGI723" s="424"/>
      <c r="UGJ723" s="424"/>
      <c r="UGK723" s="423" t="s">
        <v>2795</v>
      </c>
      <c r="UGL723" s="424"/>
      <c r="UGM723" s="424"/>
      <c r="UGN723" s="424"/>
      <c r="UGO723" s="423" t="s">
        <v>2795</v>
      </c>
      <c r="UGP723" s="424"/>
      <c r="UGQ723" s="424"/>
      <c r="UGR723" s="424"/>
      <c r="UGS723" s="423" t="s">
        <v>2795</v>
      </c>
      <c r="UGT723" s="424"/>
      <c r="UGU723" s="424"/>
      <c r="UGV723" s="424"/>
      <c r="UGW723" s="423" t="s">
        <v>2795</v>
      </c>
      <c r="UGX723" s="424"/>
      <c r="UGY723" s="424"/>
      <c r="UGZ723" s="424"/>
      <c r="UHA723" s="423" t="s">
        <v>2795</v>
      </c>
      <c r="UHB723" s="424"/>
      <c r="UHC723" s="424"/>
      <c r="UHD723" s="424"/>
      <c r="UHE723" s="423" t="s">
        <v>2795</v>
      </c>
      <c r="UHF723" s="424"/>
      <c r="UHG723" s="424"/>
      <c r="UHH723" s="424"/>
      <c r="UHI723" s="423" t="s">
        <v>2795</v>
      </c>
      <c r="UHJ723" s="424"/>
      <c r="UHK723" s="424"/>
      <c r="UHL723" s="424"/>
      <c r="UHM723" s="423" t="s">
        <v>2795</v>
      </c>
      <c r="UHN723" s="424"/>
      <c r="UHO723" s="424"/>
      <c r="UHP723" s="424"/>
      <c r="UHQ723" s="423" t="s">
        <v>2795</v>
      </c>
      <c r="UHR723" s="424"/>
      <c r="UHS723" s="424"/>
      <c r="UHT723" s="424"/>
      <c r="UHU723" s="423" t="s">
        <v>2795</v>
      </c>
      <c r="UHV723" s="424"/>
      <c r="UHW723" s="424"/>
      <c r="UHX723" s="424"/>
      <c r="UHY723" s="423" t="s">
        <v>2795</v>
      </c>
      <c r="UHZ723" s="424"/>
      <c r="UIA723" s="424"/>
      <c r="UIB723" s="424"/>
      <c r="UIC723" s="423" t="s">
        <v>2795</v>
      </c>
      <c r="UID723" s="424"/>
      <c r="UIE723" s="424"/>
      <c r="UIF723" s="424"/>
      <c r="UIG723" s="423" t="s">
        <v>2795</v>
      </c>
      <c r="UIH723" s="424"/>
      <c r="UII723" s="424"/>
      <c r="UIJ723" s="424"/>
      <c r="UIK723" s="423" t="s">
        <v>2795</v>
      </c>
      <c r="UIL723" s="424"/>
      <c r="UIM723" s="424"/>
      <c r="UIN723" s="424"/>
      <c r="UIO723" s="423" t="s">
        <v>2795</v>
      </c>
      <c r="UIP723" s="424"/>
      <c r="UIQ723" s="424"/>
      <c r="UIR723" s="424"/>
      <c r="UIS723" s="423" t="s">
        <v>2795</v>
      </c>
      <c r="UIT723" s="424"/>
      <c r="UIU723" s="424"/>
      <c r="UIV723" s="424"/>
      <c r="UIW723" s="423" t="s">
        <v>2795</v>
      </c>
      <c r="UIX723" s="424"/>
      <c r="UIY723" s="424"/>
      <c r="UIZ723" s="424"/>
      <c r="UJA723" s="423" t="s">
        <v>2795</v>
      </c>
      <c r="UJB723" s="424"/>
      <c r="UJC723" s="424"/>
      <c r="UJD723" s="424"/>
      <c r="UJE723" s="423" t="s">
        <v>2795</v>
      </c>
      <c r="UJF723" s="424"/>
      <c r="UJG723" s="424"/>
      <c r="UJH723" s="424"/>
      <c r="UJI723" s="423" t="s">
        <v>2795</v>
      </c>
      <c r="UJJ723" s="424"/>
      <c r="UJK723" s="424"/>
      <c r="UJL723" s="424"/>
      <c r="UJM723" s="423" t="s">
        <v>2795</v>
      </c>
      <c r="UJN723" s="424"/>
      <c r="UJO723" s="424"/>
      <c r="UJP723" s="424"/>
      <c r="UJQ723" s="423" t="s">
        <v>2795</v>
      </c>
      <c r="UJR723" s="424"/>
      <c r="UJS723" s="424"/>
      <c r="UJT723" s="424"/>
      <c r="UJU723" s="423" t="s">
        <v>2795</v>
      </c>
      <c r="UJV723" s="424"/>
      <c r="UJW723" s="424"/>
      <c r="UJX723" s="424"/>
      <c r="UJY723" s="423" t="s">
        <v>2795</v>
      </c>
      <c r="UJZ723" s="424"/>
      <c r="UKA723" s="424"/>
      <c r="UKB723" s="424"/>
      <c r="UKC723" s="423" t="s">
        <v>2795</v>
      </c>
      <c r="UKD723" s="424"/>
      <c r="UKE723" s="424"/>
      <c r="UKF723" s="424"/>
      <c r="UKG723" s="423" t="s">
        <v>2795</v>
      </c>
      <c r="UKH723" s="424"/>
      <c r="UKI723" s="424"/>
      <c r="UKJ723" s="424"/>
      <c r="UKK723" s="423" t="s">
        <v>2795</v>
      </c>
      <c r="UKL723" s="424"/>
      <c r="UKM723" s="424"/>
      <c r="UKN723" s="424"/>
      <c r="UKO723" s="423" t="s">
        <v>2795</v>
      </c>
      <c r="UKP723" s="424"/>
      <c r="UKQ723" s="424"/>
      <c r="UKR723" s="424"/>
      <c r="UKS723" s="423" t="s">
        <v>2795</v>
      </c>
      <c r="UKT723" s="424"/>
      <c r="UKU723" s="424"/>
      <c r="UKV723" s="424"/>
      <c r="UKW723" s="423" t="s">
        <v>2795</v>
      </c>
      <c r="UKX723" s="424"/>
      <c r="UKY723" s="424"/>
      <c r="UKZ723" s="424"/>
      <c r="ULA723" s="423" t="s">
        <v>2795</v>
      </c>
      <c r="ULB723" s="424"/>
      <c r="ULC723" s="424"/>
      <c r="ULD723" s="424"/>
      <c r="ULE723" s="423" t="s">
        <v>2795</v>
      </c>
      <c r="ULF723" s="424"/>
      <c r="ULG723" s="424"/>
      <c r="ULH723" s="424"/>
      <c r="ULI723" s="423" t="s">
        <v>2795</v>
      </c>
      <c r="ULJ723" s="424"/>
      <c r="ULK723" s="424"/>
      <c r="ULL723" s="424"/>
      <c r="ULM723" s="423" t="s">
        <v>2795</v>
      </c>
      <c r="ULN723" s="424"/>
      <c r="ULO723" s="424"/>
      <c r="ULP723" s="424"/>
      <c r="ULQ723" s="423" t="s">
        <v>2795</v>
      </c>
      <c r="ULR723" s="424"/>
      <c r="ULS723" s="424"/>
      <c r="ULT723" s="424"/>
      <c r="ULU723" s="423" t="s">
        <v>2795</v>
      </c>
      <c r="ULV723" s="424"/>
      <c r="ULW723" s="424"/>
      <c r="ULX723" s="424"/>
      <c r="ULY723" s="423" t="s">
        <v>2795</v>
      </c>
      <c r="ULZ723" s="424"/>
      <c r="UMA723" s="424"/>
      <c r="UMB723" s="424"/>
      <c r="UMC723" s="423" t="s">
        <v>2795</v>
      </c>
      <c r="UMD723" s="424"/>
      <c r="UME723" s="424"/>
      <c r="UMF723" s="424"/>
      <c r="UMG723" s="423" t="s">
        <v>2795</v>
      </c>
      <c r="UMH723" s="424"/>
      <c r="UMI723" s="424"/>
      <c r="UMJ723" s="424"/>
      <c r="UMK723" s="423" t="s">
        <v>2795</v>
      </c>
      <c r="UML723" s="424"/>
      <c r="UMM723" s="424"/>
      <c r="UMN723" s="424"/>
      <c r="UMO723" s="423" t="s">
        <v>2795</v>
      </c>
      <c r="UMP723" s="424"/>
      <c r="UMQ723" s="424"/>
      <c r="UMR723" s="424"/>
      <c r="UMS723" s="423" t="s">
        <v>2795</v>
      </c>
      <c r="UMT723" s="424"/>
      <c r="UMU723" s="424"/>
      <c r="UMV723" s="424"/>
      <c r="UMW723" s="423" t="s">
        <v>2795</v>
      </c>
      <c r="UMX723" s="424"/>
      <c r="UMY723" s="424"/>
      <c r="UMZ723" s="424"/>
      <c r="UNA723" s="423" t="s">
        <v>2795</v>
      </c>
      <c r="UNB723" s="424"/>
      <c r="UNC723" s="424"/>
      <c r="UND723" s="424"/>
      <c r="UNE723" s="423" t="s">
        <v>2795</v>
      </c>
      <c r="UNF723" s="424"/>
      <c r="UNG723" s="424"/>
      <c r="UNH723" s="424"/>
      <c r="UNI723" s="423" t="s">
        <v>2795</v>
      </c>
      <c r="UNJ723" s="424"/>
      <c r="UNK723" s="424"/>
      <c r="UNL723" s="424"/>
      <c r="UNM723" s="423" t="s">
        <v>2795</v>
      </c>
      <c r="UNN723" s="424"/>
      <c r="UNO723" s="424"/>
      <c r="UNP723" s="424"/>
      <c r="UNQ723" s="423" t="s">
        <v>2795</v>
      </c>
      <c r="UNR723" s="424"/>
      <c r="UNS723" s="424"/>
      <c r="UNT723" s="424"/>
      <c r="UNU723" s="423" t="s">
        <v>2795</v>
      </c>
      <c r="UNV723" s="424"/>
      <c r="UNW723" s="424"/>
      <c r="UNX723" s="424"/>
      <c r="UNY723" s="423" t="s">
        <v>2795</v>
      </c>
      <c r="UNZ723" s="424"/>
      <c r="UOA723" s="424"/>
      <c r="UOB723" s="424"/>
      <c r="UOC723" s="423" t="s">
        <v>2795</v>
      </c>
      <c r="UOD723" s="424"/>
      <c r="UOE723" s="424"/>
      <c r="UOF723" s="424"/>
      <c r="UOG723" s="423" t="s">
        <v>2795</v>
      </c>
      <c r="UOH723" s="424"/>
      <c r="UOI723" s="424"/>
      <c r="UOJ723" s="424"/>
      <c r="UOK723" s="423" t="s">
        <v>2795</v>
      </c>
      <c r="UOL723" s="424"/>
      <c r="UOM723" s="424"/>
      <c r="UON723" s="424"/>
      <c r="UOO723" s="423" t="s">
        <v>2795</v>
      </c>
      <c r="UOP723" s="424"/>
      <c r="UOQ723" s="424"/>
      <c r="UOR723" s="424"/>
      <c r="UOS723" s="423" t="s">
        <v>2795</v>
      </c>
      <c r="UOT723" s="424"/>
      <c r="UOU723" s="424"/>
      <c r="UOV723" s="424"/>
      <c r="UOW723" s="423" t="s">
        <v>2795</v>
      </c>
      <c r="UOX723" s="424"/>
      <c r="UOY723" s="424"/>
      <c r="UOZ723" s="424"/>
      <c r="UPA723" s="423" t="s">
        <v>2795</v>
      </c>
      <c r="UPB723" s="424"/>
      <c r="UPC723" s="424"/>
      <c r="UPD723" s="424"/>
      <c r="UPE723" s="423" t="s">
        <v>2795</v>
      </c>
      <c r="UPF723" s="424"/>
      <c r="UPG723" s="424"/>
      <c r="UPH723" s="424"/>
      <c r="UPI723" s="423" t="s">
        <v>2795</v>
      </c>
      <c r="UPJ723" s="424"/>
      <c r="UPK723" s="424"/>
      <c r="UPL723" s="424"/>
      <c r="UPM723" s="423" t="s">
        <v>2795</v>
      </c>
      <c r="UPN723" s="424"/>
      <c r="UPO723" s="424"/>
      <c r="UPP723" s="424"/>
      <c r="UPQ723" s="423" t="s">
        <v>2795</v>
      </c>
      <c r="UPR723" s="424"/>
      <c r="UPS723" s="424"/>
      <c r="UPT723" s="424"/>
      <c r="UPU723" s="423" t="s">
        <v>2795</v>
      </c>
      <c r="UPV723" s="424"/>
      <c r="UPW723" s="424"/>
      <c r="UPX723" s="424"/>
      <c r="UPY723" s="423" t="s">
        <v>2795</v>
      </c>
      <c r="UPZ723" s="424"/>
      <c r="UQA723" s="424"/>
      <c r="UQB723" s="424"/>
      <c r="UQC723" s="423" t="s">
        <v>2795</v>
      </c>
      <c r="UQD723" s="424"/>
      <c r="UQE723" s="424"/>
      <c r="UQF723" s="424"/>
      <c r="UQG723" s="423" t="s">
        <v>2795</v>
      </c>
      <c r="UQH723" s="424"/>
      <c r="UQI723" s="424"/>
      <c r="UQJ723" s="424"/>
      <c r="UQK723" s="423" t="s">
        <v>2795</v>
      </c>
      <c r="UQL723" s="424"/>
      <c r="UQM723" s="424"/>
      <c r="UQN723" s="424"/>
      <c r="UQO723" s="423" t="s">
        <v>2795</v>
      </c>
      <c r="UQP723" s="424"/>
      <c r="UQQ723" s="424"/>
      <c r="UQR723" s="424"/>
      <c r="UQS723" s="423" t="s">
        <v>2795</v>
      </c>
      <c r="UQT723" s="424"/>
      <c r="UQU723" s="424"/>
      <c r="UQV723" s="424"/>
      <c r="UQW723" s="423" t="s">
        <v>2795</v>
      </c>
      <c r="UQX723" s="424"/>
      <c r="UQY723" s="424"/>
      <c r="UQZ723" s="424"/>
      <c r="URA723" s="423" t="s">
        <v>2795</v>
      </c>
      <c r="URB723" s="424"/>
      <c r="URC723" s="424"/>
      <c r="URD723" s="424"/>
      <c r="URE723" s="423" t="s">
        <v>2795</v>
      </c>
      <c r="URF723" s="424"/>
      <c r="URG723" s="424"/>
      <c r="URH723" s="424"/>
      <c r="URI723" s="423" t="s">
        <v>2795</v>
      </c>
      <c r="URJ723" s="424"/>
      <c r="URK723" s="424"/>
      <c r="URL723" s="424"/>
      <c r="URM723" s="423" t="s">
        <v>2795</v>
      </c>
      <c r="URN723" s="424"/>
      <c r="URO723" s="424"/>
      <c r="URP723" s="424"/>
      <c r="URQ723" s="423" t="s">
        <v>2795</v>
      </c>
      <c r="URR723" s="424"/>
      <c r="URS723" s="424"/>
      <c r="URT723" s="424"/>
      <c r="URU723" s="423" t="s">
        <v>2795</v>
      </c>
      <c r="URV723" s="424"/>
      <c r="URW723" s="424"/>
      <c r="URX723" s="424"/>
      <c r="URY723" s="423" t="s">
        <v>2795</v>
      </c>
      <c r="URZ723" s="424"/>
      <c r="USA723" s="424"/>
      <c r="USB723" s="424"/>
      <c r="USC723" s="423" t="s">
        <v>2795</v>
      </c>
      <c r="USD723" s="424"/>
      <c r="USE723" s="424"/>
      <c r="USF723" s="424"/>
      <c r="USG723" s="423" t="s">
        <v>2795</v>
      </c>
      <c r="USH723" s="424"/>
      <c r="USI723" s="424"/>
      <c r="USJ723" s="424"/>
      <c r="USK723" s="423" t="s">
        <v>2795</v>
      </c>
      <c r="USL723" s="424"/>
      <c r="USM723" s="424"/>
      <c r="USN723" s="424"/>
      <c r="USO723" s="423" t="s">
        <v>2795</v>
      </c>
      <c r="USP723" s="424"/>
      <c r="USQ723" s="424"/>
      <c r="USR723" s="424"/>
      <c r="USS723" s="423" t="s">
        <v>2795</v>
      </c>
      <c r="UST723" s="424"/>
      <c r="USU723" s="424"/>
      <c r="USV723" s="424"/>
      <c r="USW723" s="423" t="s">
        <v>2795</v>
      </c>
      <c r="USX723" s="424"/>
      <c r="USY723" s="424"/>
      <c r="USZ723" s="424"/>
      <c r="UTA723" s="423" t="s">
        <v>2795</v>
      </c>
      <c r="UTB723" s="424"/>
      <c r="UTC723" s="424"/>
      <c r="UTD723" s="424"/>
      <c r="UTE723" s="423" t="s">
        <v>2795</v>
      </c>
      <c r="UTF723" s="424"/>
      <c r="UTG723" s="424"/>
      <c r="UTH723" s="424"/>
      <c r="UTI723" s="423" t="s">
        <v>2795</v>
      </c>
      <c r="UTJ723" s="424"/>
      <c r="UTK723" s="424"/>
      <c r="UTL723" s="424"/>
      <c r="UTM723" s="423" t="s">
        <v>2795</v>
      </c>
      <c r="UTN723" s="424"/>
      <c r="UTO723" s="424"/>
      <c r="UTP723" s="424"/>
      <c r="UTQ723" s="423" t="s">
        <v>2795</v>
      </c>
      <c r="UTR723" s="424"/>
      <c r="UTS723" s="424"/>
      <c r="UTT723" s="424"/>
      <c r="UTU723" s="423" t="s">
        <v>2795</v>
      </c>
      <c r="UTV723" s="424"/>
      <c r="UTW723" s="424"/>
      <c r="UTX723" s="424"/>
      <c r="UTY723" s="423" t="s">
        <v>2795</v>
      </c>
      <c r="UTZ723" s="424"/>
      <c r="UUA723" s="424"/>
      <c r="UUB723" s="424"/>
      <c r="UUC723" s="423" t="s">
        <v>2795</v>
      </c>
      <c r="UUD723" s="424"/>
      <c r="UUE723" s="424"/>
      <c r="UUF723" s="424"/>
      <c r="UUG723" s="423" t="s">
        <v>2795</v>
      </c>
      <c r="UUH723" s="424"/>
      <c r="UUI723" s="424"/>
      <c r="UUJ723" s="424"/>
      <c r="UUK723" s="423" t="s">
        <v>2795</v>
      </c>
      <c r="UUL723" s="424"/>
      <c r="UUM723" s="424"/>
      <c r="UUN723" s="424"/>
      <c r="UUO723" s="423" t="s">
        <v>2795</v>
      </c>
      <c r="UUP723" s="424"/>
      <c r="UUQ723" s="424"/>
      <c r="UUR723" s="424"/>
      <c r="UUS723" s="423" t="s">
        <v>2795</v>
      </c>
      <c r="UUT723" s="424"/>
      <c r="UUU723" s="424"/>
      <c r="UUV723" s="424"/>
      <c r="UUW723" s="423" t="s">
        <v>2795</v>
      </c>
      <c r="UUX723" s="424"/>
      <c r="UUY723" s="424"/>
      <c r="UUZ723" s="424"/>
      <c r="UVA723" s="423" t="s">
        <v>2795</v>
      </c>
      <c r="UVB723" s="424"/>
      <c r="UVC723" s="424"/>
      <c r="UVD723" s="424"/>
      <c r="UVE723" s="423" t="s">
        <v>2795</v>
      </c>
      <c r="UVF723" s="424"/>
      <c r="UVG723" s="424"/>
      <c r="UVH723" s="424"/>
      <c r="UVI723" s="423" t="s">
        <v>2795</v>
      </c>
      <c r="UVJ723" s="424"/>
      <c r="UVK723" s="424"/>
      <c r="UVL723" s="424"/>
      <c r="UVM723" s="423" t="s">
        <v>2795</v>
      </c>
      <c r="UVN723" s="424"/>
      <c r="UVO723" s="424"/>
      <c r="UVP723" s="424"/>
      <c r="UVQ723" s="423" t="s">
        <v>2795</v>
      </c>
      <c r="UVR723" s="424"/>
      <c r="UVS723" s="424"/>
      <c r="UVT723" s="424"/>
      <c r="UVU723" s="423" t="s">
        <v>2795</v>
      </c>
      <c r="UVV723" s="424"/>
      <c r="UVW723" s="424"/>
      <c r="UVX723" s="424"/>
      <c r="UVY723" s="423" t="s">
        <v>2795</v>
      </c>
      <c r="UVZ723" s="424"/>
      <c r="UWA723" s="424"/>
      <c r="UWB723" s="424"/>
      <c r="UWC723" s="423" t="s">
        <v>2795</v>
      </c>
      <c r="UWD723" s="424"/>
      <c r="UWE723" s="424"/>
      <c r="UWF723" s="424"/>
      <c r="UWG723" s="423" t="s">
        <v>2795</v>
      </c>
      <c r="UWH723" s="424"/>
      <c r="UWI723" s="424"/>
      <c r="UWJ723" s="424"/>
      <c r="UWK723" s="423" t="s">
        <v>2795</v>
      </c>
      <c r="UWL723" s="424"/>
      <c r="UWM723" s="424"/>
      <c r="UWN723" s="424"/>
      <c r="UWO723" s="423" t="s">
        <v>2795</v>
      </c>
      <c r="UWP723" s="424"/>
      <c r="UWQ723" s="424"/>
      <c r="UWR723" s="424"/>
      <c r="UWS723" s="423" t="s">
        <v>2795</v>
      </c>
      <c r="UWT723" s="424"/>
      <c r="UWU723" s="424"/>
      <c r="UWV723" s="424"/>
      <c r="UWW723" s="423" t="s">
        <v>2795</v>
      </c>
      <c r="UWX723" s="424"/>
      <c r="UWY723" s="424"/>
      <c r="UWZ723" s="424"/>
      <c r="UXA723" s="423" t="s">
        <v>2795</v>
      </c>
      <c r="UXB723" s="424"/>
      <c r="UXC723" s="424"/>
      <c r="UXD723" s="424"/>
      <c r="UXE723" s="423" t="s">
        <v>2795</v>
      </c>
      <c r="UXF723" s="424"/>
      <c r="UXG723" s="424"/>
      <c r="UXH723" s="424"/>
      <c r="UXI723" s="423" t="s">
        <v>2795</v>
      </c>
      <c r="UXJ723" s="424"/>
      <c r="UXK723" s="424"/>
      <c r="UXL723" s="424"/>
      <c r="UXM723" s="423" t="s">
        <v>2795</v>
      </c>
      <c r="UXN723" s="424"/>
      <c r="UXO723" s="424"/>
      <c r="UXP723" s="424"/>
      <c r="UXQ723" s="423" t="s">
        <v>2795</v>
      </c>
      <c r="UXR723" s="424"/>
      <c r="UXS723" s="424"/>
      <c r="UXT723" s="424"/>
      <c r="UXU723" s="423" t="s">
        <v>2795</v>
      </c>
      <c r="UXV723" s="424"/>
      <c r="UXW723" s="424"/>
      <c r="UXX723" s="424"/>
      <c r="UXY723" s="423" t="s">
        <v>2795</v>
      </c>
      <c r="UXZ723" s="424"/>
      <c r="UYA723" s="424"/>
      <c r="UYB723" s="424"/>
      <c r="UYC723" s="423" t="s">
        <v>2795</v>
      </c>
      <c r="UYD723" s="424"/>
      <c r="UYE723" s="424"/>
      <c r="UYF723" s="424"/>
      <c r="UYG723" s="423" t="s">
        <v>2795</v>
      </c>
      <c r="UYH723" s="424"/>
      <c r="UYI723" s="424"/>
      <c r="UYJ723" s="424"/>
      <c r="UYK723" s="423" t="s">
        <v>2795</v>
      </c>
      <c r="UYL723" s="424"/>
      <c r="UYM723" s="424"/>
      <c r="UYN723" s="424"/>
      <c r="UYO723" s="423" t="s">
        <v>2795</v>
      </c>
      <c r="UYP723" s="424"/>
      <c r="UYQ723" s="424"/>
      <c r="UYR723" s="424"/>
      <c r="UYS723" s="423" t="s">
        <v>2795</v>
      </c>
      <c r="UYT723" s="424"/>
      <c r="UYU723" s="424"/>
      <c r="UYV723" s="424"/>
      <c r="UYW723" s="423" t="s">
        <v>2795</v>
      </c>
      <c r="UYX723" s="424"/>
      <c r="UYY723" s="424"/>
      <c r="UYZ723" s="424"/>
      <c r="UZA723" s="423" t="s">
        <v>2795</v>
      </c>
      <c r="UZB723" s="424"/>
      <c r="UZC723" s="424"/>
      <c r="UZD723" s="424"/>
      <c r="UZE723" s="423" t="s">
        <v>2795</v>
      </c>
      <c r="UZF723" s="424"/>
      <c r="UZG723" s="424"/>
      <c r="UZH723" s="424"/>
      <c r="UZI723" s="423" t="s">
        <v>2795</v>
      </c>
      <c r="UZJ723" s="424"/>
      <c r="UZK723" s="424"/>
      <c r="UZL723" s="424"/>
      <c r="UZM723" s="423" t="s">
        <v>2795</v>
      </c>
      <c r="UZN723" s="424"/>
      <c r="UZO723" s="424"/>
      <c r="UZP723" s="424"/>
      <c r="UZQ723" s="423" t="s">
        <v>2795</v>
      </c>
      <c r="UZR723" s="424"/>
      <c r="UZS723" s="424"/>
      <c r="UZT723" s="424"/>
      <c r="UZU723" s="423" t="s">
        <v>2795</v>
      </c>
      <c r="UZV723" s="424"/>
      <c r="UZW723" s="424"/>
      <c r="UZX723" s="424"/>
      <c r="UZY723" s="423" t="s">
        <v>2795</v>
      </c>
      <c r="UZZ723" s="424"/>
      <c r="VAA723" s="424"/>
      <c r="VAB723" s="424"/>
      <c r="VAC723" s="423" t="s">
        <v>2795</v>
      </c>
      <c r="VAD723" s="424"/>
      <c r="VAE723" s="424"/>
      <c r="VAF723" s="424"/>
      <c r="VAG723" s="423" t="s">
        <v>2795</v>
      </c>
      <c r="VAH723" s="424"/>
      <c r="VAI723" s="424"/>
      <c r="VAJ723" s="424"/>
      <c r="VAK723" s="423" t="s">
        <v>2795</v>
      </c>
      <c r="VAL723" s="424"/>
      <c r="VAM723" s="424"/>
      <c r="VAN723" s="424"/>
      <c r="VAO723" s="423" t="s">
        <v>2795</v>
      </c>
      <c r="VAP723" s="424"/>
      <c r="VAQ723" s="424"/>
      <c r="VAR723" s="424"/>
      <c r="VAS723" s="423" t="s">
        <v>2795</v>
      </c>
      <c r="VAT723" s="424"/>
      <c r="VAU723" s="424"/>
      <c r="VAV723" s="424"/>
      <c r="VAW723" s="423" t="s">
        <v>2795</v>
      </c>
      <c r="VAX723" s="424"/>
      <c r="VAY723" s="424"/>
      <c r="VAZ723" s="424"/>
      <c r="VBA723" s="423" t="s">
        <v>2795</v>
      </c>
      <c r="VBB723" s="424"/>
      <c r="VBC723" s="424"/>
      <c r="VBD723" s="424"/>
      <c r="VBE723" s="423" t="s">
        <v>2795</v>
      </c>
      <c r="VBF723" s="424"/>
      <c r="VBG723" s="424"/>
      <c r="VBH723" s="424"/>
      <c r="VBI723" s="423" t="s">
        <v>2795</v>
      </c>
      <c r="VBJ723" s="424"/>
      <c r="VBK723" s="424"/>
      <c r="VBL723" s="424"/>
      <c r="VBM723" s="423" t="s">
        <v>2795</v>
      </c>
      <c r="VBN723" s="424"/>
      <c r="VBO723" s="424"/>
      <c r="VBP723" s="424"/>
      <c r="VBQ723" s="423" t="s">
        <v>2795</v>
      </c>
      <c r="VBR723" s="424"/>
      <c r="VBS723" s="424"/>
      <c r="VBT723" s="424"/>
      <c r="VBU723" s="423" t="s">
        <v>2795</v>
      </c>
      <c r="VBV723" s="424"/>
      <c r="VBW723" s="424"/>
      <c r="VBX723" s="424"/>
      <c r="VBY723" s="423" t="s">
        <v>2795</v>
      </c>
      <c r="VBZ723" s="424"/>
      <c r="VCA723" s="424"/>
      <c r="VCB723" s="424"/>
      <c r="VCC723" s="423" t="s">
        <v>2795</v>
      </c>
      <c r="VCD723" s="424"/>
      <c r="VCE723" s="424"/>
      <c r="VCF723" s="424"/>
      <c r="VCG723" s="423" t="s">
        <v>2795</v>
      </c>
      <c r="VCH723" s="424"/>
      <c r="VCI723" s="424"/>
      <c r="VCJ723" s="424"/>
      <c r="VCK723" s="423" t="s">
        <v>2795</v>
      </c>
      <c r="VCL723" s="424"/>
      <c r="VCM723" s="424"/>
      <c r="VCN723" s="424"/>
      <c r="VCO723" s="423" t="s">
        <v>2795</v>
      </c>
      <c r="VCP723" s="424"/>
      <c r="VCQ723" s="424"/>
      <c r="VCR723" s="424"/>
      <c r="VCS723" s="423" t="s">
        <v>2795</v>
      </c>
      <c r="VCT723" s="424"/>
      <c r="VCU723" s="424"/>
      <c r="VCV723" s="424"/>
      <c r="VCW723" s="423" t="s">
        <v>2795</v>
      </c>
      <c r="VCX723" s="424"/>
      <c r="VCY723" s="424"/>
      <c r="VCZ723" s="424"/>
      <c r="VDA723" s="423" t="s">
        <v>2795</v>
      </c>
      <c r="VDB723" s="424"/>
      <c r="VDC723" s="424"/>
      <c r="VDD723" s="424"/>
      <c r="VDE723" s="423" t="s">
        <v>2795</v>
      </c>
      <c r="VDF723" s="424"/>
      <c r="VDG723" s="424"/>
      <c r="VDH723" s="424"/>
      <c r="VDI723" s="423" t="s">
        <v>2795</v>
      </c>
      <c r="VDJ723" s="424"/>
      <c r="VDK723" s="424"/>
      <c r="VDL723" s="424"/>
      <c r="VDM723" s="423" t="s">
        <v>2795</v>
      </c>
      <c r="VDN723" s="424"/>
      <c r="VDO723" s="424"/>
      <c r="VDP723" s="424"/>
      <c r="VDQ723" s="423" t="s">
        <v>2795</v>
      </c>
      <c r="VDR723" s="424"/>
      <c r="VDS723" s="424"/>
      <c r="VDT723" s="424"/>
      <c r="VDU723" s="423" t="s">
        <v>2795</v>
      </c>
      <c r="VDV723" s="424"/>
      <c r="VDW723" s="424"/>
      <c r="VDX723" s="424"/>
      <c r="VDY723" s="423" t="s">
        <v>2795</v>
      </c>
      <c r="VDZ723" s="424"/>
      <c r="VEA723" s="424"/>
      <c r="VEB723" s="424"/>
      <c r="VEC723" s="423" t="s">
        <v>2795</v>
      </c>
      <c r="VED723" s="424"/>
      <c r="VEE723" s="424"/>
      <c r="VEF723" s="424"/>
      <c r="VEG723" s="423" t="s">
        <v>2795</v>
      </c>
      <c r="VEH723" s="424"/>
      <c r="VEI723" s="424"/>
      <c r="VEJ723" s="424"/>
      <c r="VEK723" s="423" t="s">
        <v>2795</v>
      </c>
      <c r="VEL723" s="424"/>
      <c r="VEM723" s="424"/>
      <c r="VEN723" s="424"/>
      <c r="VEO723" s="423" t="s">
        <v>2795</v>
      </c>
      <c r="VEP723" s="424"/>
      <c r="VEQ723" s="424"/>
      <c r="VER723" s="424"/>
      <c r="VES723" s="423" t="s">
        <v>2795</v>
      </c>
      <c r="VET723" s="424"/>
      <c r="VEU723" s="424"/>
      <c r="VEV723" s="424"/>
      <c r="VEW723" s="423" t="s">
        <v>2795</v>
      </c>
      <c r="VEX723" s="424"/>
      <c r="VEY723" s="424"/>
      <c r="VEZ723" s="424"/>
      <c r="VFA723" s="423" t="s">
        <v>2795</v>
      </c>
      <c r="VFB723" s="424"/>
      <c r="VFC723" s="424"/>
      <c r="VFD723" s="424"/>
      <c r="VFE723" s="423" t="s">
        <v>2795</v>
      </c>
      <c r="VFF723" s="424"/>
      <c r="VFG723" s="424"/>
      <c r="VFH723" s="424"/>
      <c r="VFI723" s="423" t="s">
        <v>2795</v>
      </c>
      <c r="VFJ723" s="424"/>
      <c r="VFK723" s="424"/>
      <c r="VFL723" s="424"/>
      <c r="VFM723" s="423" t="s">
        <v>2795</v>
      </c>
      <c r="VFN723" s="424"/>
      <c r="VFO723" s="424"/>
      <c r="VFP723" s="424"/>
      <c r="VFQ723" s="423" t="s">
        <v>2795</v>
      </c>
      <c r="VFR723" s="424"/>
      <c r="VFS723" s="424"/>
      <c r="VFT723" s="424"/>
      <c r="VFU723" s="423" t="s">
        <v>2795</v>
      </c>
      <c r="VFV723" s="424"/>
      <c r="VFW723" s="424"/>
      <c r="VFX723" s="424"/>
      <c r="VFY723" s="423" t="s">
        <v>2795</v>
      </c>
      <c r="VFZ723" s="424"/>
      <c r="VGA723" s="424"/>
      <c r="VGB723" s="424"/>
      <c r="VGC723" s="423" t="s">
        <v>2795</v>
      </c>
      <c r="VGD723" s="424"/>
      <c r="VGE723" s="424"/>
      <c r="VGF723" s="424"/>
      <c r="VGG723" s="423" t="s">
        <v>2795</v>
      </c>
      <c r="VGH723" s="424"/>
      <c r="VGI723" s="424"/>
      <c r="VGJ723" s="424"/>
      <c r="VGK723" s="423" t="s">
        <v>2795</v>
      </c>
      <c r="VGL723" s="424"/>
      <c r="VGM723" s="424"/>
      <c r="VGN723" s="424"/>
      <c r="VGO723" s="423" t="s">
        <v>2795</v>
      </c>
      <c r="VGP723" s="424"/>
      <c r="VGQ723" s="424"/>
      <c r="VGR723" s="424"/>
      <c r="VGS723" s="423" t="s">
        <v>2795</v>
      </c>
      <c r="VGT723" s="424"/>
      <c r="VGU723" s="424"/>
      <c r="VGV723" s="424"/>
      <c r="VGW723" s="423" t="s">
        <v>2795</v>
      </c>
      <c r="VGX723" s="424"/>
      <c r="VGY723" s="424"/>
      <c r="VGZ723" s="424"/>
      <c r="VHA723" s="423" t="s">
        <v>2795</v>
      </c>
      <c r="VHB723" s="424"/>
      <c r="VHC723" s="424"/>
      <c r="VHD723" s="424"/>
      <c r="VHE723" s="423" t="s">
        <v>2795</v>
      </c>
      <c r="VHF723" s="424"/>
      <c r="VHG723" s="424"/>
      <c r="VHH723" s="424"/>
      <c r="VHI723" s="423" t="s">
        <v>2795</v>
      </c>
      <c r="VHJ723" s="424"/>
      <c r="VHK723" s="424"/>
      <c r="VHL723" s="424"/>
      <c r="VHM723" s="423" t="s">
        <v>2795</v>
      </c>
      <c r="VHN723" s="424"/>
      <c r="VHO723" s="424"/>
      <c r="VHP723" s="424"/>
      <c r="VHQ723" s="423" t="s">
        <v>2795</v>
      </c>
      <c r="VHR723" s="424"/>
      <c r="VHS723" s="424"/>
      <c r="VHT723" s="424"/>
      <c r="VHU723" s="423" t="s">
        <v>2795</v>
      </c>
      <c r="VHV723" s="424"/>
      <c r="VHW723" s="424"/>
      <c r="VHX723" s="424"/>
      <c r="VHY723" s="423" t="s">
        <v>2795</v>
      </c>
      <c r="VHZ723" s="424"/>
      <c r="VIA723" s="424"/>
      <c r="VIB723" s="424"/>
      <c r="VIC723" s="423" t="s">
        <v>2795</v>
      </c>
      <c r="VID723" s="424"/>
      <c r="VIE723" s="424"/>
      <c r="VIF723" s="424"/>
      <c r="VIG723" s="423" t="s">
        <v>2795</v>
      </c>
      <c r="VIH723" s="424"/>
      <c r="VII723" s="424"/>
      <c r="VIJ723" s="424"/>
      <c r="VIK723" s="423" t="s">
        <v>2795</v>
      </c>
      <c r="VIL723" s="424"/>
      <c r="VIM723" s="424"/>
      <c r="VIN723" s="424"/>
      <c r="VIO723" s="423" t="s">
        <v>2795</v>
      </c>
      <c r="VIP723" s="424"/>
      <c r="VIQ723" s="424"/>
      <c r="VIR723" s="424"/>
      <c r="VIS723" s="423" t="s">
        <v>2795</v>
      </c>
      <c r="VIT723" s="424"/>
      <c r="VIU723" s="424"/>
      <c r="VIV723" s="424"/>
      <c r="VIW723" s="423" t="s">
        <v>2795</v>
      </c>
      <c r="VIX723" s="424"/>
      <c r="VIY723" s="424"/>
      <c r="VIZ723" s="424"/>
      <c r="VJA723" s="423" t="s">
        <v>2795</v>
      </c>
      <c r="VJB723" s="424"/>
      <c r="VJC723" s="424"/>
      <c r="VJD723" s="424"/>
      <c r="VJE723" s="423" t="s">
        <v>2795</v>
      </c>
      <c r="VJF723" s="424"/>
      <c r="VJG723" s="424"/>
      <c r="VJH723" s="424"/>
      <c r="VJI723" s="423" t="s">
        <v>2795</v>
      </c>
      <c r="VJJ723" s="424"/>
      <c r="VJK723" s="424"/>
      <c r="VJL723" s="424"/>
      <c r="VJM723" s="423" t="s">
        <v>2795</v>
      </c>
      <c r="VJN723" s="424"/>
      <c r="VJO723" s="424"/>
      <c r="VJP723" s="424"/>
      <c r="VJQ723" s="423" t="s">
        <v>2795</v>
      </c>
      <c r="VJR723" s="424"/>
      <c r="VJS723" s="424"/>
      <c r="VJT723" s="424"/>
      <c r="VJU723" s="423" t="s">
        <v>2795</v>
      </c>
      <c r="VJV723" s="424"/>
      <c r="VJW723" s="424"/>
      <c r="VJX723" s="424"/>
      <c r="VJY723" s="423" t="s">
        <v>2795</v>
      </c>
      <c r="VJZ723" s="424"/>
      <c r="VKA723" s="424"/>
      <c r="VKB723" s="424"/>
      <c r="VKC723" s="423" t="s">
        <v>2795</v>
      </c>
      <c r="VKD723" s="424"/>
      <c r="VKE723" s="424"/>
      <c r="VKF723" s="424"/>
      <c r="VKG723" s="423" t="s">
        <v>2795</v>
      </c>
      <c r="VKH723" s="424"/>
      <c r="VKI723" s="424"/>
      <c r="VKJ723" s="424"/>
      <c r="VKK723" s="423" t="s">
        <v>2795</v>
      </c>
      <c r="VKL723" s="424"/>
      <c r="VKM723" s="424"/>
      <c r="VKN723" s="424"/>
      <c r="VKO723" s="423" t="s">
        <v>2795</v>
      </c>
      <c r="VKP723" s="424"/>
      <c r="VKQ723" s="424"/>
      <c r="VKR723" s="424"/>
      <c r="VKS723" s="423" t="s">
        <v>2795</v>
      </c>
      <c r="VKT723" s="424"/>
      <c r="VKU723" s="424"/>
      <c r="VKV723" s="424"/>
      <c r="VKW723" s="423" t="s">
        <v>2795</v>
      </c>
      <c r="VKX723" s="424"/>
      <c r="VKY723" s="424"/>
      <c r="VKZ723" s="424"/>
      <c r="VLA723" s="423" t="s">
        <v>2795</v>
      </c>
      <c r="VLB723" s="424"/>
      <c r="VLC723" s="424"/>
      <c r="VLD723" s="424"/>
      <c r="VLE723" s="423" t="s">
        <v>2795</v>
      </c>
      <c r="VLF723" s="424"/>
      <c r="VLG723" s="424"/>
      <c r="VLH723" s="424"/>
      <c r="VLI723" s="423" t="s">
        <v>2795</v>
      </c>
      <c r="VLJ723" s="424"/>
      <c r="VLK723" s="424"/>
      <c r="VLL723" s="424"/>
      <c r="VLM723" s="423" t="s">
        <v>2795</v>
      </c>
      <c r="VLN723" s="424"/>
      <c r="VLO723" s="424"/>
      <c r="VLP723" s="424"/>
      <c r="VLQ723" s="423" t="s">
        <v>2795</v>
      </c>
      <c r="VLR723" s="424"/>
      <c r="VLS723" s="424"/>
      <c r="VLT723" s="424"/>
      <c r="VLU723" s="423" t="s">
        <v>2795</v>
      </c>
      <c r="VLV723" s="424"/>
      <c r="VLW723" s="424"/>
      <c r="VLX723" s="424"/>
      <c r="VLY723" s="423" t="s">
        <v>2795</v>
      </c>
      <c r="VLZ723" s="424"/>
      <c r="VMA723" s="424"/>
      <c r="VMB723" s="424"/>
      <c r="VMC723" s="423" t="s">
        <v>2795</v>
      </c>
      <c r="VMD723" s="424"/>
      <c r="VME723" s="424"/>
      <c r="VMF723" s="424"/>
      <c r="VMG723" s="423" t="s">
        <v>2795</v>
      </c>
      <c r="VMH723" s="424"/>
      <c r="VMI723" s="424"/>
      <c r="VMJ723" s="424"/>
      <c r="VMK723" s="423" t="s">
        <v>2795</v>
      </c>
      <c r="VML723" s="424"/>
      <c r="VMM723" s="424"/>
      <c r="VMN723" s="424"/>
      <c r="VMO723" s="423" t="s">
        <v>2795</v>
      </c>
      <c r="VMP723" s="424"/>
      <c r="VMQ723" s="424"/>
      <c r="VMR723" s="424"/>
      <c r="VMS723" s="423" t="s">
        <v>2795</v>
      </c>
      <c r="VMT723" s="424"/>
      <c r="VMU723" s="424"/>
      <c r="VMV723" s="424"/>
      <c r="VMW723" s="423" t="s">
        <v>2795</v>
      </c>
      <c r="VMX723" s="424"/>
      <c r="VMY723" s="424"/>
      <c r="VMZ723" s="424"/>
      <c r="VNA723" s="423" t="s">
        <v>2795</v>
      </c>
      <c r="VNB723" s="424"/>
      <c r="VNC723" s="424"/>
      <c r="VND723" s="424"/>
      <c r="VNE723" s="423" t="s">
        <v>2795</v>
      </c>
      <c r="VNF723" s="424"/>
      <c r="VNG723" s="424"/>
      <c r="VNH723" s="424"/>
      <c r="VNI723" s="423" t="s">
        <v>2795</v>
      </c>
      <c r="VNJ723" s="424"/>
      <c r="VNK723" s="424"/>
      <c r="VNL723" s="424"/>
      <c r="VNM723" s="423" t="s">
        <v>2795</v>
      </c>
      <c r="VNN723" s="424"/>
      <c r="VNO723" s="424"/>
      <c r="VNP723" s="424"/>
      <c r="VNQ723" s="423" t="s">
        <v>2795</v>
      </c>
      <c r="VNR723" s="424"/>
      <c r="VNS723" s="424"/>
      <c r="VNT723" s="424"/>
      <c r="VNU723" s="423" t="s">
        <v>2795</v>
      </c>
      <c r="VNV723" s="424"/>
      <c r="VNW723" s="424"/>
      <c r="VNX723" s="424"/>
      <c r="VNY723" s="423" t="s">
        <v>2795</v>
      </c>
      <c r="VNZ723" s="424"/>
      <c r="VOA723" s="424"/>
      <c r="VOB723" s="424"/>
      <c r="VOC723" s="423" t="s">
        <v>2795</v>
      </c>
      <c r="VOD723" s="424"/>
      <c r="VOE723" s="424"/>
      <c r="VOF723" s="424"/>
      <c r="VOG723" s="423" t="s">
        <v>2795</v>
      </c>
      <c r="VOH723" s="424"/>
      <c r="VOI723" s="424"/>
      <c r="VOJ723" s="424"/>
      <c r="VOK723" s="423" t="s">
        <v>2795</v>
      </c>
      <c r="VOL723" s="424"/>
      <c r="VOM723" s="424"/>
      <c r="VON723" s="424"/>
      <c r="VOO723" s="423" t="s">
        <v>2795</v>
      </c>
      <c r="VOP723" s="424"/>
      <c r="VOQ723" s="424"/>
      <c r="VOR723" s="424"/>
      <c r="VOS723" s="423" t="s">
        <v>2795</v>
      </c>
      <c r="VOT723" s="424"/>
      <c r="VOU723" s="424"/>
      <c r="VOV723" s="424"/>
      <c r="VOW723" s="423" t="s">
        <v>2795</v>
      </c>
      <c r="VOX723" s="424"/>
      <c r="VOY723" s="424"/>
      <c r="VOZ723" s="424"/>
      <c r="VPA723" s="423" t="s">
        <v>2795</v>
      </c>
      <c r="VPB723" s="424"/>
      <c r="VPC723" s="424"/>
      <c r="VPD723" s="424"/>
      <c r="VPE723" s="423" t="s">
        <v>2795</v>
      </c>
      <c r="VPF723" s="424"/>
      <c r="VPG723" s="424"/>
      <c r="VPH723" s="424"/>
      <c r="VPI723" s="423" t="s">
        <v>2795</v>
      </c>
      <c r="VPJ723" s="424"/>
      <c r="VPK723" s="424"/>
      <c r="VPL723" s="424"/>
      <c r="VPM723" s="423" t="s">
        <v>2795</v>
      </c>
      <c r="VPN723" s="424"/>
      <c r="VPO723" s="424"/>
      <c r="VPP723" s="424"/>
      <c r="VPQ723" s="423" t="s">
        <v>2795</v>
      </c>
      <c r="VPR723" s="424"/>
      <c r="VPS723" s="424"/>
      <c r="VPT723" s="424"/>
      <c r="VPU723" s="423" t="s">
        <v>2795</v>
      </c>
      <c r="VPV723" s="424"/>
      <c r="VPW723" s="424"/>
      <c r="VPX723" s="424"/>
      <c r="VPY723" s="423" t="s">
        <v>2795</v>
      </c>
      <c r="VPZ723" s="424"/>
      <c r="VQA723" s="424"/>
      <c r="VQB723" s="424"/>
      <c r="VQC723" s="423" t="s">
        <v>2795</v>
      </c>
      <c r="VQD723" s="424"/>
      <c r="VQE723" s="424"/>
      <c r="VQF723" s="424"/>
      <c r="VQG723" s="423" t="s">
        <v>2795</v>
      </c>
      <c r="VQH723" s="424"/>
      <c r="VQI723" s="424"/>
      <c r="VQJ723" s="424"/>
      <c r="VQK723" s="423" t="s">
        <v>2795</v>
      </c>
      <c r="VQL723" s="424"/>
      <c r="VQM723" s="424"/>
      <c r="VQN723" s="424"/>
      <c r="VQO723" s="423" t="s">
        <v>2795</v>
      </c>
      <c r="VQP723" s="424"/>
      <c r="VQQ723" s="424"/>
      <c r="VQR723" s="424"/>
      <c r="VQS723" s="423" t="s">
        <v>2795</v>
      </c>
      <c r="VQT723" s="424"/>
      <c r="VQU723" s="424"/>
      <c r="VQV723" s="424"/>
      <c r="VQW723" s="423" t="s">
        <v>2795</v>
      </c>
      <c r="VQX723" s="424"/>
      <c r="VQY723" s="424"/>
      <c r="VQZ723" s="424"/>
      <c r="VRA723" s="423" t="s">
        <v>2795</v>
      </c>
      <c r="VRB723" s="424"/>
      <c r="VRC723" s="424"/>
      <c r="VRD723" s="424"/>
      <c r="VRE723" s="423" t="s">
        <v>2795</v>
      </c>
      <c r="VRF723" s="424"/>
      <c r="VRG723" s="424"/>
      <c r="VRH723" s="424"/>
      <c r="VRI723" s="423" t="s">
        <v>2795</v>
      </c>
      <c r="VRJ723" s="424"/>
      <c r="VRK723" s="424"/>
      <c r="VRL723" s="424"/>
      <c r="VRM723" s="423" t="s">
        <v>2795</v>
      </c>
      <c r="VRN723" s="424"/>
      <c r="VRO723" s="424"/>
      <c r="VRP723" s="424"/>
      <c r="VRQ723" s="423" t="s">
        <v>2795</v>
      </c>
      <c r="VRR723" s="424"/>
      <c r="VRS723" s="424"/>
      <c r="VRT723" s="424"/>
      <c r="VRU723" s="423" t="s">
        <v>2795</v>
      </c>
      <c r="VRV723" s="424"/>
      <c r="VRW723" s="424"/>
      <c r="VRX723" s="424"/>
      <c r="VRY723" s="423" t="s">
        <v>2795</v>
      </c>
      <c r="VRZ723" s="424"/>
      <c r="VSA723" s="424"/>
      <c r="VSB723" s="424"/>
      <c r="VSC723" s="423" t="s">
        <v>2795</v>
      </c>
      <c r="VSD723" s="424"/>
      <c r="VSE723" s="424"/>
      <c r="VSF723" s="424"/>
      <c r="VSG723" s="423" t="s">
        <v>2795</v>
      </c>
      <c r="VSH723" s="424"/>
      <c r="VSI723" s="424"/>
      <c r="VSJ723" s="424"/>
      <c r="VSK723" s="423" t="s">
        <v>2795</v>
      </c>
      <c r="VSL723" s="424"/>
      <c r="VSM723" s="424"/>
      <c r="VSN723" s="424"/>
      <c r="VSO723" s="423" t="s">
        <v>2795</v>
      </c>
      <c r="VSP723" s="424"/>
      <c r="VSQ723" s="424"/>
      <c r="VSR723" s="424"/>
      <c r="VSS723" s="423" t="s">
        <v>2795</v>
      </c>
      <c r="VST723" s="424"/>
      <c r="VSU723" s="424"/>
      <c r="VSV723" s="424"/>
      <c r="VSW723" s="423" t="s">
        <v>2795</v>
      </c>
      <c r="VSX723" s="424"/>
      <c r="VSY723" s="424"/>
      <c r="VSZ723" s="424"/>
      <c r="VTA723" s="423" t="s">
        <v>2795</v>
      </c>
      <c r="VTB723" s="424"/>
      <c r="VTC723" s="424"/>
      <c r="VTD723" s="424"/>
      <c r="VTE723" s="423" t="s">
        <v>2795</v>
      </c>
      <c r="VTF723" s="424"/>
      <c r="VTG723" s="424"/>
      <c r="VTH723" s="424"/>
      <c r="VTI723" s="423" t="s">
        <v>2795</v>
      </c>
      <c r="VTJ723" s="424"/>
      <c r="VTK723" s="424"/>
      <c r="VTL723" s="424"/>
      <c r="VTM723" s="423" t="s">
        <v>2795</v>
      </c>
      <c r="VTN723" s="424"/>
      <c r="VTO723" s="424"/>
      <c r="VTP723" s="424"/>
      <c r="VTQ723" s="423" t="s">
        <v>2795</v>
      </c>
      <c r="VTR723" s="424"/>
      <c r="VTS723" s="424"/>
      <c r="VTT723" s="424"/>
      <c r="VTU723" s="423" t="s">
        <v>2795</v>
      </c>
      <c r="VTV723" s="424"/>
      <c r="VTW723" s="424"/>
      <c r="VTX723" s="424"/>
      <c r="VTY723" s="423" t="s">
        <v>2795</v>
      </c>
      <c r="VTZ723" s="424"/>
      <c r="VUA723" s="424"/>
      <c r="VUB723" s="424"/>
      <c r="VUC723" s="423" t="s">
        <v>2795</v>
      </c>
      <c r="VUD723" s="424"/>
      <c r="VUE723" s="424"/>
      <c r="VUF723" s="424"/>
      <c r="VUG723" s="423" t="s">
        <v>2795</v>
      </c>
      <c r="VUH723" s="424"/>
      <c r="VUI723" s="424"/>
      <c r="VUJ723" s="424"/>
      <c r="VUK723" s="423" t="s">
        <v>2795</v>
      </c>
      <c r="VUL723" s="424"/>
      <c r="VUM723" s="424"/>
      <c r="VUN723" s="424"/>
      <c r="VUO723" s="423" t="s">
        <v>2795</v>
      </c>
      <c r="VUP723" s="424"/>
      <c r="VUQ723" s="424"/>
      <c r="VUR723" s="424"/>
      <c r="VUS723" s="423" t="s">
        <v>2795</v>
      </c>
      <c r="VUT723" s="424"/>
      <c r="VUU723" s="424"/>
      <c r="VUV723" s="424"/>
      <c r="VUW723" s="423" t="s">
        <v>2795</v>
      </c>
      <c r="VUX723" s="424"/>
      <c r="VUY723" s="424"/>
      <c r="VUZ723" s="424"/>
      <c r="VVA723" s="423" t="s">
        <v>2795</v>
      </c>
      <c r="VVB723" s="424"/>
      <c r="VVC723" s="424"/>
      <c r="VVD723" s="424"/>
      <c r="VVE723" s="423" t="s">
        <v>2795</v>
      </c>
      <c r="VVF723" s="424"/>
      <c r="VVG723" s="424"/>
      <c r="VVH723" s="424"/>
      <c r="VVI723" s="423" t="s">
        <v>2795</v>
      </c>
      <c r="VVJ723" s="424"/>
      <c r="VVK723" s="424"/>
      <c r="VVL723" s="424"/>
      <c r="VVM723" s="423" t="s">
        <v>2795</v>
      </c>
      <c r="VVN723" s="424"/>
      <c r="VVO723" s="424"/>
      <c r="VVP723" s="424"/>
      <c r="VVQ723" s="423" t="s">
        <v>2795</v>
      </c>
      <c r="VVR723" s="424"/>
      <c r="VVS723" s="424"/>
      <c r="VVT723" s="424"/>
      <c r="VVU723" s="423" t="s">
        <v>2795</v>
      </c>
      <c r="VVV723" s="424"/>
      <c r="VVW723" s="424"/>
      <c r="VVX723" s="424"/>
      <c r="VVY723" s="423" t="s">
        <v>2795</v>
      </c>
      <c r="VVZ723" s="424"/>
      <c r="VWA723" s="424"/>
      <c r="VWB723" s="424"/>
      <c r="VWC723" s="423" t="s">
        <v>2795</v>
      </c>
      <c r="VWD723" s="424"/>
      <c r="VWE723" s="424"/>
      <c r="VWF723" s="424"/>
      <c r="VWG723" s="423" t="s">
        <v>2795</v>
      </c>
      <c r="VWH723" s="424"/>
      <c r="VWI723" s="424"/>
      <c r="VWJ723" s="424"/>
      <c r="VWK723" s="423" t="s">
        <v>2795</v>
      </c>
      <c r="VWL723" s="424"/>
      <c r="VWM723" s="424"/>
      <c r="VWN723" s="424"/>
      <c r="VWO723" s="423" t="s">
        <v>2795</v>
      </c>
      <c r="VWP723" s="424"/>
      <c r="VWQ723" s="424"/>
      <c r="VWR723" s="424"/>
      <c r="VWS723" s="423" t="s">
        <v>2795</v>
      </c>
      <c r="VWT723" s="424"/>
      <c r="VWU723" s="424"/>
      <c r="VWV723" s="424"/>
      <c r="VWW723" s="423" t="s">
        <v>2795</v>
      </c>
      <c r="VWX723" s="424"/>
      <c r="VWY723" s="424"/>
      <c r="VWZ723" s="424"/>
      <c r="VXA723" s="423" t="s">
        <v>2795</v>
      </c>
      <c r="VXB723" s="424"/>
      <c r="VXC723" s="424"/>
      <c r="VXD723" s="424"/>
      <c r="VXE723" s="423" t="s">
        <v>2795</v>
      </c>
      <c r="VXF723" s="424"/>
      <c r="VXG723" s="424"/>
      <c r="VXH723" s="424"/>
      <c r="VXI723" s="423" t="s">
        <v>2795</v>
      </c>
      <c r="VXJ723" s="424"/>
      <c r="VXK723" s="424"/>
      <c r="VXL723" s="424"/>
      <c r="VXM723" s="423" t="s">
        <v>2795</v>
      </c>
      <c r="VXN723" s="424"/>
      <c r="VXO723" s="424"/>
      <c r="VXP723" s="424"/>
      <c r="VXQ723" s="423" t="s">
        <v>2795</v>
      </c>
      <c r="VXR723" s="424"/>
      <c r="VXS723" s="424"/>
      <c r="VXT723" s="424"/>
      <c r="VXU723" s="423" t="s">
        <v>2795</v>
      </c>
      <c r="VXV723" s="424"/>
      <c r="VXW723" s="424"/>
      <c r="VXX723" s="424"/>
      <c r="VXY723" s="423" t="s">
        <v>2795</v>
      </c>
      <c r="VXZ723" s="424"/>
      <c r="VYA723" s="424"/>
      <c r="VYB723" s="424"/>
      <c r="VYC723" s="423" t="s">
        <v>2795</v>
      </c>
      <c r="VYD723" s="424"/>
      <c r="VYE723" s="424"/>
      <c r="VYF723" s="424"/>
      <c r="VYG723" s="423" t="s">
        <v>2795</v>
      </c>
      <c r="VYH723" s="424"/>
      <c r="VYI723" s="424"/>
      <c r="VYJ723" s="424"/>
      <c r="VYK723" s="423" t="s">
        <v>2795</v>
      </c>
      <c r="VYL723" s="424"/>
      <c r="VYM723" s="424"/>
      <c r="VYN723" s="424"/>
      <c r="VYO723" s="423" t="s">
        <v>2795</v>
      </c>
      <c r="VYP723" s="424"/>
      <c r="VYQ723" s="424"/>
      <c r="VYR723" s="424"/>
      <c r="VYS723" s="423" t="s">
        <v>2795</v>
      </c>
      <c r="VYT723" s="424"/>
      <c r="VYU723" s="424"/>
      <c r="VYV723" s="424"/>
      <c r="VYW723" s="423" t="s">
        <v>2795</v>
      </c>
      <c r="VYX723" s="424"/>
      <c r="VYY723" s="424"/>
      <c r="VYZ723" s="424"/>
      <c r="VZA723" s="423" t="s">
        <v>2795</v>
      </c>
      <c r="VZB723" s="424"/>
      <c r="VZC723" s="424"/>
      <c r="VZD723" s="424"/>
      <c r="VZE723" s="423" t="s">
        <v>2795</v>
      </c>
      <c r="VZF723" s="424"/>
      <c r="VZG723" s="424"/>
      <c r="VZH723" s="424"/>
      <c r="VZI723" s="423" t="s">
        <v>2795</v>
      </c>
      <c r="VZJ723" s="424"/>
      <c r="VZK723" s="424"/>
      <c r="VZL723" s="424"/>
      <c r="VZM723" s="423" t="s">
        <v>2795</v>
      </c>
      <c r="VZN723" s="424"/>
      <c r="VZO723" s="424"/>
      <c r="VZP723" s="424"/>
      <c r="VZQ723" s="423" t="s">
        <v>2795</v>
      </c>
      <c r="VZR723" s="424"/>
      <c r="VZS723" s="424"/>
      <c r="VZT723" s="424"/>
      <c r="VZU723" s="423" t="s">
        <v>2795</v>
      </c>
      <c r="VZV723" s="424"/>
      <c r="VZW723" s="424"/>
      <c r="VZX723" s="424"/>
      <c r="VZY723" s="423" t="s">
        <v>2795</v>
      </c>
      <c r="VZZ723" s="424"/>
      <c r="WAA723" s="424"/>
      <c r="WAB723" s="424"/>
      <c r="WAC723" s="423" t="s">
        <v>2795</v>
      </c>
      <c r="WAD723" s="424"/>
      <c r="WAE723" s="424"/>
      <c r="WAF723" s="424"/>
      <c r="WAG723" s="423" t="s">
        <v>2795</v>
      </c>
      <c r="WAH723" s="424"/>
      <c r="WAI723" s="424"/>
      <c r="WAJ723" s="424"/>
      <c r="WAK723" s="423" t="s">
        <v>2795</v>
      </c>
      <c r="WAL723" s="424"/>
      <c r="WAM723" s="424"/>
      <c r="WAN723" s="424"/>
      <c r="WAO723" s="423" t="s">
        <v>2795</v>
      </c>
      <c r="WAP723" s="424"/>
      <c r="WAQ723" s="424"/>
      <c r="WAR723" s="424"/>
      <c r="WAS723" s="423" t="s">
        <v>2795</v>
      </c>
      <c r="WAT723" s="424"/>
      <c r="WAU723" s="424"/>
      <c r="WAV723" s="424"/>
      <c r="WAW723" s="423" t="s">
        <v>2795</v>
      </c>
      <c r="WAX723" s="424"/>
      <c r="WAY723" s="424"/>
      <c r="WAZ723" s="424"/>
      <c r="WBA723" s="423" t="s">
        <v>2795</v>
      </c>
      <c r="WBB723" s="424"/>
      <c r="WBC723" s="424"/>
      <c r="WBD723" s="424"/>
      <c r="WBE723" s="423" t="s">
        <v>2795</v>
      </c>
      <c r="WBF723" s="424"/>
      <c r="WBG723" s="424"/>
      <c r="WBH723" s="424"/>
      <c r="WBI723" s="423" t="s">
        <v>2795</v>
      </c>
      <c r="WBJ723" s="424"/>
      <c r="WBK723" s="424"/>
      <c r="WBL723" s="424"/>
      <c r="WBM723" s="423" t="s">
        <v>2795</v>
      </c>
      <c r="WBN723" s="424"/>
      <c r="WBO723" s="424"/>
      <c r="WBP723" s="424"/>
      <c r="WBQ723" s="423" t="s">
        <v>2795</v>
      </c>
      <c r="WBR723" s="424"/>
      <c r="WBS723" s="424"/>
      <c r="WBT723" s="424"/>
      <c r="WBU723" s="423" t="s">
        <v>2795</v>
      </c>
      <c r="WBV723" s="424"/>
      <c r="WBW723" s="424"/>
      <c r="WBX723" s="424"/>
      <c r="WBY723" s="423" t="s">
        <v>2795</v>
      </c>
      <c r="WBZ723" s="424"/>
      <c r="WCA723" s="424"/>
      <c r="WCB723" s="424"/>
      <c r="WCC723" s="423" t="s">
        <v>2795</v>
      </c>
      <c r="WCD723" s="424"/>
      <c r="WCE723" s="424"/>
      <c r="WCF723" s="424"/>
      <c r="WCG723" s="423" t="s">
        <v>2795</v>
      </c>
      <c r="WCH723" s="424"/>
      <c r="WCI723" s="424"/>
      <c r="WCJ723" s="424"/>
      <c r="WCK723" s="423" t="s">
        <v>2795</v>
      </c>
      <c r="WCL723" s="424"/>
      <c r="WCM723" s="424"/>
      <c r="WCN723" s="424"/>
      <c r="WCO723" s="423" t="s">
        <v>2795</v>
      </c>
      <c r="WCP723" s="424"/>
      <c r="WCQ723" s="424"/>
      <c r="WCR723" s="424"/>
      <c r="WCS723" s="423" t="s">
        <v>2795</v>
      </c>
      <c r="WCT723" s="424"/>
      <c r="WCU723" s="424"/>
      <c r="WCV723" s="424"/>
      <c r="WCW723" s="423" t="s">
        <v>2795</v>
      </c>
      <c r="WCX723" s="424"/>
      <c r="WCY723" s="424"/>
      <c r="WCZ723" s="424"/>
      <c r="WDA723" s="423" t="s">
        <v>2795</v>
      </c>
      <c r="WDB723" s="424"/>
      <c r="WDC723" s="424"/>
      <c r="WDD723" s="424"/>
      <c r="WDE723" s="423" t="s">
        <v>2795</v>
      </c>
      <c r="WDF723" s="424"/>
      <c r="WDG723" s="424"/>
      <c r="WDH723" s="424"/>
      <c r="WDI723" s="423" t="s">
        <v>2795</v>
      </c>
      <c r="WDJ723" s="424"/>
      <c r="WDK723" s="424"/>
      <c r="WDL723" s="424"/>
      <c r="WDM723" s="423" t="s">
        <v>2795</v>
      </c>
      <c r="WDN723" s="424"/>
      <c r="WDO723" s="424"/>
      <c r="WDP723" s="424"/>
      <c r="WDQ723" s="423" t="s">
        <v>2795</v>
      </c>
      <c r="WDR723" s="424"/>
      <c r="WDS723" s="424"/>
      <c r="WDT723" s="424"/>
      <c r="WDU723" s="423" t="s">
        <v>2795</v>
      </c>
      <c r="WDV723" s="424"/>
      <c r="WDW723" s="424"/>
      <c r="WDX723" s="424"/>
      <c r="WDY723" s="423" t="s">
        <v>2795</v>
      </c>
      <c r="WDZ723" s="424"/>
      <c r="WEA723" s="424"/>
      <c r="WEB723" s="424"/>
      <c r="WEC723" s="423" t="s">
        <v>2795</v>
      </c>
      <c r="WED723" s="424"/>
      <c r="WEE723" s="424"/>
      <c r="WEF723" s="424"/>
      <c r="WEG723" s="423" t="s">
        <v>2795</v>
      </c>
      <c r="WEH723" s="424"/>
      <c r="WEI723" s="424"/>
      <c r="WEJ723" s="424"/>
      <c r="WEK723" s="423" t="s">
        <v>2795</v>
      </c>
      <c r="WEL723" s="424"/>
      <c r="WEM723" s="424"/>
      <c r="WEN723" s="424"/>
      <c r="WEO723" s="423" t="s">
        <v>2795</v>
      </c>
      <c r="WEP723" s="424"/>
      <c r="WEQ723" s="424"/>
      <c r="WER723" s="424"/>
      <c r="WES723" s="423" t="s">
        <v>2795</v>
      </c>
      <c r="WET723" s="424"/>
      <c r="WEU723" s="424"/>
      <c r="WEV723" s="424"/>
      <c r="WEW723" s="423" t="s">
        <v>2795</v>
      </c>
      <c r="WEX723" s="424"/>
      <c r="WEY723" s="424"/>
      <c r="WEZ723" s="424"/>
      <c r="WFA723" s="423" t="s">
        <v>2795</v>
      </c>
      <c r="WFB723" s="424"/>
      <c r="WFC723" s="424"/>
      <c r="WFD723" s="424"/>
      <c r="WFE723" s="423" t="s">
        <v>2795</v>
      </c>
      <c r="WFF723" s="424"/>
      <c r="WFG723" s="424"/>
      <c r="WFH723" s="424"/>
      <c r="WFI723" s="423" t="s">
        <v>2795</v>
      </c>
      <c r="WFJ723" s="424"/>
      <c r="WFK723" s="424"/>
      <c r="WFL723" s="424"/>
      <c r="WFM723" s="423" t="s">
        <v>2795</v>
      </c>
      <c r="WFN723" s="424"/>
      <c r="WFO723" s="424"/>
      <c r="WFP723" s="424"/>
      <c r="WFQ723" s="423" t="s">
        <v>2795</v>
      </c>
      <c r="WFR723" s="424"/>
      <c r="WFS723" s="424"/>
      <c r="WFT723" s="424"/>
      <c r="WFU723" s="423" t="s">
        <v>2795</v>
      </c>
      <c r="WFV723" s="424"/>
      <c r="WFW723" s="424"/>
      <c r="WFX723" s="424"/>
      <c r="WFY723" s="423" t="s">
        <v>2795</v>
      </c>
      <c r="WFZ723" s="424"/>
      <c r="WGA723" s="424"/>
      <c r="WGB723" s="424"/>
      <c r="WGC723" s="423" t="s">
        <v>2795</v>
      </c>
      <c r="WGD723" s="424"/>
      <c r="WGE723" s="424"/>
      <c r="WGF723" s="424"/>
      <c r="WGG723" s="423" t="s">
        <v>2795</v>
      </c>
      <c r="WGH723" s="424"/>
      <c r="WGI723" s="424"/>
      <c r="WGJ723" s="424"/>
      <c r="WGK723" s="423" t="s">
        <v>2795</v>
      </c>
      <c r="WGL723" s="424"/>
      <c r="WGM723" s="424"/>
      <c r="WGN723" s="424"/>
      <c r="WGO723" s="423" t="s">
        <v>2795</v>
      </c>
      <c r="WGP723" s="424"/>
      <c r="WGQ723" s="424"/>
      <c r="WGR723" s="424"/>
      <c r="WGS723" s="423" t="s">
        <v>2795</v>
      </c>
      <c r="WGT723" s="424"/>
      <c r="WGU723" s="424"/>
      <c r="WGV723" s="424"/>
      <c r="WGW723" s="423" t="s">
        <v>2795</v>
      </c>
      <c r="WGX723" s="424"/>
      <c r="WGY723" s="424"/>
      <c r="WGZ723" s="424"/>
      <c r="WHA723" s="423" t="s">
        <v>2795</v>
      </c>
      <c r="WHB723" s="424"/>
      <c r="WHC723" s="424"/>
      <c r="WHD723" s="424"/>
      <c r="WHE723" s="423" t="s">
        <v>2795</v>
      </c>
      <c r="WHF723" s="424"/>
      <c r="WHG723" s="424"/>
      <c r="WHH723" s="424"/>
      <c r="WHI723" s="423" t="s">
        <v>2795</v>
      </c>
      <c r="WHJ723" s="424"/>
      <c r="WHK723" s="424"/>
      <c r="WHL723" s="424"/>
      <c r="WHM723" s="423" t="s">
        <v>2795</v>
      </c>
      <c r="WHN723" s="424"/>
      <c r="WHO723" s="424"/>
      <c r="WHP723" s="424"/>
      <c r="WHQ723" s="423" t="s">
        <v>2795</v>
      </c>
      <c r="WHR723" s="424"/>
      <c r="WHS723" s="424"/>
      <c r="WHT723" s="424"/>
      <c r="WHU723" s="423" t="s">
        <v>2795</v>
      </c>
      <c r="WHV723" s="424"/>
      <c r="WHW723" s="424"/>
      <c r="WHX723" s="424"/>
      <c r="WHY723" s="423" t="s">
        <v>2795</v>
      </c>
      <c r="WHZ723" s="424"/>
      <c r="WIA723" s="424"/>
      <c r="WIB723" s="424"/>
      <c r="WIC723" s="423" t="s">
        <v>2795</v>
      </c>
      <c r="WID723" s="424"/>
      <c r="WIE723" s="424"/>
      <c r="WIF723" s="424"/>
      <c r="WIG723" s="423" t="s">
        <v>2795</v>
      </c>
      <c r="WIH723" s="424"/>
      <c r="WII723" s="424"/>
      <c r="WIJ723" s="424"/>
      <c r="WIK723" s="423" t="s">
        <v>2795</v>
      </c>
      <c r="WIL723" s="424"/>
      <c r="WIM723" s="424"/>
      <c r="WIN723" s="424"/>
      <c r="WIO723" s="423" t="s">
        <v>2795</v>
      </c>
      <c r="WIP723" s="424"/>
      <c r="WIQ723" s="424"/>
      <c r="WIR723" s="424"/>
      <c r="WIS723" s="423" t="s">
        <v>2795</v>
      </c>
      <c r="WIT723" s="424"/>
      <c r="WIU723" s="424"/>
      <c r="WIV723" s="424"/>
      <c r="WIW723" s="423" t="s">
        <v>2795</v>
      </c>
      <c r="WIX723" s="424"/>
      <c r="WIY723" s="424"/>
      <c r="WIZ723" s="424"/>
      <c r="WJA723" s="423" t="s">
        <v>2795</v>
      </c>
      <c r="WJB723" s="424"/>
      <c r="WJC723" s="424"/>
      <c r="WJD723" s="424"/>
      <c r="WJE723" s="423" t="s">
        <v>2795</v>
      </c>
      <c r="WJF723" s="424"/>
      <c r="WJG723" s="424"/>
      <c r="WJH723" s="424"/>
      <c r="WJI723" s="423" t="s">
        <v>2795</v>
      </c>
      <c r="WJJ723" s="424"/>
      <c r="WJK723" s="424"/>
      <c r="WJL723" s="424"/>
      <c r="WJM723" s="423" t="s">
        <v>2795</v>
      </c>
      <c r="WJN723" s="424"/>
      <c r="WJO723" s="424"/>
      <c r="WJP723" s="424"/>
      <c r="WJQ723" s="423" t="s">
        <v>2795</v>
      </c>
      <c r="WJR723" s="424"/>
      <c r="WJS723" s="424"/>
      <c r="WJT723" s="424"/>
      <c r="WJU723" s="423" t="s">
        <v>2795</v>
      </c>
      <c r="WJV723" s="424"/>
      <c r="WJW723" s="424"/>
      <c r="WJX723" s="424"/>
      <c r="WJY723" s="423" t="s">
        <v>2795</v>
      </c>
      <c r="WJZ723" s="424"/>
      <c r="WKA723" s="424"/>
      <c r="WKB723" s="424"/>
      <c r="WKC723" s="423" t="s">
        <v>2795</v>
      </c>
      <c r="WKD723" s="424"/>
      <c r="WKE723" s="424"/>
      <c r="WKF723" s="424"/>
      <c r="WKG723" s="423" t="s">
        <v>2795</v>
      </c>
      <c r="WKH723" s="424"/>
      <c r="WKI723" s="424"/>
      <c r="WKJ723" s="424"/>
      <c r="WKK723" s="423" t="s">
        <v>2795</v>
      </c>
      <c r="WKL723" s="424"/>
      <c r="WKM723" s="424"/>
      <c r="WKN723" s="424"/>
      <c r="WKO723" s="423" t="s">
        <v>2795</v>
      </c>
      <c r="WKP723" s="424"/>
      <c r="WKQ723" s="424"/>
      <c r="WKR723" s="424"/>
      <c r="WKS723" s="423" t="s">
        <v>2795</v>
      </c>
      <c r="WKT723" s="424"/>
      <c r="WKU723" s="424"/>
      <c r="WKV723" s="424"/>
      <c r="WKW723" s="423" t="s">
        <v>2795</v>
      </c>
      <c r="WKX723" s="424"/>
      <c r="WKY723" s="424"/>
      <c r="WKZ723" s="424"/>
      <c r="WLA723" s="423" t="s">
        <v>2795</v>
      </c>
      <c r="WLB723" s="424"/>
      <c r="WLC723" s="424"/>
      <c r="WLD723" s="424"/>
      <c r="WLE723" s="423" t="s">
        <v>2795</v>
      </c>
      <c r="WLF723" s="424"/>
      <c r="WLG723" s="424"/>
      <c r="WLH723" s="424"/>
      <c r="WLI723" s="423" t="s">
        <v>2795</v>
      </c>
      <c r="WLJ723" s="424"/>
      <c r="WLK723" s="424"/>
      <c r="WLL723" s="424"/>
      <c r="WLM723" s="423" t="s">
        <v>2795</v>
      </c>
      <c r="WLN723" s="424"/>
      <c r="WLO723" s="424"/>
      <c r="WLP723" s="424"/>
      <c r="WLQ723" s="423" t="s">
        <v>2795</v>
      </c>
      <c r="WLR723" s="424"/>
      <c r="WLS723" s="424"/>
      <c r="WLT723" s="424"/>
      <c r="WLU723" s="423" t="s">
        <v>2795</v>
      </c>
      <c r="WLV723" s="424"/>
      <c r="WLW723" s="424"/>
      <c r="WLX723" s="424"/>
      <c r="WLY723" s="423" t="s">
        <v>2795</v>
      </c>
      <c r="WLZ723" s="424"/>
      <c r="WMA723" s="424"/>
      <c r="WMB723" s="424"/>
      <c r="WMC723" s="423" t="s">
        <v>2795</v>
      </c>
      <c r="WMD723" s="424"/>
      <c r="WME723" s="424"/>
      <c r="WMF723" s="424"/>
      <c r="WMG723" s="423" t="s">
        <v>2795</v>
      </c>
      <c r="WMH723" s="424"/>
      <c r="WMI723" s="424"/>
      <c r="WMJ723" s="424"/>
      <c r="WMK723" s="423" t="s">
        <v>2795</v>
      </c>
      <c r="WML723" s="424"/>
      <c r="WMM723" s="424"/>
      <c r="WMN723" s="424"/>
      <c r="WMO723" s="423" t="s">
        <v>2795</v>
      </c>
      <c r="WMP723" s="424"/>
      <c r="WMQ723" s="424"/>
      <c r="WMR723" s="424"/>
      <c r="WMS723" s="423" t="s">
        <v>2795</v>
      </c>
      <c r="WMT723" s="424"/>
      <c r="WMU723" s="424"/>
      <c r="WMV723" s="424"/>
      <c r="WMW723" s="423" t="s">
        <v>2795</v>
      </c>
      <c r="WMX723" s="424"/>
      <c r="WMY723" s="424"/>
      <c r="WMZ723" s="424"/>
      <c r="WNA723" s="423" t="s">
        <v>2795</v>
      </c>
      <c r="WNB723" s="424"/>
      <c r="WNC723" s="424"/>
      <c r="WND723" s="424"/>
      <c r="WNE723" s="423" t="s">
        <v>2795</v>
      </c>
      <c r="WNF723" s="424"/>
      <c r="WNG723" s="424"/>
      <c r="WNH723" s="424"/>
      <c r="WNI723" s="423" t="s">
        <v>2795</v>
      </c>
      <c r="WNJ723" s="424"/>
      <c r="WNK723" s="424"/>
      <c r="WNL723" s="424"/>
      <c r="WNM723" s="423" t="s">
        <v>2795</v>
      </c>
      <c r="WNN723" s="424"/>
      <c r="WNO723" s="424"/>
      <c r="WNP723" s="424"/>
      <c r="WNQ723" s="423" t="s">
        <v>2795</v>
      </c>
      <c r="WNR723" s="424"/>
      <c r="WNS723" s="424"/>
      <c r="WNT723" s="424"/>
      <c r="WNU723" s="423" t="s">
        <v>2795</v>
      </c>
      <c r="WNV723" s="424"/>
      <c r="WNW723" s="424"/>
      <c r="WNX723" s="424"/>
      <c r="WNY723" s="423" t="s">
        <v>2795</v>
      </c>
      <c r="WNZ723" s="424"/>
      <c r="WOA723" s="424"/>
      <c r="WOB723" s="424"/>
      <c r="WOC723" s="423" t="s">
        <v>2795</v>
      </c>
      <c r="WOD723" s="424"/>
      <c r="WOE723" s="424"/>
      <c r="WOF723" s="424"/>
      <c r="WOG723" s="423" t="s">
        <v>2795</v>
      </c>
      <c r="WOH723" s="424"/>
      <c r="WOI723" s="424"/>
      <c r="WOJ723" s="424"/>
      <c r="WOK723" s="423" t="s">
        <v>2795</v>
      </c>
      <c r="WOL723" s="424"/>
      <c r="WOM723" s="424"/>
      <c r="WON723" s="424"/>
      <c r="WOO723" s="423" t="s">
        <v>2795</v>
      </c>
      <c r="WOP723" s="424"/>
      <c r="WOQ723" s="424"/>
      <c r="WOR723" s="424"/>
      <c r="WOS723" s="423" t="s">
        <v>2795</v>
      </c>
      <c r="WOT723" s="424"/>
      <c r="WOU723" s="424"/>
      <c r="WOV723" s="424"/>
      <c r="WOW723" s="423" t="s">
        <v>2795</v>
      </c>
      <c r="WOX723" s="424"/>
      <c r="WOY723" s="424"/>
      <c r="WOZ723" s="424"/>
      <c r="WPA723" s="423" t="s">
        <v>2795</v>
      </c>
      <c r="WPB723" s="424"/>
      <c r="WPC723" s="424"/>
      <c r="WPD723" s="424"/>
      <c r="WPE723" s="423" t="s">
        <v>2795</v>
      </c>
      <c r="WPF723" s="424"/>
      <c r="WPG723" s="424"/>
      <c r="WPH723" s="424"/>
      <c r="WPI723" s="423" t="s">
        <v>2795</v>
      </c>
      <c r="WPJ723" s="424"/>
      <c r="WPK723" s="424"/>
      <c r="WPL723" s="424"/>
      <c r="WPM723" s="423" t="s">
        <v>2795</v>
      </c>
      <c r="WPN723" s="424"/>
      <c r="WPO723" s="424"/>
      <c r="WPP723" s="424"/>
      <c r="WPQ723" s="423" t="s">
        <v>2795</v>
      </c>
      <c r="WPR723" s="424"/>
      <c r="WPS723" s="424"/>
      <c r="WPT723" s="424"/>
      <c r="WPU723" s="423" t="s">
        <v>2795</v>
      </c>
      <c r="WPV723" s="424"/>
      <c r="WPW723" s="424"/>
      <c r="WPX723" s="424"/>
      <c r="WPY723" s="423" t="s">
        <v>2795</v>
      </c>
      <c r="WPZ723" s="424"/>
      <c r="WQA723" s="424"/>
      <c r="WQB723" s="424"/>
      <c r="WQC723" s="423" t="s">
        <v>2795</v>
      </c>
      <c r="WQD723" s="424"/>
      <c r="WQE723" s="424"/>
      <c r="WQF723" s="424"/>
      <c r="WQG723" s="423" t="s">
        <v>2795</v>
      </c>
      <c r="WQH723" s="424"/>
      <c r="WQI723" s="424"/>
      <c r="WQJ723" s="424"/>
      <c r="WQK723" s="423" t="s">
        <v>2795</v>
      </c>
      <c r="WQL723" s="424"/>
      <c r="WQM723" s="424"/>
      <c r="WQN723" s="424"/>
      <c r="WQO723" s="423" t="s">
        <v>2795</v>
      </c>
      <c r="WQP723" s="424"/>
      <c r="WQQ723" s="424"/>
      <c r="WQR723" s="424"/>
      <c r="WQS723" s="423" t="s">
        <v>2795</v>
      </c>
      <c r="WQT723" s="424"/>
      <c r="WQU723" s="424"/>
      <c r="WQV723" s="424"/>
      <c r="WQW723" s="423" t="s">
        <v>2795</v>
      </c>
      <c r="WQX723" s="424"/>
      <c r="WQY723" s="424"/>
      <c r="WQZ723" s="424"/>
      <c r="WRA723" s="423" t="s">
        <v>2795</v>
      </c>
      <c r="WRB723" s="424"/>
      <c r="WRC723" s="424"/>
      <c r="WRD723" s="424"/>
      <c r="WRE723" s="423" t="s">
        <v>2795</v>
      </c>
      <c r="WRF723" s="424"/>
      <c r="WRG723" s="424"/>
      <c r="WRH723" s="424"/>
      <c r="WRI723" s="423" t="s">
        <v>2795</v>
      </c>
      <c r="WRJ723" s="424"/>
      <c r="WRK723" s="424"/>
      <c r="WRL723" s="424"/>
      <c r="WRM723" s="423" t="s">
        <v>2795</v>
      </c>
      <c r="WRN723" s="424"/>
      <c r="WRO723" s="424"/>
      <c r="WRP723" s="424"/>
      <c r="WRQ723" s="423" t="s">
        <v>2795</v>
      </c>
      <c r="WRR723" s="424"/>
      <c r="WRS723" s="424"/>
      <c r="WRT723" s="424"/>
      <c r="WRU723" s="423" t="s">
        <v>2795</v>
      </c>
      <c r="WRV723" s="424"/>
      <c r="WRW723" s="424"/>
      <c r="WRX723" s="424"/>
      <c r="WRY723" s="423" t="s">
        <v>2795</v>
      </c>
      <c r="WRZ723" s="424"/>
      <c r="WSA723" s="424"/>
      <c r="WSB723" s="424"/>
      <c r="WSC723" s="423" t="s">
        <v>2795</v>
      </c>
      <c r="WSD723" s="424"/>
      <c r="WSE723" s="424"/>
      <c r="WSF723" s="424"/>
      <c r="WSG723" s="423" t="s">
        <v>2795</v>
      </c>
      <c r="WSH723" s="424"/>
      <c r="WSI723" s="424"/>
      <c r="WSJ723" s="424"/>
      <c r="WSK723" s="423" t="s">
        <v>2795</v>
      </c>
      <c r="WSL723" s="424"/>
      <c r="WSM723" s="424"/>
      <c r="WSN723" s="424"/>
      <c r="WSO723" s="423" t="s">
        <v>2795</v>
      </c>
      <c r="WSP723" s="424"/>
      <c r="WSQ723" s="424"/>
      <c r="WSR723" s="424"/>
      <c r="WSS723" s="423" t="s">
        <v>2795</v>
      </c>
      <c r="WST723" s="424"/>
      <c r="WSU723" s="424"/>
      <c r="WSV723" s="424"/>
      <c r="WSW723" s="423" t="s">
        <v>2795</v>
      </c>
      <c r="WSX723" s="424"/>
      <c r="WSY723" s="424"/>
      <c r="WSZ723" s="424"/>
      <c r="WTA723" s="423" t="s">
        <v>2795</v>
      </c>
      <c r="WTB723" s="424"/>
      <c r="WTC723" s="424"/>
      <c r="WTD723" s="424"/>
      <c r="WTE723" s="423" t="s">
        <v>2795</v>
      </c>
      <c r="WTF723" s="424"/>
      <c r="WTG723" s="424"/>
      <c r="WTH723" s="424"/>
      <c r="WTI723" s="423" t="s">
        <v>2795</v>
      </c>
      <c r="WTJ723" s="424"/>
      <c r="WTK723" s="424"/>
      <c r="WTL723" s="424"/>
      <c r="WTM723" s="423" t="s">
        <v>2795</v>
      </c>
      <c r="WTN723" s="424"/>
      <c r="WTO723" s="424"/>
      <c r="WTP723" s="424"/>
      <c r="WTQ723" s="423" t="s">
        <v>2795</v>
      </c>
      <c r="WTR723" s="424"/>
      <c r="WTS723" s="424"/>
      <c r="WTT723" s="424"/>
      <c r="WTU723" s="423" t="s">
        <v>2795</v>
      </c>
      <c r="WTV723" s="424"/>
      <c r="WTW723" s="424"/>
      <c r="WTX723" s="424"/>
      <c r="WTY723" s="423" t="s">
        <v>2795</v>
      </c>
      <c r="WTZ723" s="424"/>
      <c r="WUA723" s="424"/>
      <c r="WUB723" s="424"/>
      <c r="WUC723" s="423" t="s">
        <v>2795</v>
      </c>
      <c r="WUD723" s="424"/>
      <c r="WUE723" s="424"/>
      <c r="WUF723" s="424"/>
      <c r="WUG723" s="423" t="s">
        <v>2795</v>
      </c>
      <c r="WUH723" s="424"/>
      <c r="WUI723" s="424"/>
      <c r="WUJ723" s="424"/>
      <c r="WUK723" s="423" t="s">
        <v>2795</v>
      </c>
      <c r="WUL723" s="424"/>
      <c r="WUM723" s="424"/>
      <c r="WUN723" s="424"/>
      <c r="WUO723" s="423" t="s">
        <v>2795</v>
      </c>
      <c r="WUP723" s="424"/>
      <c r="WUQ723" s="424"/>
      <c r="WUR723" s="424"/>
      <c r="WUS723" s="423" t="s">
        <v>2795</v>
      </c>
      <c r="WUT723" s="424"/>
      <c r="WUU723" s="424"/>
      <c r="WUV723" s="424"/>
      <c r="WUW723" s="423" t="s">
        <v>2795</v>
      </c>
      <c r="WUX723" s="424"/>
      <c r="WUY723" s="424"/>
      <c r="WUZ723" s="424"/>
      <c r="WVA723" s="423" t="s">
        <v>2795</v>
      </c>
      <c r="WVB723" s="424"/>
      <c r="WVC723" s="424"/>
      <c r="WVD723" s="424"/>
      <c r="WVE723" s="423" t="s">
        <v>2795</v>
      </c>
      <c r="WVF723" s="424"/>
      <c r="WVG723" s="424"/>
      <c r="WVH723" s="424"/>
      <c r="WVI723" s="423" t="s">
        <v>2795</v>
      </c>
      <c r="WVJ723" s="424"/>
      <c r="WVK723" s="424"/>
      <c r="WVL723" s="424"/>
      <c r="WVM723" s="423" t="s">
        <v>2795</v>
      </c>
      <c r="WVN723" s="424"/>
      <c r="WVO723" s="424"/>
      <c r="WVP723" s="424"/>
      <c r="WVQ723" s="423" t="s">
        <v>2795</v>
      </c>
      <c r="WVR723" s="424"/>
      <c r="WVS723" s="424"/>
      <c r="WVT723" s="424"/>
      <c r="WVU723" s="423" t="s">
        <v>2795</v>
      </c>
      <c r="WVV723" s="424"/>
      <c r="WVW723" s="424"/>
      <c r="WVX723" s="424"/>
      <c r="WVY723" s="423" t="s">
        <v>2795</v>
      </c>
      <c r="WVZ723" s="424"/>
      <c r="WWA723" s="424"/>
      <c r="WWB723" s="424"/>
      <c r="WWC723" s="423" t="s">
        <v>2795</v>
      </c>
      <c r="WWD723" s="424"/>
      <c r="WWE723" s="424"/>
      <c r="WWF723" s="424"/>
      <c r="WWG723" s="423" t="s">
        <v>2795</v>
      </c>
      <c r="WWH723" s="424"/>
      <c r="WWI723" s="424"/>
      <c r="WWJ723" s="424"/>
      <c r="WWK723" s="423" t="s">
        <v>2795</v>
      </c>
      <c r="WWL723" s="424"/>
      <c r="WWM723" s="424"/>
      <c r="WWN723" s="424"/>
      <c r="WWO723" s="423" t="s">
        <v>2795</v>
      </c>
      <c r="WWP723" s="424"/>
      <c r="WWQ723" s="424"/>
      <c r="WWR723" s="424"/>
      <c r="WWS723" s="423" t="s">
        <v>2795</v>
      </c>
      <c r="WWT723" s="424"/>
      <c r="WWU723" s="424"/>
      <c r="WWV723" s="424"/>
      <c r="WWW723" s="423" t="s">
        <v>2795</v>
      </c>
      <c r="WWX723" s="424"/>
      <c r="WWY723" s="424"/>
      <c r="WWZ723" s="424"/>
      <c r="WXA723" s="423" t="s">
        <v>2795</v>
      </c>
      <c r="WXB723" s="424"/>
      <c r="WXC723" s="424"/>
      <c r="WXD723" s="424"/>
      <c r="WXE723" s="423" t="s">
        <v>2795</v>
      </c>
      <c r="WXF723" s="424"/>
      <c r="WXG723" s="424"/>
      <c r="WXH723" s="424"/>
      <c r="WXI723" s="423" t="s">
        <v>2795</v>
      </c>
      <c r="WXJ723" s="424"/>
      <c r="WXK723" s="424"/>
      <c r="WXL723" s="424"/>
      <c r="WXM723" s="423" t="s">
        <v>2795</v>
      </c>
      <c r="WXN723" s="424"/>
      <c r="WXO723" s="424"/>
      <c r="WXP723" s="424"/>
      <c r="WXQ723" s="423" t="s">
        <v>2795</v>
      </c>
      <c r="WXR723" s="424"/>
      <c r="WXS723" s="424"/>
      <c r="WXT723" s="424"/>
      <c r="WXU723" s="423" t="s">
        <v>2795</v>
      </c>
      <c r="WXV723" s="424"/>
      <c r="WXW723" s="424"/>
      <c r="WXX723" s="424"/>
      <c r="WXY723" s="423" t="s">
        <v>2795</v>
      </c>
      <c r="WXZ723" s="424"/>
      <c r="WYA723" s="424"/>
      <c r="WYB723" s="424"/>
      <c r="WYC723" s="423" t="s">
        <v>2795</v>
      </c>
      <c r="WYD723" s="424"/>
      <c r="WYE723" s="424"/>
      <c r="WYF723" s="424"/>
      <c r="WYG723" s="423" t="s">
        <v>2795</v>
      </c>
      <c r="WYH723" s="424"/>
      <c r="WYI723" s="424"/>
      <c r="WYJ723" s="424"/>
      <c r="WYK723" s="423" t="s">
        <v>2795</v>
      </c>
      <c r="WYL723" s="424"/>
      <c r="WYM723" s="424"/>
      <c r="WYN723" s="424"/>
      <c r="WYO723" s="423" t="s">
        <v>2795</v>
      </c>
      <c r="WYP723" s="424"/>
      <c r="WYQ723" s="424"/>
      <c r="WYR723" s="424"/>
      <c r="WYS723" s="423" t="s">
        <v>2795</v>
      </c>
      <c r="WYT723" s="424"/>
      <c r="WYU723" s="424"/>
      <c r="WYV723" s="424"/>
      <c r="WYW723" s="423" t="s">
        <v>2795</v>
      </c>
      <c r="WYX723" s="424"/>
      <c r="WYY723" s="424"/>
      <c r="WYZ723" s="424"/>
      <c r="WZA723" s="423" t="s">
        <v>2795</v>
      </c>
      <c r="WZB723" s="424"/>
      <c r="WZC723" s="424"/>
      <c r="WZD723" s="424"/>
      <c r="WZE723" s="423" t="s">
        <v>2795</v>
      </c>
      <c r="WZF723" s="424"/>
      <c r="WZG723" s="424"/>
      <c r="WZH723" s="424"/>
      <c r="WZI723" s="423" t="s">
        <v>2795</v>
      </c>
      <c r="WZJ723" s="424"/>
      <c r="WZK723" s="424"/>
      <c r="WZL723" s="424"/>
      <c r="WZM723" s="423" t="s">
        <v>2795</v>
      </c>
      <c r="WZN723" s="424"/>
      <c r="WZO723" s="424"/>
      <c r="WZP723" s="424"/>
      <c r="WZQ723" s="423" t="s">
        <v>2795</v>
      </c>
      <c r="WZR723" s="424"/>
      <c r="WZS723" s="424"/>
      <c r="WZT723" s="424"/>
      <c r="WZU723" s="423" t="s">
        <v>2795</v>
      </c>
      <c r="WZV723" s="424"/>
      <c r="WZW723" s="424"/>
      <c r="WZX723" s="424"/>
      <c r="WZY723" s="423" t="s">
        <v>2795</v>
      </c>
      <c r="WZZ723" s="424"/>
      <c r="XAA723" s="424"/>
      <c r="XAB723" s="424"/>
      <c r="XAC723" s="423" t="s">
        <v>2795</v>
      </c>
      <c r="XAD723" s="424"/>
      <c r="XAE723" s="424"/>
      <c r="XAF723" s="424"/>
      <c r="XAG723" s="423" t="s">
        <v>2795</v>
      </c>
      <c r="XAH723" s="424"/>
      <c r="XAI723" s="424"/>
      <c r="XAJ723" s="424"/>
      <c r="XAK723" s="423" t="s">
        <v>2795</v>
      </c>
      <c r="XAL723" s="424"/>
      <c r="XAM723" s="424"/>
      <c r="XAN723" s="424"/>
      <c r="XAO723" s="423" t="s">
        <v>2795</v>
      </c>
      <c r="XAP723" s="424"/>
      <c r="XAQ723" s="424"/>
      <c r="XAR723" s="424"/>
      <c r="XAS723" s="423" t="s">
        <v>2795</v>
      </c>
      <c r="XAT723" s="424"/>
      <c r="XAU723" s="424"/>
      <c r="XAV723" s="424"/>
      <c r="XAW723" s="423" t="s">
        <v>2795</v>
      </c>
      <c r="XAX723" s="424"/>
      <c r="XAY723" s="424"/>
      <c r="XAZ723" s="424"/>
      <c r="XBA723" s="423" t="s">
        <v>2795</v>
      </c>
      <c r="XBB723" s="424"/>
      <c r="XBC723" s="424"/>
      <c r="XBD723" s="424"/>
      <c r="XBE723" s="423" t="s">
        <v>2795</v>
      </c>
      <c r="XBF723" s="424"/>
      <c r="XBG723" s="424"/>
      <c r="XBH723" s="424"/>
      <c r="XBI723" s="423" t="s">
        <v>2795</v>
      </c>
      <c r="XBJ723" s="424"/>
      <c r="XBK723" s="424"/>
      <c r="XBL723" s="424"/>
      <c r="XBM723" s="423" t="s">
        <v>2795</v>
      </c>
      <c r="XBN723" s="424"/>
      <c r="XBO723" s="424"/>
      <c r="XBP723" s="424"/>
      <c r="XBQ723" s="423" t="s">
        <v>2795</v>
      </c>
      <c r="XBR723" s="424"/>
      <c r="XBS723" s="424"/>
      <c r="XBT723" s="424"/>
      <c r="XBU723" s="423" t="s">
        <v>2795</v>
      </c>
      <c r="XBV723" s="424"/>
      <c r="XBW723" s="424"/>
      <c r="XBX723" s="424"/>
      <c r="XBY723" s="423" t="s">
        <v>2795</v>
      </c>
      <c r="XBZ723" s="424"/>
      <c r="XCA723" s="424"/>
      <c r="XCB723" s="424"/>
      <c r="XCC723" s="423" t="s">
        <v>2795</v>
      </c>
      <c r="XCD723" s="424"/>
      <c r="XCE723" s="424"/>
      <c r="XCF723" s="424"/>
      <c r="XCG723" s="423" t="s">
        <v>2795</v>
      </c>
      <c r="XCH723" s="424"/>
      <c r="XCI723" s="424"/>
      <c r="XCJ723" s="424"/>
      <c r="XCK723" s="423" t="s">
        <v>2795</v>
      </c>
      <c r="XCL723" s="424"/>
      <c r="XCM723" s="424"/>
      <c r="XCN723" s="424"/>
      <c r="XCO723" s="423" t="s">
        <v>2795</v>
      </c>
      <c r="XCP723" s="424"/>
      <c r="XCQ723" s="424"/>
      <c r="XCR723" s="424"/>
      <c r="XCS723" s="423" t="s">
        <v>2795</v>
      </c>
      <c r="XCT723" s="424"/>
      <c r="XCU723" s="424"/>
      <c r="XCV723" s="424"/>
      <c r="XCW723" s="423" t="s">
        <v>2795</v>
      </c>
      <c r="XCX723" s="424"/>
      <c r="XCY723" s="424"/>
      <c r="XCZ723" s="424"/>
      <c r="XDA723" s="423" t="s">
        <v>2795</v>
      </c>
      <c r="XDB723" s="424"/>
      <c r="XDC723" s="424"/>
      <c r="XDD723" s="424"/>
      <c r="XDE723" s="423" t="s">
        <v>2795</v>
      </c>
      <c r="XDF723" s="424"/>
      <c r="XDG723" s="424"/>
      <c r="XDH723" s="424"/>
      <c r="XDI723" s="423" t="s">
        <v>2795</v>
      </c>
      <c r="XDJ723" s="424"/>
      <c r="XDK723" s="424"/>
      <c r="XDL723" s="424"/>
      <c r="XDM723" s="423" t="s">
        <v>2795</v>
      </c>
      <c r="XDN723" s="424"/>
      <c r="XDO723" s="424"/>
      <c r="XDP723" s="424"/>
      <c r="XDQ723" s="423" t="s">
        <v>2795</v>
      </c>
      <c r="XDR723" s="424"/>
      <c r="XDS723" s="424"/>
      <c r="XDT723" s="424"/>
      <c r="XDU723" s="423" t="s">
        <v>2795</v>
      </c>
      <c r="XDV723" s="424"/>
      <c r="XDW723" s="424"/>
      <c r="XDX723" s="424"/>
      <c r="XDY723" s="423" t="s">
        <v>2795</v>
      </c>
      <c r="XDZ723" s="424"/>
      <c r="XEA723" s="424"/>
      <c r="XEB723" s="424"/>
      <c r="XEC723" s="423" t="s">
        <v>2795</v>
      </c>
      <c r="XED723" s="424"/>
      <c r="XEE723" s="424"/>
      <c r="XEF723" s="424"/>
      <c r="XEG723" s="423" t="s">
        <v>2795</v>
      </c>
      <c r="XEH723" s="424"/>
      <c r="XEI723" s="424"/>
      <c r="XEJ723" s="424"/>
      <c r="XEK723" s="423" t="s">
        <v>2795</v>
      </c>
      <c r="XEL723" s="424"/>
      <c r="XEM723" s="424"/>
      <c r="XEN723" s="424"/>
      <c r="XEO723" s="423" t="s">
        <v>2795</v>
      </c>
      <c r="XEP723" s="424"/>
      <c r="XEQ723" s="424"/>
      <c r="XER723" s="424"/>
      <c r="XES723" s="423" t="s">
        <v>2795</v>
      </c>
      <c r="XET723" s="424"/>
      <c r="XEU723" s="424"/>
      <c r="XEV723" s="424"/>
      <c r="XEW723" s="423" t="s">
        <v>2795</v>
      </c>
      <c r="XEX723" s="424"/>
      <c r="XEY723" s="424"/>
      <c r="XEZ723" s="424"/>
      <c r="XFA723" s="423" t="s">
        <v>2795</v>
      </c>
      <c r="XFB723" s="424"/>
      <c r="XFC723" s="424"/>
      <c r="XFD723" s="424"/>
    </row>
    <row r="724" spans="1:16384" s="8" customFormat="1" ht="20" hidden="1">
      <c r="A724" s="423" t="s">
        <v>2795</v>
      </c>
      <c r="B724" s="424"/>
      <c r="C724" s="424"/>
      <c r="D724" s="424"/>
      <c r="E724" s="423" t="s">
        <v>2795</v>
      </c>
      <c r="F724" s="424"/>
      <c r="G724" s="424"/>
      <c r="H724" s="424"/>
      <c r="I724" s="423" t="s">
        <v>2795</v>
      </c>
      <c r="J724" s="424"/>
      <c r="K724" s="424"/>
      <c r="L724" s="424"/>
      <c r="M724" s="423" t="s">
        <v>2795</v>
      </c>
      <c r="N724" s="424"/>
      <c r="O724" s="424"/>
      <c r="P724" s="424"/>
      <c r="Q724" s="426" t="s">
        <v>2795</v>
      </c>
      <c r="R724" s="427"/>
      <c r="S724" s="427"/>
      <c r="T724" s="427"/>
      <c r="U724" s="423" t="s">
        <v>2795</v>
      </c>
      <c r="V724" s="424"/>
      <c r="W724" s="424"/>
      <c r="X724" s="424"/>
      <c r="Y724" s="423" t="s">
        <v>2795</v>
      </c>
      <c r="Z724" s="424"/>
      <c r="AA724" s="424"/>
      <c r="AB724" s="424"/>
      <c r="AC724" s="423" t="s">
        <v>2795</v>
      </c>
      <c r="AD724" s="424"/>
      <c r="AE724" s="424"/>
      <c r="AF724" s="424"/>
      <c r="AG724" s="423" t="s">
        <v>2795</v>
      </c>
      <c r="AH724" s="424"/>
      <c r="AI724" s="424"/>
      <c r="AJ724" s="424"/>
      <c r="AK724" s="423" t="s">
        <v>2795</v>
      </c>
      <c r="AL724" s="424"/>
      <c r="AM724" s="424"/>
      <c r="AN724" s="424"/>
      <c r="AO724" s="423" t="s">
        <v>2795</v>
      </c>
      <c r="AP724" s="424"/>
      <c r="AQ724" s="424"/>
      <c r="AR724" s="424"/>
      <c r="AS724" s="423" t="s">
        <v>2795</v>
      </c>
      <c r="AT724" s="424"/>
      <c r="AU724" s="424"/>
      <c r="AV724" s="424"/>
      <c r="AW724" s="423" t="s">
        <v>2795</v>
      </c>
      <c r="AX724" s="424"/>
      <c r="AY724" s="424"/>
      <c r="AZ724" s="424"/>
      <c r="BA724" s="423" t="s">
        <v>2795</v>
      </c>
      <c r="BB724" s="424"/>
      <c r="BC724" s="424"/>
      <c r="BD724" s="424"/>
      <c r="BE724" s="423" t="s">
        <v>2795</v>
      </c>
      <c r="BF724" s="424"/>
      <c r="BG724" s="424"/>
      <c r="BH724" s="424"/>
      <c r="BI724" s="423" t="s">
        <v>2795</v>
      </c>
      <c r="BJ724" s="424"/>
      <c r="BK724" s="424"/>
      <c r="BL724" s="424"/>
      <c r="BM724" s="423" t="s">
        <v>2795</v>
      </c>
      <c r="BN724" s="424"/>
      <c r="BO724" s="424"/>
      <c r="BP724" s="424"/>
      <c r="BQ724" s="423" t="s">
        <v>2795</v>
      </c>
      <c r="BR724" s="424"/>
      <c r="BS724" s="424"/>
      <c r="BT724" s="424"/>
      <c r="BU724" s="423" t="s">
        <v>2795</v>
      </c>
      <c r="BV724" s="424"/>
      <c r="BW724" s="424"/>
      <c r="BX724" s="424"/>
      <c r="BY724" s="423" t="s">
        <v>2795</v>
      </c>
      <c r="BZ724" s="424"/>
      <c r="CA724" s="424"/>
      <c r="CB724" s="424"/>
      <c r="CC724" s="423" t="s">
        <v>2795</v>
      </c>
      <c r="CD724" s="424"/>
      <c r="CE724" s="424"/>
      <c r="CF724" s="424"/>
      <c r="CG724" s="423" t="s">
        <v>2795</v>
      </c>
      <c r="CH724" s="424"/>
      <c r="CI724" s="424"/>
      <c r="CJ724" s="424"/>
      <c r="CK724" s="423" t="s">
        <v>2795</v>
      </c>
      <c r="CL724" s="424"/>
      <c r="CM724" s="424"/>
      <c r="CN724" s="424"/>
      <c r="CO724" s="423" t="s">
        <v>2795</v>
      </c>
      <c r="CP724" s="424"/>
      <c r="CQ724" s="424"/>
      <c r="CR724" s="424"/>
      <c r="CS724" s="423" t="s">
        <v>2795</v>
      </c>
      <c r="CT724" s="424"/>
      <c r="CU724" s="424"/>
      <c r="CV724" s="424"/>
      <c r="CW724" s="423" t="s">
        <v>2795</v>
      </c>
      <c r="CX724" s="424"/>
      <c r="CY724" s="424"/>
      <c r="CZ724" s="424"/>
      <c r="DA724" s="423" t="s">
        <v>2795</v>
      </c>
      <c r="DB724" s="424"/>
      <c r="DC724" s="424"/>
      <c r="DD724" s="424"/>
      <c r="DE724" s="423" t="s">
        <v>2795</v>
      </c>
      <c r="DF724" s="424"/>
      <c r="DG724" s="424"/>
      <c r="DH724" s="424"/>
      <c r="DI724" s="423" t="s">
        <v>2795</v>
      </c>
      <c r="DJ724" s="424"/>
      <c r="DK724" s="424"/>
      <c r="DL724" s="424"/>
      <c r="DM724" s="423" t="s">
        <v>2795</v>
      </c>
      <c r="DN724" s="424"/>
      <c r="DO724" s="424"/>
      <c r="DP724" s="424"/>
      <c r="DQ724" s="423" t="s">
        <v>2795</v>
      </c>
      <c r="DR724" s="424"/>
      <c r="DS724" s="424"/>
      <c r="DT724" s="424"/>
      <c r="DU724" s="423" t="s">
        <v>2795</v>
      </c>
      <c r="DV724" s="424"/>
      <c r="DW724" s="424"/>
      <c r="DX724" s="424"/>
      <c r="DY724" s="423" t="s">
        <v>2795</v>
      </c>
      <c r="DZ724" s="424"/>
      <c r="EA724" s="424"/>
      <c r="EB724" s="424"/>
      <c r="EC724" s="423" t="s">
        <v>2795</v>
      </c>
      <c r="ED724" s="424"/>
      <c r="EE724" s="424"/>
      <c r="EF724" s="424"/>
      <c r="EG724" s="423" t="s">
        <v>2795</v>
      </c>
      <c r="EH724" s="424"/>
      <c r="EI724" s="424"/>
      <c r="EJ724" s="424"/>
      <c r="EK724" s="423" t="s">
        <v>2795</v>
      </c>
      <c r="EL724" s="424"/>
      <c r="EM724" s="424"/>
      <c r="EN724" s="424"/>
      <c r="EO724" s="423" t="s">
        <v>2795</v>
      </c>
      <c r="EP724" s="424"/>
      <c r="EQ724" s="424"/>
      <c r="ER724" s="424"/>
      <c r="ES724" s="423" t="s">
        <v>2795</v>
      </c>
      <c r="ET724" s="424"/>
      <c r="EU724" s="424"/>
      <c r="EV724" s="424"/>
      <c r="EW724" s="423" t="s">
        <v>2795</v>
      </c>
      <c r="EX724" s="424"/>
      <c r="EY724" s="424"/>
      <c r="EZ724" s="424"/>
      <c r="FA724" s="423" t="s">
        <v>2795</v>
      </c>
      <c r="FB724" s="424"/>
      <c r="FC724" s="424"/>
      <c r="FD724" s="424"/>
      <c r="FE724" s="423" t="s">
        <v>2795</v>
      </c>
      <c r="FF724" s="424"/>
      <c r="FG724" s="424"/>
      <c r="FH724" s="424"/>
      <c r="FI724" s="423" t="s">
        <v>2795</v>
      </c>
      <c r="FJ724" s="424"/>
      <c r="FK724" s="424"/>
      <c r="FL724" s="424"/>
      <c r="FM724" s="423" t="s">
        <v>2795</v>
      </c>
      <c r="FN724" s="424"/>
      <c r="FO724" s="424"/>
      <c r="FP724" s="424"/>
      <c r="FQ724" s="423" t="s">
        <v>2795</v>
      </c>
      <c r="FR724" s="424"/>
      <c r="FS724" s="424"/>
      <c r="FT724" s="424"/>
      <c r="FU724" s="423" t="s">
        <v>2795</v>
      </c>
      <c r="FV724" s="424"/>
      <c r="FW724" s="424"/>
      <c r="FX724" s="424"/>
      <c r="FY724" s="423" t="s">
        <v>2795</v>
      </c>
      <c r="FZ724" s="424"/>
      <c r="GA724" s="424"/>
      <c r="GB724" s="424"/>
      <c r="GC724" s="423" t="s">
        <v>2795</v>
      </c>
      <c r="GD724" s="424"/>
      <c r="GE724" s="424"/>
      <c r="GF724" s="424"/>
      <c r="GG724" s="423" t="s">
        <v>2795</v>
      </c>
      <c r="GH724" s="424"/>
      <c r="GI724" s="424"/>
      <c r="GJ724" s="424"/>
      <c r="GK724" s="423" t="s">
        <v>2795</v>
      </c>
      <c r="GL724" s="424"/>
      <c r="GM724" s="424"/>
      <c r="GN724" s="424"/>
      <c r="GO724" s="423" t="s">
        <v>2795</v>
      </c>
      <c r="GP724" s="424"/>
      <c r="GQ724" s="424"/>
      <c r="GR724" s="424"/>
      <c r="GS724" s="423" t="s">
        <v>2795</v>
      </c>
      <c r="GT724" s="424"/>
      <c r="GU724" s="424"/>
      <c r="GV724" s="424"/>
      <c r="GW724" s="423" t="s">
        <v>2795</v>
      </c>
      <c r="GX724" s="424"/>
      <c r="GY724" s="424"/>
      <c r="GZ724" s="424"/>
      <c r="HA724" s="423" t="s">
        <v>2795</v>
      </c>
      <c r="HB724" s="424"/>
      <c r="HC724" s="424"/>
      <c r="HD724" s="424"/>
      <c r="HE724" s="423" t="s">
        <v>2795</v>
      </c>
      <c r="HF724" s="424"/>
      <c r="HG724" s="424"/>
      <c r="HH724" s="424"/>
      <c r="HI724" s="423" t="s">
        <v>2795</v>
      </c>
      <c r="HJ724" s="424"/>
      <c r="HK724" s="424"/>
      <c r="HL724" s="424"/>
      <c r="HM724" s="423" t="s">
        <v>2795</v>
      </c>
      <c r="HN724" s="424"/>
      <c r="HO724" s="424"/>
      <c r="HP724" s="424"/>
      <c r="HQ724" s="423" t="s">
        <v>2795</v>
      </c>
      <c r="HR724" s="424"/>
      <c r="HS724" s="424"/>
      <c r="HT724" s="424"/>
      <c r="HU724" s="423" t="s">
        <v>2795</v>
      </c>
      <c r="HV724" s="424"/>
      <c r="HW724" s="424"/>
      <c r="HX724" s="424"/>
      <c r="HY724" s="423" t="s">
        <v>2795</v>
      </c>
      <c r="HZ724" s="424"/>
      <c r="IA724" s="424"/>
      <c r="IB724" s="424"/>
      <c r="IC724" s="423" t="s">
        <v>2795</v>
      </c>
      <c r="ID724" s="424"/>
      <c r="IE724" s="424"/>
      <c r="IF724" s="424"/>
      <c r="IG724" s="423" t="s">
        <v>2795</v>
      </c>
      <c r="IH724" s="424"/>
      <c r="II724" s="424"/>
      <c r="IJ724" s="424"/>
      <c r="IK724" s="423" t="s">
        <v>2795</v>
      </c>
      <c r="IL724" s="424"/>
      <c r="IM724" s="424"/>
      <c r="IN724" s="424"/>
      <c r="IO724" s="423" t="s">
        <v>2795</v>
      </c>
      <c r="IP724" s="424"/>
      <c r="IQ724" s="424"/>
      <c r="IR724" s="424"/>
      <c r="IS724" s="423" t="s">
        <v>2795</v>
      </c>
      <c r="IT724" s="424"/>
      <c r="IU724" s="424"/>
      <c r="IV724" s="424"/>
      <c r="IW724" s="423" t="s">
        <v>2795</v>
      </c>
      <c r="IX724" s="424"/>
      <c r="IY724" s="424"/>
      <c r="IZ724" s="424"/>
      <c r="JA724" s="423" t="s">
        <v>2795</v>
      </c>
      <c r="JB724" s="424"/>
      <c r="JC724" s="424"/>
      <c r="JD724" s="424"/>
      <c r="JE724" s="423" t="s">
        <v>2795</v>
      </c>
      <c r="JF724" s="424"/>
      <c r="JG724" s="424"/>
      <c r="JH724" s="424"/>
      <c r="JI724" s="423" t="s">
        <v>2795</v>
      </c>
      <c r="JJ724" s="424"/>
      <c r="JK724" s="424"/>
      <c r="JL724" s="424"/>
      <c r="JM724" s="423" t="s">
        <v>2795</v>
      </c>
      <c r="JN724" s="424"/>
      <c r="JO724" s="424"/>
      <c r="JP724" s="424"/>
      <c r="JQ724" s="423" t="s">
        <v>2795</v>
      </c>
      <c r="JR724" s="424"/>
      <c r="JS724" s="424"/>
      <c r="JT724" s="424"/>
      <c r="JU724" s="423" t="s">
        <v>2795</v>
      </c>
      <c r="JV724" s="424"/>
      <c r="JW724" s="424"/>
      <c r="JX724" s="424"/>
      <c r="JY724" s="423" t="s">
        <v>2795</v>
      </c>
      <c r="JZ724" s="424"/>
      <c r="KA724" s="424"/>
      <c r="KB724" s="424"/>
      <c r="KC724" s="423" t="s">
        <v>2795</v>
      </c>
      <c r="KD724" s="424"/>
      <c r="KE724" s="424"/>
      <c r="KF724" s="424"/>
      <c r="KG724" s="423" t="s">
        <v>2795</v>
      </c>
      <c r="KH724" s="424"/>
      <c r="KI724" s="424"/>
      <c r="KJ724" s="424"/>
      <c r="KK724" s="423" t="s">
        <v>2795</v>
      </c>
      <c r="KL724" s="424"/>
      <c r="KM724" s="424"/>
      <c r="KN724" s="424"/>
      <c r="KO724" s="423" t="s">
        <v>2795</v>
      </c>
      <c r="KP724" s="424"/>
      <c r="KQ724" s="424"/>
      <c r="KR724" s="424"/>
      <c r="KS724" s="423" t="s">
        <v>2795</v>
      </c>
      <c r="KT724" s="424"/>
      <c r="KU724" s="424"/>
      <c r="KV724" s="424"/>
      <c r="KW724" s="423" t="s">
        <v>2795</v>
      </c>
      <c r="KX724" s="424"/>
      <c r="KY724" s="424"/>
      <c r="KZ724" s="424"/>
      <c r="LA724" s="423" t="s">
        <v>2795</v>
      </c>
      <c r="LB724" s="424"/>
      <c r="LC724" s="424"/>
      <c r="LD724" s="424"/>
      <c r="LE724" s="423" t="s">
        <v>2795</v>
      </c>
      <c r="LF724" s="424"/>
      <c r="LG724" s="424"/>
      <c r="LH724" s="424"/>
      <c r="LI724" s="423" t="s">
        <v>2795</v>
      </c>
      <c r="LJ724" s="424"/>
      <c r="LK724" s="424"/>
      <c r="LL724" s="424"/>
      <c r="LM724" s="423" t="s">
        <v>2795</v>
      </c>
      <c r="LN724" s="424"/>
      <c r="LO724" s="424"/>
      <c r="LP724" s="424"/>
      <c r="LQ724" s="423" t="s">
        <v>2795</v>
      </c>
      <c r="LR724" s="424"/>
      <c r="LS724" s="424"/>
      <c r="LT724" s="424"/>
      <c r="LU724" s="423" t="s">
        <v>2795</v>
      </c>
      <c r="LV724" s="424"/>
      <c r="LW724" s="424"/>
      <c r="LX724" s="424"/>
      <c r="LY724" s="423" t="s">
        <v>2795</v>
      </c>
      <c r="LZ724" s="424"/>
      <c r="MA724" s="424"/>
      <c r="MB724" s="424"/>
      <c r="MC724" s="423" t="s">
        <v>2795</v>
      </c>
      <c r="MD724" s="424"/>
      <c r="ME724" s="424"/>
      <c r="MF724" s="424"/>
      <c r="MG724" s="423" t="s">
        <v>2795</v>
      </c>
      <c r="MH724" s="424"/>
      <c r="MI724" s="424"/>
      <c r="MJ724" s="424"/>
      <c r="MK724" s="423" t="s">
        <v>2795</v>
      </c>
      <c r="ML724" s="424"/>
      <c r="MM724" s="424"/>
      <c r="MN724" s="424"/>
      <c r="MO724" s="423" t="s">
        <v>2795</v>
      </c>
      <c r="MP724" s="424"/>
      <c r="MQ724" s="424"/>
      <c r="MR724" s="424"/>
      <c r="MS724" s="423" t="s">
        <v>2795</v>
      </c>
      <c r="MT724" s="424"/>
      <c r="MU724" s="424"/>
      <c r="MV724" s="424"/>
      <c r="MW724" s="423" t="s">
        <v>2795</v>
      </c>
      <c r="MX724" s="424"/>
      <c r="MY724" s="424"/>
      <c r="MZ724" s="424"/>
      <c r="NA724" s="423" t="s">
        <v>2795</v>
      </c>
      <c r="NB724" s="424"/>
      <c r="NC724" s="424"/>
      <c r="ND724" s="424"/>
      <c r="NE724" s="423" t="s">
        <v>2795</v>
      </c>
      <c r="NF724" s="424"/>
      <c r="NG724" s="424"/>
      <c r="NH724" s="424"/>
      <c r="NI724" s="423" t="s">
        <v>2795</v>
      </c>
      <c r="NJ724" s="424"/>
      <c r="NK724" s="424"/>
      <c r="NL724" s="424"/>
      <c r="NM724" s="423" t="s">
        <v>2795</v>
      </c>
      <c r="NN724" s="424"/>
      <c r="NO724" s="424"/>
      <c r="NP724" s="424"/>
      <c r="NQ724" s="423" t="s">
        <v>2795</v>
      </c>
      <c r="NR724" s="424"/>
      <c r="NS724" s="424"/>
      <c r="NT724" s="424"/>
      <c r="NU724" s="423" t="s">
        <v>2795</v>
      </c>
      <c r="NV724" s="424"/>
      <c r="NW724" s="424"/>
      <c r="NX724" s="424"/>
      <c r="NY724" s="423" t="s">
        <v>2795</v>
      </c>
      <c r="NZ724" s="424"/>
      <c r="OA724" s="424"/>
      <c r="OB724" s="424"/>
      <c r="OC724" s="423" t="s">
        <v>2795</v>
      </c>
      <c r="OD724" s="424"/>
      <c r="OE724" s="424"/>
      <c r="OF724" s="424"/>
      <c r="OG724" s="423" t="s">
        <v>2795</v>
      </c>
      <c r="OH724" s="424"/>
      <c r="OI724" s="424"/>
      <c r="OJ724" s="424"/>
      <c r="OK724" s="423" t="s">
        <v>2795</v>
      </c>
      <c r="OL724" s="424"/>
      <c r="OM724" s="424"/>
      <c r="ON724" s="424"/>
      <c r="OO724" s="423" t="s">
        <v>2795</v>
      </c>
      <c r="OP724" s="424"/>
      <c r="OQ724" s="424"/>
      <c r="OR724" s="424"/>
      <c r="OS724" s="423" t="s">
        <v>2795</v>
      </c>
      <c r="OT724" s="424"/>
      <c r="OU724" s="424"/>
      <c r="OV724" s="424"/>
      <c r="OW724" s="423" t="s">
        <v>2795</v>
      </c>
      <c r="OX724" s="424"/>
      <c r="OY724" s="424"/>
      <c r="OZ724" s="424"/>
      <c r="PA724" s="423" t="s">
        <v>2795</v>
      </c>
      <c r="PB724" s="424"/>
      <c r="PC724" s="424"/>
      <c r="PD724" s="424"/>
      <c r="PE724" s="423" t="s">
        <v>2795</v>
      </c>
      <c r="PF724" s="424"/>
      <c r="PG724" s="424"/>
      <c r="PH724" s="424"/>
      <c r="PI724" s="423" t="s">
        <v>2795</v>
      </c>
      <c r="PJ724" s="424"/>
      <c r="PK724" s="424"/>
      <c r="PL724" s="424"/>
      <c r="PM724" s="423" t="s">
        <v>2795</v>
      </c>
      <c r="PN724" s="424"/>
      <c r="PO724" s="424"/>
      <c r="PP724" s="424"/>
      <c r="PQ724" s="423" t="s">
        <v>2795</v>
      </c>
      <c r="PR724" s="424"/>
      <c r="PS724" s="424"/>
      <c r="PT724" s="424"/>
      <c r="PU724" s="423" t="s">
        <v>2795</v>
      </c>
      <c r="PV724" s="424"/>
      <c r="PW724" s="424"/>
      <c r="PX724" s="424"/>
      <c r="PY724" s="423" t="s">
        <v>2795</v>
      </c>
      <c r="PZ724" s="424"/>
      <c r="QA724" s="424"/>
      <c r="QB724" s="424"/>
      <c r="QC724" s="423" t="s">
        <v>2795</v>
      </c>
      <c r="QD724" s="424"/>
      <c r="QE724" s="424"/>
      <c r="QF724" s="424"/>
      <c r="QG724" s="423" t="s">
        <v>2795</v>
      </c>
      <c r="QH724" s="424"/>
      <c r="QI724" s="424"/>
      <c r="QJ724" s="424"/>
      <c r="QK724" s="423" t="s">
        <v>2795</v>
      </c>
      <c r="QL724" s="424"/>
      <c r="QM724" s="424"/>
      <c r="QN724" s="424"/>
      <c r="QO724" s="423" t="s">
        <v>2795</v>
      </c>
      <c r="QP724" s="424"/>
      <c r="QQ724" s="424"/>
      <c r="QR724" s="424"/>
      <c r="QS724" s="423" t="s">
        <v>2795</v>
      </c>
      <c r="QT724" s="424"/>
      <c r="QU724" s="424"/>
      <c r="QV724" s="424"/>
      <c r="QW724" s="423" t="s">
        <v>2795</v>
      </c>
      <c r="QX724" s="424"/>
      <c r="QY724" s="424"/>
      <c r="QZ724" s="424"/>
      <c r="RA724" s="423" t="s">
        <v>2795</v>
      </c>
      <c r="RB724" s="424"/>
      <c r="RC724" s="424"/>
      <c r="RD724" s="424"/>
      <c r="RE724" s="423" t="s">
        <v>2795</v>
      </c>
      <c r="RF724" s="424"/>
      <c r="RG724" s="424"/>
      <c r="RH724" s="424"/>
      <c r="RI724" s="423" t="s">
        <v>2795</v>
      </c>
      <c r="RJ724" s="424"/>
      <c r="RK724" s="424"/>
      <c r="RL724" s="424"/>
      <c r="RM724" s="423" t="s">
        <v>2795</v>
      </c>
      <c r="RN724" s="424"/>
      <c r="RO724" s="424"/>
      <c r="RP724" s="424"/>
      <c r="RQ724" s="423" t="s">
        <v>2795</v>
      </c>
      <c r="RR724" s="424"/>
      <c r="RS724" s="424"/>
      <c r="RT724" s="424"/>
      <c r="RU724" s="423" t="s">
        <v>2795</v>
      </c>
      <c r="RV724" s="424"/>
      <c r="RW724" s="424"/>
      <c r="RX724" s="424"/>
      <c r="RY724" s="423" t="s">
        <v>2795</v>
      </c>
      <c r="RZ724" s="424"/>
      <c r="SA724" s="424"/>
      <c r="SB724" s="424"/>
      <c r="SC724" s="423" t="s">
        <v>2795</v>
      </c>
      <c r="SD724" s="424"/>
      <c r="SE724" s="424"/>
      <c r="SF724" s="424"/>
      <c r="SG724" s="423" t="s">
        <v>2795</v>
      </c>
      <c r="SH724" s="424"/>
      <c r="SI724" s="424"/>
      <c r="SJ724" s="424"/>
      <c r="SK724" s="423" t="s">
        <v>2795</v>
      </c>
      <c r="SL724" s="424"/>
      <c r="SM724" s="424"/>
      <c r="SN724" s="424"/>
      <c r="SO724" s="423" t="s">
        <v>2795</v>
      </c>
      <c r="SP724" s="424"/>
      <c r="SQ724" s="424"/>
      <c r="SR724" s="424"/>
      <c r="SS724" s="423" t="s">
        <v>2795</v>
      </c>
      <c r="ST724" s="424"/>
      <c r="SU724" s="424"/>
      <c r="SV724" s="424"/>
      <c r="SW724" s="423" t="s">
        <v>2795</v>
      </c>
      <c r="SX724" s="424"/>
      <c r="SY724" s="424"/>
      <c r="SZ724" s="424"/>
      <c r="TA724" s="423" t="s">
        <v>2795</v>
      </c>
      <c r="TB724" s="424"/>
      <c r="TC724" s="424"/>
      <c r="TD724" s="424"/>
      <c r="TE724" s="423" t="s">
        <v>2795</v>
      </c>
      <c r="TF724" s="424"/>
      <c r="TG724" s="424"/>
      <c r="TH724" s="424"/>
      <c r="TI724" s="423" t="s">
        <v>2795</v>
      </c>
      <c r="TJ724" s="424"/>
      <c r="TK724" s="424"/>
      <c r="TL724" s="424"/>
      <c r="TM724" s="423" t="s">
        <v>2795</v>
      </c>
      <c r="TN724" s="424"/>
      <c r="TO724" s="424"/>
      <c r="TP724" s="424"/>
      <c r="TQ724" s="423" t="s">
        <v>2795</v>
      </c>
      <c r="TR724" s="424"/>
      <c r="TS724" s="424"/>
      <c r="TT724" s="424"/>
      <c r="TU724" s="423" t="s">
        <v>2795</v>
      </c>
      <c r="TV724" s="424"/>
      <c r="TW724" s="424"/>
      <c r="TX724" s="424"/>
      <c r="TY724" s="423" t="s">
        <v>2795</v>
      </c>
      <c r="TZ724" s="424"/>
      <c r="UA724" s="424"/>
      <c r="UB724" s="424"/>
      <c r="UC724" s="423" t="s">
        <v>2795</v>
      </c>
      <c r="UD724" s="424"/>
      <c r="UE724" s="424"/>
      <c r="UF724" s="424"/>
      <c r="UG724" s="423" t="s">
        <v>2795</v>
      </c>
      <c r="UH724" s="424"/>
      <c r="UI724" s="424"/>
      <c r="UJ724" s="424"/>
      <c r="UK724" s="423" t="s">
        <v>2795</v>
      </c>
      <c r="UL724" s="424"/>
      <c r="UM724" s="424"/>
      <c r="UN724" s="424"/>
      <c r="UO724" s="423" t="s">
        <v>2795</v>
      </c>
      <c r="UP724" s="424"/>
      <c r="UQ724" s="424"/>
      <c r="UR724" s="424"/>
      <c r="US724" s="423" t="s">
        <v>2795</v>
      </c>
      <c r="UT724" s="424"/>
      <c r="UU724" s="424"/>
      <c r="UV724" s="424"/>
      <c r="UW724" s="423" t="s">
        <v>2795</v>
      </c>
      <c r="UX724" s="424"/>
      <c r="UY724" s="424"/>
      <c r="UZ724" s="424"/>
      <c r="VA724" s="423" t="s">
        <v>2795</v>
      </c>
      <c r="VB724" s="424"/>
      <c r="VC724" s="424"/>
      <c r="VD724" s="424"/>
      <c r="VE724" s="423" t="s">
        <v>2795</v>
      </c>
      <c r="VF724" s="424"/>
      <c r="VG724" s="424"/>
      <c r="VH724" s="424"/>
      <c r="VI724" s="423" t="s">
        <v>2795</v>
      </c>
      <c r="VJ724" s="424"/>
      <c r="VK724" s="424"/>
      <c r="VL724" s="424"/>
      <c r="VM724" s="423" t="s">
        <v>2795</v>
      </c>
      <c r="VN724" s="424"/>
      <c r="VO724" s="424"/>
      <c r="VP724" s="424"/>
      <c r="VQ724" s="423" t="s">
        <v>2795</v>
      </c>
      <c r="VR724" s="424"/>
      <c r="VS724" s="424"/>
      <c r="VT724" s="424"/>
      <c r="VU724" s="423" t="s">
        <v>2795</v>
      </c>
      <c r="VV724" s="424"/>
      <c r="VW724" s="424"/>
      <c r="VX724" s="424"/>
      <c r="VY724" s="423" t="s">
        <v>2795</v>
      </c>
      <c r="VZ724" s="424"/>
      <c r="WA724" s="424"/>
      <c r="WB724" s="424"/>
      <c r="WC724" s="423" t="s">
        <v>2795</v>
      </c>
      <c r="WD724" s="424"/>
      <c r="WE724" s="424"/>
      <c r="WF724" s="424"/>
      <c r="WG724" s="423" t="s">
        <v>2795</v>
      </c>
      <c r="WH724" s="424"/>
      <c r="WI724" s="424"/>
      <c r="WJ724" s="424"/>
      <c r="WK724" s="423" t="s">
        <v>2795</v>
      </c>
      <c r="WL724" s="424"/>
      <c r="WM724" s="424"/>
      <c r="WN724" s="424"/>
      <c r="WO724" s="423" t="s">
        <v>2795</v>
      </c>
      <c r="WP724" s="424"/>
      <c r="WQ724" s="424"/>
      <c r="WR724" s="424"/>
      <c r="WS724" s="423" t="s">
        <v>2795</v>
      </c>
      <c r="WT724" s="424"/>
      <c r="WU724" s="424"/>
      <c r="WV724" s="424"/>
      <c r="WW724" s="423" t="s">
        <v>2795</v>
      </c>
      <c r="WX724" s="424"/>
      <c r="WY724" s="424"/>
      <c r="WZ724" s="424"/>
      <c r="XA724" s="423" t="s">
        <v>2795</v>
      </c>
      <c r="XB724" s="424"/>
      <c r="XC724" s="424"/>
      <c r="XD724" s="424"/>
      <c r="XE724" s="423" t="s">
        <v>2795</v>
      </c>
      <c r="XF724" s="424"/>
      <c r="XG724" s="424"/>
      <c r="XH724" s="424"/>
      <c r="XI724" s="423" t="s">
        <v>2795</v>
      </c>
      <c r="XJ724" s="424"/>
      <c r="XK724" s="424"/>
      <c r="XL724" s="424"/>
      <c r="XM724" s="423" t="s">
        <v>2795</v>
      </c>
      <c r="XN724" s="424"/>
      <c r="XO724" s="424"/>
      <c r="XP724" s="424"/>
      <c r="XQ724" s="423" t="s">
        <v>2795</v>
      </c>
      <c r="XR724" s="424"/>
      <c r="XS724" s="424"/>
      <c r="XT724" s="424"/>
      <c r="XU724" s="423" t="s">
        <v>2795</v>
      </c>
      <c r="XV724" s="424"/>
      <c r="XW724" s="424"/>
      <c r="XX724" s="424"/>
      <c r="XY724" s="423" t="s">
        <v>2795</v>
      </c>
      <c r="XZ724" s="424"/>
      <c r="YA724" s="424"/>
      <c r="YB724" s="424"/>
      <c r="YC724" s="423" t="s">
        <v>2795</v>
      </c>
      <c r="YD724" s="424"/>
      <c r="YE724" s="424"/>
      <c r="YF724" s="424"/>
      <c r="YG724" s="423" t="s">
        <v>2795</v>
      </c>
      <c r="YH724" s="424"/>
      <c r="YI724" s="424"/>
      <c r="YJ724" s="424"/>
      <c r="YK724" s="423" t="s">
        <v>2795</v>
      </c>
      <c r="YL724" s="424"/>
      <c r="YM724" s="424"/>
      <c r="YN724" s="424"/>
      <c r="YO724" s="423" t="s">
        <v>2795</v>
      </c>
      <c r="YP724" s="424"/>
      <c r="YQ724" s="424"/>
      <c r="YR724" s="424"/>
      <c r="YS724" s="423" t="s">
        <v>2795</v>
      </c>
      <c r="YT724" s="424"/>
      <c r="YU724" s="424"/>
      <c r="YV724" s="424"/>
      <c r="YW724" s="423" t="s">
        <v>2795</v>
      </c>
      <c r="YX724" s="424"/>
      <c r="YY724" s="424"/>
      <c r="YZ724" s="424"/>
      <c r="ZA724" s="423" t="s">
        <v>2795</v>
      </c>
      <c r="ZB724" s="424"/>
      <c r="ZC724" s="424"/>
      <c r="ZD724" s="424"/>
      <c r="ZE724" s="423" t="s">
        <v>2795</v>
      </c>
      <c r="ZF724" s="424"/>
      <c r="ZG724" s="424"/>
      <c r="ZH724" s="424"/>
      <c r="ZI724" s="423" t="s">
        <v>2795</v>
      </c>
      <c r="ZJ724" s="424"/>
      <c r="ZK724" s="424"/>
      <c r="ZL724" s="424"/>
      <c r="ZM724" s="423" t="s">
        <v>2795</v>
      </c>
      <c r="ZN724" s="424"/>
      <c r="ZO724" s="424"/>
      <c r="ZP724" s="424"/>
      <c r="ZQ724" s="423" t="s">
        <v>2795</v>
      </c>
      <c r="ZR724" s="424"/>
      <c r="ZS724" s="424"/>
      <c r="ZT724" s="424"/>
      <c r="ZU724" s="423" t="s">
        <v>2795</v>
      </c>
      <c r="ZV724" s="424"/>
      <c r="ZW724" s="424"/>
      <c r="ZX724" s="424"/>
      <c r="ZY724" s="423" t="s">
        <v>2795</v>
      </c>
      <c r="ZZ724" s="424"/>
      <c r="AAA724" s="424"/>
      <c r="AAB724" s="424"/>
      <c r="AAC724" s="423" t="s">
        <v>2795</v>
      </c>
      <c r="AAD724" s="424"/>
      <c r="AAE724" s="424"/>
      <c r="AAF724" s="424"/>
      <c r="AAG724" s="423" t="s">
        <v>2795</v>
      </c>
      <c r="AAH724" s="424"/>
      <c r="AAI724" s="424"/>
      <c r="AAJ724" s="424"/>
      <c r="AAK724" s="423" t="s">
        <v>2795</v>
      </c>
      <c r="AAL724" s="424"/>
      <c r="AAM724" s="424"/>
      <c r="AAN724" s="424"/>
      <c r="AAO724" s="423" t="s">
        <v>2795</v>
      </c>
      <c r="AAP724" s="424"/>
      <c r="AAQ724" s="424"/>
      <c r="AAR724" s="424"/>
      <c r="AAS724" s="423" t="s">
        <v>2795</v>
      </c>
      <c r="AAT724" s="424"/>
      <c r="AAU724" s="424"/>
      <c r="AAV724" s="424"/>
      <c r="AAW724" s="423" t="s">
        <v>2795</v>
      </c>
      <c r="AAX724" s="424"/>
      <c r="AAY724" s="424"/>
      <c r="AAZ724" s="424"/>
      <c r="ABA724" s="423" t="s">
        <v>2795</v>
      </c>
      <c r="ABB724" s="424"/>
      <c r="ABC724" s="424"/>
      <c r="ABD724" s="424"/>
      <c r="ABE724" s="423" t="s">
        <v>2795</v>
      </c>
      <c r="ABF724" s="424"/>
      <c r="ABG724" s="424"/>
      <c r="ABH724" s="424"/>
      <c r="ABI724" s="423" t="s">
        <v>2795</v>
      </c>
      <c r="ABJ724" s="424"/>
      <c r="ABK724" s="424"/>
      <c r="ABL724" s="424"/>
      <c r="ABM724" s="423" t="s">
        <v>2795</v>
      </c>
      <c r="ABN724" s="424"/>
      <c r="ABO724" s="424"/>
      <c r="ABP724" s="424"/>
      <c r="ABQ724" s="423" t="s">
        <v>2795</v>
      </c>
      <c r="ABR724" s="424"/>
      <c r="ABS724" s="424"/>
      <c r="ABT724" s="424"/>
      <c r="ABU724" s="423" t="s">
        <v>2795</v>
      </c>
      <c r="ABV724" s="424"/>
      <c r="ABW724" s="424"/>
      <c r="ABX724" s="424"/>
      <c r="ABY724" s="423" t="s">
        <v>2795</v>
      </c>
      <c r="ABZ724" s="424"/>
      <c r="ACA724" s="424"/>
      <c r="ACB724" s="424"/>
      <c r="ACC724" s="423" t="s">
        <v>2795</v>
      </c>
      <c r="ACD724" s="424"/>
      <c r="ACE724" s="424"/>
      <c r="ACF724" s="424"/>
      <c r="ACG724" s="423" t="s">
        <v>2795</v>
      </c>
      <c r="ACH724" s="424"/>
      <c r="ACI724" s="424"/>
      <c r="ACJ724" s="424"/>
      <c r="ACK724" s="423" t="s">
        <v>2795</v>
      </c>
      <c r="ACL724" s="424"/>
      <c r="ACM724" s="424"/>
      <c r="ACN724" s="424"/>
      <c r="ACO724" s="423" t="s">
        <v>2795</v>
      </c>
      <c r="ACP724" s="424"/>
      <c r="ACQ724" s="424"/>
      <c r="ACR724" s="424"/>
      <c r="ACS724" s="423" t="s">
        <v>2795</v>
      </c>
      <c r="ACT724" s="424"/>
      <c r="ACU724" s="424"/>
      <c r="ACV724" s="424"/>
      <c r="ACW724" s="423" t="s">
        <v>2795</v>
      </c>
      <c r="ACX724" s="424"/>
      <c r="ACY724" s="424"/>
      <c r="ACZ724" s="424"/>
      <c r="ADA724" s="423" t="s">
        <v>2795</v>
      </c>
      <c r="ADB724" s="424"/>
      <c r="ADC724" s="424"/>
      <c r="ADD724" s="424"/>
      <c r="ADE724" s="423" t="s">
        <v>2795</v>
      </c>
      <c r="ADF724" s="424"/>
      <c r="ADG724" s="424"/>
      <c r="ADH724" s="424"/>
      <c r="ADI724" s="423" t="s">
        <v>2795</v>
      </c>
      <c r="ADJ724" s="424"/>
      <c r="ADK724" s="424"/>
      <c r="ADL724" s="424"/>
      <c r="ADM724" s="423" t="s">
        <v>2795</v>
      </c>
      <c r="ADN724" s="424"/>
      <c r="ADO724" s="424"/>
      <c r="ADP724" s="424"/>
      <c r="ADQ724" s="423" t="s">
        <v>2795</v>
      </c>
      <c r="ADR724" s="424"/>
      <c r="ADS724" s="424"/>
      <c r="ADT724" s="424"/>
      <c r="ADU724" s="423" t="s">
        <v>2795</v>
      </c>
      <c r="ADV724" s="424"/>
      <c r="ADW724" s="424"/>
      <c r="ADX724" s="424"/>
      <c r="ADY724" s="423" t="s">
        <v>2795</v>
      </c>
      <c r="ADZ724" s="424"/>
      <c r="AEA724" s="424"/>
      <c r="AEB724" s="424"/>
      <c r="AEC724" s="423" t="s">
        <v>2795</v>
      </c>
      <c r="AED724" s="424"/>
      <c r="AEE724" s="424"/>
      <c r="AEF724" s="424"/>
      <c r="AEG724" s="423" t="s">
        <v>2795</v>
      </c>
      <c r="AEH724" s="424"/>
      <c r="AEI724" s="424"/>
      <c r="AEJ724" s="424"/>
      <c r="AEK724" s="423" t="s">
        <v>2795</v>
      </c>
      <c r="AEL724" s="424"/>
      <c r="AEM724" s="424"/>
      <c r="AEN724" s="424"/>
      <c r="AEO724" s="423" t="s">
        <v>2795</v>
      </c>
      <c r="AEP724" s="424"/>
      <c r="AEQ724" s="424"/>
      <c r="AER724" s="424"/>
      <c r="AES724" s="423" t="s">
        <v>2795</v>
      </c>
      <c r="AET724" s="424"/>
      <c r="AEU724" s="424"/>
      <c r="AEV724" s="424"/>
      <c r="AEW724" s="423" t="s">
        <v>2795</v>
      </c>
      <c r="AEX724" s="424"/>
      <c r="AEY724" s="424"/>
      <c r="AEZ724" s="424"/>
      <c r="AFA724" s="423" t="s">
        <v>2795</v>
      </c>
      <c r="AFB724" s="424"/>
      <c r="AFC724" s="424"/>
      <c r="AFD724" s="424"/>
      <c r="AFE724" s="423" t="s">
        <v>2795</v>
      </c>
      <c r="AFF724" s="424"/>
      <c r="AFG724" s="424"/>
      <c r="AFH724" s="424"/>
      <c r="AFI724" s="423" t="s">
        <v>2795</v>
      </c>
      <c r="AFJ724" s="424"/>
      <c r="AFK724" s="424"/>
      <c r="AFL724" s="424"/>
      <c r="AFM724" s="423" t="s">
        <v>2795</v>
      </c>
      <c r="AFN724" s="424"/>
      <c r="AFO724" s="424"/>
      <c r="AFP724" s="424"/>
      <c r="AFQ724" s="423" t="s">
        <v>2795</v>
      </c>
      <c r="AFR724" s="424"/>
      <c r="AFS724" s="424"/>
      <c r="AFT724" s="424"/>
      <c r="AFU724" s="423" t="s">
        <v>2795</v>
      </c>
      <c r="AFV724" s="424"/>
      <c r="AFW724" s="424"/>
      <c r="AFX724" s="424"/>
      <c r="AFY724" s="423" t="s">
        <v>2795</v>
      </c>
      <c r="AFZ724" s="424"/>
      <c r="AGA724" s="424"/>
      <c r="AGB724" s="424"/>
      <c r="AGC724" s="423" t="s">
        <v>2795</v>
      </c>
      <c r="AGD724" s="424"/>
      <c r="AGE724" s="424"/>
      <c r="AGF724" s="424"/>
      <c r="AGG724" s="423" t="s">
        <v>2795</v>
      </c>
      <c r="AGH724" s="424"/>
      <c r="AGI724" s="424"/>
      <c r="AGJ724" s="424"/>
      <c r="AGK724" s="423" t="s">
        <v>2795</v>
      </c>
      <c r="AGL724" s="424"/>
      <c r="AGM724" s="424"/>
      <c r="AGN724" s="424"/>
      <c r="AGO724" s="423" t="s">
        <v>2795</v>
      </c>
      <c r="AGP724" s="424"/>
      <c r="AGQ724" s="424"/>
      <c r="AGR724" s="424"/>
      <c r="AGS724" s="423" t="s">
        <v>2795</v>
      </c>
      <c r="AGT724" s="424"/>
      <c r="AGU724" s="424"/>
      <c r="AGV724" s="424"/>
      <c r="AGW724" s="423" t="s">
        <v>2795</v>
      </c>
      <c r="AGX724" s="424"/>
      <c r="AGY724" s="424"/>
      <c r="AGZ724" s="424"/>
      <c r="AHA724" s="423" t="s">
        <v>2795</v>
      </c>
      <c r="AHB724" s="424"/>
      <c r="AHC724" s="424"/>
      <c r="AHD724" s="424"/>
      <c r="AHE724" s="423" t="s">
        <v>2795</v>
      </c>
      <c r="AHF724" s="424"/>
      <c r="AHG724" s="424"/>
      <c r="AHH724" s="424"/>
      <c r="AHI724" s="423" t="s">
        <v>2795</v>
      </c>
      <c r="AHJ724" s="424"/>
      <c r="AHK724" s="424"/>
      <c r="AHL724" s="424"/>
      <c r="AHM724" s="423" t="s">
        <v>2795</v>
      </c>
      <c r="AHN724" s="424"/>
      <c r="AHO724" s="424"/>
      <c r="AHP724" s="424"/>
      <c r="AHQ724" s="423" t="s">
        <v>2795</v>
      </c>
      <c r="AHR724" s="424"/>
      <c r="AHS724" s="424"/>
      <c r="AHT724" s="424"/>
      <c r="AHU724" s="423" t="s">
        <v>2795</v>
      </c>
      <c r="AHV724" s="424"/>
      <c r="AHW724" s="424"/>
      <c r="AHX724" s="424"/>
      <c r="AHY724" s="423" t="s">
        <v>2795</v>
      </c>
      <c r="AHZ724" s="424"/>
      <c r="AIA724" s="424"/>
      <c r="AIB724" s="424"/>
      <c r="AIC724" s="423" t="s">
        <v>2795</v>
      </c>
      <c r="AID724" s="424"/>
      <c r="AIE724" s="424"/>
      <c r="AIF724" s="424"/>
      <c r="AIG724" s="423" t="s">
        <v>2795</v>
      </c>
      <c r="AIH724" s="424"/>
      <c r="AII724" s="424"/>
      <c r="AIJ724" s="424"/>
      <c r="AIK724" s="423" t="s">
        <v>2795</v>
      </c>
      <c r="AIL724" s="424"/>
      <c r="AIM724" s="424"/>
      <c r="AIN724" s="424"/>
      <c r="AIO724" s="423" t="s">
        <v>2795</v>
      </c>
      <c r="AIP724" s="424"/>
      <c r="AIQ724" s="424"/>
      <c r="AIR724" s="424"/>
      <c r="AIS724" s="423" t="s">
        <v>2795</v>
      </c>
      <c r="AIT724" s="424"/>
      <c r="AIU724" s="424"/>
      <c r="AIV724" s="424"/>
      <c r="AIW724" s="423" t="s">
        <v>2795</v>
      </c>
      <c r="AIX724" s="424"/>
      <c r="AIY724" s="424"/>
      <c r="AIZ724" s="424"/>
      <c r="AJA724" s="423" t="s">
        <v>2795</v>
      </c>
      <c r="AJB724" s="424"/>
      <c r="AJC724" s="424"/>
      <c r="AJD724" s="424"/>
      <c r="AJE724" s="423" t="s">
        <v>2795</v>
      </c>
      <c r="AJF724" s="424"/>
      <c r="AJG724" s="424"/>
      <c r="AJH724" s="424"/>
      <c r="AJI724" s="423" t="s">
        <v>2795</v>
      </c>
      <c r="AJJ724" s="424"/>
      <c r="AJK724" s="424"/>
      <c r="AJL724" s="424"/>
      <c r="AJM724" s="423" t="s">
        <v>2795</v>
      </c>
      <c r="AJN724" s="424"/>
      <c r="AJO724" s="424"/>
      <c r="AJP724" s="424"/>
      <c r="AJQ724" s="423" t="s">
        <v>2795</v>
      </c>
      <c r="AJR724" s="424"/>
      <c r="AJS724" s="424"/>
      <c r="AJT724" s="424"/>
      <c r="AJU724" s="423" t="s">
        <v>2795</v>
      </c>
      <c r="AJV724" s="424"/>
      <c r="AJW724" s="424"/>
      <c r="AJX724" s="424"/>
      <c r="AJY724" s="423" t="s">
        <v>2795</v>
      </c>
      <c r="AJZ724" s="424"/>
      <c r="AKA724" s="424"/>
      <c r="AKB724" s="424"/>
      <c r="AKC724" s="423" t="s">
        <v>2795</v>
      </c>
      <c r="AKD724" s="424"/>
      <c r="AKE724" s="424"/>
      <c r="AKF724" s="424"/>
      <c r="AKG724" s="423" t="s">
        <v>2795</v>
      </c>
      <c r="AKH724" s="424"/>
      <c r="AKI724" s="424"/>
      <c r="AKJ724" s="424"/>
      <c r="AKK724" s="423" t="s">
        <v>2795</v>
      </c>
      <c r="AKL724" s="424"/>
      <c r="AKM724" s="424"/>
      <c r="AKN724" s="424"/>
      <c r="AKO724" s="423" t="s">
        <v>2795</v>
      </c>
      <c r="AKP724" s="424"/>
      <c r="AKQ724" s="424"/>
      <c r="AKR724" s="424"/>
      <c r="AKS724" s="423" t="s">
        <v>2795</v>
      </c>
      <c r="AKT724" s="424"/>
      <c r="AKU724" s="424"/>
      <c r="AKV724" s="424"/>
      <c r="AKW724" s="423" t="s">
        <v>2795</v>
      </c>
      <c r="AKX724" s="424"/>
      <c r="AKY724" s="424"/>
      <c r="AKZ724" s="424"/>
      <c r="ALA724" s="423" t="s">
        <v>2795</v>
      </c>
      <c r="ALB724" s="424"/>
      <c r="ALC724" s="424"/>
      <c r="ALD724" s="424"/>
      <c r="ALE724" s="423" t="s">
        <v>2795</v>
      </c>
      <c r="ALF724" s="424"/>
      <c r="ALG724" s="424"/>
      <c r="ALH724" s="424"/>
      <c r="ALI724" s="423" t="s">
        <v>2795</v>
      </c>
      <c r="ALJ724" s="424"/>
      <c r="ALK724" s="424"/>
      <c r="ALL724" s="424"/>
      <c r="ALM724" s="423" t="s">
        <v>2795</v>
      </c>
      <c r="ALN724" s="424"/>
      <c r="ALO724" s="424"/>
      <c r="ALP724" s="424"/>
      <c r="ALQ724" s="423" t="s">
        <v>2795</v>
      </c>
      <c r="ALR724" s="424"/>
      <c r="ALS724" s="424"/>
      <c r="ALT724" s="424"/>
      <c r="ALU724" s="423" t="s">
        <v>2795</v>
      </c>
      <c r="ALV724" s="424"/>
      <c r="ALW724" s="424"/>
      <c r="ALX724" s="424"/>
      <c r="ALY724" s="423" t="s">
        <v>2795</v>
      </c>
      <c r="ALZ724" s="424"/>
      <c r="AMA724" s="424"/>
      <c r="AMB724" s="424"/>
      <c r="AMC724" s="423" t="s">
        <v>2795</v>
      </c>
      <c r="AMD724" s="424"/>
      <c r="AME724" s="424"/>
      <c r="AMF724" s="424"/>
      <c r="AMG724" s="423" t="s">
        <v>2795</v>
      </c>
      <c r="AMH724" s="424"/>
      <c r="AMI724" s="424"/>
      <c r="AMJ724" s="424"/>
      <c r="AMK724" s="423" t="s">
        <v>2795</v>
      </c>
      <c r="AML724" s="424"/>
      <c r="AMM724" s="424"/>
      <c r="AMN724" s="424"/>
      <c r="AMO724" s="423" t="s">
        <v>2795</v>
      </c>
      <c r="AMP724" s="424"/>
      <c r="AMQ724" s="424"/>
      <c r="AMR724" s="424"/>
      <c r="AMS724" s="423" t="s">
        <v>2795</v>
      </c>
      <c r="AMT724" s="424"/>
      <c r="AMU724" s="424"/>
      <c r="AMV724" s="424"/>
      <c r="AMW724" s="423" t="s">
        <v>2795</v>
      </c>
      <c r="AMX724" s="424"/>
      <c r="AMY724" s="424"/>
      <c r="AMZ724" s="424"/>
      <c r="ANA724" s="423" t="s">
        <v>2795</v>
      </c>
      <c r="ANB724" s="424"/>
      <c r="ANC724" s="424"/>
      <c r="AND724" s="424"/>
      <c r="ANE724" s="423" t="s">
        <v>2795</v>
      </c>
      <c r="ANF724" s="424"/>
      <c r="ANG724" s="424"/>
      <c r="ANH724" s="424"/>
      <c r="ANI724" s="423" t="s">
        <v>2795</v>
      </c>
      <c r="ANJ724" s="424"/>
      <c r="ANK724" s="424"/>
      <c r="ANL724" s="424"/>
      <c r="ANM724" s="423" t="s">
        <v>2795</v>
      </c>
      <c r="ANN724" s="424"/>
      <c r="ANO724" s="424"/>
      <c r="ANP724" s="424"/>
      <c r="ANQ724" s="423" t="s">
        <v>2795</v>
      </c>
      <c r="ANR724" s="424"/>
      <c r="ANS724" s="424"/>
      <c r="ANT724" s="424"/>
      <c r="ANU724" s="423" t="s">
        <v>2795</v>
      </c>
      <c r="ANV724" s="424"/>
      <c r="ANW724" s="424"/>
      <c r="ANX724" s="424"/>
      <c r="ANY724" s="423" t="s">
        <v>2795</v>
      </c>
      <c r="ANZ724" s="424"/>
      <c r="AOA724" s="424"/>
      <c r="AOB724" s="424"/>
      <c r="AOC724" s="423" t="s">
        <v>2795</v>
      </c>
      <c r="AOD724" s="424"/>
      <c r="AOE724" s="424"/>
      <c r="AOF724" s="424"/>
      <c r="AOG724" s="423" t="s">
        <v>2795</v>
      </c>
      <c r="AOH724" s="424"/>
      <c r="AOI724" s="424"/>
      <c r="AOJ724" s="424"/>
      <c r="AOK724" s="423" t="s">
        <v>2795</v>
      </c>
      <c r="AOL724" s="424"/>
      <c r="AOM724" s="424"/>
      <c r="AON724" s="424"/>
      <c r="AOO724" s="423" t="s">
        <v>2795</v>
      </c>
      <c r="AOP724" s="424"/>
      <c r="AOQ724" s="424"/>
      <c r="AOR724" s="424"/>
      <c r="AOS724" s="423" t="s">
        <v>2795</v>
      </c>
      <c r="AOT724" s="424"/>
      <c r="AOU724" s="424"/>
      <c r="AOV724" s="424"/>
      <c r="AOW724" s="423" t="s">
        <v>2795</v>
      </c>
      <c r="AOX724" s="424"/>
      <c r="AOY724" s="424"/>
      <c r="AOZ724" s="424"/>
      <c r="APA724" s="423" t="s">
        <v>2795</v>
      </c>
      <c r="APB724" s="424"/>
      <c r="APC724" s="424"/>
      <c r="APD724" s="424"/>
      <c r="APE724" s="423" t="s">
        <v>2795</v>
      </c>
      <c r="APF724" s="424"/>
      <c r="APG724" s="424"/>
      <c r="APH724" s="424"/>
      <c r="API724" s="423" t="s">
        <v>2795</v>
      </c>
      <c r="APJ724" s="424"/>
      <c r="APK724" s="424"/>
      <c r="APL724" s="424"/>
      <c r="APM724" s="423" t="s">
        <v>2795</v>
      </c>
      <c r="APN724" s="424"/>
      <c r="APO724" s="424"/>
      <c r="APP724" s="424"/>
      <c r="APQ724" s="423" t="s">
        <v>2795</v>
      </c>
      <c r="APR724" s="424"/>
      <c r="APS724" s="424"/>
      <c r="APT724" s="424"/>
      <c r="APU724" s="423" t="s">
        <v>2795</v>
      </c>
      <c r="APV724" s="424"/>
      <c r="APW724" s="424"/>
      <c r="APX724" s="424"/>
      <c r="APY724" s="423" t="s">
        <v>2795</v>
      </c>
      <c r="APZ724" s="424"/>
      <c r="AQA724" s="424"/>
      <c r="AQB724" s="424"/>
      <c r="AQC724" s="423" t="s">
        <v>2795</v>
      </c>
      <c r="AQD724" s="424"/>
      <c r="AQE724" s="424"/>
      <c r="AQF724" s="424"/>
      <c r="AQG724" s="423" t="s">
        <v>2795</v>
      </c>
      <c r="AQH724" s="424"/>
      <c r="AQI724" s="424"/>
      <c r="AQJ724" s="424"/>
      <c r="AQK724" s="423" t="s">
        <v>2795</v>
      </c>
      <c r="AQL724" s="424"/>
      <c r="AQM724" s="424"/>
      <c r="AQN724" s="424"/>
      <c r="AQO724" s="423" t="s">
        <v>2795</v>
      </c>
      <c r="AQP724" s="424"/>
      <c r="AQQ724" s="424"/>
      <c r="AQR724" s="424"/>
      <c r="AQS724" s="423" t="s">
        <v>2795</v>
      </c>
      <c r="AQT724" s="424"/>
      <c r="AQU724" s="424"/>
      <c r="AQV724" s="424"/>
      <c r="AQW724" s="423" t="s">
        <v>2795</v>
      </c>
      <c r="AQX724" s="424"/>
      <c r="AQY724" s="424"/>
      <c r="AQZ724" s="424"/>
      <c r="ARA724" s="423" t="s">
        <v>2795</v>
      </c>
      <c r="ARB724" s="424"/>
      <c r="ARC724" s="424"/>
      <c r="ARD724" s="424"/>
      <c r="ARE724" s="423" t="s">
        <v>2795</v>
      </c>
      <c r="ARF724" s="424"/>
      <c r="ARG724" s="424"/>
      <c r="ARH724" s="424"/>
      <c r="ARI724" s="423" t="s">
        <v>2795</v>
      </c>
      <c r="ARJ724" s="424"/>
      <c r="ARK724" s="424"/>
      <c r="ARL724" s="424"/>
      <c r="ARM724" s="423" t="s">
        <v>2795</v>
      </c>
      <c r="ARN724" s="424"/>
      <c r="ARO724" s="424"/>
      <c r="ARP724" s="424"/>
      <c r="ARQ724" s="423" t="s">
        <v>2795</v>
      </c>
      <c r="ARR724" s="424"/>
      <c r="ARS724" s="424"/>
      <c r="ART724" s="424"/>
      <c r="ARU724" s="423" t="s">
        <v>2795</v>
      </c>
      <c r="ARV724" s="424"/>
      <c r="ARW724" s="424"/>
      <c r="ARX724" s="424"/>
      <c r="ARY724" s="423" t="s">
        <v>2795</v>
      </c>
      <c r="ARZ724" s="424"/>
      <c r="ASA724" s="424"/>
      <c r="ASB724" s="424"/>
      <c r="ASC724" s="423" t="s">
        <v>2795</v>
      </c>
      <c r="ASD724" s="424"/>
      <c r="ASE724" s="424"/>
      <c r="ASF724" s="424"/>
      <c r="ASG724" s="423" t="s">
        <v>2795</v>
      </c>
      <c r="ASH724" s="424"/>
      <c r="ASI724" s="424"/>
      <c r="ASJ724" s="424"/>
      <c r="ASK724" s="423" t="s">
        <v>2795</v>
      </c>
      <c r="ASL724" s="424"/>
      <c r="ASM724" s="424"/>
      <c r="ASN724" s="424"/>
      <c r="ASO724" s="423" t="s">
        <v>2795</v>
      </c>
      <c r="ASP724" s="424"/>
      <c r="ASQ724" s="424"/>
      <c r="ASR724" s="424"/>
      <c r="ASS724" s="423" t="s">
        <v>2795</v>
      </c>
      <c r="AST724" s="424"/>
      <c r="ASU724" s="424"/>
      <c r="ASV724" s="424"/>
      <c r="ASW724" s="423" t="s">
        <v>2795</v>
      </c>
      <c r="ASX724" s="424"/>
      <c r="ASY724" s="424"/>
      <c r="ASZ724" s="424"/>
      <c r="ATA724" s="423" t="s">
        <v>2795</v>
      </c>
      <c r="ATB724" s="424"/>
      <c r="ATC724" s="424"/>
      <c r="ATD724" s="424"/>
      <c r="ATE724" s="423" t="s">
        <v>2795</v>
      </c>
      <c r="ATF724" s="424"/>
      <c r="ATG724" s="424"/>
      <c r="ATH724" s="424"/>
      <c r="ATI724" s="423" t="s">
        <v>2795</v>
      </c>
      <c r="ATJ724" s="424"/>
      <c r="ATK724" s="424"/>
      <c r="ATL724" s="424"/>
      <c r="ATM724" s="423" t="s">
        <v>2795</v>
      </c>
      <c r="ATN724" s="424"/>
      <c r="ATO724" s="424"/>
      <c r="ATP724" s="424"/>
      <c r="ATQ724" s="423" t="s">
        <v>2795</v>
      </c>
      <c r="ATR724" s="424"/>
      <c r="ATS724" s="424"/>
      <c r="ATT724" s="424"/>
      <c r="ATU724" s="423" t="s">
        <v>2795</v>
      </c>
      <c r="ATV724" s="424"/>
      <c r="ATW724" s="424"/>
      <c r="ATX724" s="424"/>
      <c r="ATY724" s="423" t="s">
        <v>2795</v>
      </c>
      <c r="ATZ724" s="424"/>
      <c r="AUA724" s="424"/>
      <c r="AUB724" s="424"/>
      <c r="AUC724" s="423" t="s">
        <v>2795</v>
      </c>
      <c r="AUD724" s="424"/>
      <c r="AUE724" s="424"/>
      <c r="AUF724" s="424"/>
      <c r="AUG724" s="423" t="s">
        <v>2795</v>
      </c>
      <c r="AUH724" s="424"/>
      <c r="AUI724" s="424"/>
      <c r="AUJ724" s="424"/>
      <c r="AUK724" s="423" t="s">
        <v>2795</v>
      </c>
      <c r="AUL724" s="424"/>
      <c r="AUM724" s="424"/>
      <c r="AUN724" s="424"/>
      <c r="AUO724" s="423" t="s">
        <v>2795</v>
      </c>
      <c r="AUP724" s="424"/>
      <c r="AUQ724" s="424"/>
      <c r="AUR724" s="424"/>
      <c r="AUS724" s="423" t="s">
        <v>2795</v>
      </c>
      <c r="AUT724" s="424"/>
      <c r="AUU724" s="424"/>
      <c r="AUV724" s="424"/>
      <c r="AUW724" s="423" t="s">
        <v>2795</v>
      </c>
      <c r="AUX724" s="424"/>
      <c r="AUY724" s="424"/>
      <c r="AUZ724" s="424"/>
      <c r="AVA724" s="423" t="s">
        <v>2795</v>
      </c>
      <c r="AVB724" s="424"/>
      <c r="AVC724" s="424"/>
      <c r="AVD724" s="424"/>
      <c r="AVE724" s="423" t="s">
        <v>2795</v>
      </c>
      <c r="AVF724" s="424"/>
      <c r="AVG724" s="424"/>
      <c r="AVH724" s="424"/>
      <c r="AVI724" s="423" t="s">
        <v>2795</v>
      </c>
      <c r="AVJ724" s="424"/>
      <c r="AVK724" s="424"/>
      <c r="AVL724" s="424"/>
      <c r="AVM724" s="423" t="s">
        <v>2795</v>
      </c>
      <c r="AVN724" s="424"/>
      <c r="AVO724" s="424"/>
      <c r="AVP724" s="424"/>
      <c r="AVQ724" s="423" t="s">
        <v>2795</v>
      </c>
      <c r="AVR724" s="424"/>
      <c r="AVS724" s="424"/>
      <c r="AVT724" s="424"/>
      <c r="AVU724" s="423" t="s">
        <v>2795</v>
      </c>
      <c r="AVV724" s="424"/>
      <c r="AVW724" s="424"/>
      <c r="AVX724" s="424"/>
      <c r="AVY724" s="423" t="s">
        <v>2795</v>
      </c>
      <c r="AVZ724" s="424"/>
      <c r="AWA724" s="424"/>
      <c r="AWB724" s="424"/>
      <c r="AWC724" s="423" t="s">
        <v>2795</v>
      </c>
      <c r="AWD724" s="424"/>
      <c r="AWE724" s="424"/>
      <c r="AWF724" s="424"/>
      <c r="AWG724" s="423" t="s">
        <v>2795</v>
      </c>
      <c r="AWH724" s="424"/>
      <c r="AWI724" s="424"/>
      <c r="AWJ724" s="424"/>
      <c r="AWK724" s="423" t="s">
        <v>2795</v>
      </c>
      <c r="AWL724" s="424"/>
      <c r="AWM724" s="424"/>
      <c r="AWN724" s="424"/>
      <c r="AWO724" s="423" t="s">
        <v>2795</v>
      </c>
      <c r="AWP724" s="424"/>
      <c r="AWQ724" s="424"/>
      <c r="AWR724" s="424"/>
      <c r="AWS724" s="423" t="s">
        <v>2795</v>
      </c>
      <c r="AWT724" s="424"/>
      <c r="AWU724" s="424"/>
      <c r="AWV724" s="424"/>
      <c r="AWW724" s="423" t="s">
        <v>2795</v>
      </c>
      <c r="AWX724" s="424"/>
      <c r="AWY724" s="424"/>
      <c r="AWZ724" s="424"/>
      <c r="AXA724" s="423" t="s">
        <v>2795</v>
      </c>
      <c r="AXB724" s="424"/>
      <c r="AXC724" s="424"/>
      <c r="AXD724" s="424"/>
      <c r="AXE724" s="423" t="s">
        <v>2795</v>
      </c>
      <c r="AXF724" s="424"/>
      <c r="AXG724" s="424"/>
      <c r="AXH724" s="424"/>
      <c r="AXI724" s="423" t="s">
        <v>2795</v>
      </c>
      <c r="AXJ724" s="424"/>
      <c r="AXK724" s="424"/>
      <c r="AXL724" s="424"/>
      <c r="AXM724" s="423" t="s">
        <v>2795</v>
      </c>
      <c r="AXN724" s="424"/>
      <c r="AXO724" s="424"/>
      <c r="AXP724" s="424"/>
      <c r="AXQ724" s="423" t="s">
        <v>2795</v>
      </c>
      <c r="AXR724" s="424"/>
      <c r="AXS724" s="424"/>
      <c r="AXT724" s="424"/>
      <c r="AXU724" s="423" t="s">
        <v>2795</v>
      </c>
      <c r="AXV724" s="424"/>
      <c r="AXW724" s="424"/>
      <c r="AXX724" s="424"/>
      <c r="AXY724" s="423" t="s">
        <v>2795</v>
      </c>
      <c r="AXZ724" s="424"/>
      <c r="AYA724" s="424"/>
      <c r="AYB724" s="424"/>
      <c r="AYC724" s="423" t="s">
        <v>2795</v>
      </c>
      <c r="AYD724" s="424"/>
      <c r="AYE724" s="424"/>
      <c r="AYF724" s="424"/>
      <c r="AYG724" s="423" t="s">
        <v>2795</v>
      </c>
      <c r="AYH724" s="424"/>
      <c r="AYI724" s="424"/>
      <c r="AYJ724" s="424"/>
      <c r="AYK724" s="423" t="s">
        <v>2795</v>
      </c>
      <c r="AYL724" s="424"/>
      <c r="AYM724" s="424"/>
      <c r="AYN724" s="424"/>
      <c r="AYO724" s="423" t="s">
        <v>2795</v>
      </c>
      <c r="AYP724" s="424"/>
      <c r="AYQ724" s="424"/>
      <c r="AYR724" s="424"/>
      <c r="AYS724" s="423" t="s">
        <v>2795</v>
      </c>
      <c r="AYT724" s="424"/>
      <c r="AYU724" s="424"/>
      <c r="AYV724" s="424"/>
      <c r="AYW724" s="423" t="s">
        <v>2795</v>
      </c>
      <c r="AYX724" s="424"/>
      <c r="AYY724" s="424"/>
      <c r="AYZ724" s="424"/>
      <c r="AZA724" s="423" t="s">
        <v>2795</v>
      </c>
      <c r="AZB724" s="424"/>
      <c r="AZC724" s="424"/>
      <c r="AZD724" s="424"/>
      <c r="AZE724" s="423" t="s">
        <v>2795</v>
      </c>
      <c r="AZF724" s="424"/>
      <c r="AZG724" s="424"/>
      <c r="AZH724" s="424"/>
      <c r="AZI724" s="423" t="s">
        <v>2795</v>
      </c>
      <c r="AZJ724" s="424"/>
      <c r="AZK724" s="424"/>
      <c r="AZL724" s="424"/>
      <c r="AZM724" s="423" t="s">
        <v>2795</v>
      </c>
      <c r="AZN724" s="424"/>
      <c r="AZO724" s="424"/>
      <c r="AZP724" s="424"/>
      <c r="AZQ724" s="423" t="s">
        <v>2795</v>
      </c>
      <c r="AZR724" s="424"/>
      <c r="AZS724" s="424"/>
      <c r="AZT724" s="424"/>
      <c r="AZU724" s="423" t="s">
        <v>2795</v>
      </c>
      <c r="AZV724" s="424"/>
      <c r="AZW724" s="424"/>
      <c r="AZX724" s="424"/>
      <c r="AZY724" s="423" t="s">
        <v>2795</v>
      </c>
      <c r="AZZ724" s="424"/>
      <c r="BAA724" s="424"/>
      <c r="BAB724" s="424"/>
      <c r="BAC724" s="423" t="s">
        <v>2795</v>
      </c>
      <c r="BAD724" s="424"/>
      <c r="BAE724" s="424"/>
      <c r="BAF724" s="424"/>
      <c r="BAG724" s="423" t="s">
        <v>2795</v>
      </c>
      <c r="BAH724" s="424"/>
      <c r="BAI724" s="424"/>
      <c r="BAJ724" s="424"/>
      <c r="BAK724" s="423" t="s">
        <v>2795</v>
      </c>
      <c r="BAL724" s="424"/>
      <c r="BAM724" s="424"/>
      <c r="BAN724" s="424"/>
      <c r="BAO724" s="423" t="s">
        <v>2795</v>
      </c>
      <c r="BAP724" s="424"/>
      <c r="BAQ724" s="424"/>
      <c r="BAR724" s="424"/>
      <c r="BAS724" s="423" t="s">
        <v>2795</v>
      </c>
      <c r="BAT724" s="424"/>
      <c r="BAU724" s="424"/>
      <c r="BAV724" s="424"/>
      <c r="BAW724" s="423" t="s">
        <v>2795</v>
      </c>
      <c r="BAX724" s="424"/>
      <c r="BAY724" s="424"/>
      <c r="BAZ724" s="424"/>
      <c r="BBA724" s="423" t="s">
        <v>2795</v>
      </c>
      <c r="BBB724" s="424"/>
      <c r="BBC724" s="424"/>
      <c r="BBD724" s="424"/>
      <c r="BBE724" s="423" t="s">
        <v>2795</v>
      </c>
      <c r="BBF724" s="424"/>
      <c r="BBG724" s="424"/>
      <c r="BBH724" s="424"/>
      <c r="BBI724" s="423" t="s">
        <v>2795</v>
      </c>
      <c r="BBJ724" s="424"/>
      <c r="BBK724" s="424"/>
      <c r="BBL724" s="424"/>
      <c r="BBM724" s="423" t="s">
        <v>2795</v>
      </c>
      <c r="BBN724" s="424"/>
      <c r="BBO724" s="424"/>
      <c r="BBP724" s="424"/>
      <c r="BBQ724" s="423" t="s">
        <v>2795</v>
      </c>
      <c r="BBR724" s="424"/>
      <c r="BBS724" s="424"/>
      <c r="BBT724" s="424"/>
      <c r="BBU724" s="423" t="s">
        <v>2795</v>
      </c>
      <c r="BBV724" s="424"/>
      <c r="BBW724" s="424"/>
      <c r="BBX724" s="424"/>
      <c r="BBY724" s="423" t="s">
        <v>2795</v>
      </c>
      <c r="BBZ724" s="424"/>
      <c r="BCA724" s="424"/>
      <c r="BCB724" s="424"/>
      <c r="BCC724" s="423" t="s">
        <v>2795</v>
      </c>
      <c r="BCD724" s="424"/>
      <c r="BCE724" s="424"/>
      <c r="BCF724" s="424"/>
      <c r="BCG724" s="423" t="s">
        <v>2795</v>
      </c>
      <c r="BCH724" s="424"/>
      <c r="BCI724" s="424"/>
      <c r="BCJ724" s="424"/>
      <c r="BCK724" s="423" t="s">
        <v>2795</v>
      </c>
      <c r="BCL724" s="424"/>
      <c r="BCM724" s="424"/>
      <c r="BCN724" s="424"/>
      <c r="BCO724" s="423" t="s">
        <v>2795</v>
      </c>
      <c r="BCP724" s="424"/>
      <c r="BCQ724" s="424"/>
      <c r="BCR724" s="424"/>
      <c r="BCS724" s="423" t="s">
        <v>2795</v>
      </c>
      <c r="BCT724" s="424"/>
      <c r="BCU724" s="424"/>
      <c r="BCV724" s="424"/>
      <c r="BCW724" s="423" t="s">
        <v>2795</v>
      </c>
      <c r="BCX724" s="424"/>
      <c r="BCY724" s="424"/>
      <c r="BCZ724" s="424"/>
      <c r="BDA724" s="423" t="s">
        <v>2795</v>
      </c>
      <c r="BDB724" s="424"/>
      <c r="BDC724" s="424"/>
      <c r="BDD724" s="424"/>
      <c r="BDE724" s="423" t="s">
        <v>2795</v>
      </c>
      <c r="BDF724" s="424"/>
      <c r="BDG724" s="424"/>
      <c r="BDH724" s="424"/>
      <c r="BDI724" s="423" t="s">
        <v>2795</v>
      </c>
      <c r="BDJ724" s="424"/>
      <c r="BDK724" s="424"/>
      <c r="BDL724" s="424"/>
      <c r="BDM724" s="423" t="s">
        <v>2795</v>
      </c>
      <c r="BDN724" s="424"/>
      <c r="BDO724" s="424"/>
      <c r="BDP724" s="424"/>
      <c r="BDQ724" s="423" t="s">
        <v>2795</v>
      </c>
      <c r="BDR724" s="424"/>
      <c r="BDS724" s="424"/>
      <c r="BDT724" s="424"/>
      <c r="BDU724" s="423" t="s">
        <v>2795</v>
      </c>
      <c r="BDV724" s="424"/>
      <c r="BDW724" s="424"/>
      <c r="BDX724" s="424"/>
      <c r="BDY724" s="423" t="s">
        <v>2795</v>
      </c>
      <c r="BDZ724" s="424"/>
      <c r="BEA724" s="424"/>
      <c r="BEB724" s="424"/>
      <c r="BEC724" s="423" t="s">
        <v>2795</v>
      </c>
      <c r="BED724" s="424"/>
      <c r="BEE724" s="424"/>
      <c r="BEF724" s="424"/>
      <c r="BEG724" s="423" t="s">
        <v>2795</v>
      </c>
      <c r="BEH724" s="424"/>
      <c r="BEI724" s="424"/>
      <c r="BEJ724" s="424"/>
      <c r="BEK724" s="423" t="s">
        <v>2795</v>
      </c>
      <c r="BEL724" s="424"/>
      <c r="BEM724" s="424"/>
      <c r="BEN724" s="424"/>
      <c r="BEO724" s="423" t="s">
        <v>2795</v>
      </c>
      <c r="BEP724" s="424"/>
      <c r="BEQ724" s="424"/>
      <c r="BER724" s="424"/>
      <c r="BES724" s="423" t="s">
        <v>2795</v>
      </c>
      <c r="BET724" s="424"/>
      <c r="BEU724" s="424"/>
      <c r="BEV724" s="424"/>
      <c r="BEW724" s="423" t="s">
        <v>2795</v>
      </c>
      <c r="BEX724" s="424"/>
      <c r="BEY724" s="424"/>
      <c r="BEZ724" s="424"/>
      <c r="BFA724" s="423" t="s">
        <v>2795</v>
      </c>
      <c r="BFB724" s="424"/>
      <c r="BFC724" s="424"/>
      <c r="BFD724" s="424"/>
      <c r="BFE724" s="423" t="s">
        <v>2795</v>
      </c>
      <c r="BFF724" s="424"/>
      <c r="BFG724" s="424"/>
      <c r="BFH724" s="424"/>
      <c r="BFI724" s="423" t="s">
        <v>2795</v>
      </c>
      <c r="BFJ724" s="424"/>
      <c r="BFK724" s="424"/>
      <c r="BFL724" s="424"/>
      <c r="BFM724" s="423" t="s">
        <v>2795</v>
      </c>
      <c r="BFN724" s="424"/>
      <c r="BFO724" s="424"/>
      <c r="BFP724" s="424"/>
      <c r="BFQ724" s="423" t="s">
        <v>2795</v>
      </c>
      <c r="BFR724" s="424"/>
      <c r="BFS724" s="424"/>
      <c r="BFT724" s="424"/>
      <c r="BFU724" s="423" t="s">
        <v>2795</v>
      </c>
      <c r="BFV724" s="424"/>
      <c r="BFW724" s="424"/>
      <c r="BFX724" s="424"/>
      <c r="BFY724" s="423" t="s">
        <v>2795</v>
      </c>
      <c r="BFZ724" s="424"/>
      <c r="BGA724" s="424"/>
      <c r="BGB724" s="424"/>
      <c r="BGC724" s="423" t="s">
        <v>2795</v>
      </c>
      <c r="BGD724" s="424"/>
      <c r="BGE724" s="424"/>
      <c r="BGF724" s="424"/>
      <c r="BGG724" s="423" t="s">
        <v>2795</v>
      </c>
      <c r="BGH724" s="424"/>
      <c r="BGI724" s="424"/>
      <c r="BGJ724" s="424"/>
      <c r="BGK724" s="423" t="s">
        <v>2795</v>
      </c>
      <c r="BGL724" s="424"/>
      <c r="BGM724" s="424"/>
      <c r="BGN724" s="424"/>
      <c r="BGO724" s="423" t="s">
        <v>2795</v>
      </c>
      <c r="BGP724" s="424"/>
      <c r="BGQ724" s="424"/>
      <c r="BGR724" s="424"/>
      <c r="BGS724" s="423" t="s">
        <v>2795</v>
      </c>
      <c r="BGT724" s="424"/>
      <c r="BGU724" s="424"/>
      <c r="BGV724" s="424"/>
      <c r="BGW724" s="423" t="s">
        <v>2795</v>
      </c>
      <c r="BGX724" s="424"/>
      <c r="BGY724" s="424"/>
      <c r="BGZ724" s="424"/>
      <c r="BHA724" s="423" t="s">
        <v>2795</v>
      </c>
      <c r="BHB724" s="424"/>
      <c r="BHC724" s="424"/>
      <c r="BHD724" s="424"/>
      <c r="BHE724" s="423" t="s">
        <v>2795</v>
      </c>
      <c r="BHF724" s="424"/>
      <c r="BHG724" s="424"/>
      <c r="BHH724" s="424"/>
      <c r="BHI724" s="423" t="s">
        <v>2795</v>
      </c>
      <c r="BHJ724" s="424"/>
      <c r="BHK724" s="424"/>
      <c r="BHL724" s="424"/>
      <c r="BHM724" s="423" t="s">
        <v>2795</v>
      </c>
      <c r="BHN724" s="424"/>
      <c r="BHO724" s="424"/>
      <c r="BHP724" s="424"/>
      <c r="BHQ724" s="423" t="s">
        <v>2795</v>
      </c>
      <c r="BHR724" s="424"/>
      <c r="BHS724" s="424"/>
      <c r="BHT724" s="424"/>
      <c r="BHU724" s="423" t="s">
        <v>2795</v>
      </c>
      <c r="BHV724" s="424"/>
      <c r="BHW724" s="424"/>
      <c r="BHX724" s="424"/>
      <c r="BHY724" s="423" t="s">
        <v>2795</v>
      </c>
      <c r="BHZ724" s="424"/>
      <c r="BIA724" s="424"/>
      <c r="BIB724" s="424"/>
      <c r="BIC724" s="423" t="s">
        <v>2795</v>
      </c>
      <c r="BID724" s="424"/>
      <c r="BIE724" s="424"/>
      <c r="BIF724" s="424"/>
      <c r="BIG724" s="423" t="s">
        <v>2795</v>
      </c>
      <c r="BIH724" s="424"/>
      <c r="BII724" s="424"/>
      <c r="BIJ724" s="424"/>
      <c r="BIK724" s="423" t="s">
        <v>2795</v>
      </c>
      <c r="BIL724" s="424"/>
      <c r="BIM724" s="424"/>
      <c r="BIN724" s="424"/>
      <c r="BIO724" s="423" t="s">
        <v>2795</v>
      </c>
      <c r="BIP724" s="424"/>
      <c r="BIQ724" s="424"/>
      <c r="BIR724" s="424"/>
      <c r="BIS724" s="423" t="s">
        <v>2795</v>
      </c>
      <c r="BIT724" s="424"/>
      <c r="BIU724" s="424"/>
      <c r="BIV724" s="424"/>
      <c r="BIW724" s="423" t="s">
        <v>2795</v>
      </c>
      <c r="BIX724" s="424"/>
      <c r="BIY724" s="424"/>
      <c r="BIZ724" s="424"/>
      <c r="BJA724" s="423" t="s">
        <v>2795</v>
      </c>
      <c r="BJB724" s="424"/>
      <c r="BJC724" s="424"/>
      <c r="BJD724" s="424"/>
      <c r="BJE724" s="423" t="s">
        <v>2795</v>
      </c>
      <c r="BJF724" s="424"/>
      <c r="BJG724" s="424"/>
      <c r="BJH724" s="424"/>
      <c r="BJI724" s="423" t="s">
        <v>2795</v>
      </c>
      <c r="BJJ724" s="424"/>
      <c r="BJK724" s="424"/>
      <c r="BJL724" s="424"/>
      <c r="BJM724" s="423" t="s">
        <v>2795</v>
      </c>
      <c r="BJN724" s="424"/>
      <c r="BJO724" s="424"/>
      <c r="BJP724" s="424"/>
      <c r="BJQ724" s="423" t="s">
        <v>2795</v>
      </c>
      <c r="BJR724" s="424"/>
      <c r="BJS724" s="424"/>
      <c r="BJT724" s="424"/>
      <c r="BJU724" s="423" t="s">
        <v>2795</v>
      </c>
      <c r="BJV724" s="424"/>
      <c r="BJW724" s="424"/>
      <c r="BJX724" s="424"/>
      <c r="BJY724" s="423" t="s">
        <v>2795</v>
      </c>
      <c r="BJZ724" s="424"/>
      <c r="BKA724" s="424"/>
      <c r="BKB724" s="424"/>
      <c r="BKC724" s="423" t="s">
        <v>2795</v>
      </c>
      <c r="BKD724" s="424"/>
      <c r="BKE724" s="424"/>
      <c r="BKF724" s="424"/>
      <c r="BKG724" s="423" t="s">
        <v>2795</v>
      </c>
      <c r="BKH724" s="424"/>
      <c r="BKI724" s="424"/>
      <c r="BKJ724" s="424"/>
      <c r="BKK724" s="423" t="s">
        <v>2795</v>
      </c>
      <c r="BKL724" s="424"/>
      <c r="BKM724" s="424"/>
      <c r="BKN724" s="424"/>
      <c r="BKO724" s="423" t="s">
        <v>2795</v>
      </c>
      <c r="BKP724" s="424"/>
      <c r="BKQ724" s="424"/>
      <c r="BKR724" s="424"/>
      <c r="BKS724" s="423" t="s">
        <v>2795</v>
      </c>
      <c r="BKT724" s="424"/>
      <c r="BKU724" s="424"/>
      <c r="BKV724" s="424"/>
      <c r="BKW724" s="423" t="s">
        <v>2795</v>
      </c>
      <c r="BKX724" s="424"/>
      <c r="BKY724" s="424"/>
      <c r="BKZ724" s="424"/>
      <c r="BLA724" s="423" t="s">
        <v>2795</v>
      </c>
      <c r="BLB724" s="424"/>
      <c r="BLC724" s="424"/>
      <c r="BLD724" s="424"/>
      <c r="BLE724" s="423" t="s">
        <v>2795</v>
      </c>
      <c r="BLF724" s="424"/>
      <c r="BLG724" s="424"/>
      <c r="BLH724" s="424"/>
      <c r="BLI724" s="423" t="s">
        <v>2795</v>
      </c>
      <c r="BLJ724" s="424"/>
      <c r="BLK724" s="424"/>
      <c r="BLL724" s="424"/>
      <c r="BLM724" s="423" t="s">
        <v>2795</v>
      </c>
      <c r="BLN724" s="424"/>
      <c r="BLO724" s="424"/>
      <c r="BLP724" s="424"/>
      <c r="BLQ724" s="423" t="s">
        <v>2795</v>
      </c>
      <c r="BLR724" s="424"/>
      <c r="BLS724" s="424"/>
      <c r="BLT724" s="424"/>
      <c r="BLU724" s="423" t="s">
        <v>2795</v>
      </c>
      <c r="BLV724" s="424"/>
      <c r="BLW724" s="424"/>
      <c r="BLX724" s="424"/>
      <c r="BLY724" s="423" t="s">
        <v>2795</v>
      </c>
      <c r="BLZ724" s="424"/>
      <c r="BMA724" s="424"/>
      <c r="BMB724" s="424"/>
      <c r="BMC724" s="423" t="s">
        <v>2795</v>
      </c>
      <c r="BMD724" s="424"/>
      <c r="BME724" s="424"/>
      <c r="BMF724" s="424"/>
      <c r="BMG724" s="423" t="s">
        <v>2795</v>
      </c>
      <c r="BMH724" s="424"/>
      <c r="BMI724" s="424"/>
      <c r="BMJ724" s="424"/>
      <c r="BMK724" s="423" t="s">
        <v>2795</v>
      </c>
      <c r="BML724" s="424"/>
      <c r="BMM724" s="424"/>
      <c r="BMN724" s="424"/>
      <c r="BMO724" s="423" t="s">
        <v>2795</v>
      </c>
      <c r="BMP724" s="424"/>
      <c r="BMQ724" s="424"/>
      <c r="BMR724" s="424"/>
      <c r="BMS724" s="423" t="s">
        <v>2795</v>
      </c>
      <c r="BMT724" s="424"/>
      <c r="BMU724" s="424"/>
      <c r="BMV724" s="424"/>
      <c r="BMW724" s="423" t="s">
        <v>2795</v>
      </c>
      <c r="BMX724" s="424"/>
      <c r="BMY724" s="424"/>
      <c r="BMZ724" s="424"/>
      <c r="BNA724" s="423" t="s">
        <v>2795</v>
      </c>
      <c r="BNB724" s="424"/>
      <c r="BNC724" s="424"/>
      <c r="BND724" s="424"/>
      <c r="BNE724" s="423" t="s">
        <v>2795</v>
      </c>
      <c r="BNF724" s="424"/>
      <c r="BNG724" s="424"/>
      <c r="BNH724" s="424"/>
      <c r="BNI724" s="423" t="s">
        <v>2795</v>
      </c>
      <c r="BNJ724" s="424"/>
      <c r="BNK724" s="424"/>
      <c r="BNL724" s="424"/>
      <c r="BNM724" s="423" t="s">
        <v>2795</v>
      </c>
      <c r="BNN724" s="424"/>
      <c r="BNO724" s="424"/>
      <c r="BNP724" s="424"/>
      <c r="BNQ724" s="423" t="s">
        <v>2795</v>
      </c>
      <c r="BNR724" s="424"/>
      <c r="BNS724" s="424"/>
      <c r="BNT724" s="424"/>
      <c r="BNU724" s="423" t="s">
        <v>2795</v>
      </c>
      <c r="BNV724" s="424"/>
      <c r="BNW724" s="424"/>
      <c r="BNX724" s="424"/>
      <c r="BNY724" s="423" t="s">
        <v>2795</v>
      </c>
      <c r="BNZ724" s="424"/>
      <c r="BOA724" s="424"/>
      <c r="BOB724" s="424"/>
      <c r="BOC724" s="423" t="s">
        <v>2795</v>
      </c>
      <c r="BOD724" s="424"/>
      <c r="BOE724" s="424"/>
      <c r="BOF724" s="424"/>
      <c r="BOG724" s="423" t="s">
        <v>2795</v>
      </c>
      <c r="BOH724" s="424"/>
      <c r="BOI724" s="424"/>
      <c r="BOJ724" s="424"/>
      <c r="BOK724" s="423" t="s">
        <v>2795</v>
      </c>
      <c r="BOL724" s="424"/>
      <c r="BOM724" s="424"/>
      <c r="BON724" s="424"/>
      <c r="BOO724" s="423" t="s">
        <v>2795</v>
      </c>
      <c r="BOP724" s="424"/>
      <c r="BOQ724" s="424"/>
      <c r="BOR724" s="424"/>
      <c r="BOS724" s="423" t="s">
        <v>2795</v>
      </c>
      <c r="BOT724" s="424"/>
      <c r="BOU724" s="424"/>
      <c r="BOV724" s="424"/>
      <c r="BOW724" s="423" t="s">
        <v>2795</v>
      </c>
      <c r="BOX724" s="424"/>
      <c r="BOY724" s="424"/>
      <c r="BOZ724" s="424"/>
      <c r="BPA724" s="423" t="s">
        <v>2795</v>
      </c>
      <c r="BPB724" s="424"/>
      <c r="BPC724" s="424"/>
      <c r="BPD724" s="424"/>
      <c r="BPE724" s="423" t="s">
        <v>2795</v>
      </c>
      <c r="BPF724" s="424"/>
      <c r="BPG724" s="424"/>
      <c r="BPH724" s="424"/>
      <c r="BPI724" s="423" t="s">
        <v>2795</v>
      </c>
      <c r="BPJ724" s="424"/>
      <c r="BPK724" s="424"/>
      <c r="BPL724" s="424"/>
      <c r="BPM724" s="423" t="s">
        <v>2795</v>
      </c>
      <c r="BPN724" s="424"/>
      <c r="BPO724" s="424"/>
      <c r="BPP724" s="424"/>
      <c r="BPQ724" s="423" t="s">
        <v>2795</v>
      </c>
      <c r="BPR724" s="424"/>
      <c r="BPS724" s="424"/>
      <c r="BPT724" s="424"/>
      <c r="BPU724" s="423" t="s">
        <v>2795</v>
      </c>
      <c r="BPV724" s="424"/>
      <c r="BPW724" s="424"/>
      <c r="BPX724" s="424"/>
      <c r="BPY724" s="423" t="s">
        <v>2795</v>
      </c>
      <c r="BPZ724" s="424"/>
      <c r="BQA724" s="424"/>
      <c r="BQB724" s="424"/>
      <c r="BQC724" s="423" t="s">
        <v>2795</v>
      </c>
      <c r="BQD724" s="424"/>
      <c r="BQE724" s="424"/>
      <c r="BQF724" s="424"/>
      <c r="BQG724" s="423" t="s">
        <v>2795</v>
      </c>
      <c r="BQH724" s="424"/>
      <c r="BQI724" s="424"/>
      <c r="BQJ724" s="424"/>
      <c r="BQK724" s="423" t="s">
        <v>2795</v>
      </c>
      <c r="BQL724" s="424"/>
      <c r="BQM724" s="424"/>
      <c r="BQN724" s="424"/>
      <c r="BQO724" s="423" t="s">
        <v>2795</v>
      </c>
      <c r="BQP724" s="424"/>
      <c r="BQQ724" s="424"/>
      <c r="BQR724" s="424"/>
      <c r="BQS724" s="423" t="s">
        <v>2795</v>
      </c>
      <c r="BQT724" s="424"/>
      <c r="BQU724" s="424"/>
      <c r="BQV724" s="424"/>
      <c r="BQW724" s="423" t="s">
        <v>2795</v>
      </c>
      <c r="BQX724" s="424"/>
      <c r="BQY724" s="424"/>
      <c r="BQZ724" s="424"/>
      <c r="BRA724" s="423" t="s">
        <v>2795</v>
      </c>
      <c r="BRB724" s="424"/>
      <c r="BRC724" s="424"/>
      <c r="BRD724" s="424"/>
      <c r="BRE724" s="423" t="s">
        <v>2795</v>
      </c>
      <c r="BRF724" s="424"/>
      <c r="BRG724" s="424"/>
      <c r="BRH724" s="424"/>
      <c r="BRI724" s="423" t="s">
        <v>2795</v>
      </c>
      <c r="BRJ724" s="424"/>
      <c r="BRK724" s="424"/>
      <c r="BRL724" s="424"/>
      <c r="BRM724" s="423" t="s">
        <v>2795</v>
      </c>
      <c r="BRN724" s="424"/>
      <c r="BRO724" s="424"/>
      <c r="BRP724" s="424"/>
      <c r="BRQ724" s="423" t="s">
        <v>2795</v>
      </c>
      <c r="BRR724" s="424"/>
      <c r="BRS724" s="424"/>
      <c r="BRT724" s="424"/>
      <c r="BRU724" s="423" t="s">
        <v>2795</v>
      </c>
      <c r="BRV724" s="424"/>
      <c r="BRW724" s="424"/>
      <c r="BRX724" s="424"/>
      <c r="BRY724" s="423" t="s">
        <v>2795</v>
      </c>
      <c r="BRZ724" s="424"/>
      <c r="BSA724" s="424"/>
      <c r="BSB724" s="424"/>
      <c r="BSC724" s="423" t="s">
        <v>2795</v>
      </c>
      <c r="BSD724" s="424"/>
      <c r="BSE724" s="424"/>
      <c r="BSF724" s="424"/>
      <c r="BSG724" s="423" t="s">
        <v>2795</v>
      </c>
      <c r="BSH724" s="424"/>
      <c r="BSI724" s="424"/>
      <c r="BSJ724" s="424"/>
      <c r="BSK724" s="423" t="s">
        <v>2795</v>
      </c>
      <c r="BSL724" s="424"/>
      <c r="BSM724" s="424"/>
      <c r="BSN724" s="424"/>
      <c r="BSO724" s="423" t="s">
        <v>2795</v>
      </c>
      <c r="BSP724" s="424"/>
      <c r="BSQ724" s="424"/>
      <c r="BSR724" s="424"/>
      <c r="BSS724" s="423" t="s">
        <v>2795</v>
      </c>
      <c r="BST724" s="424"/>
      <c r="BSU724" s="424"/>
      <c r="BSV724" s="424"/>
      <c r="BSW724" s="423" t="s">
        <v>2795</v>
      </c>
      <c r="BSX724" s="424"/>
      <c r="BSY724" s="424"/>
      <c r="BSZ724" s="424"/>
      <c r="BTA724" s="423" t="s">
        <v>2795</v>
      </c>
      <c r="BTB724" s="424"/>
      <c r="BTC724" s="424"/>
      <c r="BTD724" s="424"/>
      <c r="BTE724" s="423" t="s">
        <v>2795</v>
      </c>
      <c r="BTF724" s="424"/>
      <c r="BTG724" s="424"/>
      <c r="BTH724" s="424"/>
      <c r="BTI724" s="423" t="s">
        <v>2795</v>
      </c>
      <c r="BTJ724" s="424"/>
      <c r="BTK724" s="424"/>
      <c r="BTL724" s="424"/>
      <c r="BTM724" s="423" t="s">
        <v>2795</v>
      </c>
      <c r="BTN724" s="424"/>
      <c r="BTO724" s="424"/>
      <c r="BTP724" s="424"/>
      <c r="BTQ724" s="423" t="s">
        <v>2795</v>
      </c>
      <c r="BTR724" s="424"/>
      <c r="BTS724" s="424"/>
      <c r="BTT724" s="424"/>
      <c r="BTU724" s="423" t="s">
        <v>2795</v>
      </c>
      <c r="BTV724" s="424"/>
      <c r="BTW724" s="424"/>
      <c r="BTX724" s="424"/>
      <c r="BTY724" s="423" t="s">
        <v>2795</v>
      </c>
      <c r="BTZ724" s="424"/>
      <c r="BUA724" s="424"/>
      <c r="BUB724" s="424"/>
      <c r="BUC724" s="423" t="s">
        <v>2795</v>
      </c>
      <c r="BUD724" s="424"/>
      <c r="BUE724" s="424"/>
      <c r="BUF724" s="424"/>
      <c r="BUG724" s="423" t="s">
        <v>2795</v>
      </c>
      <c r="BUH724" s="424"/>
      <c r="BUI724" s="424"/>
      <c r="BUJ724" s="424"/>
      <c r="BUK724" s="423" t="s">
        <v>2795</v>
      </c>
      <c r="BUL724" s="424"/>
      <c r="BUM724" s="424"/>
      <c r="BUN724" s="424"/>
      <c r="BUO724" s="423" t="s">
        <v>2795</v>
      </c>
      <c r="BUP724" s="424"/>
      <c r="BUQ724" s="424"/>
      <c r="BUR724" s="424"/>
      <c r="BUS724" s="423" t="s">
        <v>2795</v>
      </c>
      <c r="BUT724" s="424"/>
      <c r="BUU724" s="424"/>
      <c r="BUV724" s="424"/>
      <c r="BUW724" s="423" t="s">
        <v>2795</v>
      </c>
      <c r="BUX724" s="424"/>
      <c r="BUY724" s="424"/>
      <c r="BUZ724" s="424"/>
      <c r="BVA724" s="423" t="s">
        <v>2795</v>
      </c>
      <c r="BVB724" s="424"/>
      <c r="BVC724" s="424"/>
      <c r="BVD724" s="424"/>
      <c r="BVE724" s="423" t="s">
        <v>2795</v>
      </c>
      <c r="BVF724" s="424"/>
      <c r="BVG724" s="424"/>
      <c r="BVH724" s="424"/>
      <c r="BVI724" s="423" t="s">
        <v>2795</v>
      </c>
      <c r="BVJ724" s="424"/>
      <c r="BVK724" s="424"/>
      <c r="BVL724" s="424"/>
      <c r="BVM724" s="423" t="s">
        <v>2795</v>
      </c>
      <c r="BVN724" s="424"/>
      <c r="BVO724" s="424"/>
      <c r="BVP724" s="424"/>
      <c r="BVQ724" s="423" t="s">
        <v>2795</v>
      </c>
      <c r="BVR724" s="424"/>
      <c r="BVS724" s="424"/>
      <c r="BVT724" s="424"/>
      <c r="BVU724" s="423" t="s">
        <v>2795</v>
      </c>
      <c r="BVV724" s="424"/>
      <c r="BVW724" s="424"/>
      <c r="BVX724" s="424"/>
      <c r="BVY724" s="423" t="s">
        <v>2795</v>
      </c>
      <c r="BVZ724" s="424"/>
      <c r="BWA724" s="424"/>
      <c r="BWB724" s="424"/>
      <c r="BWC724" s="423" t="s">
        <v>2795</v>
      </c>
      <c r="BWD724" s="424"/>
      <c r="BWE724" s="424"/>
      <c r="BWF724" s="424"/>
      <c r="BWG724" s="423" t="s">
        <v>2795</v>
      </c>
      <c r="BWH724" s="424"/>
      <c r="BWI724" s="424"/>
      <c r="BWJ724" s="424"/>
      <c r="BWK724" s="423" t="s">
        <v>2795</v>
      </c>
      <c r="BWL724" s="424"/>
      <c r="BWM724" s="424"/>
      <c r="BWN724" s="424"/>
      <c r="BWO724" s="423" t="s">
        <v>2795</v>
      </c>
      <c r="BWP724" s="424"/>
      <c r="BWQ724" s="424"/>
      <c r="BWR724" s="424"/>
      <c r="BWS724" s="423" t="s">
        <v>2795</v>
      </c>
      <c r="BWT724" s="424"/>
      <c r="BWU724" s="424"/>
      <c r="BWV724" s="424"/>
      <c r="BWW724" s="423" t="s">
        <v>2795</v>
      </c>
      <c r="BWX724" s="424"/>
      <c r="BWY724" s="424"/>
      <c r="BWZ724" s="424"/>
      <c r="BXA724" s="423" t="s">
        <v>2795</v>
      </c>
      <c r="BXB724" s="424"/>
      <c r="BXC724" s="424"/>
      <c r="BXD724" s="424"/>
      <c r="BXE724" s="423" t="s">
        <v>2795</v>
      </c>
      <c r="BXF724" s="424"/>
      <c r="BXG724" s="424"/>
      <c r="BXH724" s="424"/>
      <c r="BXI724" s="423" t="s">
        <v>2795</v>
      </c>
      <c r="BXJ724" s="424"/>
      <c r="BXK724" s="424"/>
      <c r="BXL724" s="424"/>
      <c r="BXM724" s="423" t="s">
        <v>2795</v>
      </c>
      <c r="BXN724" s="424"/>
      <c r="BXO724" s="424"/>
      <c r="BXP724" s="424"/>
      <c r="BXQ724" s="423" t="s">
        <v>2795</v>
      </c>
      <c r="BXR724" s="424"/>
      <c r="BXS724" s="424"/>
      <c r="BXT724" s="424"/>
      <c r="BXU724" s="423" t="s">
        <v>2795</v>
      </c>
      <c r="BXV724" s="424"/>
      <c r="BXW724" s="424"/>
      <c r="BXX724" s="424"/>
      <c r="BXY724" s="423" t="s">
        <v>2795</v>
      </c>
      <c r="BXZ724" s="424"/>
      <c r="BYA724" s="424"/>
      <c r="BYB724" s="424"/>
      <c r="BYC724" s="423" t="s">
        <v>2795</v>
      </c>
      <c r="BYD724" s="424"/>
      <c r="BYE724" s="424"/>
      <c r="BYF724" s="424"/>
      <c r="BYG724" s="423" t="s">
        <v>2795</v>
      </c>
      <c r="BYH724" s="424"/>
      <c r="BYI724" s="424"/>
      <c r="BYJ724" s="424"/>
      <c r="BYK724" s="423" t="s">
        <v>2795</v>
      </c>
      <c r="BYL724" s="424"/>
      <c r="BYM724" s="424"/>
      <c r="BYN724" s="424"/>
      <c r="BYO724" s="423" t="s">
        <v>2795</v>
      </c>
      <c r="BYP724" s="424"/>
      <c r="BYQ724" s="424"/>
      <c r="BYR724" s="424"/>
      <c r="BYS724" s="423" t="s">
        <v>2795</v>
      </c>
      <c r="BYT724" s="424"/>
      <c r="BYU724" s="424"/>
      <c r="BYV724" s="424"/>
      <c r="BYW724" s="423" t="s">
        <v>2795</v>
      </c>
      <c r="BYX724" s="424"/>
      <c r="BYY724" s="424"/>
      <c r="BYZ724" s="424"/>
      <c r="BZA724" s="423" t="s">
        <v>2795</v>
      </c>
      <c r="BZB724" s="424"/>
      <c r="BZC724" s="424"/>
      <c r="BZD724" s="424"/>
      <c r="BZE724" s="423" t="s">
        <v>2795</v>
      </c>
      <c r="BZF724" s="424"/>
      <c r="BZG724" s="424"/>
      <c r="BZH724" s="424"/>
      <c r="BZI724" s="423" t="s">
        <v>2795</v>
      </c>
      <c r="BZJ724" s="424"/>
      <c r="BZK724" s="424"/>
      <c r="BZL724" s="424"/>
      <c r="BZM724" s="423" t="s">
        <v>2795</v>
      </c>
      <c r="BZN724" s="424"/>
      <c r="BZO724" s="424"/>
      <c r="BZP724" s="424"/>
      <c r="BZQ724" s="423" t="s">
        <v>2795</v>
      </c>
      <c r="BZR724" s="424"/>
      <c r="BZS724" s="424"/>
      <c r="BZT724" s="424"/>
      <c r="BZU724" s="423" t="s">
        <v>2795</v>
      </c>
      <c r="BZV724" s="424"/>
      <c r="BZW724" s="424"/>
      <c r="BZX724" s="424"/>
      <c r="BZY724" s="423" t="s">
        <v>2795</v>
      </c>
      <c r="BZZ724" s="424"/>
      <c r="CAA724" s="424"/>
      <c r="CAB724" s="424"/>
      <c r="CAC724" s="423" t="s">
        <v>2795</v>
      </c>
      <c r="CAD724" s="424"/>
      <c r="CAE724" s="424"/>
      <c r="CAF724" s="424"/>
      <c r="CAG724" s="423" t="s">
        <v>2795</v>
      </c>
      <c r="CAH724" s="424"/>
      <c r="CAI724" s="424"/>
      <c r="CAJ724" s="424"/>
      <c r="CAK724" s="423" t="s">
        <v>2795</v>
      </c>
      <c r="CAL724" s="424"/>
      <c r="CAM724" s="424"/>
      <c r="CAN724" s="424"/>
      <c r="CAO724" s="423" t="s">
        <v>2795</v>
      </c>
      <c r="CAP724" s="424"/>
      <c r="CAQ724" s="424"/>
      <c r="CAR724" s="424"/>
      <c r="CAS724" s="423" t="s">
        <v>2795</v>
      </c>
      <c r="CAT724" s="424"/>
      <c r="CAU724" s="424"/>
      <c r="CAV724" s="424"/>
      <c r="CAW724" s="423" t="s">
        <v>2795</v>
      </c>
      <c r="CAX724" s="424"/>
      <c r="CAY724" s="424"/>
      <c r="CAZ724" s="424"/>
      <c r="CBA724" s="423" t="s">
        <v>2795</v>
      </c>
      <c r="CBB724" s="424"/>
      <c r="CBC724" s="424"/>
      <c r="CBD724" s="424"/>
      <c r="CBE724" s="423" t="s">
        <v>2795</v>
      </c>
      <c r="CBF724" s="424"/>
      <c r="CBG724" s="424"/>
      <c r="CBH724" s="424"/>
      <c r="CBI724" s="423" t="s">
        <v>2795</v>
      </c>
      <c r="CBJ724" s="424"/>
      <c r="CBK724" s="424"/>
      <c r="CBL724" s="424"/>
      <c r="CBM724" s="423" t="s">
        <v>2795</v>
      </c>
      <c r="CBN724" s="424"/>
      <c r="CBO724" s="424"/>
      <c r="CBP724" s="424"/>
      <c r="CBQ724" s="423" t="s">
        <v>2795</v>
      </c>
      <c r="CBR724" s="424"/>
      <c r="CBS724" s="424"/>
      <c r="CBT724" s="424"/>
      <c r="CBU724" s="423" t="s">
        <v>2795</v>
      </c>
      <c r="CBV724" s="424"/>
      <c r="CBW724" s="424"/>
      <c r="CBX724" s="424"/>
      <c r="CBY724" s="423" t="s">
        <v>2795</v>
      </c>
      <c r="CBZ724" s="424"/>
      <c r="CCA724" s="424"/>
      <c r="CCB724" s="424"/>
      <c r="CCC724" s="423" t="s">
        <v>2795</v>
      </c>
      <c r="CCD724" s="424"/>
      <c r="CCE724" s="424"/>
      <c r="CCF724" s="424"/>
      <c r="CCG724" s="423" t="s">
        <v>2795</v>
      </c>
      <c r="CCH724" s="424"/>
      <c r="CCI724" s="424"/>
      <c r="CCJ724" s="424"/>
      <c r="CCK724" s="423" t="s">
        <v>2795</v>
      </c>
      <c r="CCL724" s="424"/>
      <c r="CCM724" s="424"/>
      <c r="CCN724" s="424"/>
      <c r="CCO724" s="423" t="s">
        <v>2795</v>
      </c>
      <c r="CCP724" s="424"/>
      <c r="CCQ724" s="424"/>
      <c r="CCR724" s="424"/>
      <c r="CCS724" s="423" t="s">
        <v>2795</v>
      </c>
      <c r="CCT724" s="424"/>
      <c r="CCU724" s="424"/>
      <c r="CCV724" s="424"/>
      <c r="CCW724" s="423" t="s">
        <v>2795</v>
      </c>
      <c r="CCX724" s="424"/>
      <c r="CCY724" s="424"/>
      <c r="CCZ724" s="424"/>
      <c r="CDA724" s="423" t="s">
        <v>2795</v>
      </c>
      <c r="CDB724" s="424"/>
      <c r="CDC724" s="424"/>
      <c r="CDD724" s="424"/>
      <c r="CDE724" s="423" t="s">
        <v>2795</v>
      </c>
      <c r="CDF724" s="424"/>
      <c r="CDG724" s="424"/>
      <c r="CDH724" s="424"/>
      <c r="CDI724" s="423" t="s">
        <v>2795</v>
      </c>
      <c r="CDJ724" s="424"/>
      <c r="CDK724" s="424"/>
      <c r="CDL724" s="424"/>
      <c r="CDM724" s="423" t="s">
        <v>2795</v>
      </c>
      <c r="CDN724" s="424"/>
      <c r="CDO724" s="424"/>
      <c r="CDP724" s="424"/>
      <c r="CDQ724" s="423" t="s">
        <v>2795</v>
      </c>
      <c r="CDR724" s="424"/>
      <c r="CDS724" s="424"/>
      <c r="CDT724" s="424"/>
      <c r="CDU724" s="423" t="s">
        <v>2795</v>
      </c>
      <c r="CDV724" s="424"/>
      <c r="CDW724" s="424"/>
      <c r="CDX724" s="424"/>
      <c r="CDY724" s="423" t="s">
        <v>2795</v>
      </c>
      <c r="CDZ724" s="424"/>
      <c r="CEA724" s="424"/>
      <c r="CEB724" s="424"/>
      <c r="CEC724" s="423" t="s">
        <v>2795</v>
      </c>
      <c r="CED724" s="424"/>
      <c r="CEE724" s="424"/>
      <c r="CEF724" s="424"/>
      <c r="CEG724" s="423" t="s">
        <v>2795</v>
      </c>
      <c r="CEH724" s="424"/>
      <c r="CEI724" s="424"/>
      <c r="CEJ724" s="424"/>
      <c r="CEK724" s="423" t="s">
        <v>2795</v>
      </c>
      <c r="CEL724" s="424"/>
      <c r="CEM724" s="424"/>
      <c r="CEN724" s="424"/>
      <c r="CEO724" s="423" t="s">
        <v>2795</v>
      </c>
      <c r="CEP724" s="424"/>
      <c r="CEQ724" s="424"/>
      <c r="CER724" s="424"/>
      <c r="CES724" s="423" t="s">
        <v>2795</v>
      </c>
      <c r="CET724" s="424"/>
      <c r="CEU724" s="424"/>
      <c r="CEV724" s="424"/>
      <c r="CEW724" s="423" t="s">
        <v>2795</v>
      </c>
      <c r="CEX724" s="424"/>
      <c r="CEY724" s="424"/>
      <c r="CEZ724" s="424"/>
      <c r="CFA724" s="423" t="s">
        <v>2795</v>
      </c>
      <c r="CFB724" s="424"/>
      <c r="CFC724" s="424"/>
      <c r="CFD724" s="424"/>
      <c r="CFE724" s="423" t="s">
        <v>2795</v>
      </c>
      <c r="CFF724" s="424"/>
      <c r="CFG724" s="424"/>
      <c r="CFH724" s="424"/>
      <c r="CFI724" s="423" t="s">
        <v>2795</v>
      </c>
      <c r="CFJ724" s="424"/>
      <c r="CFK724" s="424"/>
      <c r="CFL724" s="424"/>
      <c r="CFM724" s="423" t="s">
        <v>2795</v>
      </c>
      <c r="CFN724" s="424"/>
      <c r="CFO724" s="424"/>
      <c r="CFP724" s="424"/>
      <c r="CFQ724" s="423" t="s">
        <v>2795</v>
      </c>
      <c r="CFR724" s="424"/>
      <c r="CFS724" s="424"/>
      <c r="CFT724" s="424"/>
      <c r="CFU724" s="423" t="s">
        <v>2795</v>
      </c>
      <c r="CFV724" s="424"/>
      <c r="CFW724" s="424"/>
      <c r="CFX724" s="424"/>
      <c r="CFY724" s="423" t="s">
        <v>2795</v>
      </c>
      <c r="CFZ724" s="424"/>
      <c r="CGA724" s="424"/>
      <c r="CGB724" s="424"/>
      <c r="CGC724" s="423" t="s">
        <v>2795</v>
      </c>
      <c r="CGD724" s="424"/>
      <c r="CGE724" s="424"/>
      <c r="CGF724" s="424"/>
      <c r="CGG724" s="423" t="s">
        <v>2795</v>
      </c>
      <c r="CGH724" s="424"/>
      <c r="CGI724" s="424"/>
      <c r="CGJ724" s="424"/>
      <c r="CGK724" s="423" t="s">
        <v>2795</v>
      </c>
      <c r="CGL724" s="424"/>
      <c r="CGM724" s="424"/>
      <c r="CGN724" s="424"/>
      <c r="CGO724" s="423" t="s">
        <v>2795</v>
      </c>
      <c r="CGP724" s="424"/>
      <c r="CGQ724" s="424"/>
      <c r="CGR724" s="424"/>
      <c r="CGS724" s="423" t="s">
        <v>2795</v>
      </c>
      <c r="CGT724" s="424"/>
      <c r="CGU724" s="424"/>
      <c r="CGV724" s="424"/>
      <c r="CGW724" s="423" t="s">
        <v>2795</v>
      </c>
      <c r="CGX724" s="424"/>
      <c r="CGY724" s="424"/>
      <c r="CGZ724" s="424"/>
      <c r="CHA724" s="423" t="s">
        <v>2795</v>
      </c>
      <c r="CHB724" s="424"/>
      <c r="CHC724" s="424"/>
      <c r="CHD724" s="424"/>
      <c r="CHE724" s="423" t="s">
        <v>2795</v>
      </c>
      <c r="CHF724" s="424"/>
      <c r="CHG724" s="424"/>
      <c r="CHH724" s="424"/>
      <c r="CHI724" s="423" t="s">
        <v>2795</v>
      </c>
      <c r="CHJ724" s="424"/>
      <c r="CHK724" s="424"/>
      <c r="CHL724" s="424"/>
      <c r="CHM724" s="423" t="s">
        <v>2795</v>
      </c>
      <c r="CHN724" s="424"/>
      <c r="CHO724" s="424"/>
      <c r="CHP724" s="424"/>
      <c r="CHQ724" s="423" t="s">
        <v>2795</v>
      </c>
      <c r="CHR724" s="424"/>
      <c r="CHS724" s="424"/>
      <c r="CHT724" s="424"/>
      <c r="CHU724" s="423" t="s">
        <v>2795</v>
      </c>
      <c r="CHV724" s="424"/>
      <c r="CHW724" s="424"/>
      <c r="CHX724" s="424"/>
      <c r="CHY724" s="423" t="s">
        <v>2795</v>
      </c>
      <c r="CHZ724" s="424"/>
      <c r="CIA724" s="424"/>
      <c r="CIB724" s="424"/>
      <c r="CIC724" s="423" t="s">
        <v>2795</v>
      </c>
      <c r="CID724" s="424"/>
      <c r="CIE724" s="424"/>
      <c r="CIF724" s="424"/>
      <c r="CIG724" s="423" t="s">
        <v>2795</v>
      </c>
      <c r="CIH724" s="424"/>
      <c r="CII724" s="424"/>
      <c r="CIJ724" s="424"/>
      <c r="CIK724" s="423" t="s">
        <v>2795</v>
      </c>
      <c r="CIL724" s="424"/>
      <c r="CIM724" s="424"/>
      <c r="CIN724" s="424"/>
      <c r="CIO724" s="423" t="s">
        <v>2795</v>
      </c>
      <c r="CIP724" s="424"/>
      <c r="CIQ724" s="424"/>
      <c r="CIR724" s="424"/>
      <c r="CIS724" s="423" t="s">
        <v>2795</v>
      </c>
      <c r="CIT724" s="424"/>
      <c r="CIU724" s="424"/>
      <c r="CIV724" s="424"/>
      <c r="CIW724" s="423" t="s">
        <v>2795</v>
      </c>
      <c r="CIX724" s="424"/>
      <c r="CIY724" s="424"/>
      <c r="CIZ724" s="424"/>
      <c r="CJA724" s="423" t="s">
        <v>2795</v>
      </c>
      <c r="CJB724" s="424"/>
      <c r="CJC724" s="424"/>
      <c r="CJD724" s="424"/>
      <c r="CJE724" s="423" t="s">
        <v>2795</v>
      </c>
      <c r="CJF724" s="424"/>
      <c r="CJG724" s="424"/>
      <c r="CJH724" s="424"/>
      <c r="CJI724" s="423" t="s">
        <v>2795</v>
      </c>
      <c r="CJJ724" s="424"/>
      <c r="CJK724" s="424"/>
      <c r="CJL724" s="424"/>
      <c r="CJM724" s="423" t="s">
        <v>2795</v>
      </c>
      <c r="CJN724" s="424"/>
      <c r="CJO724" s="424"/>
      <c r="CJP724" s="424"/>
      <c r="CJQ724" s="423" t="s">
        <v>2795</v>
      </c>
      <c r="CJR724" s="424"/>
      <c r="CJS724" s="424"/>
      <c r="CJT724" s="424"/>
      <c r="CJU724" s="423" t="s">
        <v>2795</v>
      </c>
      <c r="CJV724" s="424"/>
      <c r="CJW724" s="424"/>
      <c r="CJX724" s="424"/>
      <c r="CJY724" s="423" t="s">
        <v>2795</v>
      </c>
      <c r="CJZ724" s="424"/>
      <c r="CKA724" s="424"/>
      <c r="CKB724" s="424"/>
      <c r="CKC724" s="423" t="s">
        <v>2795</v>
      </c>
      <c r="CKD724" s="424"/>
      <c r="CKE724" s="424"/>
      <c r="CKF724" s="424"/>
      <c r="CKG724" s="423" t="s">
        <v>2795</v>
      </c>
      <c r="CKH724" s="424"/>
      <c r="CKI724" s="424"/>
      <c r="CKJ724" s="424"/>
      <c r="CKK724" s="423" t="s">
        <v>2795</v>
      </c>
      <c r="CKL724" s="424"/>
      <c r="CKM724" s="424"/>
      <c r="CKN724" s="424"/>
      <c r="CKO724" s="423" t="s">
        <v>2795</v>
      </c>
      <c r="CKP724" s="424"/>
      <c r="CKQ724" s="424"/>
      <c r="CKR724" s="424"/>
      <c r="CKS724" s="423" t="s">
        <v>2795</v>
      </c>
      <c r="CKT724" s="424"/>
      <c r="CKU724" s="424"/>
      <c r="CKV724" s="424"/>
      <c r="CKW724" s="423" t="s">
        <v>2795</v>
      </c>
      <c r="CKX724" s="424"/>
      <c r="CKY724" s="424"/>
      <c r="CKZ724" s="424"/>
      <c r="CLA724" s="423" t="s">
        <v>2795</v>
      </c>
      <c r="CLB724" s="424"/>
      <c r="CLC724" s="424"/>
      <c r="CLD724" s="424"/>
      <c r="CLE724" s="423" t="s">
        <v>2795</v>
      </c>
      <c r="CLF724" s="424"/>
      <c r="CLG724" s="424"/>
      <c r="CLH724" s="424"/>
      <c r="CLI724" s="423" t="s">
        <v>2795</v>
      </c>
      <c r="CLJ724" s="424"/>
      <c r="CLK724" s="424"/>
      <c r="CLL724" s="424"/>
      <c r="CLM724" s="423" t="s">
        <v>2795</v>
      </c>
      <c r="CLN724" s="424"/>
      <c r="CLO724" s="424"/>
      <c r="CLP724" s="424"/>
      <c r="CLQ724" s="423" t="s">
        <v>2795</v>
      </c>
      <c r="CLR724" s="424"/>
      <c r="CLS724" s="424"/>
      <c r="CLT724" s="424"/>
      <c r="CLU724" s="423" t="s">
        <v>2795</v>
      </c>
      <c r="CLV724" s="424"/>
      <c r="CLW724" s="424"/>
      <c r="CLX724" s="424"/>
      <c r="CLY724" s="423" t="s">
        <v>2795</v>
      </c>
      <c r="CLZ724" s="424"/>
      <c r="CMA724" s="424"/>
      <c r="CMB724" s="424"/>
      <c r="CMC724" s="423" t="s">
        <v>2795</v>
      </c>
      <c r="CMD724" s="424"/>
      <c r="CME724" s="424"/>
      <c r="CMF724" s="424"/>
      <c r="CMG724" s="423" t="s">
        <v>2795</v>
      </c>
      <c r="CMH724" s="424"/>
      <c r="CMI724" s="424"/>
      <c r="CMJ724" s="424"/>
      <c r="CMK724" s="423" t="s">
        <v>2795</v>
      </c>
      <c r="CML724" s="424"/>
      <c r="CMM724" s="424"/>
      <c r="CMN724" s="424"/>
      <c r="CMO724" s="423" t="s">
        <v>2795</v>
      </c>
      <c r="CMP724" s="424"/>
      <c r="CMQ724" s="424"/>
      <c r="CMR724" s="424"/>
      <c r="CMS724" s="423" t="s">
        <v>2795</v>
      </c>
      <c r="CMT724" s="424"/>
      <c r="CMU724" s="424"/>
      <c r="CMV724" s="424"/>
      <c r="CMW724" s="423" t="s">
        <v>2795</v>
      </c>
      <c r="CMX724" s="424"/>
      <c r="CMY724" s="424"/>
      <c r="CMZ724" s="424"/>
      <c r="CNA724" s="423" t="s">
        <v>2795</v>
      </c>
      <c r="CNB724" s="424"/>
      <c r="CNC724" s="424"/>
      <c r="CND724" s="424"/>
      <c r="CNE724" s="423" t="s">
        <v>2795</v>
      </c>
      <c r="CNF724" s="424"/>
      <c r="CNG724" s="424"/>
      <c r="CNH724" s="424"/>
      <c r="CNI724" s="423" t="s">
        <v>2795</v>
      </c>
      <c r="CNJ724" s="424"/>
      <c r="CNK724" s="424"/>
      <c r="CNL724" s="424"/>
      <c r="CNM724" s="423" t="s">
        <v>2795</v>
      </c>
      <c r="CNN724" s="424"/>
      <c r="CNO724" s="424"/>
      <c r="CNP724" s="424"/>
      <c r="CNQ724" s="423" t="s">
        <v>2795</v>
      </c>
      <c r="CNR724" s="424"/>
      <c r="CNS724" s="424"/>
      <c r="CNT724" s="424"/>
      <c r="CNU724" s="423" t="s">
        <v>2795</v>
      </c>
      <c r="CNV724" s="424"/>
      <c r="CNW724" s="424"/>
      <c r="CNX724" s="424"/>
      <c r="CNY724" s="423" t="s">
        <v>2795</v>
      </c>
      <c r="CNZ724" s="424"/>
      <c r="COA724" s="424"/>
      <c r="COB724" s="424"/>
      <c r="COC724" s="423" t="s">
        <v>2795</v>
      </c>
      <c r="COD724" s="424"/>
      <c r="COE724" s="424"/>
      <c r="COF724" s="424"/>
      <c r="COG724" s="423" t="s">
        <v>2795</v>
      </c>
      <c r="COH724" s="424"/>
      <c r="COI724" s="424"/>
      <c r="COJ724" s="424"/>
      <c r="COK724" s="423" t="s">
        <v>2795</v>
      </c>
      <c r="COL724" s="424"/>
      <c r="COM724" s="424"/>
      <c r="CON724" s="424"/>
      <c r="COO724" s="423" t="s">
        <v>2795</v>
      </c>
      <c r="COP724" s="424"/>
      <c r="COQ724" s="424"/>
      <c r="COR724" s="424"/>
      <c r="COS724" s="423" t="s">
        <v>2795</v>
      </c>
      <c r="COT724" s="424"/>
      <c r="COU724" s="424"/>
      <c r="COV724" s="424"/>
      <c r="COW724" s="423" t="s">
        <v>2795</v>
      </c>
      <c r="COX724" s="424"/>
      <c r="COY724" s="424"/>
      <c r="COZ724" s="424"/>
      <c r="CPA724" s="423" t="s">
        <v>2795</v>
      </c>
      <c r="CPB724" s="424"/>
      <c r="CPC724" s="424"/>
      <c r="CPD724" s="424"/>
      <c r="CPE724" s="423" t="s">
        <v>2795</v>
      </c>
      <c r="CPF724" s="424"/>
      <c r="CPG724" s="424"/>
      <c r="CPH724" s="424"/>
      <c r="CPI724" s="423" t="s">
        <v>2795</v>
      </c>
      <c r="CPJ724" s="424"/>
      <c r="CPK724" s="424"/>
      <c r="CPL724" s="424"/>
      <c r="CPM724" s="423" t="s">
        <v>2795</v>
      </c>
      <c r="CPN724" s="424"/>
      <c r="CPO724" s="424"/>
      <c r="CPP724" s="424"/>
      <c r="CPQ724" s="423" t="s">
        <v>2795</v>
      </c>
      <c r="CPR724" s="424"/>
      <c r="CPS724" s="424"/>
      <c r="CPT724" s="424"/>
      <c r="CPU724" s="423" t="s">
        <v>2795</v>
      </c>
      <c r="CPV724" s="424"/>
      <c r="CPW724" s="424"/>
      <c r="CPX724" s="424"/>
      <c r="CPY724" s="423" t="s">
        <v>2795</v>
      </c>
      <c r="CPZ724" s="424"/>
      <c r="CQA724" s="424"/>
      <c r="CQB724" s="424"/>
      <c r="CQC724" s="423" t="s">
        <v>2795</v>
      </c>
      <c r="CQD724" s="424"/>
      <c r="CQE724" s="424"/>
      <c r="CQF724" s="424"/>
      <c r="CQG724" s="423" t="s">
        <v>2795</v>
      </c>
      <c r="CQH724" s="424"/>
      <c r="CQI724" s="424"/>
      <c r="CQJ724" s="424"/>
      <c r="CQK724" s="423" t="s">
        <v>2795</v>
      </c>
      <c r="CQL724" s="424"/>
      <c r="CQM724" s="424"/>
      <c r="CQN724" s="424"/>
      <c r="CQO724" s="423" t="s">
        <v>2795</v>
      </c>
      <c r="CQP724" s="424"/>
      <c r="CQQ724" s="424"/>
      <c r="CQR724" s="424"/>
      <c r="CQS724" s="423" t="s">
        <v>2795</v>
      </c>
      <c r="CQT724" s="424"/>
      <c r="CQU724" s="424"/>
      <c r="CQV724" s="424"/>
      <c r="CQW724" s="423" t="s">
        <v>2795</v>
      </c>
      <c r="CQX724" s="424"/>
      <c r="CQY724" s="424"/>
      <c r="CQZ724" s="424"/>
      <c r="CRA724" s="423" t="s">
        <v>2795</v>
      </c>
      <c r="CRB724" s="424"/>
      <c r="CRC724" s="424"/>
      <c r="CRD724" s="424"/>
      <c r="CRE724" s="423" t="s">
        <v>2795</v>
      </c>
      <c r="CRF724" s="424"/>
      <c r="CRG724" s="424"/>
      <c r="CRH724" s="424"/>
      <c r="CRI724" s="423" t="s">
        <v>2795</v>
      </c>
      <c r="CRJ724" s="424"/>
      <c r="CRK724" s="424"/>
      <c r="CRL724" s="424"/>
      <c r="CRM724" s="423" t="s">
        <v>2795</v>
      </c>
      <c r="CRN724" s="424"/>
      <c r="CRO724" s="424"/>
      <c r="CRP724" s="424"/>
      <c r="CRQ724" s="423" t="s">
        <v>2795</v>
      </c>
      <c r="CRR724" s="424"/>
      <c r="CRS724" s="424"/>
      <c r="CRT724" s="424"/>
      <c r="CRU724" s="423" t="s">
        <v>2795</v>
      </c>
      <c r="CRV724" s="424"/>
      <c r="CRW724" s="424"/>
      <c r="CRX724" s="424"/>
      <c r="CRY724" s="423" t="s">
        <v>2795</v>
      </c>
      <c r="CRZ724" s="424"/>
      <c r="CSA724" s="424"/>
      <c r="CSB724" s="424"/>
      <c r="CSC724" s="423" t="s">
        <v>2795</v>
      </c>
      <c r="CSD724" s="424"/>
      <c r="CSE724" s="424"/>
      <c r="CSF724" s="424"/>
      <c r="CSG724" s="423" t="s">
        <v>2795</v>
      </c>
      <c r="CSH724" s="424"/>
      <c r="CSI724" s="424"/>
      <c r="CSJ724" s="424"/>
      <c r="CSK724" s="423" t="s">
        <v>2795</v>
      </c>
      <c r="CSL724" s="424"/>
      <c r="CSM724" s="424"/>
      <c r="CSN724" s="424"/>
      <c r="CSO724" s="423" t="s">
        <v>2795</v>
      </c>
      <c r="CSP724" s="424"/>
      <c r="CSQ724" s="424"/>
      <c r="CSR724" s="424"/>
      <c r="CSS724" s="423" t="s">
        <v>2795</v>
      </c>
      <c r="CST724" s="424"/>
      <c r="CSU724" s="424"/>
      <c r="CSV724" s="424"/>
      <c r="CSW724" s="423" t="s">
        <v>2795</v>
      </c>
      <c r="CSX724" s="424"/>
      <c r="CSY724" s="424"/>
      <c r="CSZ724" s="424"/>
      <c r="CTA724" s="423" t="s">
        <v>2795</v>
      </c>
      <c r="CTB724" s="424"/>
      <c r="CTC724" s="424"/>
      <c r="CTD724" s="424"/>
      <c r="CTE724" s="423" t="s">
        <v>2795</v>
      </c>
      <c r="CTF724" s="424"/>
      <c r="CTG724" s="424"/>
      <c r="CTH724" s="424"/>
      <c r="CTI724" s="423" t="s">
        <v>2795</v>
      </c>
      <c r="CTJ724" s="424"/>
      <c r="CTK724" s="424"/>
      <c r="CTL724" s="424"/>
      <c r="CTM724" s="423" t="s">
        <v>2795</v>
      </c>
      <c r="CTN724" s="424"/>
      <c r="CTO724" s="424"/>
      <c r="CTP724" s="424"/>
      <c r="CTQ724" s="423" t="s">
        <v>2795</v>
      </c>
      <c r="CTR724" s="424"/>
      <c r="CTS724" s="424"/>
      <c r="CTT724" s="424"/>
      <c r="CTU724" s="423" t="s">
        <v>2795</v>
      </c>
      <c r="CTV724" s="424"/>
      <c r="CTW724" s="424"/>
      <c r="CTX724" s="424"/>
      <c r="CTY724" s="423" t="s">
        <v>2795</v>
      </c>
      <c r="CTZ724" s="424"/>
      <c r="CUA724" s="424"/>
      <c r="CUB724" s="424"/>
      <c r="CUC724" s="423" t="s">
        <v>2795</v>
      </c>
      <c r="CUD724" s="424"/>
      <c r="CUE724" s="424"/>
      <c r="CUF724" s="424"/>
      <c r="CUG724" s="423" t="s">
        <v>2795</v>
      </c>
      <c r="CUH724" s="424"/>
      <c r="CUI724" s="424"/>
      <c r="CUJ724" s="424"/>
      <c r="CUK724" s="423" t="s">
        <v>2795</v>
      </c>
      <c r="CUL724" s="424"/>
      <c r="CUM724" s="424"/>
      <c r="CUN724" s="424"/>
      <c r="CUO724" s="423" t="s">
        <v>2795</v>
      </c>
      <c r="CUP724" s="424"/>
      <c r="CUQ724" s="424"/>
      <c r="CUR724" s="424"/>
      <c r="CUS724" s="423" t="s">
        <v>2795</v>
      </c>
      <c r="CUT724" s="424"/>
      <c r="CUU724" s="424"/>
      <c r="CUV724" s="424"/>
      <c r="CUW724" s="423" t="s">
        <v>2795</v>
      </c>
      <c r="CUX724" s="424"/>
      <c r="CUY724" s="424"/>
      <c r="CUZ724" s="424"/>
      <c r="CVA724" s="423" t="s">
        <v>2795</v>
      </c>
      <c r="CVB724" s="424"/>
      <c r="CVC724" s="424"/>
      <c r="CVD724" s="424"/>
      <c r="CVE724" s="423" t="s">
        <v>2795</v>
      </c>
      <c r="CVF724" s="424"/>
      <c r="CVG724" s="424"/>
      <c r="CVH724" s="424"/>
      <c r="CVI724" s="423" t="s">
        <v>2795</v>
      </c>
      <c r="CVJ724" s="424"/>
      <c r="CVK724" s="424"/>
      <c r="CVL724" s="424"/>
      <c r="CVM724" s="423" t="s">
        <v>2795</v>
      </c>
      <c r="CVN724" s="424"/>
      <c r="CVO724" s="424"/>
      <c r="CVP724" s="424"/>
      <c r="CVQ724" s="423" t="s">
        <v>2795</v>
      </c>
      <c r="CVR724" s="424"/>
      <c r="CVS724" s="424"/>
      <c r="CVT724" s="424"/>
      <c r="CVU724" s="423" t="s">
        <v>2795</v>
      </c>
      <c r="CVV724" s="424"/>
      <c r="CVW724" s="424"/>
      <c r="CVX724" s="424"/>
      <c r="CVY724" s="423" t="s">
        <v>2795</v>
      </c>
      <c r="CVZ724" s="424"/>
      <c r="CWA724" s="424"/>
      <c r="CWB724" s="424"/>
      <c r="CWC724" s="423" t="s">
        <v>2795</v>
      </c>
      <c r="CWD724" s="424"/>
      <c r="CWE724" s="424"/>
      <c r="CWF724" s="424"/>
      <c r="CWG724" s="423" t="s">
        <v>2795</v>
      </c>
      <c r="CWH724" s="424"/>
      <c r="CWI724" s="424"/>
      <c r="CWJ724" s="424"/>
      <c r="CWK724" s="423" t="s">
        <v>2795</v>
      </c>
      <c r="CWL724" s="424"/>
      <c r="CWM724" s="424"/>
      <c r="CWN724" s="424"/>
      <c r="CWO724" s="423" t="s">
        <v>2795</v>
      </c>
      <c r="CWP724" s="424"/>
      <c r="CWQ724" s="424"/>
      <c r="CWR724" s="424"/>
      <c r="CWS724" s="423" t="s">
        <v>2795</v>
      </c>
      <c r="CWT724" s="424"/>
      <c r="CWU724" s="424"/>
      <c r="CWV724" s="424"/>
      <c r="CWW724" s="423" t="s">
        <v>2795</v>
      </c>
      <c r="CWX724" s="424"/>
      <c r="CWY724" s="424"/>
      <c r="CWZ724" s="424"/>
      <c r="CXA724" s="423" t="s">
        <v>2795</v>
      </c>
      <c r="CXB724" s="424"/>
      <c r="CXC724" s="424"/>
      <c r="CXD724" s="424"/>
      <c r="CXE724" s="423" t="s">
        <v>2795</v>
      </c>
      <c r="CXF724" s="424"/>
      <c r="CXG724" s="424"/>
      <c r="CXH724" s="424"/>
      <c r="CXI724" s="423" t="s">
        <v>2795</v>
      </c>
      <c r="CXJ724" s="424"/>
      <c r="CXK724" s="424"/>
      <c r="CXL724" s="424"/>
      <c r="CXM724" s="423" t="s">
        <v>2795</v>
      </c>
      <c r="CXN724" s="424"/>
      <c r="CXO724" s="424"/>
      <c r="CXP724" s="424"/>
      <c r="CXQ724" s="423" t="s">
        <v>2795</v>
      </c>
      <c r="CXR724" s="424"/>
      <c r="CXS724" s="424"/>
      <c r="CXT724" s="424"/>
      <c r="CXU724" s="423" t="s">
        <v>2795</v>
      </c>
      <c r="CXV724" s="424"/>
      <c r="CXW724" s="424"/>
      <c r="CXX724" s="424"/>
      <c r="CXY724" s="423" t="s">
        <v>2795</v>
      </c>
      <c r="CXZ724" s="424"/>
      <c r="CYA724" s="424"/>
      <c r="CYB724" s="424"/>
      <c r="CYC724" s="423" t="s">
        <v>2795</v>
      </c>
      <c r="CYD724" s="424"/>
      <c r="CYE724" s="424"/>
      <c r="CYF724" s="424"/>
      <c r="CYG724" s="423" t="s">
        <v>2795</v>
      </c>
      <c r="CYH724" s="424"/>
      <c r="CYI724" s="424"/>
      <c r="CYJ724" s="424"/>
      <c r="CYK724" s="423" t="s">
        <v>2795</v>
      </c>
      <c r="CYL724" s="424"/>
      <c r="CYM724" s="424"/>
      <c r="CYN724" s="424"/>
      <c r="CYO724" s="423" t="s">
        <v>2795</v>
      </c>
      <c r="CYP724" s="424"/>
      <c r="CYQ724" s="424"/>
      <c r="CYR724" s="424"/>
      <c r="CYS724" s="423" t="s">
        <v>2795</v>
      </c>
      <c r="CYT724" s="424"/>
      <c r="CYU724" s="424"/>
      <c r="CYV724" s="424"/>
      <c r="CYW724" s="423" t="s">
        <v>2795</v>
      </c>
      <c r="CYX724" s="424"/>
      <c r="CYY724" s="424"/>
      <c r="CYZ724" s="424"/>
      <c r="CZA724" s="423" t="s">
        <v>2795</v>
      </c>
      <c r="CZB724" s="424"/>
      <c r="CZC724" s="424"/>
      <c r="CZD724" s="424"/>
      <c r="CZE724" s="423" t="s">
        <v>2795</v>
      </c>
      <c r="CZF724" s="424"/>
      <c r="CZG724" s="424"/>
      <c r="CZH724" s="424"/>
      <c r="CZI724" s="423" t="s">
        <v>2795</v>
      </c>
      <c r="CZJ724" s="424"/>
      <c r="CZK724" s="424"/>
      <c r="CZL724" s="424"/>
      <c r="CZM724" s="423" t="s">
        <v>2795</v>
      </c>
      <c r="CZN724" s="424"/>
      <c r="CZO724" s="424"/>
      <c r="CZP724" s="424"/>
      <c r="CZQ724" s="423" t="s">
        <v>2795</v>
      </c>
      <c r="CZR724" s="424"/>
      <c r="CZS724" s="424"/>
      <c r="CZT724" s="424"/>
      <c r="CZU724" s="423" t="s">
        <v>2795</v>
      </c>
      <c r="CZV724" s="424"/>
      <c r="CZW724" s="424"/>
      <c r="CZX724" s="424"/>
      <c r="CZY724" s="423" t="s">
        <v>2795</v>
      </c>
      <c r="CZZ724" s="424"/>
      <c r="DAA724" s="424"/>
      <c r="DAB724" s="424"/>
      <c r="DAC724" s="423" t="s">
        <v>2795</v>
      </c>
      <c r="DAD724" s="424"/>
      <c r="DAE724" s="424"/>
      <c r="DAF724" s="424"/>
      <c r="DAG724" s="423" t="s">
        <v>2795</v>
      </c>
      <c r="DAH724" s="424"/>
      <c r="DAI724" s="424"/>
      <c r="DAJ724" s="424"/>
      <c r="DAK724" s="423" t="s">
        <v>2795</v>
      </c>
      <c r="DAL724" s="424"/>
      <c r="DAM724" s="424"/>
      <c r="DAN724" s="424"/>
      <c r="DAO724" s="423" t="s">
        <v>2795</v>
      </c>
      <c r="DAP724" s="424"/>
      <c r="DAQ724" s="424"/>
      <c r="DAR724" s="424"/>
      <c r="DAS724" s="423" t="s">
        <v>2795</v>
      </c>
      <c r="DAT724" s="424"/>
      <c r="DAU724" s="424"/>
      <c r="DAV724" s="424"/>
      <c r="DAW724" s="423" t="s">
        <v>2795</v>
      </c>
      <c r="DAX724" s="424"/>
      <c r="DAY724" s="424"/>
      <c r="DAZ724" s="424"/>
      <c r="DBA724" s="423" t="s">
        <v>2795</v>
      </c>
      <c r="DBB724" s="424"/>
      <c r="DBC724" s="424"/>
      <c r="DBD724" s="424"/>
      <c r="DBE724" s="423" t="s">
        <v>2795</v>
      </c>
      <c r="DBF724" s="424"/>
      <c r="DBG724" s="424"/>
      <c r="DBH724" s="424"/>
      <c r="DBI724" s="423" t="s">
        <v>2795</v>
      </c>
      <c r="DBJ724" s="424"/>
      <c r="DBK724" s="424"/>
      <c r="DBL724" s="424"/>
      <c r="DBM724" s="423" t="s">
        <v>2795</v>
      </c>
      <c r="DBN724" s="424"/>
      <c r="DBO724" s="424"/>
      <c r="DBP724" s="424"/>
      <c r="DBQ724" s="423" t="s">
        <v>2795</v>
      </c>
      <c r="DBR724" s="424"/>
      <c r="DBS724" s="424"/>
      <c r="DBT724" s="424"/>
      <c r="DBU724" s="423" t="s">
        <v>2795</v>
      </c>
      <c r="DBV724" s="424"/>
      <c r="DBW724" s="424"/>
      <c r="DBX724" s="424"/>
      <c r="DBY724" s="423" t="s">
        <v>2795</v>
      </c>
      <c r="DBZ724" s="424"/>
      <c r="DCA724" s="424"/>
      <c r="DCB724" s="424"/>
      <c r="DCC724" s="423" t="s">
        <v>2795</v>
      </c>
      <c r="DCD724" s="424"/>
      <c r="DCE724" s="424"/>
      <c r="DCF724" s="424"/>
      <c r="DCG724" s="423" t="s">
        <v>2795</v>
      </c>
      <c r="DCH724" s="424"/>
      <c r="DCI724" s="424"/>
      <c r="DCJ724" s="424"/>
      <c r="DCK724" s="423" t="s">
        <v>2795</v>
      </c>
      <c r="DCL724" s="424"/>
      <c r="DCM724" s="424"/>
      <c r="DCN724" s="424"/>
      <c r="DCO724" s="423" t="s">
        <v>2795</v>
      </c>
      <c r="DCP724" s="424"/>
      <c r="DCQ724" s="424"/>
      <c r="DCR724" s="424"/>
      <c r="DCS724" s="423" t="s">
        <v>2795</v>
      </c>
      <c r="DCT724" s="424"/>
      <c r="DCU724" s="424"/>
      <c r="DCV724" s="424"/>
      <c r="DCW724" s="423" t="s">
        <v>2795</v>
      </c>
      <c r="DCX724" s="424"/>
      <c r="DCY724" s="424"/>
      <c r="DCZ724" s="424"/>
      <c r="DDA724" s="423" t="s">
        <v>2795</v>
      </c>
      <c r="DDB724" s="424"/>
      <c r="DDC724" s="424"/>
      <c r="DDD724" s="424"/>
      <c r="DDE724" s="423" t="s">
        <v>2795</v>
      </c>
      <c r="DDF724" s="424"/>
      <c r="DDG724" s="424"/>
      <c r="DDH724" s="424"/>
      <c r="DDI724" s="423" t="s">
        <v>2795</v>
      </c>
      <c r="DDJ724" s="424"/>
      <c r="DDK724" s="424"/>
      <c r="DDL724" s="424"/>
      <c r="DDM724" s="423" t="s">
        <v>2795</v>
      </c>
      <c r="DDN724" s="424"/>
      <c r="DDO724" s="424"/>
      <c r="DDP724" s="424"/>
      <c r="DDQ724" s="423" t="s">
        <v>2795</v>
      </c>
      <c r="DDR724" s="424"/>
      <c r="DDS724" s="424"/>
      <c r="DDT724" s="424"/>
      <c r="DDU724" s="423" t="s">
        <v>2795</v>
      </c>
      <c r="DDV724" s="424"/>
      <c r="DDW724" s="424"/>
      <c r="DDX724" s="424"/>
      <c r="DDY724" s="423" t="s">
        <v>2795</v>
      </c>
      <c r="DDZ724" s="424"/>
      <c r="DEA724" s="424"/>
      <c r="DEB724" s="424"/>
      <c r="DEC724" s="423" t="s">
        <v>2795</v>
      </c>
      <c r="DED724" s="424"/>
      <c r="DEE724" s="424"/>
      <c r="DEF724" s="424"/>
      <c r="DEG724" s="423" t="s">
        <v>2795</v>
      </c>
      <c r="DEH724" s="424"/>
      <c r="DEI724" s="424"/>
      <c r="DEJ724" s="424"/>
      <c r="DEK724" s="423" t="s">
        <v>2795</v>
      </c>
      <c r="DEL724" s="424"/>
      <c r="DEM724" s="424"/>
      <c r="DEN724" s="424"/>
      <c r="DEO724" s="423" t="s">
        <v>2795</v>
      </c>
      <c r="DEP724" s="424"/>
      <c r="DEQ724" s="424"/>
      <c r="DER724" s="424"/>
      <c r="DES724" s="423" t="s">
        <v>2795</v>
      </c>
      <c r="DET724" s="424"/>
      <c r="DEU724" s="424"/>
      <c r="DEV724" s="424"/>
      <c r="DEW724" s="423" t="s">
        <v>2795</v>
      </c>
      <c r="DEX724" s="424"/>
      <c r="DEY724" s="424"/>
      <c r="DEZ724" s="424"/>
      <c r="DFA724" s="423" t="s">
        <v>2795</v>
      </c>
      <c r="DFB724" s="424"/>
      <c r="DFC724" s="424"/>
      <c r="DFD724" s="424"/>
      <c r="DFE724" s="423" t="s">
        <v>2795</v>
      </c>
      <c r="DFF724" s="424"/>
      <c r="DFG724" s="424"/>
      <c r="DFH724" s="424"/>
      <c r="DFI724" s="423" t="s">
        <v>2795</v>
      </c>
      <c r="DFJ724" s="424"/>
      <c r="DFK724" s="424"/>
      <c r="DFL724" s="424"/>
      <c r="DFM724" s="423" t="s">
        <v>2795</v>
      </c>
      <c r="DFN724" s="424"/>
      <c r="DFO724" s="424"/>
      <c r="DFP724" s="424"/>
      <c r="DFQ724" s="423" t="s">
        <v>2795</v>
      </c>
      <c r="DFR724" s="424"/>
      <c r="DFS724" s="424"/>
      <c r="DFT724" s="424"/>
      <c r="DFU724" s="423" t="s">
        <v>2795</v>
      </c>
      <c r="DFV724" s="424"/>
      <c r="DFW724" s="424"/>
      <c r="DFX724" s="424"/>
      <c r="DFY724" s="423" t="s">
        <v>2795</v>
      </c>
      <c r="DFZ724" s="424"/>
      <c r="DGA724" s="424"/>
      <c r="DGB724" s="424"/>
      <c r="DGC724" s="423" t="s">
        <v>2795</v>
      </c>
      <c r="DGD724" s="424"/>
      <c r="DGE724" s="424"/>
      <c r="DGF724" s="424"/>
      <c r="DGG724" s="423" t="s">
        <v>2795</v>
      </c>
      <c r="DGH724" s="424"/>
      <c r="DGI724" s="424"/>
      <c r="DGJ724" s="424"/>
      <c r="DGK724" s="423" t="s">
        <v>2795</v>
      </c>
      <c r="DGL724" s="424"/>
      <c r="DGM724" s="424"/>
      <c r="DGN724" s="424"/>
      <c r="DGO724" s="423" t="s">
        <v>2795</v>
      </c>
      <c r="DGP724" s="424"/>
      <c r="DGQ724" s="424"/>
      <c r="DGR724" s="424"/>
      <c r="DGS724" s="423" t="s">
        <v>2795</v>
      </c>
      <c r="DGT724" s="424"/>
      <c r="DGU724" s="424"/>
      <c r="DGV724" s="424"/>
      <c r="DGW724" s="423" t="s">
        <v>2795</v>
      </c>
      <c r="DGX724" s="424"/>
      <c r="DGY724" s="424"/>
      <c r="DGZ724" s="424"/>
      <c r="DHA724" s="423" t="s">
        <v>2795</v>
      </c>
      <c r="DHB724" s="424"/>
      <c r="DHC724" s="424"/>
      <c r="DHD724" s="424"/>
      <c r="DHE724" s="423" t="s">
        <v>2795</v>
      </c>
      <c r="DHF724" s="424"/>
      <c r="DHG724" s="424"/>
      <c r="DHH724" s="424"/>
      <c r="DHI724" s="423" t="s">
        <v>2795</v>
      </c>
      <c r="DHJ724" s="424"/>
      <c r="DHK724" s="424"/>
      <c r="DHL724" s="424"/>
      <c r="DHM724" s="423" t="s">
        <v>2795</v>
      </c>
      <c r="DHN724" s="424"/>
      <c r="DHO724" s="424"/>
      <c r="DHP724" s="424"/>
      <c r="DHQ724" s="423" t="s">
        <v>2795</v>
      </c>
      <c r="DHR724" s="424"/>
      <c r="DHS724" s="424"/>
      <c r="DHT724" s="424"/>
      <c r="DHU724" s="423" t="s">
        <v>2795</v>
      </c>
      <c r="DHV724" s="424"/>
      <c r="DHW724" s="424"/>
      <c r="DHX724" s="424"/>
      <c r="DHY724" s="423" t="s">
        <v>2795</v>
      </c>
      <c r="DHZ724" s="424"/>
      <c r="DIA724" s="424"/>
      <c r="DIB724" s="424"/>
      <c r="DIC724" s="423" t="s">
        <v>2795</v>
      </c>
      <c r="DID724" s="424"/>
      <c r="DIE724" s="424"/>
      <c r="DIF724" s="424"/>
      <c r="DIG724" s="423" t="s">
        <v>2795</v>
      </c>
      <c r="DIH724" s="424"/>
      <c r="DII724" s="424"/>
      <c r="DIJ724" s="424"/>
      <c r="DIK724" s="423" t="s">
        <v>2795</v>
      </c>
      <c r="DIL724" s="424"/>
      <c r="DIM724" s="424"/>
      <c r="DIN724" s="424"/>
      <c r="DIO724" s="423" t="s">
        <v>2795</v>
      </c>
      <c r="DIP724" s="424"/>
      <c r="DIQ724" s="424"/>
      <c r="DIR724" s="424"/>
      <c r="DIS724" s="423" t="s">
        <v>2795</v>
      </c>
      <c r="DIT724" s="424"/>
      <c r="DIU724" s="424"/>
      <c r="DIV724" s="424"/>
      <c r="DIW724" s="423" t="s">
        <v>2795</v>
      </c>
      <c r="DIX724" s="424"/>
      <c r="DIY724" s="424"/>
      <c r="DIZ724" s="424"/>
      <c r="DJA724" s="423" t="s">
        <v>2795</v>
      </c>
      <c r="DJB724" s="424"/>
      <c r="DJC724" s="424"/>
      <c r="DJD724" s="424"/>
      <c r="DJE724" s="423" t="s">
        <v>2795</v>
      </c>
      <c r="DJF724" s="424"/>
      <c r="DJG724" s="424"/>
      <c r="DJH724" s="424"/>
      <c r="DJI724" s="423" t="s">
        <v>2795</v>
      </c>
      <c r="DJJ724" s="424"/>
      <c r="DJK724" s="424"/>
      <c r="DJL724" s="424"/>
      <c r="DJM724" s="423" t="s">
        <v>2795</v>
      </c>
      <c r="DJN724" s="424"/>
      <c r="DJO724" s="424"/>
      <c r="DJP724" s="424"/>
      <c r="DJQ724" s="423" t="s">
        <v>2795</v>
      </c>
      <c r="DJR724" s="424"/>
      <c r="DJS724" s="424"/>
      <c r="DJT724" s="424"/>
      <c r="DJU724" s="423" t="s">
        <v>2795</v>
      </c>
      <c r="DJV724" s="424"/>
      <c r="DJW724" s="424"/>
      <c r="DJX724" s="424"/>
      <c r="DJY724" s="423" t="s">
        <v>2795</v>
      </c>
      <c r="DJZ724" s="424"/>
      <c r="DKA724" s="424"/>
      <c r="DKB724" s="424"/>
      <c r="DKC724" s="423" t="s">
        <v>2795</v>
      </c>
      <c r="DKD724" s="424"/>
      <c r="DKE724" s="424"/>
      <c r="DKF724" s="424"/>
      <c r="DKG724" s="423" t="s">
        <v>2795</v>
      </c>
      <c r="DKH724" s="424"/>
      <c r="DKI724" s="424"/>
      <c r="DKJ724" s="424"/>
      <c r="DKK724" s="423" t="s">
        <v>2795</v>
      </c>
      <c r="DKL724" s="424"/>
      <c r="DKM724" s="424"/>
      <c r="DKN724" s="424"/>
      <c r="DKO724" s="423" t="s">
        <v>2795</v>
      </c>
      <c r="DKP724" s="424"/>
      <c r="DKQ724" s="424"/>
      <c r="DKR724" s="424"/>
      <c r="DKS724" s="423" t="s">
        <v>2795</v>
      </c>
      <c r="DKT724" s="424"/>
      <c r="DKU724" s="424"/>
      <c r="DKV724" s="424"/>
      <c r="DKW724" s="423" t="s">
        <v>2795</v>
      </c>
      <c r="DKX724" s="424"/>
      <c r="DKY724" s="424"/>
      <c r="DKZ724" s="424"/>
      <c r="DLA724" s="423" t="s">
        <v>2795</v>
      </c>
      <c r="DLB724" s="424"/>
      <c r="DLC724" s="424"/>
      <c r="DLD724" s="424"/>
      <c r="DLE724" s="423" t="s">
        <v>2795</v>
      </c>
      <c r="DLF724" s="424"/>
      <c r="DLG724" s="424"/>
      <c r="DLH724" s="424"/>
      <c r="DLI724" s="423" t="s">
        <v>2795</v>
      </c>
      <c r="DLJ724" s="424"/>
      <c r="DLK724" s="424"/>
      <c r="DLL724" s="424"/>
      <c r="DLM724" s="423" t="s">
        <v>2795</v>
      </c>
      <c r="DLN724" s="424"/>
      <c r="DLO724" s="424"/>
      <c r="DLP724" s="424"/>
      <c r="DLQ724" s="423" t="s">
        <v>2795</v>
      </c>
      <c r="DLR724" s="424"/>
      <c r="DLS724" s="424"/>
      <c r="DLT724" s="424"/>
      <c r="DLU724" s="423" t="s">
        <v>2795</v>
      </c>
      <c r="DLV724" s="424"/>
      <c r="DLW724" s="424"/>
      <c r="DLX724" s="424"/>
      <c r="DLY724" s="423" t="s">
        <v>2795</v>
      </c>
      <c r="DLZ724" s="424"/>
      <c r="DMA724" s="424"/>
      <c r="DMB724" s="424"/>
      <c r="DMC724" s="423" t="s">
        <v>2795</v>
      </c>
      <c r="DMD724" s="424"/>
      <c r="DME724" s="424"/>
      <c r="DMF724" s="424"/>
      <c r="DMG724" s="423" t="s">
        <v>2795</v>
      </c>
      <c r="DMH724" s="424"/>
      <c r="DMI724" s="424"/>
      <c r="DMJ724" s="424"/>
      <c r="DMK724" s="423" t="s">
        <v>2795</v>
      </c>
      <c r="DML724" s="424"/>
      <c r="DMM724" s="424"/>
      <c r="DMN724" s="424"/>
      <c r="DMO724" s="423" t="s">
        <v>2795</v>
      </c>
      <c r="DMP724" s="424"/>
      <c r="DMQ724" s="424"/>
      <c r="DMR724" s="424"/>
      <c r="DMS724" s="423" t="s">
        <v>2795</v>
      </c>
      <c r="DMT724" s="424"/>
      <c r="DMU724" s="424"/>
      <c r="DMV724" s="424"/>
      <c r="DMW724" s="423" t="s">
        <v>2795</v>
      </c>
      <c r="DMX724" s="424"/>
      <c r="DMY724" s="424"/>
      <c r="DMZ724" s="424"/>
      <c r="DNA724" s="423" t="s">
        <v>2795</v>
      </c>
      <c r="DNB724" s="424"/>
      <c r="DNC724" s="424"/>
      <c r="DND724" s="424"/>
      <c r="DNE724" s="423" t="s">
        <v>2795</v>
      </c>
      <c r="DNF724" s="424"/>
      <c r="DNG724" s="424"/>
      <c r="DNH724" s="424"/>
      <c r="DNI724" s="423" t="s">
        <v>2795</v>
      </c>
      <c r="DNJ724" s="424"/>
      <c r="DNK724" s="424"/>
      <c r="DNL724" s="424"/>
      <c r="DNM724" s="423" t="s">
        <v>2795</v>
      </c>
      <c r="DNN724" s="424"/>
      <c r="DNO724" s="424"/>
      <c r="DNP724" s="424"/>
      <c r="DNQ724" s="423" t="s">
        <v>2795</v>
      </c>
      <c r="DNR724" s="424"/>
      <c r="DNS724" s="424"/>
      <c r="DNT724" s="424"/>
      <c r="DNU724" s="423" t="s">
        <v>2795</v>
      </c>
      <c r="DNV724" s="424"/>
      <c r="DNW724" s="424"/>
      <c r="DNX724" s="424"/>
      <c r="DNY724" s="423" t="s">
        <v>2795</v>
      </c>
      <c r="DNZ724" s="424"/>
      <c r="DOA724" s="424"/>
      <c r="DOB724" s="424"/>
      <c r="DOC724" s="423" t="s">
        <v>2795</v>
      </c>
      <c r="DOD724" s="424"/>
      <c r="DOE724" s="424"/>
      <c r="DOF724" s="424"/>
      <c r="DOG724" s="423" t="s">
        <v>2795</v>
      </c>
      <c r="DOH724" s="424"/>
      <c r="DOI724" s="424"/>
      <c r="DOJ724" s="424"/>
      <c r="DOK724" s="423" t="s">
        <v>2795</v>
      </c>
      <c r="DOL724" s="424"/>
      <c r="DOM724" s="424"/>
      <c r="DON724" s="424"/>
      <c r="DOO724" s="423" t="s">
        <v>2795</v>
      </c>
      <c r="DOP724" s="424"/>
      <c r="DOQ724" s="424"/>
      <c r="DOR724" s="424"/>
      <c r="DOS724" s="423" t="s">
        <v>2795</v>
      </c>
      <c r="DOT724" s="424"/>
      <c r="DOU724" s="424"/>
      <c r="DOV724" s="424"/>
      <c r="DOW724" s="423" t="s">
        <v>2795</v>
      </c>
      <c r="DOX724" s="424"/>
      <c r="DOY724" s="424"/>
      <c r="DOZ724" s="424"/>
      <c r="DPA724" s="423" t="s">
        <v>2795</v>
      </c>
      <c r="DPB724" s="424"/>
      <c r="DPC724" s="424"/>
      <c r="DPD724" s="424"/>
      <c r="DPE724" s="423" t="s">
        <v>2795</v>
      </c>
      <c r="DPF724" s="424"/>
      <c r="DPG724" s="424"/>
      <c r="DPH724" s="424"/>
      <c r="DPI724" s="423" t="s">
        <v>2795</v>
      </c>
      <c r="DPJ724" s="424"/>
      <c r="DPK724" s="424"/>
      <c r="DPL724" s="424"/>
      <c r="DPM724" s="423" t="s">
        <v>2795</v>
      </c>
      <c r="DPN724" s="424"/>
      <c r="DPO724" s="424"/>
      <c r="DPP724" s="424"/>
      <c r="DPQ724" s="423" t="s">
        <v>2795</v>
      </c>
      <c r="DPR724" s="424"/>
      <c r="DPS724" s="424"/>
      <c r="DPT724" s="424"/>
      <c r="DPU724" s="423" t="s">
        <v>2795</v>
      </c>
      <c r="DPV724" s="424"/>
      <c r="DPW724" s="424"/>
      <c r="DPX724" s="424"/>
      <c r="DPY724" s="423" t="s">
        <v>2795</v>
      </c>
      <c r="DPZ724" s="424"/>
      <c r="DQA724" s="424"/>
      <c r="DQB724" s="424"/>
      <c r="DQC724" s="423" t="s">
        <v>2795</v>
      </c>
      <c r="DQD724" s="424"/>
      <c r="DQE724" s="424"/>
      <c r="DQF724" s="424"/>
      <c r="DQG724" s="423" t="s">
        <v>2795</v>
      </c>
      <c r="DQH724" s="424"/>
      <c r="DQI724" s="424"/>
      <c r="DQJ724" s="424"/>
      <c r="DQK724" s="423" t="s">
        <v>2795</v>
      </c>
      <c r="DQL724" s="424"/>
      <c r="DQM724" s="424"/>
      <c r="DQN724" s="424"/>
      <c r="DQO724" s="423" t="s">
        <v>2795</v>
      </c>
      <c r="DQP724" s="424"/>
      <c r="DQQ724" s="424"/>
      <c r="DQR724" s="424"/>
      <c r="DQS724" s="423" t="s">
        <v>2795</v>
      </c>
      <c r="DQT724" s="424"/>
      <c r="DQU724" s="424"/>
      <c r="DQV724" s="424"/>
      <c r="DQW724" s="423" t="s">
        <v>2795</v>
      </c>
      <c r="DQX724" s="424"/>
      <c r="DQY724" s="424"/>
      <c r="DQZ724" s="424"/>
      <c r="DRA724" s="423" t="s">
        <v>2795</v>
      </c>
      <c r="DRB724" s="424"/>
      <c r="DRC724" s="424"/>
      <c r="DRD724" s="424"/>
      <c r="DRE724" s="423" t="s">
        <v>2795</v>
      </c>
      <c r="DRF724" s="424"/>
      <c r="DRG724" s="424"/>
      <c r="DRH724" s="424"/>
      <c r="DRI724" s="423" t="s">
        <v>2795</v>
      </c>
      <c r="DRJ724" s="424"/>
      <c r="DRK724" s="424"/>
      <c r="DRL724" s="424"/>
      <c r="DRM724" s="423" t="s">
        <v>2795</v>
      </c>
      <c r="DRN724" s="424"/>
      <c r="DRO724" s="424"/>
      <c r="DRP724" s="424"/>
      <c r="DRQ724" s="423" t="s">
        <v>2795</v>
      </c>
      <c r="DRR724" s="424"/>
      <c r="DRS724" s="424"/>
      <c r="DRT724" s="424"/>
      <c r="DRU724" s="423" t="s">
        <v>2795</v>
      </c>
      <c r="DRV724" s="424"/>
      <c r="DRW724" s="424"/>
      <c r="DRX724" s="424"/>
      <c r="DRY724" s="423" t="s">
        <v>2795</v>
      </c>
      <c r="DRZ724" s="424"/>
      <c r="DSA724" s="424"/>
      <c r="DSB724" s="424"/>
      <c r="DSC724" s="423" t="s">
        <v>2795</v>
      </c>
      <c r="DSD724" s="424"/>
      <c r="DSE724" s="424"/>
      <c r="DSF724" s="424"/>
      <c r="DSG724" s="423" t="s">
        <v>2795</v>
      </c>
      <c r="DSH724" s="424"/>
      <c r="DSI724" s="424"/>
      <c r="DSJ724" s="424"/>
      <c r="DSK724" s="423" t="s">
        <v>2795</v>
      </c>
      <c r="DSL724" s="424"/>
      <c r="DSM724" s="424"/>
      <c r="DSN724" s="424"/>
      <c r="DSO724" s="423" t="s">
        <v>2795</v>
      </c>
      <c r="DSP724" s="424"/>
      <c r="DSQ724" s="424"/>
      <c r="DSR724" s="424"/>
      <c r="DSS724" s="423" t="s">
        <v>2795</v>
      </c>
      <c r="DST724" s="424"/>
      <c r="DSU724" s="424"/>
      <c r="DSV724" s="424"/>
      <c r="DSW724" s="423" t="s">
        <v>2795</v>
      </c>
      <c r="DSX724" s="424"/>
      <c r="DSY724" s="424"/>
      <c r="DSZ724" s="424"/>
      <c r="DTA724" s="423" t="s">
        <v>2795</v>
      </c>
      <c r="DTB724" s="424"/>
      <c r="DTC724" s="424"/>
      <c r="DTD724" s="424"/>
      <c r="DTE724" s="423" t="s">
        <v>2795</v>
      </c>
      <c r="DTF724" s="424"/>
      <c r="DTG724" s="424"/>
      <c r="DTH724" s="424"/>
      <c r="DTI724" s="423" t="s">
        <v>2795</v>
      </c>
      <c r="DTJ724" s="424"/>
      <c r="DTK724" s="424"/>
      <c r="DTL724" s="424"/>
      <c r="DTM724" s="423" t="s">
        <v>2795</v>
      </c>
      <c r="DTN724" s="424"/>
      <c r="DTO724" s="424"/>
      <c r="DTP724" s="424"/>
      <c r="DTQ724" s="423" t="s">
        <v>2795</v>
      </c>
      <c r="DTR724" s="424"/>
      <c r="DTS724" s="424"/>
      <c r="DTT724" s="424"/>
      <c r="DTU724" s="423" t="s">
        <v>2795</v>
      </c>
      <c r="DTV724" s="424"/>
      <c r="DTW724" s="424"/>
      <c r="DTX724" s="424"/>
      <c r="DTY724" s="423" t="s">
        <v>2795</v>
      </c>
      <c r="DTZ724" s="424"/>
      <c r="DUA724" s="424"/>
      <c r="DUB724" s="424"/>
      <c r="DUC724" s="423" t="s">
        <v>2795</v>
      </c>
      <c r="DUD724" s="424"/>
      <c r="DUE724" s="424"/>
      <c r="DUF724" s="424"/>
      <c r="DUG724" s="423" t="s">
        <v>2795</v>
      </c>
      <c r="DUH724" s="424"/>
      <c r="DUI724" s="424"/>
      <c r="DUJ724" s="424"/>
      <c r="DUK724" s="423" t="s">
        <v>2795</v>
      </c>
      <c r="DUL724" s="424"/>
      <c r="DUM724" s="424"/>
      <c r="DUN724" s="424"/>
      <c r="DUO724" s="423" t="s">
        <v>2795</v>
      </c>
      <c r="DUP724" s="424"/>
      <c r="DUQ724" s="424"/>
      <c r="DUR724" s="424"/>
      <c r="DUS724" s="423" t="s">
        <v>2795</v>
      </c>
      <c r="DUT724" s="424"/>
      <c r="DUU724" s="424"/>
      <c r="DUV724" s="424"/>
      <c r="DUW724" s="423" t="s">
        <v>2795</v>
      </c>
      <c r="DUX724" s="424"/>
      <c r="DUY724" s="424"/>
      <c r="DUZ724" s="424"/>
      <c r="DVA724" s="423" t="s">
        <v>2795</v>
      </c>
      <c r="DVB724" s="424"/>
      <c r="DVC724" s="424"/>
      <c r="DVD724" s="424"/>
      <c r="DVE724" s="423" t="s">
        <v>2795</v>
      </c>
      <c r="DVF724" s="424"/>
      <c r="DVG724" s="424"/>
      <c r="DVH724" s="424"/>
      <c r="DVI724" s="423" t="s">
        <v>2795</v>
      </c>
      <c r="DVJ724" s="424"/>
      <c r="DVK724" s="424"/>
      <c r="DVL724" s="424"/>
      <c r="DVM724" s="423" t="s">
        <v>2795</v>
      </c>
      <c r="DVN724" s="424"/>
      <c r="DVO724" s="424"/>
      <c r="DVP724" s="424"/>
      <c r="DVQ724" s="423" t="s">
        <v>2795</v>
      </c>
      <c r="DVR724" s="424"/>
      <c r="DVS724" s="424"/>
      <c r="DVT724" s="424"/>
      <c r="DVU724" s="423" t="s">
        <v>2795</v>
      </c>
      <c r="DVV724" s="424"/>
      <c r="DVW724" s="424"/>
      <c r="DVX724" s="424"/>
      <c r="DVY724" s="423" t="s">
        <v>2795</v>
      </c>
      <c r="DVZ724" s="424"/>
      <c r="DWA724" s="424"/>
      <c r="DWB724" s="424"/>
      <c r="DWC724" s="423" t="s">
        <v>2795</v>
      </c>
      <c r="DWD724" s="424"/>
      <c r="DWE724" s="424"/>
      <c r="DWF724" s="424"/>
      <c r="DWG724" s="423" t="s">
        <v>2795</v>
      </c>
      <c r="DWH724" s="424"/>
      <c r="DWI724" s="424"/>
      <c r="DWJ724" s="424"/>
      <c r="DWK724" s="423" t="s">
        <v>2795</v>
      </c>
      <c r="DWL724" s="424"/>
      <c r="DWM724" s="424"/>
      <c r="DWN724" s="424"/>
      <c r="DWO724" s="423" t="s">
        <v>2795</v>
      </c>
      <c r="DWP724" s="424"/>
      <c r="DWQ724" s="424"/>
      <c r="DWR724" s="424"/>
      <c r="DWS724" s="423" t="s">
        <v>2795</v>
      </c>
      <c r="DWT724" s="424"/>
      <c r="DWU724" s="424"/>
      <c r="DWV724" s="424"/>
      <c r="DWW724" s="423" t="s">
        <v>2795</v>
      </c>
      <c r="DWX724" s="424"/>
      <c r="DWY724" s="424"/>
      <c r="DWZ724" s="424"/>
      <c r="DXA724" s="423" t="s">
        <v>2795</v>
      </c>
      <c r="DXB724" s="424"/>
      <c r="DXC724" s="424"/>
      <c r="DXD724" s="424"/>
      <c r="DXE724" s="423" t="s">
        <v>2795</v>
      </c>
      <c r="DXF724" s="424"/>
      <c r="DXG724" s="424"/>
      <c r="DXH724" s="424"/>
      <c r="DXI724" s="423" t="s">
        <v>2795</v>
      </c>
      <c r="DXJ724" s="424"/>
      <c r="DXK724" s="424"/>
      <c r="DXL724" s="424"/>
      <c r="DXM724" s="423" t="s">
        <v>2795</v>
      </c>
      <c r="DXN724" s="424"/>
      <c r="DXO724" s="424"/>
      <c r="DXP724" s="424"/>
      <c r="DXQ724" s="423" t="s">
        <v>2795</v>
      </c>
      <c r="DXR724" s="424"/>
      <c r="DXS724" s="424"/>
      <c r="DXT724" s="424"/>
      <c r="DXU724" s="423" t="s">
        <v>2795</v>
      </c>
      <c r="DXV724" s="424"/>
      <c r="DXW724" s="424"/>
      <c r="DXX724" s="424"/>
      <c r="DXY724" s="423" t="s">
        <v>2795</v>
      </c>
      <c r="DXZ724" s="424"/>
      <c r="DYA724" s="424"/>
      <c r="DYB724" s="424"/>
      <c r="DYC724" s="423" t="s">
        <v>2795</v>
      </c>
      <c r="DYD724" s="424"/>
      <c r="DYE724" s="424"/>
      <c r="DYF724" s="424"/>
      <c r="DYG724" s="423" t="s">
        <v>2795</v>
      </c>
      <c r="DYH724" s="424"/>
      <c r="DYI724" s="424"/>
      <c r="DYJ724" s="424"/>
      <c r="DYK724" s="423" t="s">
        <v>2795</v>
      </c>
      <c r="DYL724" s="424"/>
      <c r="DYM724" s="424"/>
      <c r="DYN724" s="424"/>
      <c r="DYO724" s="423" t="s">
        <v>2795</v>
      </c>
      <c r="DYP724" s="424"/>
      <c r="DYQ724" s="424"/>
      <c r="DYR724" s="424"/>
      <c r="DYS724" s="423" t="s">
        <v>2795</v>
      </c>
      <c r="DYT724" s="424"/>
      <c r="DYU724" s="424"/>
      <c r="DYV724" s="424"/>
      <c r="DYW724" s="423" t="s">
        <v>2795</v>
      </c>
      <c r="DYX724" s="424"/>
      <c r="DYY724" s="424"/>
      <c r="DYZ724" s="424"/>
      <c r="DZA724" s="423" t="s">
        <v>2795</v>
      </c>
      <c r="DZB724" s="424"/>
      <c r="DZC724" s="424"/>
      <c r="DZD724" s="424"/>
      <c r="DZE724" s="423" t="s">
        <v>2795</v>
      </c>
      <c r="DZF724" s="424"/>
      <c r="DZG724" s="424"/>
      <c r="DZH724" s="424"/>
      <c r="DZI724" s="423" t="s">
        <v>2795</v>
      </c>
      <c r="DZJ724" s="424"/>
      <c r="DZK724" s="424"/>
      <c r="DZL724" s="424"/>
      <c r="DZM724" s="423" t="s">
        <v>2795</v>
      </c>
      <c r="DZN724" s="424"/>
      <c r="DZO724" s="424"/>
      <c r="DZP724" s="424"/>
      <c r="DZQ724" s="423" t="s">
        <v>2795</v>
      </c>
      <c r="DZR724" s="424"/>
      <c r="DZS724" s="424"/>
      <c r="DZT724" s="424"/>
      <c r="DZU724" s="423" t="s">
        <v>2795</v>
      </c>
      <c r="DZV724" s="424"/>
      <c r="DZW724" s="424"/>
      <c r="DZX724" s="424"/>
      <c r="DZY724" s="423" t="s">
        <v>2795</v>
      </c>
      <c r="DZZ724" s="424"/>
      <c r="EAA724" s="424"/>
      <c r="EAB724" s="424"/>
      <c r="EAC724" s="423" t="s">
        <v>2795</v>
      </c>
      <c r="EAD724" s="424"/>
      <c r="EAE724" s="424"/>
      <c r="EAF724" s="424"/>
      <c r="EAG724" s="423" t="s">
        <v>2795</v>
      </c>
      <c r="EAH724" s="424"/>
      <c r="EAI724" s="424"/>
      <c r="EAJ724" s="424"/>
      <c r="EAK724" s="423" t="s">
        <v>2795</v>
      </c>
      <c r="EAL724" s="424"/>
      <c r="EAM724" s="424"/>
      <c r="EAN724" s="424"/>
      <c r="EAO724" s="423" t="s">
        <v>2795</v>
      </c>
      <c r="EAP724" s="424"/>
      <c r="EAQ724" s="424"/>
      <c r="EAR724" s="424"/>
      <c r="EAS724" s="423" t="s">
        <v>2795</v>
      </c>
      <c r="EAT724" s="424"/>
      <c r="EAU724" s="424"/>
      <c r="EAV724" s="424"/>
      <c r="EAW724" s="423" t="s">
        <v>2795</v>
      </c>
      <c r="EAX724" s="424"/>
      <c r="EAY724" s="424"/>
      <c r="EAZ724" s="424"/>
      <c r="EBA724" s="423" t="s">
        <v>2795</v>
      </c>
      <c r="EBB724" s="424"/>
      <c r="EBC724" s="424"/>
      <c r="EBD724" s="424"/>
      <c r="EBE724" s="423" t="s">
        <v>2795</v>
      </c>
      <c r="EBF724" s="424"/>
      <c r="EBG724" s="424"/>
      <c r="EBH724" s="424"/>
      <c r="EBI724" s="423" t="s">
        <v>2795</v>
      </c>
      <c r="EBJ724" s="424"/>
      <c r="EBK724" s="424"/>
      <c r="EBL724" s="424"/>
      <c r="EBM724" s="423" t="s">
        <v>2795</v>
      </c>
      <c r="EBN724" s="424"/>
      <c r="EBO724" s="424"/>
      <c r="EBP724" s="424"/>
      <c r="EBQ724" s="423" t="s">
        <v>2795</v>
      </c>
      <c r="EBR724" s="424"/>
      <c r="EBS724" s="424"/>
      <c r="EBT724" s="424"/>
      <c r="EBU724" s="423" t="s">
        <v>2795</v>
      </c>
      <c r="EBV724" s="424"/>
      <c r="EBW724" s="424"/>
      <c r="EBX724" s="424"/>
      <c r="EBY724" s="423" t="s">
        <v>2795</v>
      </c>
      <c r="EBZ724" s="424"/>
      <c r="ECA724" s="424"/>
      <c r="ECB724" s="424"/>
      <c r="ECC724" s="423" t="s">
        <v>2795</v>
      </c>
      <c r="ECD724" s="424"/>
      <c r="ECE724" s="424"/>
      <c r="ECF724" s="424"/>
      <c r="ECG724" s="423" t="s">
        <v>2795</v>
      </c>
      <c r="ECH724" s="424"/>
      <c r="ECI724" s="424"/>
      <c r="ECJ724" s="424"/>
      <c r="ECK724" s="423" t="s">
        <v>2795</v>
      </c>
      <c r="ECL724" s="424"/>
      <c r="ECM724" s="424"/>
      <c r="ECN724" s="424"/>
      <c r="ECO724" s="423" t="s">
        <v>2795</v>
      </c>
      <c r="ECP724" s="424"/>
      <c r="ECQ724" s="424"/>
      <c r="ECR724" s="424"/>
      <c r="ECS724" s="423" t="s">
        <v>2795</v>
      </c>
      <c r="ECT724" s="424"/>
      <c r="ECU724" s="424"/>
      <c r="ECV724" s="424"/>
      <c r="ECW724" s="423" t="s">
        <v>2795</v>
      </c>
      <c r="ECX724" s="424"/>
      <c r="ECY724" s="424"/>
      <c r="ECZ724" s="424"/>
      <c r="EDA724" s="423" t="s">
        <v>2795</v>
      </c>
      <c r="EDB724" s="424"/>
      <c r="EDC724" s="424"/>
      <c r="EDD724" s="424"/>
      <c r="EDE724" s="423" t="s">
        <v>2795</v>
      </c>
      <c r="EDF724" s="424"/>
      <c r="EDG724" s="424"/>
      <c r="EDH724" s="424"/>
      <c r="EDI724" s="423" t="s">
        <v>2795</v>
      </c>
      <c r="EDJ724" s="424"/>
      <c r="EDK724" s="424"/>
      <c r="EDL724" s="424"/>
      <c r="EDM724" s="423" t="s">
        <v>2795</v>
      </c>
      <c r="EDN724" s="424"/>
      <c r="EDO724" s="424"/>
      <c r="EDP724" s="424"/>
      <c r="EDQ724" s="423" t="s">
        <v>2795</v>
      </c>
      <c r="EDR724" s="424"/>
      <c r="EDS724" s="424"/>
      <c r="EDT724" s="424"/>
      <c r="EDU724" s="423" t="s">
        <v>2795</v>
      </c>
      <c r="EDV724" s="424"/>
      <c r="EDW724" s="424"/>
      <c r="EDX724" s="424"/>
      <c r="EDY724" s="423" t="s">
        <v>2795</v>
      </c>
      <c r="EDZ724" s="424"/>
      <c r="EEA724" s="424"/>
      <c r="EEB724" s="424"/>
      <c r="EEC724" s="423" t="s">
        <v>2795</v>
      </c>
      <c r="EED724" s="424"/>
      <c r="EEE724" s="424"/>
      <c r="EEF724" s="424"/>
      <c r="EEG724" s="423" t="s">
        <v>2795</v>
      </c>
      <c r="EEH724" s="424"/>
      <c r="EEI724" s="424"/>
      <c r="EEJ724" s="424"/>
      <c r="EEK724" s="423" t="s">
        <v>2795</v>
      </c>
      <c r="EEL724" s="424"/>
      <c r="EEM724" s="424"/>
      <c r="EEN724" s="424"/>
      <c r="EEO724" s="423" t="s">
        <v>2795</v>
      </c>
      <c r="EEP724" s="424"/>
      <c r="EEQ724" s="424"/>
      <c r="EER724" s="424"/>
      <c r="EES724" s="423" t="s">
        <v>2795</v>
      </c>
      <c r="EET724" s="424"/>
      <c r="EEU724" s="424"/>
      <c r="EEV724" s="424"/>
      <c r="EEW724" s="423" t="s">
        <v>2795</v>
      </c>
      <c r="EEX724" s="424"/>
      <c r="EEY724" s="424"/>
      <c r="EEZ724" s="424"/>
      <c r="EFA724" s="423" t="s">
        <v>2795</v>
      </c>
      <c r="EFB724" s="424"/>
      <c r="EFC724" s="424"/>
      <c r="EFD724" s="424"/>
      <c r="EFE724" s="423" t="s">
        <v>2795</v>
      </c>
      <c r="EFF724" s="424"/>
      <c r="EFG724" s="424"/>
      <c r="EFH724" s="424"/>
      <c r="EFI724" s="423" t="s">
        <v>2795</v>
      </c>
      <c r="EFJ724" s="424"/>
      <c r="EFK724" s="424"/>
      <c r="EFL724" s="424"/>
      <c r="EFM724" s="423" t="s">
        <v>2795</v>
      </c>
      <c r="EFN724" s="424"/>
      <c r="EFO724" s="424"/>
      <c r="EFP724" s="424"/>
      <c r="EFQ724" s="423" t="s">
        <v>2795</v>
      </c>
      <c r="EFR724" s="424"/>
      <c r="EFS724" s="424"/>
      <c r="EFT724" s="424"/>
      <c r="EFU724" s="423" t="s">
        <v>2795</v>
      </c>
      <c r="EFV724" s="424"/>
      <c r="EFW724" s="424"/>
      <c r="EFX724" s="424"/>
      <c r="EFY724" s="423" t="s">
        <v>2795</v>
      </c>
      <c r="EFZ724" s="424"/>
      <c r="EGA724" s="424"/>
      <c r="EGB724" s="424"/>
      <c r="EGC724" s="423" t="s">
        <v>2795</v>
      </c>
      <c r="EGD724" s="424"/>
      <c r="EGE724" s="424"/>
      <c r="EGF724" s="424"/>
      <c r="EGG724" s="423" t="s">
        <v>2795</v>
      </c>
      <c r="EGH724" s="424"/>
      <c r="EGI724" s="424"/>
      <c r="EGJ724" s="424"/>
      <c r="EGK724" s="423" t="s">
        <v>2795</v>
      </c>
      <c r="EGL724" s="424"/>
      <c r="EGM724" s="424"/>
      <c r="EGN724" s="424"/>
      <c r="EGO724" s="423" t="s">
        <v>2795</v>
      </c>
      <c r="EGP724" s="424"/>
      <c r="EGQ724" s="424"/>
      <c r="EGR724" s="424"/>
      <c r="EGS724" s="423" t="s">
        <v>2795</v>
      </c>
      <c r="EGT724" s="424"/>
      <c r="EGU724" s="424"/>
      <c r="EGV724" s="424"/>
      <c r="EGW724" s="423" t="s">
        <v>2795</v>
      </c>
      <c r="EGX724" s="424"/>
      <c r="EGY724" s="424"/>
      <c r="EGZ724" s="424"/>
      <c r="EHA724" s="423" t="s">
        <v>2795</v>
      </c>
      <c r="EHB724" s="424"/>
      <c r="EHC724" s="424"/>
      <c r="EHD724" s="424"/>
      <c r="EHE724" s="423" t="s">
        <v>2795</v>
      </c>
      <c r="EHF724" s="424"/>
      <c r="EHG724" s="424"/>
      <c r="EHH724" s="424"/>
      <c r="EHI724" s="423" t="s">
        <v>2795</v>
      </c>
      <c r="EHJ724" s="424"/>
      <c r="EHK724" s="424"/>
      <c r="EHL724" s="424"/>
      <c r="EHM724" s="423" t="s">
        <v>2795</v>
      </c>
      <c r="EHN724" s="424"/>
      <c r="EHO724" s="424"/>
      <c r="EHP724" s="424"/>
      <c r="EHQ724" s="423" t="s">
        <v>2795</v>
      </c>
      <c r="EHR724" s="424"/>
      <c r="EHS724" s="424"/>
      <c r="EHT724" s="424"/>
      <c r="EHU724" s="423" t="s">
        <v>2795</v>
      </c>
      <c r="EHV724" s="424"/>
      <c r="EHW724" s="424"/>
      <c r="EHX724" s="424"/>
      <c r="EHY724" s="423" t="s">
        <v>2795</v>
      </c>
      <c r="EHZ724" s="424"/>
      <c r="EIA724" s="424"/>
      <c r="EIB724" s="424"/>
      <c r="EIC724" s="423" t="s">
        <v>2795</v>
      </c>
      <c r="EID724" s="424"/>
      <c r="EIE724" s="424"/>
      <c r="EIF724" s="424"/>
      <c r="EIG724" s="423" t="s">
        <v>2795</v>
      </c>
      <c r="EIH724" s="424"/>
      <c r="EII724" s="424"/>
      <c r="EIJ724" s="424"/>
      <c r="EIK724" s="423" t="s">
        <v>2795</v>
      </c>
      <c r="EIL724" s="424"/>
      <c r="EIM724" s="424"/>
      <c r="EIN724" s="424"/>
      <c r="EIO724" s="423" t="s">
        <v>2795</v>
      </c>
      <c r="EIP724" s="424"/>
      <c r="EIQ724" s="424"/>
      <c r="EIR724" s="424"/>
      <c r="EIS724" s="423" t="s">
        <v>2795</v>
      </c>
      <c r="EIT724" s="424"/>
      <c r="EIU724" s="424"/>
      <c r="EIV724" s="424"/>
      <c r="EIW724" s="423" t="s">
        <v>2795</v>
      </c>
      <c r="EIX724" s="424"/>
      <c r="EIY724" s="424"/>
      <c r="EIZ724" s="424"/>
      <c r="EJA724" s="423" t="s">
        <v>2795</v>
      </c>
      <c r="EJB724" s="424"/>
      <c r="EJC724" s="424"/>
      <c r="EJD724" s="424"/>
      <c r="EJE724" s="423" t="s">
        <v>2795</v>
      </c>
      <c r="EJF724" s="424"/>
      <c r="EJG724" s="424"/>
      <c r="EJH724" s="424"/>
      <c r="EJI724" s="423" t="s">
        <v>2795</v>
      </c>
      <c r="EJJ724" s="424"/>
      <c r="EJK724" s="424"/>
      <c r="EJL724" s="424"/>
      <c r="EJM724" s="423" t="s">
        <v>2795</v>
      </c>
      <c r="EJN724" s="424"/>
      <c r="EJO724" s="424"/>
      <c r="EJP724" s="424"/>
      <c r="EJQ724" s="423" t="s">
        <v>2795</v>
      </c>
      <c r="EJR724" s="424"/>
      <c r="EJS724" s="424"/>
      <c r="EJT724" s="424"/>
      <c r="EJU724" s="423" t="s">
        <v>2795</v>
      </c>
      <c r="EJV724" s="424"/>
      <c r="EJW724" s="424"/>
      <c r="EJX724" s="424"/>
      <c r="EJY724" s="423" t="s">
        <v>2795</v>
      </c>
      <c r="EJZ724" s="424"/>
      <c r="EKA724" s="424"/>
      <c r="EKB724" s="424"/>
      <c r="EKC724" s="423" t="s">
        <v>2795</v>
      </c>
      <c r="EKD724" s="424"/>
      <c r="EKE724" s="424"/>
      <c r="EKF724" s="424"/>
      <c r="EKG724" s="423" t="s">
        <v>2795</v>
      </c>
      <c r="EKH724" s="424"/>
      <c r="EKI724" s="424"/>
      <c r="EKJ724" s="424"/>
      <c r="EKK724" s="423" t="s">
        <v>2795</v>
      </c>
      <c r="EKL724" s="424"/>
      <c r="EKM724" s="424"/>
      <c r="EKN724" s="424"/>
      <c r="EKO724" s="423" t="s">
        <v>2795</v>
      </c>
      <c r="EKP724" s="424"/>
      <c r="EKQ724" s="424"/>
      <c r="EKR724" s="424"/>
      <c r="EKS724" s="423" t="s">
        <v>2795</v>
      </c>
      <c r="EKT724" s="424"/>
      <c r="EKU724" s="424"/>
      <c r="EKV724" s="424"/>
      <c r="EKW724" s="423" t="s">
        <v>2795</v>
      </c>
      <c r="EKX724" s="424"/>
      <c r="EKY724" s="424"/>
      <c r="EKZ724" s="424"/>
      <c r="ELA724" s="423" t="s">
        <v>2795</v>
      </c>
      <c r="ELB724" s="424"/>
      <c r="ELC724" s="424"/>
      <c r="ELD724" s="424"/>
      <c r="ELE724" s="423" t="s">
        <v>2795</v>
      </c>
      <c r="ELF724" s="424"/>
      <c r="ELG724" s="424"/>
      <c r="ELH724" s="424"/>
      <c r="ELI724" s="423" t="s">
        <v>2795</v>
      </c>
      <c r="ELJ724" s="424"/>
      <c r="ELK724" s="424"/>
      <c r="ELL724" s="424"/>
      <c r="ELM724" s="423" t="s">
        <v>2795</v>
      </c>
      <c r="ELN724" s="424"/>
      <c r="ELO724" s="424"/>
      <c r="ELP724" s="424"/>
      <c r="ELQ724" s="423" t="s">
        <v>2795</v>
      </c>
      <c r="ELR724" s="424"/>
      <c r="ELS724" s="424"/>
      <c r="ELT724" s="424"/>
      <c r="ELU724" s="423" t="s">
        <v>2795</v>
      </c>
      <c r="ELV724" s="424"/>
      <c r="ELW724" s="424"/>
      <c r="ELX724" s="424"/>
      <c r="ELY724" s="423" t="s">
        <v>2795</v>
      </c>
      <c r="ELZ724" s="424"/>
      <c r="EMA724" s="424"/>
      <c r="EMB724" s="424"/>
      <c r="EMC724" s="423" t="s">
        <v>2795</v>
      </c>
      <c r="EMD724" s="424"/>
      <c r="EME724" s="424"/>
      <c r="EMF724" s="424"/>
      <c r="EMG724" s="423" t="s">
        <v>2795</v>
      </c>
      <c r="EMH724" s="424"/>
      <c r="EMI724" s="424"/>
      <c r="EMJ724" s="424"/>
      <c r="EMK724" s="423" t="s">
        <v>2795</v>
      </c>
      <c r="EML724" s="424"/>
      <c r="EMM724" s="424"/>
      <c r="EMN724" s="424"/>
      <c r="EMO724" s="423" t="s">
        <v>2795</v>
      </c>
      <c r="EMP724" s="424"/>
      <c r="EMQ724" s="424"/>
      <c r="EMR724" s="424"/>
      <c r="EMS724" s="423" t="s">
        <v>2795</v>
      </c>
      <c r="EMT724" s="424"/>
      <c r="EMU724" s="424"/>
      <c r="EMV724" s="424"/>
      <c r="EMW724" s="423" t="s">
        <v>2795</v>
      </c>
      <c r="EMX724" s="424"/>
      <c r="EMY724" s="424"/>
      <c r="EMZ724" s="424"/>
      <c r="ENA724" s="423" t="s">
        <v>2795</v>
      </c>
      <c r="ENB724" s="424"/>
      <c r="ENC724" s="424"/>
      <c r="END724" s="424"/>
      <c r="ENE724" s="423" t="s">
        <v>2795</v>
      </c>
      <c r="ENF724" s="424"/>
      <c r="ENG724" s="424"/>
      <c r="ENH724" s="424"/>
      <c r="ENI724" s="423" t="s">
        <v>2795</v>
      </c>
      <c r="ENJ724" s="424"/>
      <c r="ENK724" s="424"/>
      <c r="ENL724" s="424"/>
      <c r="ENM724" s="423" t="s">
        <v>2795</v>
      </c>
      <c r="ENN724" s="424"/>
      <c r="ENO724" s="424"/>
      <c r="ENP724" s="424"/>
      <c r="ENQ724" s="423" t="s">
        <v>2795</v>
      </c>
      <c r="ENR724" s="424"/>
      <c r="ENS724" s="424"/>
      <c r="ENT724" s="424"/>
      <c r="ENU724" s="423" t="s">
        <v>2795</v>
      </c>
      <c r="ENV724" s="424"/>
      <c r="ENW724" s="424"/>
      <c r="ENX724" s="424"/>
      <c r="ENY724" s="423" t="s">
        <v>2795</v>
      </c>
      <c r="ENZ724" s="424"/>
      <c r="EOA724" s="424"/>
      <c r="EOB724" s="424"/>
      <c r="EOC724" s="423" t="s">
        <v>2795</v>
      </c>
      <c r="EOD724" s="424"/>
      <c r="EOE724" s="424"/>
      <c r="EOF724" s="424"/>
      <c r="EOG724" s="423" t="s">
        <v>2795</v>
      </c>
      <c r="EOH724" s="424"/>
      <c r="EOI724" s="424"/>
      <c r="EOJ724" s="424"/>
      <c r="EOK724" s="423" t="s">
        <v>2795</v>
      </c>
      <c r="EOL724" s="424"/>
      <c r="EOM724" s="424"/>
      <c r="EON724" s="424"/>
      <c r="EOO724" s="423" t="s">
        <v>2795</v>
      </c>
      <c r="EOP724" s="424"/>
      <c r="EOQ724" s="424"/>
      <c r="EOR724" s="424"/>
      <c r="EOS724" s="423" t="s">
        <v>2795</v>
      </c>
      <c r="EOT724" s="424"/>
      <c r="EOU724" s="424"/>
      <c r="EOV724" s="424"/>
      <c r="EOW724" s="423" t="s">
        <v>2795</v>
      </c>
      <c r="EOX724" s="424"/>
      <c r="EOY724" s="424"/>
      <c r="EOZ724" s="424"/>
      <c r="EPA724" s="423" t="s">
        <v>2795</v>
      </c>
      <c r="EPB724" s="424"/>
      <c r="EPC724" s="424"/>
      <c r="EPD724" s="424"/>
      <c r="EPE724" s="423" t="s">
        <v>2795</v>
      </c>
      <c r="EPF724" s="424"/>
      <c r="EPG724" s="424"/>
      <c r="EPH724" s="424"/>
      <c r="EPI724" s="423" t="s">
        <v>2795</v>
      </c>
      <c r="EPJ724" s="424"/>
      <c r="EPK724" s="424"/>
      <c r="EPL724" s="424"/>
      <c r="EPM724" s="423" t="s">
        <v>2795</v>
      </c>
      <c r="EPN724" s="424"/>
      <c r="EPO724" s="424"/>
      <c r="EPP724" s="424"/>
      <c r="EPQ724" s="423" t="s">
        <v>2795</v>
      </c>
      <c r="EPR724" s="424"/>
      <c r="EPS724" s="424"/>
      <c r="EPT724" s="424"/>
      <c r="EPU724" s="423" t="s">
        <v>2795</v>
      </c>
      <c r="EPV724" s="424"/>
      <c r="EPW724" s="424"/>
      <c r="EPX724" s="424"/>
      <c r="EPY724" s="423" t="s">
        <v>2795</v>
      </c>
      <c r="EPZ724" s="424"/>
      <c r="EQA724" s="424"/>
      <c r="EQB724" s="424"/>
      <c r="EQC724" s="423" t="s">
        <v>2795</v>
      </c>
      <c r="EQD724" s="424"/>
      <c r="EQE724" s="424"/>
      <c r="EQF724" s="424"/>
      <c r="EQG724" s="423" t="s">
        <v>2795</v>
      </c>
      <c r="EQH724" s="424"/>
      <c r="EQI724" s="424"/>
      <c r="EQJ724" s="424"/>
      <c r="EQK724" s="423" t="s">
        <v>2795</v>
      </c>
      <c r="EQL724" s="424"/>
      <c r="EQM724" s="424"/>
      <c r="EQN724" s="424"/>
      <c r="EQO724" s="423" t="s">
        <v>2795</v>
      </c>
      <c r="EQP724" s="424"/>
      <c r="EQQ724" s="424"/>
      <c r="EQR724" s="424"/>
      <c r="EQS724" s="423" t="s">
        <v>2795</v>
      </c>
      <c r="EQT724" s="424"/>
      <c r="EQU724" s="424"/>
      <c r="EQV724" s="424"/>
      <c r="EQW724" s="423" t="s">
        <v>2795</v>
      </c>
      <c r="EQX724" s="424"/>
      <c r="EQY724" s="424"/>
      <c r="EQZ724" s="424"/>
      <c r="ERA724" s="423" t="s">
        <v>2795</v>
      </c>
      <c r="ERB724" s="424"/>
      <c r="ERC724" s="424"/>
      <c r="ERD724" s="424"/>
      <c r="ERE724" s="423" t="s">
        <v>2795</v>
      </c>
      <c r="ERF724" s="424"/>
      <c r="ERG724" s="424"/>
      <c r="ERH724" s="424"/>
      <c r="ERI724" s="423" t="s">
        <v>2795</v>
      </c>
      <c r="ERJ724" s="424"/>
      <c r="ERK724" s="424"/>
      <c r="ERL724" s="424"/>
      <c r="ERM724" s="423" t="s">
        <v>2795</v>
      </c>
      <c r="ERN724" s="424"/>
      <c r="ERO724" s="424"/>
      <c r="ERP724" s="424"/>
      <c r="ERQ724" s="423" t="s">
        <v>2795</v>
      </c>
      <c r="ERR724" s="424"/>
      <c r="ERS724" s="424"/>
      <c r="ERT724" s="424"/>
      <c r="ERU724" s="423" t="s">
        <v>2795</v>
      </c>
      <c r="ERV724" s="424"/>
      <c r="ERW724" s="424"/>
      <c r="ERX724" s="424"/>
      <c r="ERY724" s="423" t="s">
        <v>2795</v>
      </c>
      <c r="ERZ724" s="424"/>
      <c r="ESA724" s="424"/>
      <c r="ESB724" s="424"/>
      <c r="ESC724" s="423" t="s">
        <v>2795</v>
      </c>
      <c r="ESD724" s="424"/>
      <c r="ESE724" s="424"/>
      <c r="ESF724" s="424"/>
      <c r="ESG724" s="423" t="s">
        <v>2795</v>
      </c>
      <c r="ESH724" s="424"/>
      <c r="ESI724" s="424"/>
      <c r="ESJ724" s="424"/>
      <c r="ESK724" s="423" t="s">
        <v>2795</v>
      </c>
      <c r="ESL724" s="424"/>
      <c r="ESM724" s="424"/>
      <c r="ESN724" s="424"/>
      <c r="ESO724" s="423" t="s">
        <v>2795</v>
      </c>
      <c r="ESP724" s="424"/>
      <c r="ESQ724" s="424"/>
      <c r="ESR724" s="424"/>
      <c r="ESS724" s="423" t="s">
        <v>2795</v>
      </c>
      <c r="EST724" s="424"/>
      <c r="ESU724" s="424"/>
      <c r="ESV724" s="424"/>
      <c r="ESW724" s="423" t="s">
        <v>2795</v>
      </c>
      <c r="ESX724" s="424"/>
      <c r="ESY724" s="424"/>
      <c r="ESZ724" s="424"/>
      <c r="ETA724" s="423" t="s">
        <v>2795</v>
      </c>
      <c r="ETB724" s="424"/>
      <c r="ETC724" s="424"/>
      <c r="ETD724" s="424"/>
      <c r="ETE724" s="423" t="s">
        <v>2795</v>
      </c>
      <c r="ETF724" s="424"/>
      <c r="ETG724" s="424"/>
      <c r="ETH724" s="424"/>
      <c r="ETI724" s="423" t="s">
        <v>2795</v>
      </c>
      <c r="ETJ724" s="424"/>
      <c r="ETK724" s="424"/>
      <c r="ETL724" s="424"/>
      <c r="ETM724" s="423" t="s">
        <v>2795</v>
      </c>
      <c r="ETN724" s="424"/>
      <c r="ETO724" s="424"/>
      <c r="ETP724" s="424"/>
      <c r="ETQ724" s="423" t="s">
        <v>2795</v>
      </c>
      <c r="ETR724" s="424"/>
      <c r="ETS724" s="424"/>
      <c r="ETT724" s="424"/>
      <c r="ETU724" s="423" t="s">
        <v>2795</v>
      </c>
      <c r="ETV724" s="424"/>
      <c r="ETW724" s="424"/>
      <c r="ETX724" s="424"/>
      <c r="ETY724" s="423" t="s">
        <v>2795</v>
      </c>
      <c r="ETZ724" s="424"/>
      <c r="EUA724" s="424"/>
      <c r="EUB724" s="424"/>
      <c r="EUC724" s="423" t="s">
        <v>2795</v>
      </c>
      <c r="EUD724" s="424"/>
      <c r="EUE724" s="424"/>
      <c r="EUF724" s="424"/>
      <c r="EUG724" s="423" t="s">
        <v>2795</v>
      </c>
      <c r="EUH724" s="424"/>
      <c r="EUI724" s="424"/>
      <c r="EUJ724" s="424"/>
      <c r="EUK724" s="423" t="s">
        <v>2795</v>
      </c>
      <c r="EUL724" s="424"/>
      <c r="EUM724" s="424"/>
      <c r="EUN724" s="424"/>
      <c r="EUO724" s="423" t="s">
        <v>2795</v>
      </c>
      <c r="EUP724" s="424"/>
      <c r="EUQ724" s="424"/>
      <c r="EUR724" s="424"/>
      <c r="EUS724" s="423" t="s">
        <v>2795</v>
      </c>
      <c r="EUT724" s="424"/>
      <c r="EUU724" s="424"/>
      <c r="EUV724" s="424"/>
      <c r="EUW724" s="423" t="s">
        <v>2795</v>
      </c>
      <c r="EUX724" s="424"/>
      <c r="EUY724" s="424"/>
      <c r="EUZ724" s="424"/>
      <c r="EVA724" s="423" t="s">
        <v>2795</v>
      </c>
      <c r="EVB724" s="424"/>
      <c r="EVC724" s="424"/>
      <c r="EVD724" s="424"/>
      <c r="EVE724" s="423" t="s">
        <v>2795</v>
      </c>
      <c r="EVF724" s="424"/>
      <c r="EVG724" s="424"/>
      <c r="EVH724" s="424"/>
      <c r="EVI724" s="423" t="s">
        <v>2795</v>
      </c>
      <c r="EVJ724" s="424"/>
      <c r="EVK724" s="424"/>
      <c r="EVL724" s="424"/>
      <c r="EVM724" s="423" t="s">
        <v>2795</v>
      </c>
      <c r="EVN724" s="424"/>
      <c r="EVO724" s="424"/>
      <c r="EVP724" s="424"/>
      <c r="EVQ724" s="423" t="s">
        <v>2795</v>
      </c>
      <c r="EVR724" s="424"/>
      <c r="EVS724" s="424"/>
      <c r="EVT724" s="424"/>
      <c r="EVU724" s="423" t="s">
        <v>2795</v>
      </c>
      <c r="EVV724" s="424"/>
      <c r="EVW724" s="424"/>
      <c r="EVX724" s="424"/>
      <c r="EVY724" s="423" t="s">
        <v>2795</v>
      </c>
      <c r="EVZ724" s="424"/>
      <c r="EWA724" s="424"/>
      <c r="EWB724" s="424"/>
      <c r="EWC724" s="423" t="s">
        <v>2795</v>
      </c>
      <c r="EWD724" s="424"/>
      <c r="EWE724" s="424"/>
      <c r="EWF724" s="424"/>
      <c r="EWG724" s="423" t="s">
        <v>2795</v>
      </c>
      <c r="EWH724" s="424"/>
      <c r="EWI724" s="424"/>
      <c r="EWJ724" s="424"/>
      <c r="EWK724" s="423" t="s">
        <v>2795</v>
      </c>
      <c r="EWL724" s="424"/>
      <c r="EWM724" s="424"/>
      <c r="EWN724" s="424"/>
      <c r="EWO724" s="423" t="s">
        <v>2795</v>
      </c>
      <c r="EWP724" s="424"/>
      <c r="EWQ724" s="424"/>
      <c r="EWR724" s="424"/>
      <c r="EWS724" s="423" t="s">
        <v>2795</v>
      </c>
      <c r="EWT724" s="424"/>
      <c r="EWU724" s="424"/>
      <c r="EWV724" s="424"/>
      <c r="EWW724" s="423" t="s">
        <v>2795</v>
      </c>
      <c r="EWX724" s="424"/>
      <c r="EWY724" s="424"/>
      <c r="EWZ724" s="424"/>
      <c r="EXA724" s="423" t="s">
        <v>2795</v>
      </c>
      <c r="EXB724" s="424"/>
      <c r="EXC724" s="424"/>
      <c r="EXD724" s="424"/>
      <c r="EXE724" s="423" t="s">
        <v>2795</v>
      </c>
      <c r="EXF724" s="424"/>
      <c r="EXG724" s="424"/>
      <c r="EXH724" s="424"/>
      <c r="EXI724" s="423" t="s">
        <v>2795</v>
      </c>
      <c r="EXJ724" s="424"/>
      <c r="EXK724" s="424"/>
      <c r="EXL724" s="424"/>
      <c r="EXM724" s="423" t="s">
        <v>2795</v>
      </c>
      <c r="EXN724" s="424"/>
      <c r="EXO724" s="424"/>
      <c r="EXP724" s="424"/>
      <c r="EXQ724" s="423" t="s">
        <v>2795</v>
      </c>
      <c r="EXR724" s="424"/>
      <c r="EXS724" s="424"/>
      <c r="EXT724" s="424"/>
      <c r="EXU724" s="423" t="s">
        <v>2795</v>
      </c>
      <c r="EXV724" s="424"/>
      <c r="EXW724" s="424"/>
      <c r="EXX724" s="424"/>
      <c r="EXY724" s="423" t="s">
        <v>2795</v>
      </c>
      <c r="EXZ724" s="424"/>
      <c r="EYA724" s="424"/>
      <c r="EYB724" s="424"/>
      <c r="EYC724" s="423" t="s">
        <v>2795</v>
      </c>
      <c r="EYD724" s="424"/>
      <c r="EYE724" s="424"/>
      <c r="EYF724" s="424"/>
      <c r="EYG724" s="423" t="s">
        <v>2795</v>
      </c>
      <c r="EYH724" s="424"/>
      <c r="EYI724" s="424"/>
      <c r="EYJ724" s="424"/>
      <c r="EYK724" s="423" t="s">
        <v>2795</v>
      </c>
      <c r="EYL724" s="424"/>
      <c r="EYM724" s="424"/>
      <c r="EYN724" s="424"/>
      <c r="EYO724" s="423" t="s">
        <v>2795</v>
      </c>
      <c r="EYP724" s="424"/>
      <c r="EYQ724" s="424"/>
      <c r="EYR724" s="424"/>
      <c r="EYS724" s="423" t="s">
        <v>2795</v>
      </c>
      <c r="EYT724" s="424"/>
      <c r="EYU724" s="424"/>
      <c r="EYV724" s="424"/>
      <c r="EYW724" s="423" t="s">
        <v>2795</v>
      </c>
      <c r="EYX724" s="424"/>
      <c r="EYY724" s="424"/>
      <c r="EYZ724" s="424"/>
      <c r="EZA724" s="423" t="s">
        <v>2795</v>
      </c>
      <c r="EZB724" s="424"/>
      <c r="EZC724" s="424"/>
      <c r="EZD724" s="424"/>
      <c r="EZE724" s="423" t="s">
        <v>2795</v>
      </c>
      <c r="EZF724" s="424"/>
      <c r="EZG724" s="424"/>
      <c r="EZH724" s="424"/>
      <c r="EZI724" s="423" t="s">
        <v>2795</v>
      </c>
      <c r="EZJ724" s="424"/>
      <c r="EZK724" s="424"/>
      <c r="EZL724" s="424"/>
      <c r="EZM724" s="423" t="s">
        <v>2795</v>
      </c>
      <c r="EZN724" s="424"/>
      <c r="EZO724" s="424"/>
      <c r="EZP724" s="424"/>
      <c r="EZQ724" s="423" t="s">
        <v>2795</v>
      </c>
      <c r="EZR724" s="424"/>
      <c r="EZS724" s="424"/>
      <c r="EZT724" s="424"/>
      <c r="EZU724" s="423" t="s">
        <v>2795</v>
      </c>
      <c r="EZV724" s="424"/>
      <c r="EZW724" s="424"/>
      <c r="EZX724" s="424"/>
      <c r="EZY724" s="423" t="s">
        <v>2795</v>
      </c>
      <c r="EZZ724" s="424"/>
      <c r="FAA724" s="424"/>
      <c r="FAB724" s="424"/>
      <c r="FAC724" s="423" t="s">
        <v>2795</v>
      </c>
      <c r="FAD724" s="424"/>
      <c r="FAE724" s="424"/>
      <c r="FAF724" s="424"/>
      <c r="FAG724" s="423" t="s">
        <v>2795</v>
      </c>
      <c r="FAH724" s="424"/>
      <c r="FAI724" s="424"/>
      <c r="FAJ724" s="424"/>
      <c r="FAK724" s="423" t="s">
        <v>2795</v>
      </c>
      <c r="FAL724" s="424"/>
      <c r="FAM724" s="424"/>
      <c r="FAN724" s="424"/>
      <c r="FAO724" s="423" t="s">
        <v>2795</v>
      </c>
      <c r="FAP724" s="424"/>
      <c r="FAQ724" s="424"/>
      <c r="FAR724" s="424"/>
      <c r="FAS724" s="423" t="s">
        <v>2795</v>
      </c>
      <c r="FAT724" s="424"/>
      <c r="FAU724" s="424"/>
      <c r="FAV724" s="424"/>
      <c r="FAW724" s="423" t="s">
        <v>2795</v>
      </c>
      <c r="FAX724" s="424"/>
      <c r="FAY724" s="424"/>
      <c r="FAZ724" s="424"/>
      <c r="FBA724" s="423" t="s">
        <v>2795</v>
      </c>
      <c r="FBB724" s="424"/>
      <c r="FBC724" s="424"/>
      <c r="FBD724" s="424"/>
      <c r="FBE724" s="423" t="s">
        <v>2795</v>
      </c>
      <c r="FBF724" s="424"/>
      <c r="FBG724" s="424"/>
      <c r="FBH724" s="424"/>
      <c r="FBI724" s="423" t="s">
        <v>2795</v>
      </c>
      <c r="FBJ724" s="424"/>
      <c r="FBK724" s="424"/>
      <c r="FBL724" s="424"/>
      <c r="FBM724" s="423" t="s">
        <v>2795</v>
      </c>
      <c r="FBN724" s="424"/>
      <c r="FBO724" s="424"/>
      <c r="FBP724" s="424"/>
      <c r="FBQ724" s="423" t="s">
        <v>2795</v>
      </c>
      <c r="FBR724" s="424"/>
      <c r="FBS724" s="424"/>
      <c r="FBT724" s="424"/>
      <c r="FBU724" s="423" t="s">
        <v>2795</v>
      </c>
      <c r="FBV724" s="424"/>
      <c r="FBW724" s="424"/>
      <c r="FBX724" s="424"/>
      <c r="FBY724" s="423" t="s">
        <v>2795</v>
      </c>
      <c r="FBZ724" s="424"/>
      <c r="FCA724" s="424"/>
      <c r="FCB724" s="424"/>
      <c r="FCC724" s="423" t="s">
        <v>2795</v>
      </c>
      <c r="FCD724" s="424"/>
      <c r="FCE724" s="424"/>
      <c r="FCF724" s="424"/>
      <c r="FCG724" s="423" t="s">
        <v>2795</v>
      </c>
      <c r="FCH724" s="424"/>
      <c r="FCI724" s="424"/>
      <c r="FCJ724" s="424"/>
      <c r="FCK724" s="423" t="s">
        <v>2795</v>
      </c>
      <c r="FCL724" s="424"/>
      <c r="FCM724" s="424"/>
      <c r="FCN724" s="424"/>
      <c r="FCO724" s="423" t="s">
        <v>2795</v>
      </c>
      <c r="FCP724" s="424"/>
      <c r="FCQ724" s="424"/>
      <c r="FCR724" s="424"/>
      <c r="FCS724" s="423" t="s">
        <v>2795</v>
      </c>
      <c r="FCT724" s="424"/>
      <c r="FCU724" s="424"/>
      <c r="FCV724" s="424"/>
      <c r="FCW724" s="423" t="s">
        <v>2795</v>
      </c>
      <c r="FCX724" s="424"/>
      <c r="FCY724" s="424"/>
      <c r="FCZ724" s="424"/>
      <c r="FDA724" s="423" t="s">
        <v>2795</v>
      </c>
      <c r="FDB724" s="424"/>
      <c r="FDC724" s="424"/>
      <c r="FDD724" s="424"/>
      <c r="FDE724" s="423" t="s">
        <v>2795</v>
      </c>
      <c r="FDF724" s="424"/>
      <c r="FDG724" s="424"/>
      <c r="FDH724" s="424"/>
      <c r="FDI724" s="423" t="s">
        <v>2795</v>
      </c>
      <c r="FDJ724" s="424"/>
      <c r="FDK724" s="424"/>
      <c r="FDL724" s="424"/>
      <c r="FDM724" s="423" t="s">
        <v>2795</v>
      </c>
      <c r="FDN724" s="424"/>
      <c r="FDO724" s="424"/>
      <c r="FDP724" s="424"/>
      <c r="FDQ724" s="423" t="s">
        <v>2795</v>
      </c>
      <c r="FDR724" s="424"/>
      <c r="FDS724" s="424"/>
      <c r="FDT724" s="424"/>
      <c r="FDU724" s="423" t="s">
        <v>2795</v>
      </c>
      <c r="FDV724" s="424"/>
      <c r="FDW724" s="424"/>
      <c r="FDX724" s="424"/>
      <c r="FDY724" s="423" t="s">
        <v>2795</v>
      </c>
      <c r="FDZ724" s="424"/>
      <c r="FEA724" s="424"/>
      <c r="FEB724" s="424"/>
      <c r="FEC724" s="423" t="s">
        <v>2795</v>
      </c>
      <c r="FED724" s="424"/>
      <c r="FEE724" s="424"/>
      <c r="FEF724" s="424"/>
      <c r="FEG724" s="423" t="s">
        <v>2795</v>
      </c>
      <c r="FEH724" s="424"/>
      <c r="FEI724" s="424"/>
      <c r="FEJ724" s="424"/>
      <c r="FEK724" s="423" t="s">
        <v>2795</v>
      </c>
      <c r="FEL724" s="424"/>
      <c r="FEM724" s="424"/>
      <c r="FEN724" s="424"/>
      <c r="FEO724" s="423" t="s">
        <v>2795</v>
      </c>
      <c r="FEP724" s="424"/>
      <c r="FEQ724" s="424"/>
      <c r="FER724" s="424"/>
      <c r="FES724" s="423" t="s">
        <v>2795</v>
      </c>
      <c r="FET724" s="424"/>
      <c r="FEU724" s="424"/>
      <c r="FEV724" s="424"/>
      <c r="FEW724" s="423" t="s">
        <v>2795</v>
      </c>
      <c r="FEX724" s="424"/>
      <c r="FEY724" s="424"/>
      <c r="FEZ724" s="424"/>
      <c r="FFA724" s="423" t="s">
        <v>2795</v>
      </c>
      <c r="FFB724" s="424"/>
      <c r="FFC724" s="424"/>
      <c r="FFD724" s="424"/>
      <c r="FFE724" s="423" t="s">
        <v>2795</v>
      </c>
      <c r="FFF724" s="424"/>
      <c r="FFG724" s="424"/>
      <c r="FFH724" s="424"/>
      <c r="FFI724" s="423" t="s">
        <v>2795</v>
      </c>
      <c r="FFJ724" s="424"/>
      <c r="FFK724" s="424"/>
      <c r="FFL724" s="424"/>
      <c r="FFM724" s="423" t="s">
        <v>2795</v>
      </c>
      <c r="FFN724" s="424"/>
      <c r="FFO724" s="424"/>
      <c r="FFP724" s="424"/>
      <c r="FFQ724" s="423" t="s">
        <v>2795</v>
      </c>
      <c r="FFR724" s="424"/>
      <c r="FFS724" s="424"/>
      <c r="FFT724" s="424"/>
      <c r="FFU724" s="423" t="s">
        <v>2795</v>
      </c>
      <c r="FFV724" s="424"/>
      <c r="FFW724" s="424"/>
      <c r="FFX724" s="424"/>
      <c r="FFY724" s="423" t="s">
        <v>2795</v>
      </c>
      <c r="FFZ724" s="424"/>
      <c r="FGA724" s="424"/>
      <c r="FGB724" s="424"/>
      <c r="FGC724" s="423" t="s">
        <v>2795</v>
      </c>
      <c r="FGD724" s="424"/>
      <c r="FGE724" s="424"/>
      <c r="FGF724" s="424"/>
      <c r="FGG724" s="423" t="s">
        <v>2795</v>
      </c>
      <c r="FGH724" s="424"/>
      <c r="FGI724" s="424"/>
      <c r="FGJ724" s="424"/>
      <c r="FGK724" s="423" t="s">
        <v>2795</v>
      </c>
      <c r="FGL724" s="424"/>
      <c r="FGM724" s="424"/>
      <c r="FGN724" s="424"/>
      <c r="FGO724" s="423" t="s">
        <v>2795</v>
      </c>
      <c r="FGP724" s="424"/>
      <c r="FGQ724" s="424"/>
      <c r="FGR724" s="424"/>
      <c r="FGS724" s="423" t="s">
        <v>2795</v>
      </c>
      <c r="FGT724" s="424"/>
      <c r="FGU724" s="424"/>
      <c r="FGV724" s="424"/>
      <c r="FGW724" s="423" t="s">
        <v>2795</v>
      </c>
      <c r="FGX724" s="424"/>
      <c r="FGY724" s="424"/>
      <c r="FGZ724" s="424"/>
      <c r="FHA724" s="423" t="s">
        <v>2795</v>
      </c>
      <c r="FHB724" s="424"/>
      <c r="FHC724" s="424"/>
      <c r="FHD724" s="424"/>
      <c r="FHE724" s="423" t="s">
        <v>2795</v>
      </c>
      <c r="FHF724" s="424"/>
      <c r="FHG724" s="424"/>
      <c r="FHH724" s="424"/>
      <c r="FHI724" s="423" t="s">
        <v>2795</v>
      </c>
      <c r="FHJ724" s="424"/>
      <c r="FHK724" s="424"/>
      <c r="FHL724" s="424"/>
      <c r="FHM724" s="423" t="s">
        <v>2795</v>
      </c>
      <c r="FHN724" s="424"/>
      <c r="FHO724" s="424"/>
      <c r="FHP724" s="424"/>
      <c r="FHQ724" s="423" t="s">
        <v>2795</v>
      </c>
      <c r="FHR724" s="424"/>
      <c r="FHS724" s="424"/>
      <c r="FHT724" s="424"/>
      <c r="FHU724" s="423" t="s">
        <v>2795</v>
      </c>
      <c r="FHV724" s="424"/>
      <c r="FHW724" s="424"/>
      <c r="FHX724" s="424"/>
      <c r="FHY724" s="423" t="s">
        <v>2795</v>
      </c>
      <c r="FHZ724" s="424"/>
      <c r="FIA724" s="424"/>
      <c r="FIB724" s="424"/>
      <c r="FIC724" s="423" t="s">
        <v>2795</v>
      </c>
      <c r="FID724" s="424"/>
      <c r="FIE724" s="424"/>
      <c r="FIF724" s="424"/>
      <c r="FIG724" s="423" t="s">
        <v>2795</v>
      </c>
      <c r="FIH724" s="424"/>
      <c r="FII724" s="424"/>
      <c r="FIJ724" s="424"/>
      <c r="FIK724" s="423" t="s">
        <v>2795</v>
      </c>
      <c r="FIL724" s="424"/>
      <c r="FIM724" s="424"/>
      <c r="FIN724" s="424"/>
      <c r="FIO724" s="423" t="s">
        <v>2795</v>
      </c>
      <c r="FIP724" s="424"/>
      <c r="FIQ724" s="424"/>
      <c r="FIR724" s="424"/>
      <c r="FIS724" s="423" t="s">
        <v>2795</v>
      </c>
      <c r="FIT724" s="424"/>
      <c r="FIU724" s="424"/>
      <c r="FIV724" s="424"/>
      <c r="FIW724" s="423" t="s">
        <v>2795</v>
      </c>
      <c r="FIX724" s="424"/>
      <c r="FIY724" s="424"/>
      <c r="FIZ724" s="424"/>
      <c r="FJA724" s="423" t="s">
        <v>2795</v>
      </c>
      <c r="FJB724" s="424"/>
      <c r="FJC724" s="424"/>
      <c r="FJD724" s="424"/>
      <c r="FJE724" s="423" t="s">
        <v>2795</v>
      </c>
      <c r="FJF724" s="424"/>
      <c r="FJG724" s="424"/>
      <c r="FJH724" s="424"/>
      <c r="FJI724" s="423" t="s">
        <v>2795</v>
      </c>
      <c r="FJJ724" s="424"/>
      <c r="FJK724" s="424"/>
      <c r="FJL724" s="424"/>
      <c r="FJM724" s="423" t="s">
        <v>2795</v>
      </c>
      <c r="FJN724" s="424"/>
      <c r="FJO724" s="424"/>
      <c r="FJP724" s="424"/>
      <c r="FJQ724" s="423" t="s">
        <v>2795</v>
      </c>
      <c r="FJR724" s="424"/>
      <c r="FJS724" s="424"/>
      <c r="FJT724" s="424"/>
      <c r="FJU724" s="423" t="s">
        <v>2795</v>
      </c>
      <c r="FJV724" s="424"/>
      <c r="FJW724" s="424"/>
      <c r="FJX724" s="424"/>
      <c r="FJY724" s="423" t="s">
        <v>2795</v>
      </c>
      <c r="FJZ724" s="424"/>
      <c r="FKA724" s="424"/>
      <c r="FKB724" s="424"/>
      <c r="FKC724" s="423" t="s">
        <v>2795</v>
      </c>
      <c r="FKD724" s="424"/>
      <c r="FKE724" s="424"/>
      <c r="FKF724" s="424"/>
      <c r="FKG724" s="423" t="s">
        <v>2795</v>
      </c>
      <c r="FKH724" s="424"/>
      <c r="FKI724" s="424"/>
      <c r="FKJ724" s="424"/>
      <c r="FKK724" s="423" t="s">
        <v>2795</v>
      </c>
      <c r="FKL724" s="424"/>
      <c r="FKM724" s="424"/>
      <c r="FKN724" s="424"/>
      <c r="FKO724" s="423" t="s">
        <v>2795</v>
      </c>
      <c r="FKP724" s="424"/>
      <c r="FKQ724" s="424"/>
      <c r="FKR724" s="424"/>
      <c r="FKS724" s="423" t="s">
        <v>2795</v>
      </c>
      <c r="FKT724" s="424"/>
      <c r="FKU724" s="424"/>
      <c r="FKV724" s="424"/>
      <c r="FKW724" s="423" t="s">
        <v>2795</v>
      </c>
      <c r="FKX724" s="424"/>
      <c r="FKY724" s="424"/>
      <c r="FKZ724" s="424"/>
      <c r="FLA724" s="423" t="s">
        <v>2795</v>
      </c>
      <c r="FLB724" s="424"/>
      <c r="FLC724" s="424"/>
      <c r="FLD724" s="424"/>
      <c r="FLE724" s="423" t="s">
        <v>2795</v>
      </c>
      <c r="FLF724" s="424"/>
      <c r="FLG724" s="424"/>
      <c r="FLH724" s="424"/>
      <c r="FLI724" s="423" t="s">
        <v>2795</v>
      </c>
      <c r="FLJ724" s="424"/>
      <c r="FLK724" s="424"/>
      <c r="FLL724" s="424"/>
      <c r="FLM724" s="423" t="s">
        <v>2795</v>
      </c>
      <c r="FLN724" s="424"/>
      <c r="FLO724" s="424"/>
      <c r="FLP724" s="424"/>
      <c r="FLQ724" s="423" t="s">
        <v>2795</v>
      </c>
      <c r="FLR724" s="424"/>
      <c r="FLS724" s="424"/>
      <c r="FLT724" s="424"/>
      <c r="FLU724" s="423" t="s">
        <v>2795</v>
      </c>
      <c r="FLV724" s="424"/>
      <c r="FLW724" s="424"/>
      <c r="FLX724" s="424"/>
      <c r="FLY724" s="423" t="s">
        <v>2795</v>
      </c>
      <c r="FLZ724" s="424"/>
      <c r="FMA724" s="424"/>
      <c r="FMB724" s="424"/>
      <c r="FMC724" s="423" t="s">
        <v>2795</v>
      </c>
      <c r="FMD724" s="424"/>
      <c r="FME724" s="424"/>
      <c r="FMF724" s="424"/>
      <c r="FMG724" s="423" t="s">
        <v>2795</v>
      </c>
      <c r="FMH724" s="424"/>
      <c r="FMI724" s="424"/>
      <c r="FMJ724" s="424"/>
      <c r="FMK724" s="423" t="s">
        <v>2795</v>
      </c>
      <c r="FML724" s="424"/>
      <c r="FMM724" s="424"/>
      <c r="FMN724" s="424"/>
      <c r="FMO724" s="423" t="s">
        <v>2795</v>
      </c>
      <c r="FMP724" s="424"/>
      <c r="FMQ724" s="424"/>
      <c r="FMR724" s="424"/>
      <c r="FMS724" s="423" t="s">
        <v>2795</v>
      </c>
      <c r="FMT724" s="424"/>
      <c r="FMU724" s="424"/>
      <c r="FMV724" s="424"/>
      <c r="FMW724" s="423" t="s">
        <v>2795</v>
      </c>
      <c r="FMX724" s="424"/>
      <c r="FMY724" s="424"/>
      <c r="FMZ724" s="424"/>
      <c r="FNA724" s="423" t="s">
        <v>2795</v>
      </c>
      <c r="FNB724" s="424"/>
      <c r="FNC724" s="424"/>
      <c r="FND724" s="424"/>
      <c r="FNE724" s="423" t="s">
        <v>2795</v>
      </c>
      <c r="FNF724" s="424"/>
      <c r="FNG724" s="424"/>
      <c r="FNH724" s="424"/>
      <c r="FNI724" s="423" t="s">
        <v>2795</v>
      </c>
      <c r="FNJ724" s="424"/>
      <c r="FNK724" s="424"/>
      <c r="FNL724" s="424"/>
      <c r="FNM724" s="423" t="s">
        <v>2795</v>
      </c>
      <c r="FNN724" s="424"/>
      <c r="FNO724" s="424"/>
      <c r="FNP724" s="424"/>
      <c r="FNQ724" s="423" t="s">
        <v>2795</v>
      </c>
      <c r="FNR724" s="424"/>
      <c r="FNS724" s="424"/>
      <c r="FNT724" s="424"/>
      <c r="FNU724" s="423" t="s">
        <v>2795</v>
      </c>
      <c r="FNV724" s="424"/>
      <c r="FNW724" s="424"/>
      <c r="FNX724" s="424"/>
      <c r="FNY724" s="423" t="s">
        <v>2795</v>
      </c>
      <c r="FNZ724" s="424"/>
      <c r="FOA724" s="424"/>
      <c r="FOB724" s="424"/>
      <c r="FOC724" s="423" t="s">
        <v>2795</v>
      </c>
      <c r="FOD724" s="424"/>
      <c r="FOE724" s="424"/>
      <c r="FOF724" s="424"/>
      <c r="FOG724" s="423" t="s">
        <v>2795</v>
      </c>
      <c r="FOH724" s="424"/>
      <c r="FOI724" s="424"/>
      <c r="FOJ724" s="424"/>
      <c r="FOK724" s="423" t="s">
        <v>2795</v>
      </c>
      <c r="FOL724" s="424"/>
      <c r="FOM724" s="424"/>
      <c r="FON724" s="424"/>
      <c r="FOO724" s="423" t="s">
        <v>2795</v>
      </c>
      <c r="FOP724" s="424"/>
      <c r="FOQ724" s="424"/>
      <c r="FOR724" s="424"/>
      <c r="FOS724" s="423" t="s">
        <v>2795</v>
      </c>
      <c r="FOT724" s="424"/>
      <c r="FOU724" s="424"/>
      <c r="FOV724" s="424"/>
      <c r="FOW724" s="423" t="s">
        <v>2795</v>
      </c>
      <c r="FOX724" s="424"/>
      <c r="FOY724" s="424"/>
      <c r="FOZ724" s="424"/>
      <c r="FPA724" s="423" t="s">
        <v>2795</v>
      </c>
      <c r="FPB724" s="424"/>
      <c r="FPC724" s="424"/>
      <c r="FPD724" s="424"/>
      <c r="FPE724" s="423" t="s">
        <v>2795</v>
      </c>
      <c r="FPF724" s="424"/>
      <c r="FPG724" s="424"/>
      <c r="FPH724" s="424"/>
      <c r="FPI724" s="423" t="s">
        <v>2795</v>
      </c>
      <c r="FPJ724" s="424"/>
      <c r="FPK724" s="424"/>
      <c r="FPL724" s="424"/>
      <c r="FPM724" s="423" t="s">
        <v>2795</v>
      </c>
      <c r="FPN724" s="424"/>
      <c r="FPO724" s="424"/>
      <c r="FPP724" s="424"/>
      <c r="FPQ724" s="423" t="s">
        <v>2795</v>
      </c>
      <c r="FPR724" s="424"/>
      <c r="FPS724" s="424"/>
      <c r="FPT724" s="424"/>
      <c r="FPU724" s="423" t="s">
        <v>2795</v>
      </c>
      <c r="FPV724" s="424"/>
      <c r="FPW724" s="424"/>
      <c r="FPX724" s="424"/>
      <c r="FPY724" s="423" t="s">
        <v>2795</v>
      </c>
      <c r="FPZ724" s="424"/>
      <c r="FQA724" s="424"/>
      <c r="FQB724" s="424"/>
      <c r="FQC724" s="423" t="s">
        <v>2795</v>
      </c>
      <c r="FQD724" s="424"/>
      <c r="FQE724" s="424"/>
      <c r="FQF724" s="424"/>
      <c r="FQG724" s="423" t="s">
        <v>2795</v>
      </c>
      <c r="FQH724" s="424"/>
      <c r="FQI724" s="424"/>
      <c r="FQJ724" s="424"/>
      <c r="FQK724" s="423" t="s">
        <v>2795</v>
      </c>
      <c r="FQL724" s="424"/>
      <c r="FQM724" s="424"/>
      <c r="FQN724" s="424"/>
      <c r="FQO724" s="423" t="s">
        <v>2795</v>
      </c>
      <c r="FQP724" s="424"/>
      <c r="FQQ724" s="424"/>
      <c r="FQR724" s="424"/>
      <c r="FQS724" s="423" t="s">
        <v>2795</v>
      </c>
      <c r="FQT724" s="424"/>
      <c r="FQU724" s="424"/>
      <c r="FQV724" s="424"/>
      <c r="FQW724" s="423" t="s">
        <v>2795</v>
      </c>
      <c r="FQX724" s="424"/>
      <c r="FQY724" s="424"/>
      <c r="FQZ724" s="424"/>
      <c r="FRA724" s="423" t="s">
        <v>2795</v>
      </c>
      <c r="FRB724" s="424"/>
      <c r="FRC724" s="424"/>
      <c r="FRD724" s="424"/>
      <c r="FRE724" s="423" t="s">
        <v>2795</v>
      </c>
      <c r="FRF724" s="424"/>
      <c r="FRG724" s="424"/>
      <c r="FRH724" s="424"/>
      <c r="FRI724" s="423" t="s">
        <v>2795</v>
      </c>
      <c r="FRJ724" s="424"/>
      <c r="FRK724" s="424"/>
      <c r="FRL724" s="424"/>
      <c r="FRM724" s="423" t="s">
        <v>2795</v>
      </c>
      <c r="FRN724" s="424"/>
      <c r="FRO724" s="424"/>
      <c r="FRP724" s="424"/>
      <c r="FRQ724" s="423" t="s">
        <v>2795</v>
      </c>
      <c r="FRR724" s="424"/>
      <c r="FRS724" s="424"/>
      <c r="FRT724" s="424"/>
      <c r="FRU724" s="423" t="s">
        <v>2795</v>
      </c>
      <c r="FRV724" s="424"/>
      <c r="FRW724" s="424"/>
      <c r="FRX724" s="424"/>
      <c r="FRY724" s="423" t="s">
        <v>2795</v>
      </c>
      <c r="FRZ724" s="424"/>
      <c r="FSA724" s="424"/>
      <c r="FSB724" s="424"/>
      <c r="FSC724" s="423" t="s">
        <v>2795</v>
      </c>
      <c r="FSD724" s="424"/>
      <c r="FSE724" s="424"/>
      <c r="FSF724" s="424"/>
      <c r="FSG724" s="423" t="s">
        <v>2795</v>
      </c>
      <c r="FSH724" s="424"/>
      <c r="FSI724" s="424"/>
      <c r="FSJ724" s="424"/>
      <c r="FSK724" s="423" t="s">
        <v>2795</v>
      </c>
      <c r="FSL724" s="424"/>
      <c r="FSM724" s="424"/>
      <c r="FSN724" s="424"/>
      <c r="FSO724" s="423" t="s">
        <v>2795</v>
      </c>
      <c r="FSP724" s="424"/>
      <c r="FSQ724" s="424"/>
      <c r="FSR724" s="424"/>
      <c r="FSS724" s="423" t="s">
        <v>2795</v>
      </c>
      <c r="FST724" s="424"/>
      <c r="FSU724" s="424"/>
      <c r="FSV724" s="424"/>
      <c r="FSW724" s="423" t="s">
        <v>2795</v>
      </c>
      <c r="FSX724" s="424"/>
      <c r="FSY724" s="424"/>
      <c r="FSZ724" s="424"/>
      <c r="FTA724" s="423" t="s">
        <v>2795</v>
      </c>
      <c r="FTB724" s="424"/>
      <c r="FTC724" s="424"/>
      <c r="FTD724" s="424"/>
      <c r="FTE724" s="423" t="s">
        <v>2795</v>
      </c>
      <c r="FTF724" s="424"/>
      <c r="FTG724" s="424"/>
      <c r="FTH724" s="424"/>
      <c r="FTI724" s="423" t="s">
        <v>2795</v>
      </c>
      <c r="FTJ724" s="424"/>
      <c r="FTK724" s="424"/>
      <c r="FTL724" s="424"/>
      <c r="FTM724" s="423" t="s">
        <v>2795</v>
      </c>
      <c r="FTN724" s="424"/>
      <c r="FTO724" s="424"/>
      <c r="FTP724" s="424"/>
      <c r="FTQ724" s="423" t="s">
        <v>2795</v>
      </c>
      <c r="FTR724" s="424"/>
      <c r="FTS724" s="424"/>
      <c r="FTT724" s="424"/>
      <c r="FTU724" s="423" t="s">
        <v>2795</v>
      </c>
      <c r="FTV724" s="424"/>
      <c r="FTW724" s="424"/>
      <c r="FTX724" s="424"/>
      <c r="FTY724" s="423" t="s">
        <v>2795</v>
      </c>
      <c r="FTZ724" s="424"/>
      <c r="FUA724" s="424"/>
      <c r="FUB724" s="424"/>
      <c r="FUC724" s="423" t="s">
        <v>2795</v>
      </c>
      <c r="FUD724" s="424"/>
      <c r="FUE724" s="424"/>
      <c r="FUF724" s="424"/>
      <c r="FUG724" s="423" t="s">
        <v>2795</v>
      </c>
      <c r="FUH724" s="424"/>
      <c r="FUI724" s="424"/>
      <c r="FUJ724" s="424"/>
      <c r="FUK724" s="423" t="s">
        <v>2795</v>
      </c>
      <c r="FUL724" s="424"/>
      <c r="FUM724" s="424"/>
      <c r="FUN724" s="424"/>
      <c r="FUO724" s="423" t="s">
        <v>2795</v>
      </c>
      <c r="FUP724" s="424"/>
      <c r="FUQ724" s="424"/>
      <c r="FUR724" s="424"/>
      <c r="FUS724" s="423" t="s">
        <v>2795</v>
      </c>
      <c r="FUT724" s="424"/>
      <c r="FUU724" s="424"/>
      <c r="FUV724" s="424"/>
      <c r="FUW724" s="423" t="s">
        <v>2795</v>
      </c>
      <c r="FUX724" s="424"/>
      <c r="FUY724" s="424"/>
      <c r="FUZ724" s="424"/>
      <c r="FVA724" s="423" t="s">
        <v>2795</v>
      </c>
      <c r="FVB724" s="424"/>
      <c r="FVC724" s="424"/>
      <c r="FVD724" s="424"/>
      <c r="FVE724" s="423" t="s">
        <v>2795</v>
      </c>
      <c r="FVF724" s="424"/>
      <c r="FVG724" s="424"/>
      <c r="FVH724" s="424"/>
      <c r="FVI724" s="423" t="s">
        <v>2795</v>
      </c>
      <c r="FVJ724" s="424"/>
      <c r="FVK724" s="424"/>
      <c r="FVL724" s="424"/>
      <c r="FVM724" s="423" t="s">
        <v>2795</v>
      </c>
      <c r="FVN724" s="424"/>
      <c r="FVO724" s="424"/>
      <c r="FVP724" s="424"/>
      <c r="FVQ724" s="423" t="s">
        <v>2795</v>
      </c>
      <c r="FVR724" s="424"/>
      <c r="FVS724" s="424"/>
      <c r="FVT724" s="424"/>
      <c r="FVU724" s="423" t="s">
        <v>2795</v>
      </c>
      <c r="FVV724" s="424"/>
      <c r="FVW724" s="424"/>
      <c r="FVX724" s="424"/>
      <c r="FVY724" s="423" t="s">
        <v>2795</v>
      </c>
      <c r="FVZ724" s="424"/>
      <c r="FWA724" s="424"/>
      <c r="FWB724" s="424"/>
      <c r="FWC724" s="423" t="s">
        <v>2795</v>
      </c>
      <c r="FWD724" s="424"/>
      <c r="FWE724" s="424"/>
      <c r="FWF724" s="424"/>
      <c r="FWG724" s="423" t="s">
        <v>2795</v>
      </c>
      <c r="FWH724" s="424"/>
      <c r="FWI724" s="424"/>
      <c r="FWJ724" s="424"/>
      <c r="FWK724" s="423" t="s">
        <v>2795</v>
      </c>
      <c r="FWL724" s="424"/>
      <c r="FWM724" s="424"/>
      <c r="FWN724" s="424"/>
      <c r="FWO724" s="423" t="s">
        <v>2795</v>
      </c>
      <c r="FWP724" s="424"/>
      <c r="FWQ724" s="424"/>
      <c r="FWR724" s="424"/>
      <c r="FWS724" s="423" t="s">
        <v>2795</v>
      </c>
      <c r="FWT724" s="424"/>
      <c r="FWU724" s="424"/>
      <c r="FWV724" s="424"/>
      <c r="FWW724" s="423" t="s">
        <v>2795</v>
      </c>
      <c r="FWX724" s="424"/>
      <c r="FWY724" s="424"/>
      <c r="FWZ724" s="424"/>
      <c r="FXA724" s="423" t="s">
        <v>2795</v>
      </c>
      <c r="FXB724" s="424"/>
      <c r="FXC724" s="424"/>
      <c r="FXD724" s="424"/>
      <c r="FXE724" s="423" t="s">
        <v>2795</v>
      </c>
      <c r="FXF724" s="424"/>
      <c r="FXG724" s="424"/>
      <c r="FXH724" s="424"/>
      <c r="FXI724" s="423" t="s">
        <v>2795</v>
      </c>
      <c r="FXJ724" s="424"/>
      <c r="FXK724" s="424"/>
      <c r="FXL724" s="424"/>
      <c r="FXM724" s="423" t="s">
        <v>2795</v>
      </c>
      <c r="FXN724" s="424"/>
      <c r="FXO724" s="424"/>
      <c r="FXP724" s="424"/>
      <c r="FXQ724" s="423" t="s">
        <v>2795</v>
      </c>
      <c r="FXR724" s="424"/>
      <c r="FXS724" s="424"/>
      <c r="FXT724" s="424"/>
      <c r="FXU724" s="423" t="s">
        <v>2795</v>
      </c>
      <c r="FXV724" s="424"/>
      <c r="FXW724" s="424"/>
      <c r="FXX724" s="424"/>
      <c r="FXY724" s="423" t="s">
        <v>2795</v>
      </c>
      <c r="FXZ724" s="424"/>
      <c r="FYA724" s="424"/>
      <c r="FYB724" s="424"/>
      <c r="FYC724" s="423" t="s">
        <v>2795</v>
      </c>
      <c r="FYD724" s="424"/>
      <c r="FYE724" s="424"/>
      <c r="FYF724" s="424"/>
      <c r="FYG724" s="423" t="s">
        <v>2795</v>
      </c>
      <c r="FYH724" s="424"/>
      <c r="FYI724" s="424"/>
      <c r="FYJ724" s="424"/>
      <c r="FYK724" s="423" t="s">
        <v>2795</v>
      </c>
      <c r="FYL724" s="424"/>
      <c r="FYM724" s="424"/>
      <c r="FYN724" s="424"/>
      <c r="FYO724" s="423" t="s">
        <v>2795</v>
      </c>
      <c r="FYP724" s="424"/>
      <c r="FYQ724" s="424"/>
      <c r="FYR724" s="424"/>
      <c r="FYS724" s="423" t="s">
        <v>2795</v>
      </c>
      <c r="FYT724" s="424"/>
      <c r="FYU724" s="424"/>
      <c r="FYV724" s="424"/>
      <c r="FYW724" s="423" t="s">
        <v>2795</v>
      </c>
      <c r="FYX724" s="424"/>
      <c r="FYY724" s="424"/>
      <c r="FYZ724" s="424"/>
      <c r="FZA724" s="423" t="s">
        <v>2795</v>
      </c>
      <c r="FZB724" s="424"/>
      <c r="FZC724" s="424"/>
      <c r="FZD724" s="424"/>
      <c r="FZE724" s="423" t="s">
        <v>2795</v>
      </c>
      <c r="FZF724" s="424"/>
      <c r="FZG724" s="424"/>
      <c r="FZH724" s="424"/>
      <c r="FZI724" s="423" t="s">
        <v>2795</v>
      </c>
      <c r="FZJ724" s="424"/>
      <c r="FZK724" s="424"/>
      <c r="FZL724" s="424"/>
      <c r="FZM724" s="423" t="s">
        <v>2795</v>
      </c>
      <c r="FZN724" s="424"/>
      <c r="FZO724" s="424"/>
      <c r="FZP724" s="424"/>
      <c r="FZQ724" s="423" t="s">
        <v>2795</v>
      </c>
      <c r="FZR724" s="424"/>
      <c r="FZS724" s="424"/>
      <c r="FZT724" s="424"/>
      <c r="FZU724" s="423" t="s">
        <v>2795</v>
      </c>
      <c r="FZV724" s="424"/>
      <c r="FZW724" s="424"/>
      <c r="FZX724" s="424"/>
      <c r="FZY724" s="423" t="s">
        <v>2795</v>
      </c>
      <c r="FZZ724" s="424"/>
      <c r="GAA724" s="424"/>
      <c r="GAB724" s="424"/>
      <c r="GAC724" s="423" t="s">
        <v>2795</v>
      </c>
      <c r="GAD724" s="424"/>
      <c r="GAE724" s="424"/>
      <c r="GAF724" s="424"/>
      <c r="GAG724" s="423" t="s">
        <v>2795</v>
      </c>
      <c r="GAH724" s="424"/>
      <c r="GAI724" s="424"/>
      <c r="GAJ724" s="424"/>
      <c r="GAK724" s="423" t="s">
        <v>2795</v>
      </c>
      <c r="GAL724" s="424"/>
      <c r="GAM724" s="424"/>
      <c r="GAN724" s="424"/>
      <c r="GAO724" s="423" t="s">
        <v>2795</v>
      </c>
      <c r="GAP724" s="424"/>
      <c r="GAQ724" s="424"/>
      <c r="GAR724" s="424"/>
      <c r="GAS724" s="423" t="s">
        <v>2795</v>
      </c>
      <c r="GAT724" s="424"/>
      <c r="GAU724" s="424"/>
      <c r="GAV724" s="424"/>
      <c r="GAW724" s="423" t="s">
        <v>2795</v>
      </c>
      <c r="GAX724" s="424"/>
      <c r="GAY724" s="424"/>
      <c r="GAZ724" s="424"/>
      <c r="GBA724" s="423" t="s">
        <v>2795</v>
      </c>
      <c r="GBB724" s="424"/>
      <c r="GBC724" s="424"/>
      <c r="GBD724" s="424"/>
      <c r="GBE724" s="423" t="s">
        <v>2795</v>
      </c>
      <c r="GBF724" s="424"/>
      <c r="GBG724" s="424"/>
      <c r="GBH724" s="424"/>
      <c r="GBI724" s="423" t="s">
        <v>2795</v>
      </c>
      <c r="GBJ724" s="424"/>
      <c r="GBK724" s="424"/>
      <c r="GBL724" s="424"/>
      <c r="GBM724" s="423" t="s">
        <v>2795</v>
      </c>
      <c r="GBN724" s="424"/>
      <c r="GBO724" s="424"/>
      <c r="GBP724" s="424"/>
      <c r="GBQ724" s="423" t="s">
        <v>2795</v>
      </c>
      <c r="GBR724" s="424"/>
      <c r="GBS724" s="424"/>
      <c r="GBT724" s="424"/>
      <c r="GBU724" s="423" t="s">
        <v>2795</v>
      </c>
      <c r="GBV724" s="424"/>
      <c r="GBW724" s="424"/>
      <c r="GBX724" s="424"/>
      <c r="GBY724" s="423" t="s">
        <v>2795</v>
      </c>
      <c r="GBZ724" s="424"/>
      <c r="GCA724" s="424"/>
      <c r="GCB724" s="424"/>
      <c r="GCC724" s="423" t="s">
        <v>2795</v>
      </c>
      <c r="GCD724" s="424"/>
      <c r="GCE724" s="424"/>
      <c r="GCF724" s="424"/>
      <c r="GCG724" s="423" t="s">
        <v>2795</v>
      </c>
      <c r="GCH724" s="424"/>
      <c r="GCI724" s="424"/>
      <c r="GCJ724" s="424"/>
      <c r="GCK724" s="423" t="s">
        <v>2795</v>
      </c>
      <c r="GCL724" s="424"/>
      <c r="GCM724" s="424"/>
      <c r="GCN724" s="424"/>
      <c r="GCO724" s="423" t="s">
        <v>2795</v>
      </c>
      <c r="GCP724" s="424"/>
      <c r="GCQ724" s="424"/>
      <c r="GCR724" s="424"/>
      <c r="GCS724" s="423" t="s">
        <v>2795</v>
      </c>
      <c r="GCT724" s="424"/>
      <c r="GCU724" s="424"/>
      <c r="GCV724" s="424"/>
      <c r="GCW724" s="423" t="s">
        <v>2795</v>
      </c>
      <c r="GCX724" s="424"/>
      <c r="GCY724" s="424"/>
      <c r="GCZ724" s="424"/>
      <c r="GDA724" s="423" t="s">
        <v>2795</v>
      </c>
      <c r="GDB724" s="424"/>
      <c r="GDC724" s="424"/>
      <c r="GDD724" s="424"/>
      <c r="GDE724" s="423" t="s">
        <v>2795</v>
      </c>
      <c r="GDF724" s="424"/>
      <c r="GDG724" s="424"/>
      <c r="GDH724" s="424"/>
      <c r="GDI724" s="423" t="s">
        <v>2795</v>
      </c>
      <c r="GDJ724" s="424"/>
      <c r="GDK724" s="424"/>
      <c r="GDL724" s="424"/>
      <c r="GDM724" s="423" t="s">
        <v>2795</v>
      </c>
      <c r="GDN724" s="424"/>
      <c r="GDO724" s="424"/>
      <c r="GDP724" s="424"/>
      <c r="GDQ724" s="423" t="s">
        <v>2795</v>
      </c>
      <c r="GDR724" s="424"/>
      <c r="GDS724" s="424"/>
      <c r="GDT724" s="424"/>
      <c r="GDU724" s="423" t="s">
        <v>2795</v>
      </c>
      <c r="GDV724" s="424"/>
      <c r="GDW724" s="424"/>
      <c r="GDX724" s="424"/>
      <c r="GDY724" s="423" t="s">
        <v>2795</v>
      </c>
      <c r="GDZ724" s="424"/>
      <c r="GEA724" s="424"/>
      <c r="GEB724" s="424"/>
      <c r="GEC724" s="423" t="s">
        <v>2795</v>
      </c>
      <c r="GED724" s="424"/>
      <c r="GEE724" s="424"/>
      <c r="GEF724" s="424"/>
      <c r="GEG724" s="423" t="s">
        <v>2795</v>
      </c>
      <c r="GEH724" s="424"/>
      <c r="GEI724" s="424"/>
      <c r="GEJ724" s="424"/>
      <c r="GEK724" s="423" t="s">
        <v>2795</v>
      </c>
      <c r="GEL724" s="424"/>
      <c r="GEM724" s="424"/>
      <c r="GEN724" s="424"/>
      <c r="GEO724" s="423" t="s">
        <v>2795</v>
      </c>
      <c r="GEP724" s="424"/>
      <c r="GEQ724" s="424"/>
      <c r="GER724" s="424"/>
      <c r="GES724" s="423" t="s">
        <v>2795</v>
      </c>
      <c r="GET724" s="424"/>
      <c r="GEU724" s="424"/>
      <c r="GEV724" s="424"/>
      <c r="GEW724" s="423" t="s">
        <v>2795</v>
      </c>
      <c r="GEX724" s="424"/>
      <c r="GEY724" s="424"/>
      <c r="GEZ724" s="424"/>
      <c r="GFA724" s="423" t="s">
        <v>2795</v>
      </c>
      <c r="GFB724" s="424"/>
      <c r="GFC724" s="424"/>
      <c r="GFD724" s="424"/>
      <c r="GFE724" s="423" t="s">
        <v>2795</v>
      </c>
      <c r="GFF724" s="424"/>
      <c r="GFG724" s="424"/>
      <c r="GFH724" s="424"/>
      <c r="GFI724" s="423" t="s">
        <v>2795</v>
      </c>
      <c r="GFJ724" s="424"/>
      <c r="GFK724" s="424"/>
      <c r="GFL724" s="424"/>
      <c r="GFM724" s="423" t="s">
        <v>2795</v>
      </c>
      <c r="GFN724" s="424"/>
      <c r="GFO724" s="424"/>
      <c r="GFP724" s="424"/>
      <c r="GFQ724" s="423" t="s">
        <v>2795</v>
      </c>
      <c r="GFR724" s="424"/>
      <c r="GFS724" s="424"/>
      <c r="GFT724" s="424"/>
      <c r="GFU724" s="423" t="s">
        <v>2795</v>
      </c>
      <c r="GFV724" s="424"/>
      <c r="GFW724" s="424"/>
      <c r="GFX724" s="424"/>
      <c r="GFY724" s="423" t="s">
        <v>2795</v>
      </c>
      <c r="GFZ724" s="424"/>
      <c r="GGA724" s="424"/>
      <c r="GGB724" s="424"/>
      <c r="GGC724" s="423" t="s">
        <v>2795</v>
      </c>
      <c r="GGD724" s="424"/>
      <c r="GGE724" s="424"/>
      <c r="GGF724" s="424"/>
      <c r="GGG724" s="423" t="s">
        <v>2795</v>
      </c>
      <c r="GGH724" s="424"/>
      <c r="GGI724" s="424"/>
      <c r="GGJ724" s="424"/>
      <c r="GGK724" s="423" t="s">
        <v>2795</v>
      </c>
      <c r="GGL724" s="424"/>
      <c r="GGM724" s="424"/>
      <c r="GGN724" s="424"/>
      <c r="GGO724" s="423" t="s">
        <v>2795</v>
      </c>
      <c r="GGP724" s="424"/>
      <c r="GGQ724" s="424"/>
      <c r="GGR724" s="424"/>
      <c r="GGS724" s="423" t="s">
        <v>2795</v>
      </c>
      <c r="GGT724" s="424"/>
      <c r="GGU724" s="424"/>
      <c r="GGV724" s="424"/>
      <c r="GGW724" s="423" t="s">
        <v>2795</v>
      </c>
      <c r="GGX724" s="424"/>
      <c r="GGY724" s="424"/>
      <c r="GGZ724" s="424"/>
      <c r="GHA724" s="423" t="s">
        <v>2795</v>
      </c>
      <c r="GHB724" s="424"/>
      <c r="GHC724" s="424"/>
      <c r="GHD724" s="424"/>
      <c r="GHE724" s="423" t="s">
        <v>2795</v>
      </c>
      <c r="GHF724" s="424"/>
      <c r="GHG724" s="424"/>
      <c r="GHH724" s="424"/>
      <c r="GHI724" s="423" t="s">
        <v>2795</v>
      </c>
      <c r="GHJ724" s="424"/>
      <c r="GHK724" s="424"/>
      <c r="GHL724" s="424"/>
      <c r="GHM724" s="423" t="s">
        <v>2795</v>
      </c>
      <c r="GHN724" s="424"/>
      <c r="GHO724" s="424"/>
      <c r="GHP724" s="424"/>
      <c r="GHQ724" s="423" t="s">
        <v>2795</v>
      </c>
      <c r="GHR724" s="424"/>
      <c r="GHS724" s="424"/>
      <c r="GHT724" s="424"/>
      <c r="GHU724" s="423" t="s">
        <v>2795</v>
      </c>
      <c r="GHV724" s="424"/>
      <c r="GHW724" s="424"/>
      <c r="GHX724" s="424"/>
      <c r="GHY724" s="423" t="s">
        <v>2795</v>
      </c>
      <c r="GHZ724" s="424"/>
      <c r="GIA724" s="424"/>
      <c r="GIB724" s="424"/>
      <c r="GIC724" s="423" t="s">
        <v>2795</v>
      </c>
      <c r="GID724" s="424"/>
      <c r="GIE724" s="424"/>
      <c r="GIF724" s="424"/>
      <c r="GIG724" s="423" t="s">
        <v>2795</v>
      </c>
      <c r="GIH724" s="424"/>
      <c r="GII724" s="424"/>
      <c r="GIJ724" s="424"/>
      <c r="GIK724" s="423" t="s">
        <v>2795</v>
      </c>
      <c r="GIL724" s="424"/>
      <c r="GIM724" s="424"/>
      <c r="GIN724" s="424"/>
      <c r="GIO724" s="423" t="s">
        <v>2795</v>
      </c>
      <c r="GIP724" s="424"/>
      <c r="GIQ724" s="424"/>
      <c r="GIR724" s="424"/>
      <c r="GIS724" s="423" t="s">
        <v>2795</v>
      </c>
      <c r="GIT724" s="424"/>
      <c r="GIU724" s="424"/>
      <c r="GIV724" s="424"/>
      <c r="GIW724" s="423" t="s">
        <v>2795</v>
      </c>
      <c r="GIX724" s="424"/>
      <c r="GIY724" s="424"/>
      <c r="GIZ724" s="424"/>
      <c r="GJA724" s="423" t="s">
        <v>2795</v>
      </c>
      <c r="GJB724" s="424"/>
      <c r="GJC724" s="424"/>
      <c r="GJD724" s="424"/>
      <c r="GJE724" s="423" t="s">
        <v>2795</v>
      </c>
      <c r="GJF724" s="424"/>
      <c r="GJG724" s="424"/>
      <c r="GJH724" s="424"/>
      <c r="GJI724" s="423" t="s">
        <v>2795</v>
      </c>
      <c r="GJJ724" s="424"/>
      <c r="GJK724" s="424"/>
      <c r="GJL724" s="424"/>
      <c r="GJM724" s="423" t="s">
        <v>2795</v>
      </c>
      <c r="GJN724" s="424"/>
      <c r="GJO724" s="424"/>
      <c r="GJP724" s="424"/>
      <c r="GJQ724" s="423" t="s">
        <v>2795</v>
      </c>
      <c r="GJR724" s="424"/>
      <c r="GJS724" s="424"/>
      <c r="GJT724" s="424"/>
      <c r="GJU724" s="423" t="s">
        <v>2795</v>
      </c>
      <c r="GJV724" s="424"/>
      <c r="GJW724" s="424"/>
      <c r="GJX724" s="424"/>
      <c r="GJY724" s="423" t="s">
        <v>2795</v>
      </c>
      <c r="GJZ724" s="424"/>
      <c r="GKA724" s="424"/>
      <c r="GKB724" s="424"/>
      <c r="GKC724" s="423" t="s">
        <v>2795</v>
      </c>
      <c r="GKD724" s="424"/>
      <c r="GKE724" s="424"/>
      <c r="GKF724" s="424"/>
      <c r="GKG724" s="423" t="s">
        <v>2795</v>
      </c>
      <c r="GKH724" s="424"/>
      <c r="GKI724" s="424"/>
      <c r="GKJ724" s="424"/>
      <c r="GKK724" s="423" t="s">
        <v>2795</v>
      </c>
      <c r="GKL724" s="424"/>
      <c r="GKM724" s="424"/>
      <c r="GKN724" s="424"/>
      <c r="GKO724" s="423" t="s">
        <v>2795</v>
      </c>
      <c r="GKP724" s="424"/>
      <c r="GKQ724" s="424"/>
      <c r="GKR724" s="424"/>
      <c r="GKS724" s="423" t="s">
        <v>2795</v>
      </c>
      <c r="GKT724" s="424"/>
      <c r="GKU724" s="424"/>
      <c r="GKV724" s="424"/>
      <c r="GKW724" s="423" t="s">
        <v>2795</v>
      </c>
      <c r="GKX724" s="424"/>
      <c r="GKY724" s="424"/>
      <c r="GKZ724" s="424"/>
      <c r="GLA724" s="423" t="s">
        <v>2795</v>
      </c>
      <c r="GLB724" s="424"/>
      <c r="GLC724" s="424"/>
      <c r="GLD724" s="424"/>
      <c r="GLE724" s="423" t="s">
        <v>2795</v>
      </c>
      <c r="GLF724" s="424"/>
      <c r="GLG724" s="424"/>
      <c r="GLH724" s="424"/>
      <c r="GLI724" s="423" t="s">
        <v>2795</v>
      </c>
      <c r="GLJ724" s="424"/>
      <c r="GLK724" s="424"/>
      <c r="GLL724" s="424"/>
      <c r="GLM724" s="423" t="s">
        <v>2795</v>
      </c>
      <c r="GLN724" s="424"/>
      <c r="GLO724" s="424"/>
      <c r="GLP724" s="424"/>
      <c r="GLQ724" s="423" t="s">
        <v>2795</v>
      </c>
      <c r="GLR724" s="424"/>
      <c r="GLS724" s="424"/>
      <c r="GLT724" s="424"/>
      <c r="GLU724" s="423" t="s">
        <v>2795</v>
      </c>
      <c r="GLV724" s="424"/>
      <c r="GLW724" s="424"/>
      <c r="GLX724" s="424"/>
      <c r="GLY724" s="423" t="s">
        <v>2795</v>
      </c>
      <c r="GLZ724" s="424"/>
      <c r="GMA724" s="424"/>
      <c r="GMB724" s="424"/>
      <c r="GMC724" s="423" t="s">
        <v>2795</v>
      </c>
      <c r="GMD724" s="424"/>
      <c r="GME724" s="424"/>
      <c r="GMF724" s="424"/>
      <c r="GMG724" s="423" t="s">
        <v>2795</v>
      </c>
      <c r="GMH724" s="424"/>
      <c r="GMI724" s="424"/>
      <c r="GMJ724" s="424"/>
      <c r="GMK724" s="423" t="s">
        <v>2795</v>
      </c>
      <c r="GML724" s="424"/>
      <c r="GMM724" s="424"/>
      <c r="GMN724" s="424"/>
      <c r="GMO724" s="423" t="s">
        <v>2795</v>
      </c>
      <c r="GMP724" s="424"/>
      <c r="GMQ724" s="424"/>
      <c r="GMR724" s="424"/>
      <c r="GMS724" s="423" t="s">
        <v>2795</v>
      </c>
      <c r="GMT724" s="424"/>
      <c r="GMU724" s="424"/>
      <c r="GMV724" s="424"/>
      <c r="GMW724" s="423" t="s">
        <v>2795</v>
      </c>
      <c r="GMX724" s="424"/>
      <c r="GMY724" s="424"/>
      <c r="GMZ724" s="424"/>
      <c r="GNA724" s="423" t="s">
        <v>2795</v>
      </c>
      <c r="GNB724" s="424"/>
      <c r="GNC724" s="424"/>
      <c r="GND724" s="424"/>
      <c r="GNE724" s="423" t="s">
        <v>2795</v>
      </c>
      <c r="GNF724" s="424"/>
      <c r="GNG724" s="424"/>
      <c r="GNH724" s="424"/>
      <c r="GNI724" s="423" t="s">
        <v>2795</v>
      </c>
      <c r="GNJ724" s="424"/>
      <c r="GNK724" s="424"/>
      <c r="GNL724" s="424"/>
      <c r="GNM724" s="423" t="s">
        <v>2795</v>
      </c>
      <c r="GNN724" s="424"/>
      <c r="GNO724" s="424"/>
      <c r="GNP724" s="424"/>
      <c r="GNQ724" s="423" t="s">
        <v>2795</v>
      </c>
      <c r="GNR724" s="424"/>
      <c r="GNS724" s="424"/>
      <c r="GNT724" s="424"/>
      <c r="GNU724" s="423" t="s">
        <v>2795</v>
      </c>
      <c r="GNV724" s="424"/>
      <c r="GNW724" s="424"/>
      <c r="GNX724" s="424"/>
      <c r="GNY724" s="423" t="s">
        <v>2795</v>
      </c>
      <c r="GNZ724" s="424"/>
      <c r="GOA724" s="424"/>
      <c r="GOB724" s="424"/>
      <c r="GOC724" s="423" t="s">
        <v>2795</v>
      </c>
      <c r="GOD724" s="424"/>
      <c r="GOE724" s="424"/>
      <c r="GOF724" s="424"/>
      <c r="GOG724" s="423" t="s">
        <v>2795</v>
      </c>
      <c r="GOH724" s="424"/>
      <c r="GOI724" s="424"/>
      <c r="GOJ724" s="424"/>
      <c r="GOK724" s="423" t="s">
        <v>2795</v>
      </c>
      <c r="GOL724" s="424"/>
      <c r="GOM724" s="424"/>
      <c r="GON724" s="424"/>
      <c r="GOO724" s="423" t="s">
        <v>2795</v>
      </c>
      <c r="GOP724" s="424"/>
      <c r="GOQ724" s="424"/>
      <c r="GOR724" s="424"/>
      <c r="GOS724" s="423" t="s">
        <v>2795</v>
      </c>
      <c r="GOT724" s="424"/>
      <c r="GOU724" s="424"/>
      <c r="GOV724" s="424"/>
      <c r="GOW724" s="423" t="s">
        <v>2795</v>
      </c>
      <c r="GOX724" s="424"/>
      <c r="GOY724" s="424"/>
      <c r="GOZ724" s="424"/>
      <c r="GPA724" s="423" t="s">
        <v>2795</v>
      </c>
      <c r="GPB724" s="424"/>
      <c r="GPC724" s="424"/>
      <c r="GPD724" s="424"/>
      <c r="GPE724" s="423" t="s">
        <v>2795</v>
      </c>
      <c r="GPF724" s="424"/>
      <c r="GPG724" s="424"/>
      <c r="GPH724" s="424"/>
      <c r="GPI724" s="423" t="s">
        <v>2795</v>
      </c>
      <c r="GPJ724" s="424"/>
      <c r="GPK724" s="424"/>
      <c r="GPL724" s="424"/>
      <c r="GPM724" s="423" t="s">
        <v>2795</v>
      </c>
      <c r="GPN724" s="424"/>
      <c r="GPO724" s="424"/>
      <c r="GPP724" s="424"/>
      <c r="GPQ724" s="423" t="s">
        <v>2795</v>
      </c>
      <c r="GPR724" s="424"/>
      <c r="GPS724" s="424"/>
      <c r="GPT724" s="424"/>
      <c r="GPU724" s="423" t="s">
        <v>2795</v>
      </c>
      <c r="GPV724" s="424"/>
      <c r="GPW724" s="424"/>
      <c r="GPX724" s="424"/>
      <c r="GPY724" s="423" t="s">
        <v>2795</v>
      </c>
      <c r="GPZ724" s="424"/>
      <c r="GQA724" s="424"/>
      <c r="GQB724" s="424"/>
      <c r="GQC724" s="423" t="s">
        <v>2795</v>
      </c>
      <c r="GQD724" s="424"/>
      <c r="GQE724" s="424"/>
      <c r="GQF724" s="424"/>
      <c r="GQG724" s="423" t="s">
        <v>2795</v>
      </c>
      <c r="GQH724" s="424"/>
      <c r="GQI724" s="424"/>
      <c r="GQJ724" s="424"/>
      <c r="GQK724" s="423" t="s">
        <v>2795</v>
      </c>
      <c r="GQL724" s="424"/>
      <c r="GQM724" s="424"/>
      <c r="GQN724" s="424"/>
      <c r="GQO724" s="423" t="s">
        <v>2795</v>
      </c>
      <c r="GQP724" s="424"/>
      <c r="GQQ724" s="424"/>
      <c r="GQR724" s="424"/>
      <c r="GQS724" s="423" t="s">
        <v>2795</v>
      </c>
      <c r="GQT724" s="424"/>
      <c r="GQU724" s="424"/>
      <c r="GQV724" s="424"/>
      <c r="GQW724" s="423" t="s">
        <v>2795</v>
      </c>
      <c r="GQX724" s="424"/>
      <c r="GQY724" s="424"/>
      <c r="GQZ724" s="424"/>
      <c r="GRA724" s="423" t="s">
        <v>2795</v>
      </c>
      <c r="GRB724" s="424"/>
      <c r="GRC724" s="424"/>
      <c r="GRD724" s="424"/>
      <c r="GRE724" s="423" t="s">
        <v>2795</v>
      </c>
      <c r="GRF724" s="424"/>
      <c r="GRG724" s="424"/>
      <c r="GRH724" s="424"/>
      <c r="GRI724" s="423" t="s">
        <v>2795</v>
      </c>
      <c r="GRJ724" s="424"/>
      <c r="GRK724" s="424"/>
      <c r="GRL724" s="424"/>
      <c r="GRM724" s="423" t="s">
        <v>2795</v>
      </c>
      <c r="GRN724" s="424"/>
      <c r="GRO724" s="424"/>
      <c r="GRP724" s="424"/>
      <c r="GRQ724" s="423" t="s">
        <v>2795</v>
      </c>
      <c r="GRR724" s="424"/>
      <c r="GRS724" s="424"/>
      <c r="GRT724" s="424"/>
      <c r="GRU724" s="423" t="s">
        <v>2795</v>
      </c>
      <c r="GRV724" s="424"/>
      <c r="GRW724" s="424"/>
      <c r="GRX724" s="424"/>
      <c r="GRY724" s="423" t="s">
        <v>2795</v>
      </c>
      <c r="GRZ724" s="424"/>
      <c r="GSA724" s="424"/>
      <c r="GSB724" s="424"/>
      <c r="GSC724" s="423" t="s">
        <v>2795</v>
      </c>
      <c r="GSD724" s="424"/>
      <c r="GSE724" s="424"/>
      <c r="GSF724" s="424"/>
      <c r="GSG724" s="423" t="s">
        <v>2795</v>
      </c>
      <c r="GSH724" s="424"/>
      <c r="GSI724" s="424"/>
      <c r="GSJ724" s="424"/>
      <c r="GSK724" s="423" t="s">
        <v>2795</v>
      </c>
      <c r="GSL724" s="424"/>
      <c r="GSM724" s="424"/>
      <c r="GSN724" s="424"/>
      <c r="GSO724" s="423" t="s">
        <v>2795</v>
      </c>
      <c r="GSP724" s="424"/>
      <c r="GSQ724" s="424"/>
      <c r="GSR724" s="424"/>
      <c r="GSS724" s="423" t="s">
        <v>2795</v>
      </c>
      <c r="GST724" s="424"/>
      <c r="GSU724" s="424"/>
      <c r="GSV724" s="424"/>
      <c r="GSW724" s="423" t="s">
        <v>2795</v>
      </c>
      <c r="GSX724" s="424"/>
      <c r="GSY724" s="424"/>
      <c r="GSZ724" s="424"/>
      <c r="GTA724" s="423" t="s">
        <v>2795</v>
      </c>
      <c r="GTB724" s="424"/>
      <c r="GTC724" s="424"/>
      <c r="GTD724" s="424"/>
      <c r="GTE724" s="423" t="s">
        <v>2795</v>
      </c>
      <c r="GTF724" s="424"/>
      <c r="GTG724" s="424"/>
      <c r="GTH724" s="424"/>
      <c r="GTI724" s="423" t="s">
        <v>2795</v>
      </c>
      <c r="GTJ724" s="424"/>
      <c r="GTK724" s="424"/>
      <c r="GTL724" s="424"/>
      <c r="GTM724" s="423" t="s">
        <v>2795</v>
      </c>
      <c r="GTN724" s="424"/>
      <c r="GTO724" s="424"/>
      <c r="GTP724" s="424"/>
      <c r="GTQ724" s="423" t="s">
        <v>2795</v>
      </c>
      <c r="GTR724" s="424"/>
      <c r="GTS724" s="424"/>
      <c r="GTT724" s="424"/>
      <c r="GTU724" s="423" t="s">
        <v>2795</v>
      </c>
      <c r="GTV724" s="424"/>
      <c r="GTW724" s="424"/>
      <c r="GTX724" s="424"/>
      <c r="GTY724" s="423" t="s">
        <v>2795</v>
      </c>
      <c r="GTZ724" s="424"/>
      <c r="GUA724" s="424"/>
      <c r="GUB724" s="424"/>
      <c r="GUC724" s="423" t="s">
        <v>2795</v>
      </c>
      <c r="GUD724" s="424"/>
      <c r="GUE724" s="424"/>
      <c r="GUF724" s="424"/>
      <c r="GUG724" s="423" t="s">
        <v>2795</v>
      </c>
      <c r="GUH724" s="424"/>
      <c r="GUI724" s="424"/>
      <c r="GUJ724" s="424"/>
      <c r="GUK724" s="423" t="s">
        <v>2795</v>
      </c>
      <c r="GUL724" s="424"/>
      <c r="GUM724" s="424"/>
      <c r="GUN724" s="424"/>
      <c r="GUO724" s="423" t="s">
        <v>2795</v>
      </c>
      <c r="GUP724" s="424"/>
      <c r="GUQ724" s="424"/>
      <c r="GUR724" s="424"/>
      <c r="GUS724" s="423" t="s">
        <v>2795</v>
      </c>
      <c r="GUT724" s="424"/>
      <c r="GUU724" s="424"/>
      <c r="GUV724" s="424"/>
      <c r="GUW724" s="423" t="s">
        <v>2795</v>
      </c>
      <c r="GUX724" s="424"/>
      <c r="GUY724" s="424"/>
      <c r="GUZ724" s="424"/>
      <c r="GVA724" s="423" t="s">
        <v>2795</v>
      </c>
      <c r="GVB724" s="424"/>
      <c r="GVC724" s="424"/>
      <c r="GVD724" s="424"/>
      <c r="GVE724" s="423" t="s">
        <v>2795</v>
      </c>
      <c r="GVF724" s="424"/>
      <c r="GVG724" s="424"/>
      <c r="GVH724" s="424"/>
      <c r="GVI724" s="423" t="s">
        <v>2795</v>
      </c>
      <c r="GVJ724" s="424"/>
      <c r="GVK724" s="424"/>
      <c r="GVL724" s="424"/>
      <c r="GVM724" s="423" t="s">
        <v>2795</v>
      </c>
      <c r="GVN724" s="424"/>
      <c r="GVO724" s="424"/>
      <c r="GVP724" s="424"/>
      <c r="GVQ724" s="423" t="s">
        <v>2795</v>
      </c>
      <c r="GVR724" s="424"/>
      <c r="GVS724" s="424"/>
      <c r="GVT724" s="424"/>
      <c r="GVU724" s="423" t="s">
        <v>2795</v>
      </c>
      <c r="GVV724" s="424"/>
      <c r="GVW724" s="424"/>
      <c r="GVX724" s="424"/>
      <c r="GVY724" s="423" t="s">
        <v>2795</v>
      </c>
      <c r="GVZ724" s="424"/>
      <c r="GWA724" s="424"/>
      <c r="GWB724" s="424"/>
      <c r="GWC724" s="423" t="s">
        <v>2795</v>
      </c>
      <c r="GWD724" s="424"/>
      <c r="GWE724" s="424"/>
      <c r="GWF724" s="424"/>
      <c r="GWG724" s="423" t="s">
        <v>2795</v>
      </c>
      <c r="GWH724" s="424"/>
      <c r="GWI724" s="424"/>
      <c r="GWJ724" s="424"/>
      <c r="GWK724" s="423" t="s">
        <v>2795</v>
      </c>
      <c r="GWL724" s="424"/>
      <c r="GWM724" s="424"/>
      <c r="GWN724" s="424"/>
      <c r="GWO724" s="423" t="s">
        <v>2795</v>
      </c>
      <c r="GWP724" s="424"/>
      <c r="GWQ724" s="424"/>
      <c r="GWR724" s="424"/>
      <c r="GWS724" s="423" t="s">
        <v>2795</v>
      </c>
      <c r="GWT724" s="424"/>
      <c r="GWU724" s="424"/>
      <c r="GWV724" s="424"/>
      <c r="GWW724" s="423" t="s">
        <v>2795</v>
      </c>
      <c r="GWX724" s="424"/>
      <c r="GWY724" s="424"/>
      <c r="GWZ724" s="424"/>
      <c r="GXA724" s="423" t="s">
        <v>2795</v>
      </c>
      <c r="GXB724" s="424"/>
      <c r="GXC724" s="424"/>
      <c r="GXD724" s="424"/>
      <c r="GXE724" s="423" t="s">
        <v>2795</v>
      </c>
      <c r="GXF724" s="424"/>
      <c r="GXG724" s="424"/>
      <c r="GXH724" s="424"/>
      <c r="GXI724" s="423" t="s">
        <v>2795</v>
      </c>
      <c r="GXJ724" s="424"/>
      <c r="GXK724" s="424"/>
      <c r="GXL724" s="424"/>
      <c r="GXM724" s="423" t="s">
        <v>2795</v>
      </c>
      <c r="GXN724" s="424"/>
      <c r="GXO724" s="424"/>
      <c r="GXP724" s="424"/>
      <c r="GXQ724" s="423" t="s">
        <v>2795</v>
      </c>
      <c r="GXR724" s="424"/>
      <c r="GXS724" s="424"/>
      <c r="GXT724" s="424"/>
      <c r="GXU724" s="423" t="s">
        <v>2795</v>
      </c>
      <c r="GXV724" s="424"/>
      <c r="GXW724" s="424"/>
      <c r="GXX724" s="424"/>
      <c r="GXY724" s="423" t="s">
        <v>2795</v>
      </c>
      <c r="GXZ724" s="424"/>
      <c r="GYA724" s="424"/>
      <c r="GYB724" s="424"/>
      <c r="GYC724" s="423" t="s">
        <v>2795</v>
      </c>
      <c r="GYD724" s="424"/>
      <c r="GYE724" s="424"/>
      <c r="GYF724" s="424"/>
      <c r="GYG724" s="423" t="s">
        <v>2795</v>
      </c>
      <c r="GYH724" s="424"/>
      <c r="GYI724" s="424"/>
      <c r="GYJ724" s="424"/>
      <c r="GYK724" s="423" t="s">
        <v>2795</v>
      </c>
      <c r="GYL724" s="424"/>
      <c r="GYM724" s="424"/>
      <c r="GYN724" s="424"/>
      <c r="GYO724" s="423" t="s">
        <v>2795</v>
      </c>
      <c r="GYP724" s="424"/>
      <c r="GYQ724" s="424"/>
      <c r="GYR724" s="424"/>
      <c r="GYS724" s="423" t="s">
        <v>2795</v>
      </c>
      <c r="GYT724" s="424"/>
      <c r="GYU724" s="424"/>
      <c r="GYV724" s="424"/>
      <c r="GYW724" s="423" t="s">
        <v>2795</v>
      </c>
      <c r="GYX724" s="424"/>
      <c r="GYY724" s="424"/>
      <c r="GYZ724" s="424"/>
      <c r="GZA724" s="423" t="s">
        <v>2795</v>
      </c>
      <c r="GZB724" s="424"/>
      <c r="GZC724" s="424"/>
      <c r="GZD724" s="424"/>
      <c r="GZE724" s="423" t="s">
        <v>2795</v>
      </c>
      <c r="GZF724" s="424"/>
      <c r="GZG724" s="424"/>
      <c r="GZH724" s="424"/>
      <c r="GZI724" s="423" t="s">
        <v>2795</v>
      </c>
      <c r="GZJ724" s="424"/>
      <c r="GZK724" s="424"/>
      <c r="GZL724" s="424"/>
      <c r="GZM724" s="423" t="s">
        <v>2795</v>
      </c>
      <c r="GZN724" s="424"/>
      <c r="GZO724" s="424"/>
      <c r="GZP724" s="424"/>
      <c r="GZQ724" s="423" t="s">
        <v>2795</v>
      </c>
      <c r="GZR724" s="424"/>
      <c r="GZS724" s="424"/>
      <c r="GZT724" s="424"/>
      <c r="GZU724" s="423" t="s">
        <v>2795</v>
      </c>
      <c r="GZV724" s="424"/>
      <c r="GZW724" s="424"/>
      <c r="GZX724" s="424"/>
      <c r="GZY724" s="423" t="s">
        <v>2795</v>
      </c>
      <c r="GZZ724" s="424"/>
      <c r="HAA724" s="424"/>
      <c r="HAB724" s="424"/>
      <c r="HAC724" s="423" t="s">
        <v>2795</v>
      </c>
      <c r="HAD724" s="424"/>
      <c r="HAE724" s="424"/>
      <c r="HAF724" s="424"/>
      <c r="HAG724" s="423" t="s">
        <v>2795</v>
      </c>
      <c r="HAH724" s="424"/>
      <c r="HAI724" s="424"/>
      <c r="HAJ724" s="424"/>
      <c r="HAK724" s="423" t="s">
        <v>2795</v>
      </c>
      <c r="HAL724" s="424"/>
      <c r="HAM724" s="424"/>
      <c r="HAN724" s="424"/>
      <c r="HAO724" s="423" t="s">
        <v>2795</v>
      </c>
      <c r="HAP724" s="424"/>
      <c r="HAQ724" s="424"/>
      <c r="HAR724" s="424"/>
      <c r="HAS724" s="423" t="s">
        <v>2795</v>
      </c>
      <c r="HAT724" s="424"/>
      <c r="HAU724" s="424"/>
      <c r="HAV724" s="424"/>
      <c r="HAW724" s="423" t="s">
        <v>2795</v>
      </c>
      <c r="HAX724" s="424"/>
      <c r="HAY724" s="424"/>
      <c r="HAZ724" s="424"/>
      <c r="HBA724" s="423" t="s">
        <v>2795</v>
      </c>
      <c r="HBB724" s="424"/>
      <c r="HBC724" s="424"/>
      <c r="HBD724" s="424"/>
      <c r="HBE724" s="423" t="s">
        <v>2795</v>
      </c>
      <c r="HBF724" s="424"/>
      <c r="HBG724" s="424"/>
      <c r="HBH724" s="424"/>
      <c r="HBI724" s="423" t="s">
        <v>2795</v>
      </c>
      <c r="HBJ724" s="424"/>
      <c r="HBK724" s="424"/>
      <c r="HBL724" s="424"/>
      <c r="HBM724" s="423" t="s">
        <v>2795</v>
      </c>
      <c r="HBN724" s="424"/>
      <c r="HBO724" s="424"/>
      <c r="HBP724" s="424"/>
      <c r="HBQ724" s="423" t="s">
        <v>2795</v>
      </c>
      <c r="HBR724" s="424"/>
      <c r="HBS724" s="424"/>
      <c r="HBT724" s="424"/>
      <c r="HBU724" s="423" t="s">
        <v>2795</v>
      </c>
      <c r="HBV724" s="424"/>
      <c r="HBW724" s="424"/>
      <c r="HBX724" s="424"/>
      <c r="HBY724" s="423" t="s">
        <v>2795</v>
      </c>
      <c r="HBZ724" s="424"/>
      <c r="HCA724" s="424"/>
      <c r="HCB724" s="424"/>
      <c r="HCC724" s="423" t="s">
        <v>2795</v>
      </c>
      <c r="HCD724" s="424"/>
      <c r="HCE724" s="424"/>
      <c r="HCF724" s="424"/>
      <c r="HCG724" s="423" t="s">
        <v>2795</v>
      </c>
      <c r="HCH724" s="424"/>
      <c r="HCI724" s="424"/>
      <c r="HCJ724" s="424"/>
      <c r="HCK724" s="423" t="s">
        <v>2795</v>
      </c>
      <c r="HCL724" s="424"/>
      <c r="HCM724" s="424"/>
      <c r="HCN724" s="424"/>
      <c r="HCO724" s="423" t="s">
        <v>2795</v>
      </c>
      <c r="HCP724" s="424"/>
      <c r="HCQ724" s="424"/>
      <c r="HCR724" s="424"/>
      <c r="HCS724" s="423" t="s">
        <v>2795</v>
      </c>
      <c r="HCT724" s="424"/>
      <c r="HCU724" s="424"/>
      <c r="HCV724" s="424"/>
      <c r="HCW724" s="423" t="s">
        <v>2795</v>
      </c>
      <c r="HCX724" s="424"/>
      <c r="HCY724" s="424"/>
      <c r="HCZ724" s="424"/>
      <c r="HDA724" s="423" t="s">
        <v>2795</v>
      </c>
      <c r="HDB724" s="424"/>
      <c r="HDC724" s="424"/>
      <c r="HDD724" s="424"/>
      <c r="HDE724" s="423" t="s">
        <v>2795</v>
      </c>
      <c r="HDF724" s="424"/>
      <c r="HDG724" s="424"/>
      <c r="HDH724" s="424"/>
      <c r="HDI724" s="423" t="s">
        <v>2795</v>
      </c>
      <c r="HDJ724" s="424"/>
      <c r="HDK724" s="424"/>
      <c r="HDL724" s="424"/>
      <c r="HDM724" s="423" t="s">
        <v>2795</v>
      </c>
      <c r="HDN724" s="424"/>
      <c r="HDO724" s="424"/>
      <c r="HDP724" s="424"/>
      <c r="HDQ724" s="423" t="s">
        <v>2795</v>
      </c>
      <c r="HDR724" s="424"/>
      <c r="HDS724" s="424"/>
      <c r="HDT724" s="424"/>
      <c r="HDU724" s="423" t="s">
        <v>2795</v>
      </c>
      <c r="HDV724" s="424"/>
      <c r="HDW724" s="424"/>
      <c r="HDX724" s="424"/>
      <c r="HDY724" s="423" t="s">
        <v>2795</v>
      </c>
      <c r="HDZ724" s="424"/>
      <c r="HEA724" s="424"/>
      <c r="HEB724" s="424"/>
      <c r="HEC724" s="423" t="s">
        <v>2795</v>
      </c>
      <c r="HED724" s="424"/>
      <c r="HEE724" s="424"/>
      <c r="HEF724" s="424"/>
      <c r="HEG724" s="423" t="s">
        <v>2795</v>
      </c>
      <c r="HEH724" s="424"/>
      <c r="HEI724" s="424"/>
      <c r="HEJ724" s="424"/>
      <c r="HEK724" s="423" t="s">
        <v>2795</v>
      </c>
      <c r="HEL724" s="424"/>
      <c r="HEM724" s="424"/>
      <c r="HEN724" s="424"/>
      <c r="HEO724" s="423" t="s">
        <v>2795</v>
      </c>
      <c r="HEP724" s="424"/>
      <c r="HEQ724" s="424"/>
      <c r="HER724" s="424"/>
      <c r="HES724" s="423" t="s">
        <v>2795</v>
      </c>
      <c r="HET724" s="424"/>
      <c r="HEU724" s="424"/>
      <c r="HEV724" s="424"/>
      <c r="HEW724" s="423" t="s">
        <v>2795</v>
      </c>
      <c r="HEX724" s="424"/>
      <c r="HEY724" s="424"/>
      <c r="HEZ724" s="424"/>
      <c r="HFA724" s="423" t="s">
        <v>2795</v>
      </c>
      <c r="HFB724" s="424"/>
      <c r="HFC724" s="424"/>
      <c r="HFD724" s="424"/>
      <c r="HFE724" s="423" t="s">
        <v>2795</v>
      </c>
      <c r="HFF724" s="424"/>
      <c r="HFG724" s="424"/>
      <c r="HFH724" s="424"/>
      <c r="HFI724" s="423" t="s">
        <v>2795</v>
      </c>
      <c r="HFJ724" s="424"/>
      <c r="HFK724" s="424"/>
      <c r="HFL724" s="424"/>
      <c r="HFM724" s="423" t="s">
        <v>2795</v>
      </c>
      <c r="HFN724" s="424"/>
      <c r="HFO724" s="424"/>
      <c r="HFP724" s="424"/>
      <c r="HFQ724" s="423" t="s">
        <v>2795</v>
      </c>
      <c r="HFR724" s="424"/>
      <c r="HFS724" s="424"/>
      <c r="HFT724" s="424"/>
      <c r="HFU724" s="423" t="s">
        <v>2795</v>
      </c>
      <c r="HFV724" s="424"/>
      <c r="HFW724" s="424"/>
      <c r="HFX724" s="424"/>
      <c r="HFY724" s="423" t="s">
        <v>2795</v>
      </c>
      <c r="HFZ724" s="424"/>
      <c r="HGA724" s="424"/>
      <c r="HGB724" s="424"/>
      <c r="HGC724" s="423" t="s">
        <v>2795</v>
      </c>
      <c r="HGD724" s="424"/>
      <c r="HGE724" s="424"/>
      <c r="HGF724" s="424"/>
      <c r="HGG724" s="423" t="s">
        <v>2795</v>
      </c>
      <c r="HGH724" s="424"/>
      <c r="HGI724" s="424"/>
      <c r="HGJ724" s="424"/>
      <c r="HGK724" s="423" t="s">
        <v>2795</v>
      </c>
      <c r="HGL724" s="424"/>
      <c r="HGM724" s="424"/>
      <c r="HGN724" s="424"/>
      <c r="HGO724" s="423" t="s">
        <v>2795</v>
      </c>
      <c r="HGP724" s="424"/>
      <c r="HGQ724" s="424"/>
      <c r="HGR724" s="424"/>
      <c r="HGS724" s="423" t="s">
        <v>2795</v>
      </c>
      <c r="HGT724" s="424"/>
      <c r="HGU724" s="424"/>
      <c r="HGV724" s="424"/>
      <c r="HGW724" s="423" t="s">
        <v>2795</v>
      </c>
      <c r="HGX724" s="424"/>
      <c r="HGY724" s="424"/>
      <c r="HGZ724" s="424"/>
      <c r="HHA724" s="423" t="s">
        <v>2795</v>
      </c>
      <c r="HHB724" s="424"/>
      <c r="HHC724" s="424"/>
      <c r="HHD724" s="424"/>
      <c r="HHE724" s="423" t="s">
        <v>2795</v>
      </c>
      <c r="HHF724" s="424"/>
      <c r="HHG724" s="424"/>
      <c r="HHH724" s="424"/>
      <c r="HHI724" s="423" t="s">
        <v>2795</v>
      </c>
      <c r="HHJ724" s="424"/>
      <c r="HHK724" s="424"/>
      <c r="HHL724" s="424"/>
      <c r="HHM724" s="423" t="s">
        <v>2795</v>
      </c>
      <c r="HHN724" s="424"/>
      <c r="HHO724" s="424"/>
      <c r="HHP724" s="424"/>
      <c r="HHQ724" s="423" t="s">
        <v>2795</v>
      </c>
      <c r="HHR724" s="424"/>
      <c r="HHS724" s="424"/>
      <c r="HHT724" s="424"/>
      <c r="HHU724" s="423" t="s">
        <v>2795</v>
      </c>
      <c r="HHV724" s="424"/>
      <c r="HHW724" s="424"/>
      <c r="HHX724" s="424"/>
      <c r="HHY724" s="423" t="s">
        <v>2795</v>
      </c>
      <c r="HHZ724" s="424"/>
      <c r="HIA724" s="424"/>
      <c r="HIB724" s="424"/>
      <c r="HIC724" s="423" t="s">
        <v>2795</v>
      </c>
      <c r="HID724" s="424"/>
      <c r="HIE724" s="424"/>
      <c r="HIF724" s="424"/>
      <c r="HIG724" s="423" t="s">
        <v>2795</v>
      </c>
      <c r="HIH724" s="424"/>
      <c r="HII724" s="424"/>
      <c r="HIJ724" s="424"/>
      <c r="HIK724" s="423" t="s">
        <v>2795</v>
      </c>
      <c r="HIL724" s="424"/>
      <c r="HIM724" s="424"/>
      <c r="HIN724" s="424"/>
      <c r="HIO724" s="423" t="s">
        <v>2795</v>
      </c>
      <c r="HIP724" s="424"/>
      <c r="HIQ724" s="424"/>
      <c r="HIR724" s="424"/>
      <c r="HIS724" s="423" t="s">
        <v>2795</v>
      </c>
      <c r="HIT724" s="424"/>
      <c r="HIU724" s="424"/>
      <c r="HIV724" s="424"/>
      <c r="HIW724" s="423" t="s">
        <v>2795</v>
      </c>
      <c r="HIX724" s="424"/>
      <c r="HIY724" s="424"/>
      <c r="HIZ724" s="424"/>
      <c r="HJA724" s="423" t="s">
        <v>2795</v>
      </c>
      <c r="HJB724" s="424"/>
      <c r="HJC724" s="424"/>
      <c r="HJD724" s="424"/>
      <c r="HJE724" s="423" t="s">
        <v>2795</v>
      </c>
      <c r="HJF724" s="424"/>
      <c r="HJG724" s="424"/>
      <c r="HJH724" s="424"/>
      <c r="HJI724" s="423" t="s">
        <v>2795</v>
      </c>
      <c r="HJJ724" s="424"/>
      <c r="HJK724" s="424"/>
      <c r="HJL724" s="424"/>
      <c r="HJM724" s="423" t="s">
        <v>2795</v>
      </c>
      <c r="HJN724" s="424"/>
      <c r="HJO724" s="424"/>
      <c r="HJP724" s="424"/>
      <c r="HJQ724" s="423" t="s">
        <v>2795</v>
      </c>
      <c r="HJR724" s="424"/>
      <c r="HJS724" s="424"/>
      <c r="HJT724" s="424"/>
      <c r="HJU724" s="423" t="s">
        <v>2795</v>
      </c>
      <c r="HJV724" s="424"/>
      <c r="HJW724" s="424"/>
      <c r="HJX724" s="424"/>
      <c r="HJY724" s="423" t="s">
        <v>2795</v>
      </c>
      <c r="HJZ724" s="424"/>
      <c r="HKA724" s="424"/>
      <c r="HKB724" s="424"/>
      <c r="HKC724" s="423" t="s">
        <v>2795</v>
      </c>
      <c r="HKD724" s="424"/>
      <c r="HKE724" s="424"/>
      <c r="HKF724" s="424"/>
      <c r="HKG724" s="423" t="s">
        <v>2795</v>
      </c>
      <c r="HKH724" s="424"/>
      <c r="HKI724" s="424"/>
      <c r="HKJ724" s="424"/>
      <c r="HKK724" s="423" t="s">
        <v>2795</v>
      </c>
      <c r="HKL724" s="424"/>
      <c r="HKM724" s="424"/>
      <c r="HKN724" s="424"/>
      <c r="HKO724" s="423" t="s">
        <v>2795</v>
      </c>
      <c r="HKP724" s="424"/>
      <c r="HKQ724" s="424"/>
      <c r="HKR724" s="424"/>
      <c r="HKS724" s="423" t="s">
        <v>2795</v>
      </c>
      <c r="HKT724" s="424"/>
      <c r="HKU724" s="424"/>
      <c r="HKV724" s="424"/>
      <c r="HKW724" s="423" t="s">
        <v>2795</v>
      </c>
      <c r="HKX724" s="424"/>
      <c r="HKY724" s="424"/>
      <c r="HKZ724" s="424"/>
      <c r="HLA724" s="423" t="s">
        <v>2795</v>
      </c>
      <c r="HLB724" s="424"/>
      <c r="HLC724" s="424"/>
      <c r="HLD724" s="424"/>
      <c r="HLE724" s="423" t="s">
        <v>2795</v>
      </c>
      <c r="HLF724" s="424"/>
      <c r="HLG724" s="424"/>
      <c r="HLH724" s="424"/>
      <c r="HLI724" s="423" t="s">
        <v>2795</v>
      </c>
      <c r="HLJ724" s="424"/>
      <c r="HLK724" s="424"/>
      <c r="HLL724" s="424"/>
      <c r="HLM724" s="423" t="s">
        <v>2795</v>
      </c>
      <c r="HLN724" s="424"/>
      <c r="HLO724" s="424"/>
      <c r="HLP724" s="424"/>
      <c r="HLQ724" s="423" t="s">
        <v>2795</v>
      </c>
      <c r="HLR724" s="424"/>
      <c r="HLS724" s="424"/>
      <c r="HLT724" s="424"/>
      <c r="HLU724" s="423" t="s">
        <v>2795</v>
      </c>
      <c r="HLV724" s="424"/>
      <c r="HLW724" s="424"/>
      <c r="HLX724" s="424"/>
      <c r="HLY724" s="423" t="s">
        <v>2795</v>
      </c>
      <c r="HLZ724" s="424"/>
      <c r="HMA724" s="424"/>
      <c r="HMB724" s="424"/>
      <c r="HMC724" s="423" t="s">
        <v>2795</v>
      </c>
      <c r="HMD724" s="424"/>
      <c r="HME724" s="424"/>
      <c r="HMF724" s="424"/>
      <c r="HMG724" s="423" t="s">
        <v>2795</v>
      </c>
      <c r="HMH724" s="424"/>
      <c r="HMI724" s="424"/>
      <c r="HMJ724" s="424"/>
      <c r="HMK724" s="423" t="s">
        <v>2795</v>
      </c>
      <c r="HML724" s="424"/>
      <c r="HMM724" s="424"/>
      <c r="HMN724" s="424"/>
      <c r="HMO724" s="423" t="s">
        <v>2795</v>
      </c>
      <c r="HMP724" s="424"/>
      <c r="HMQ724" s="424"/>
      <c r="HMR724" s="424"/>
      <c r="HMS724" s="423" t="s">
        <v>2795</v>
      </c>
      <c r="HMT724" s="424"/>
      <c r="HMU724" s="424"/>
      <c r="HMV724" s="424"/>
      <c r="HMW724" s="423" t="s">
        <v>2795</v>
      </c>
      <c r="HMX724" s="424"/>
      <c r="HMY724" s="424"/>
      <c r="HMZ724" s="424"/>
      <c r="HNA724" s="423" t="s">
        <v>2795</v>
      </c>
      <c r="HNB724" s="424"/>
      <c r="HNC724" s="424"/>
      <c r="HND724" s="424"/>
      <c r="HNE724" s="423" t="s">
        <v>2795</v>
      </c>
      <c r="HNF724" s="424"/>
      <c r="HNG724" s="424"/>
      <c r="HNH724" s="424"/>
      <c r="HNI724" s="423" t="s">
        <v>2795</v>
      </c>
      <c r="HNJ724" s="424"/>
      <c r="HNK724" s="424"/>
      <c r="HNL724" s="424"/>
      <c r="HNM724" s="423" t="s">
        <v>2795</v>
      </c>
      <c r="HNN724" s="424"/>
      <c r="HNO724" s="424"/>
      <c r="HNP724" s="424"/>
      <c r="HNQ724" s="423" t="s">
        <v>2795</v>
      </c>
      <c r="HNR724" s="424"/>
      <c r="HNS724" s="424"/>
      <c r="HNT724" s="424"/>
      <c r="HNU724" s="423" t="s">
        <v>2795</v>
      </c>
      <c r="HNV724" s="424"/>
      <c r="HNW724" s="424"/>
      <c r="HNX724" s="424"/>
      <c r="HNY724" s="423" t="s">
        <v>2795</v>
      </c>
      <c r="HNZ724" s="424"/>
      <c r="HOA724" s="424"/>
      <c r="HOB724" s="424"/>
      <c r="HOC724" s="423" t="s">
        <v>2795</v>
      </c>
      <c r="HOD724" s="424"/>
      <c r="HOE724" s="424"/>
      <c r="HOF724" s="424"/>
      <c r="HOG724" s="423" t="s">
        <v>2795</v>
      </c>
      <c r="HOH724" s="424"/>
      <c r="HOI724" s="424"/>
      <c r="HOJ724" s="424"/>
      <c r="HOK724" s="423" t="s">
        <v>2795</v>
      </c>
      <c r="HOL724" s="424"/>
      <c r="HOM724" s="424"/>
      <c r="HON724" s="424"/>
      <c r="HOO724" s="423" t="s">
        <v>2795</v>
      </c>
      <c r="HOP724" s="424"/>
      <c r="HOQ724" s="424"/>
      <c r="HOR724" s="424"/>
      <c r="HOS724" s="423" t="s">
        <v>2795</v>
      </c>
      <c r="HOT724" s="424"/>
      <c r="HOU724" s="424"/>
      <c r="HOV724" s="424"/>
      <c r="HOW724" s="423" t="s">
        <v>2795</v>
      </c>
      <c r="HOX724" s="424"/>
      <c r="HOY724" s="424"/>
      <c r="HOZ724" s="424"/>
      <c r="HPA724" s="423" t="s">
        <v>2795</v>
      </c>
      <c r="HPB724" s="424"/>
      <c r="HPC724" s="424"/>
      <c r="HPD724" s="424"/>
      <c r="HPE724" s="423" t="s">
        <v>2795</v>
      </c>
      <c r="HPF724" s="424"/>
      <c r="HPG724" s="424"/>
      <c r="HPH724" s="424"/>
      <c r="HPI724" s="423" t="s">
        <v>2795</v>
      </c>
      <c r="HPJ724" s="424"/>
      <c r="HPK724" s="424"/>
      <c r="HPL724" s="424"/>
      <c r="HPM724" s="423" t="s">
        <v>2795</v>
      </c>
      <c r="HPN724" s="424"/>
      <c r="HPO724" s="424"/>
      <c r="HPP724" s="424"/>
      <c r="HPQ724" s="423" t="s">
        <v>2795</v>
      </c>
      <c r="HPR724" s="424"/>
      <c r="HPS724" s="424"/>
      <c r="HPT724" s="424"/>
      <c r="HPU724" s="423" t="s">
        <v>2795</v>
      </c>
      <c r="HPV724" s="424"/>
      <c r="HPW724" s="424"/>
      <c r="HPX724" s="424"/>
      <c r="HPY724" s="423" t="s">
        <v>2795</v>
      </c>
      <c r="HPZ724" s="424"/>
      <c r="HQA724" s="424"/>
      <c r="HQB724" s="424"/>
      <c r="HQC724" s="423" t="s">
        <v>2795</v>
      </c>
      <c r="HQD724" s="424"/>
      <c r="HQE724" s="424"/>
      <c r="HQF724" s="424"/>
      <c r="HQG724" s="423" t="s">
        <v>2795</v>
      </c>
      <c r="HQH724" s="424"/>
      <c r="HQI724" s="424"/>
      <c r="HQJ724" s="424"/>
      <c r="HQK724" s="423" t="s">
        <v>2795</v>
      </c>
      <c r="HQL724" s="424"/>
      <c r="HQM724" s="424"/>
      <c r="HQN724" s="424"/>
      <c r="HQO724" s="423" t="s">
        <v>2795</v>
      </c>
      <c r="HQP724" s="424"/>
      <c r="HQQ724" s="424"/>
      <c r="HQR724" s="424"/>
      <c r="HQS724" s="423" t="s">
        <v>2795</v>
      </c>
      <c r="HQT724" s="424"/>
      <c r="HQU724" s="424"/>
      <c r="HQV724" s="424"/>
      <c r="HQW724" s="423" t="s">
        <v>2795</v>
      </c>
      <c r="HQX724" s="424"/>
      <c r="HQY724" s="424"/>
      <c r="HQZ724" s="424"/>
      <c r="HRA724" s="423" t="s">
        <v>2795</v>
      </c>
      <c r="HRB724" s="424"/>
      <c r="HRC724" s="424"/>
      <c r="HRD724" s="424"/>
      <c r="HRE724" s="423" t="s">
        <v>2795</v>
      </c>
      <c r="HRF724" s="424"/>
      <c r="HRG724" s="424"/>
      <c r="HRH724" s="424"/>
      <c r="HRI724" s="423" t="s">
        <v>2795</v>
      </c>
      <c r="HRJ724" s="424"/>
      <c r="HRK724" s="424"/>
      <c r="HRL724" s="424"/>
      <c r="HRM724" s="423" t="s">
        <v>2795</v>
      </c>
      <c r="HRN724" s="424"/>
      <c r="HRO724" s="424"/>
      <c r="HRP724" s="424"/>
      <c r="HRQ724" s="423" t="s">
        <v>2795</v>
      </c>
      <c r="HRR724" s="424"/>
      <c r="HRS724" s="424"/>
      <c r="HRT724" s="424"/>
      <c r="HRU724" s="423" t="s">
        <v>2795</v>
      </c>
      <c r="HRV724" s="424"/>
      <c r="HRW724" s="424"/>
      <c r="HRX724" s="424"/>
      <c r="HRY724" s="423" t="s">
        <v>2795</v>
      </c>
      <c r="HRZ724" s="424"/>
      <c r="HSA724" s="424"/>
      <c r="HSB724" s="424"/>
      <c r="HSC724" s="423" t="s">
        <v>2795</v>
      </c>
      <c r="HSD724" s="424"/>
      <c r="HSE724" s="424"/>
      <c r="HSF724" s="424"/>
      <c r="HSG724" s="423" t="s">
        <v>2795</v>
      </c>
      <c r="HSH724" s="424"/>
      <c r="HSI724" s="424"/>
      <c r="HSJ724" s="424"/>
      <c r="HSK724" s="423" t="s">
        <v>2795</v>
      </c>
      <c r="HSL724" s="424"/>
      <c r="HSM724" s="424"/>
      <c r="HSN724" s="424"/>
      <c r="HSO724" s="423" t="s">
        <v>2795</v>
      </c>
      <c r="HSP724" s="424"/>
      <c r="HSQ724" s="424"/>
      <c r="HSR724" s="424"/>
      <c r="HSS724" s="423" t="s">
        <v>2795</v>
      </c>
      <c r="HST724" s="424"/>
      <c r="HSU724" s="424"/>
      <c r="HSV724" s="424"/>
      <c r="HSW724" s="423" t="s">
        <v>2795</v>
      </c>
      <c r="HSX724" s="424"/>
      <c r="HSY724" s="424"/>
      <c r="HSZ724" s="424"/>
      <c r="HTA724" s="423" t="s">
        <v>2795</v>
      </c>
      <c r="HTB724" s="424"/>
      <c r="HTC724" s="424"/>
      <c r="HTD724" s="424"/>
      <c r="HTE724" s="423" t="s">
        <v>2795</v>
      </c>
      <c r="HTF724" s="424"/>
      <c r="HTG724" s="424"/>
      <c r="HTH724" s="424"/>
      <c r="HTI724" s="423" t="s">
        <v>2795</v>
      </c>
      <c r="HTJ724" s="424"/>
      <c r="HTK724" s="424"/>
      <c r="HTL724" s="424"/>
      <c r="HTM724" s="423" t="s">
        <v>2795</v>
      </c>
      <c r="HTN724" s="424"/>
      <c r="HTO724" s="424"/>
      <c r="HTP724" s="424"/>
      <c r="HTQ724" s="423" t="s">
        <v>2795</v>
      </c>
      <c r="HTR724" s="424"/>
      <c r="HTS724" s="424"/>
      <c r="HTT724" s="424"/>
      <c r="HTU724" s="423" t="s">
        <v>2795</v>
      </c>
      <c r="HTV724" s="424"/>
      <c r="HTW724" s="424"/>
      <c r="HTX724" s="424"/>
      <c r="HTY724" s="423" t="s">
        <v>2795</v>
      </c>
      <c r="HTZ724" s="424"/>
      <c r="HUA724" s="424"/>
      <c r="HUB724" s="424"/>
      <c r="HUC724" s="423" t="s">
        <v>2795</v>
      </c>
      <c r="HUD724" s="424"/>
      <c r="HUE724" s="424"/>
      <c r="HUF724" s="424"/>
      <c r="HUG724" s="423" t="s">
        <v>2795</v>
      </c>
      <c r="HUH724" s="424"/>
      <c r="HUI724" s="424"/>
      <c r="HUJ724" s="424"/>
      <c r="HUK724" s="423" t="s">
        <v>2795</v>
      </c>
      <c r="HUL724" s="424"/>
      <c r="HUM724" s="424"/>
      <c r="HUN724" s="424"/>
      <c r="HUO724" s="423" t="s">
        <v>2795</v>
      </c>
      <c r="HUP724" s="424"/>
      <c r="HUQ724" s="424"/>
      <c r="HUR724" s="424"/>
      <c r="HUS724" s="423" t="s">
        <v>2795</v>
      </c>
      <c r="HUT724" s="424"/>
      <c r="HUU724" s="424"/>
      <c r="HUV724" s="424"/>
      <c r="HUW724" s="423" t="s">
        <v>2795</v>
      </c>
      <c r="HUX724" s="424"/>
      <c r="HUY724" s="424"/>
      <c r="HUZ724" s="424"/>
      <c r="HVA724" s="423" t="s">
        <v>2795</v>
      </c>
      <c r="HVB724" s="424"/>
      <c r="HVC724" s="424"/>
      <c r="HVD724" s="424"/>
      <c r="HVE724" s="423" t="s">
        <v>2795</v>
      </c>
      <c r="HVF724" s="424"/>
      <c r="HVG724" s="424"/>
      <c r="HVH724" s="424"/>
      <c r="HVI724" s="423" t="s">
        <v>2795</v>
      </c>
      <c r="HVJ724" s="424"/>
      <c r="HVK724" s="424"/>
      <c r="HVL724" s="424"/>
      <c r="HVM724" s="423" t="s">
        <v>2795</v>
      </c>
      <c r="HVN724" s="424"/>
      <c r="HVO724" s="424"/>
      <c r="HVP724" s="424"/>
      <c r="HVQ724" s="423" t="s">
        <v>2795</v>
      </c>
      <c r="HVR724" s="424"/>
      <c r="HVS724" s="424"/>
      <c r="HVT724" s="424"/>
      <c r="HVU724" s="423" t="s">
        <v>2795</v>
      </c>
      <c r="HVV724" s="424"/>
      <c r="HVW724" s="424"/>
      <c r="HVX724" s="424"/>
      <c r="HVY724" s="423" t="s">
        <v>2795</v>
      </c>
      <c r="HVZ724" s="424"/>
      <c r="HWA724" s="424"/>
      <c r="HWB724" s="424"/>
      <c r="HWC724" s="423" t="s">
        <v>2795</v>
      </c>
      <c r="HWD724" s="424"/>
      <c r="HWE724" s="424"/>
      <c r="HWF724" s="424"/>
      <c r="HWG724" s="423" t="s">
        <v>2795</v>
      </c>
      <c r="HWH724" s="424"/>
      <c r="HWI724" s="424"/>
      <c r="HWJ724" s="424"/>
      <c r="HWK724" s="423" t="s">
        <v>2795</v>
      </c>
      <c r="HWL724" s="424"/>
      <c r="HWM724" s="424"/>
      <c r="HWN724" s="424"/>
      <c r="HWO724" s="423" t="s">
        <v>2795</v>
      </c>
      <c r="HWP724" s="424"/>
      <c r="HWQ724" s="424"/>
      <c r="HWR724" s="424"/>
      <c r="HWS724" s="423" t="s">
        <v>2795</v>
      </c>
      <c r="HWT724" s="424"/>
      <c r="HWU724" s="424"/>
      <c r="HWV724" s="424"/>
      <c r="HWW724" s="423" t="s">
        <v>2795</v>
      </c>
      <c r="HWX724" s="424"/>
      <c r="HWY724" s="424"/>
      <c r="HWZ724" s="424"/>
      <c r="HXA724" s="423" t="s">
        <v>2795</v>
      </c>
      <c r="HXB724" s="424"/>
      <c r="HXC724" s="424"/>
      <c r="HXD724" s="424"/>
      <c r="HXE724" s="423" t="s">
        <v>2795</v>
      </c>
      <c r="HXF724" s="424"/>
      <c r="HXG724" s="424"/>
      <c r="HXH724" s="424"/>
      <c r="HXI724" s="423" t="s">
        <v>2795</v>
      </c>
      <c r="HXJ724" s="424"/>
      <c r="HXK724" s="424"/>
      <c r="HXL724" s="424"/>
      <c r="HXM724" s="423" t="s">
        <v>2795</v>
      </c>
      <c r="HXN724" s="424"/>
      <c r="HXO724" s="424"/>
      <c r="HXP724" s="424"/>
      <c r="HXQ724" s="423" t="s">
        <v>2795</v>
      </c>
      <c r="HXR724" s="424"/>
      <c r="HXS724" s="424"/>
      <c r="HXT724" s="424"/>
      <c r="HXU724" s="423" t="s">
        <v>2795</v>
      </c>
      <c r="HXV724" s="424"/>
      <c r="HXW724" s="424"/>
      <c r="HXX724" s="424"/>
      <c r="HXY724" s="423" t="s">
        <v>2795</v>
      </c>
      <c r="HXZ724" s="424"/>
      <c r="HYA724" s="424"/>
      <c r="HYB724" s="424"/>
      <c r="HYC724" s="423" t="s">
        <v>2795</v>
      </c>
      <c r="HYD724" s="424"/>
      <c r="HYE724" s="424"/>
      <c r="HYF724" s="424"/>
      <c r="HYG724" s="423" t="s">
        <v>2795</v>
      </c>
      <c r="HYH724" s="424"/>
      <c r="HYI724" s="424"/>
      <c r="HYJ724" s="424"/>
      <c r="HYK724" s="423" t="s">
        <v>2795</v>
      </c>
      <c r="HYL724" s="424"/>
      <c r="HYM724" s="424"/>
      <c r="HYN724" s="424"/>
      <c r="HYO724" s="423" t="s">
        <v>2795</v>
      </c>
      <c r="HYP724" s="424"/>
      <c r="HYQ724" s="424"/>
      <c r="HYR724" s="424"/>
      <c r="HYS724" s="423" t="s">
        <v>2795</v>
      </c>
      <c r="HYT724" s="424"/>
      <c r="HYU724" s="424"/>
      <c r="HYV724" s="424"/>
      <c r="HYW724" s="423" t="s">
        <v>2795</v>
      </c>
      <c r="HYX724" s="424"/>
      <c r="HYY724" s="424"/>
      <c r="HYZ724" s="424"/>
      <c r="HZA724" s="423" t="s">
        <v>2795</v>
      </c>
      <c r="HZB724" s="424"/>
      <c r="HZC724" s="424"/>
      <c r="HZD724" s="424"/>
      <c r="HZE724" s="423" t="s">
        <v>2795</v>
      </c>
      <c r="HZF724" s="424"/>
      <c r="HZG724" s="424"/>
      <c r="HZH724" s="424"/>
      <c r="HZI724" s="423" t="s">
        <v>2795</v>
      </c>
      <c r="HZJ724" s="424"/>
      <c r="HZK724" s="424"/>
      <c r="HZL724" s="424"/>
      <c r="HZM724" s="423" t="s">
        <v>2795</v>
      </c>
      <c r="HZN724" s="424"/>
      <c r="HZO724" s="424"/>
      <c r="HZP724" s="424"/>
      <c r="HZQ724" s="423" t="s">
        <v>2795</v>
      </c>
      <c r="HZR724" s="424"/>
      <c r="HZS724" s="424"/>
      <c r="HZT724" s="424"/>
      <c r="HZU724" s="423" t="s">
        <v>2795</v>
      </c>
      <c r="HZV724" s="424"/>
      <c r="HZW724" s="424"/>
      <c r="HZX724" s="424"/>
      <c r="HZY724" s="423" t="s">
        <v>2795</v>
      </c>
      <c r="HZZ724" s="424"/>
      <c r="IAA724" s="424"/>
      <c r="IAB724" s="424"/>
      <c r="IAC724" s="423" t="s">
        <v>2795</v>
      </c>
      <c r="IAD724" s="424"/>
      <c r="IAE724" s="424"/>
      <c r="IAF724" s="424"/>
      <c r="IAG724" s="423" t="s">
        <v>2795</v>
      </c>
      <c r="IAH724" s="424"/>
      <c r="IAI724" s="424"/>
      <c r="IAJ724" s="424"/>
      <c r="IAK724" s="423" t="s">
        <v>2795</v>
      </c>
      <c r="IAL724" s="424"/>
      <c r="IAM724" s="424"/>
      <c r="IAN724" s="424"/>
      <c r="IAO724" s="423" t="s">
        <v>2795</v>
      </c>
      <c r="IAP724" s="424"/>
      <c r="IAQ724" s="424"/>
      <c r="IAR724" s="424"/>
      <c r="IAS724" s="423" t="s">
        <v>2795</v>
      </c>
      <c r="IAT724" s="424"/>
      <c r="IAU724" s="424"/>
      <c r="IAV724" s="424"/>
      <c r="IAW724" s="423" t="s">
        <v>2795</v>
      </c>
      <c r="IAX724" s="424"/>
      <c r="IAY724" s="424"/>
      <c r="IAZ724" s="424"/>
      <c r="IBA724" s="423" t="s">
        <v>2795</v>
      </c>
      <c r="IBB724" s="424"/>
      <c r="IBC724" s="424"/>
      <c r="IBD724" s="424"/>
      <c r="IBE724" s="423" t="s">
        <v>2795</v>
      </c>
      <c r="IBF724" s="424"/>
      <c r="IBG724" s="424"/>
      <c r="IBH724" s="424"/>
      <c r="IBI724" s="423" t="s">
        <v>2795</v>
      </c>
      <c r="IBJ724" s="424"/>
      <c r="IBK724" s="424"/>
      <c r="IBL724" s="424"/>
      <c r="IBM724" s="423" t="s">
        <v>2795</v>
      </c>
      <c r="IBN724" s="424"/>
      <c r="IBO724" s="424"/>
      <c r="IBP724" s="424"/>
      <c r="IBQ724" s="423" t="s">
        <v>2795</v>
      </c>
      <c r="IBR724" s="424"/>
      <c r="IBS724" s="424"/>
      <c r="IBT724" s="424"/>
      <c r="IBU724" s="423" t="s">
        <v>2795</v>
      </c>
      <c r="IBV724" s="424"/>
      <c r="IBW724" s="424"/>
      <c r="IBX724" s="424"/>
      <c r="IBY724" s="423" t="s">
        <v>2795</v>
      </c>
      <c r="IBZ724" s="424"/>
      <c r="ICA724" s="424"/>
      <c r="ICB724" s="424"/>
      <c r="ICC724" s="423" t="s">
        <v>2795</v>
      </c>
      <c r="ICD724" s="424"/>
      <c r="ICE724" s="424"/>
      <c r="ICF724" s="424"/>
      <c r="ICG724" s="423" t="s">
        <v>2795</v>
      </c>
      <c r="ICH724" s="424"/>
      <c r="ICI724" s="424"/>
      <c r="ICJ724" s="424"/>
      <c r="ICK724" s="423" t="s">
        <v>2795</v>
      </c>
      <c r="ICL724" s="424"/>
      <c r="ICM724" s="424"/>
      <c r="ICN724" s="424"/>
      <c r="ICO724" s="423" t="s">
        <v>2795</v>
      </c>
      <c r="ICP724" s="424"/>
      <c r="ICQ724" s="424"/>
      <c r="ICR724" s="424"/>
      <c r="ICS724" s="423" t="s">
        <v>2795</v>
      </c>
      <c r="ICT724" s="424"/>
      <c r="ICU724" s="424"/>
      <c r="ICV724" s="424"/>
      <c r="ICW724" s="423" t="s">
        <v>2795</v>
      </c>
      <c r="ICX724" s="424"/>
      <c r="ICY724" s="424"/>
      <c r="ICZ724" s="424"/>
      <c r="IDA724" s="423" t="s">
        <v>2795</v>
      </c>
      <c r="IDB724" s="424"/>
      <c r="IDC724" s="424"/>
      <c r="IDD724" s="424"/>
      <c r="IDE724" s="423" t="s">
        <v>2795</v>
      </c>
      <c r="IDF724" s="424"/>
      <c r="IDG724" s="424"/>
      <c r="IDH724" s="424"/>
      <c r="IDI724" s="423" t="s">
        <v>2795</v>
      </c>
      <c r="IDJ724" s="424"/>
      <c r="IDK724" s="424"/>
      <c r="IDL724" s="424"/>
      <c r="IDM724" s="423" t="s">
        <v>2795</v>
      </c>
      <c r="IDN724" s="424"/>
      <c r="IDO724" s="424"/>
      <c r="IDP724" s="424"/>
      <c r="IDQ724" s="423" t="s">
        <v>2795</v>
      </c>
      <c r="IDR724" s="424"/>
      <c r="IDS724" s="424"/>
      <c r="IDT724" s="424"/>
      <c r="IDU724" s="423" t="s">
        <v>2795</v>
      </c>
      <c r="IDV724" s="424"/>
      <c r="IDW724" s="424"/>
      <c r="IDX724" s="424"/>
      <c r="IDY724" s="423" t="s">
        <v>2795</v>
      </c>
      <c r="IDZ724" s="424"/>
      <c r="IEA724" s="424"/>
      <c r="IEB724" s="424"/>
      <c r="IEC724" s="423" t="s">
        <v>2795</v>
      </c>
      <c r="IED724" s="424"/>
      <c r="IEE724" s="424"/>
      <c r="IEF724" s="424"/>
      <c r="IEG724" s="423" t="s">
        <v>2795</v>
      </c>
      <c r="IEH724" s="424"/>
      <c r="IEI724" s="424"/>
      <c r="IEJ724" s="424"/>
      <c r="IEK724" s="423" t="s">
        <v>2795</v>
      </c>
      <c r="IEL724" s="424"/>
      <c r="IEM724" s="424"/>
      <c r="IEN724" s="424"/>
      <c r="IEO724" s="423" t="s">
        <v>2795</v>
      </c>
      <c r="IEP724" s="424"/>
      <c r="IEQ724" s="424"/>
      <c r="IER724" s="424"/>
      <c r="IES724" s="423" t="s">
        <v>2795</v>
      </c>
      <c r="IET724" s="424"/>
      <c r="IEU724" s="424"/>
      <c r="IEV724" s="424"/>
      <c r="IEW724" s="423" t="s">
        <v>2795</v>
      </c>
      <c r="IEX724" s="424"/>
      <c r="IEY724" s="424"/>
      <c r="IEZ724" s="424"/>
      <c r="IFA724" s="423" t="s">
        <v>2795</v>
      </c>
      <c r="IFB724" s="424"/>
      <c r="IFC724" s="424"/>
      <c r="IFD724" s="424"/>
      <c r="IFE724" s="423" t="s">
        <v>2795</v>
      </c>
      <c r="IFF724" s="424"/>
      <c r="IFG724" s="424"/>
      <c r="IFH724" s="424"/>
      <c r="IFI724" s="423" t="s">
        <v>2795</v>
      </c>
      <c r="IFJ724" s="424"/>
      <c r="IFK724" s="424"/>
      <c r="IFL724" s="424"/>
      <c r="IFM724" s="423" t="s">
        <v>2795</v>
      </c>
      <c r="IFN724" s="424"/>
      <c r="IFO724" s="424"/>
      <c r="IFP724" s="424"/>
      <c r="IFQ724" s="423" t="s">
        <v>2795</v>
      </c>
      <c r="IFR724" s="424"/>
      <c r="IFS724" s="424"/>
      <c r="IFT724" s="424"/>
      <c r="IFU724" s="423" t="s">
        <v>2795</v>
      </c>
      <c r="IFV724" s="424"/>
      <c r="IFW724" s="424"/>
      <c r="IFX724" s="424"/>
      <c r="IFY724" s="423" t="s">
        <v>2795</v>
      </c>
      <c r="IFZ724" s="424"/>
      <c r="IGA724" s="424"/>
      <c r="IGB724" s="424"/>
      <c r="IGC724" s="423" t="s">
        <v>2795</v>
      </c>
      <c r="IGD724" s="424"/>
      <c r="IGE724" s="424"/>
      <c r="IGF724" s="424"/>
      <c r="IGG724" s="423" t="s">
        <v>2795</v>
      </c>
      <c r="IGH724" s="424"/>
      <c r="IGI724" s="424"/>
      <c r="IGJ724" s="424"/>
      <c r="IGK724" s="423" t="s">
        <v>2795</v>
      </c>
      <c r="IGL724" s="424"/>
      <c r="IGM724" s="424"/>
      <c r="IGN724" s="424"/>
      <c r="IGO724" s="423" t="s">
        <v>2795</v>
      </c>
      <c r="IGP724" s="424"/>
      <c r="IGQ724" s="424"/>
      <c r="IGR724" s="424"/>
      <c r="IGS724" s="423" t="s">
        <v>2795</v>
      </c>
      <c r="IGT724" s="424"/>
      <c r="IGU724" s="424"/>
      <c r="IGV724" s="424"/>
      <c r="IGW724" s="423" t="s">
        <v>2795</v>
      </c>
      <c r="IGX724" s="424"/>
      <c r="IGY724" s="424"/>
      <c r="IGZ724" s="424"/>
      <c r="IHA724" s="423" t="s">
        <v>2795</v>
      </c>
      <c r="IHB724" s="424"/>
      <c r="IHC724" s="424"/>
      <c r="IHD724" s="424"/>
      <c r="IHE724" s="423" t="s">
        <v>2795</v>
      </c>
      <c r="IHF724" s="424"/>
      <c r="IHG724" s="424"/>
      <c r="IHH724" s="424"/>
      <c r="IHI724" s="423" t="s">
        <v>2795</v>
      </c>
      <c r="IHJ724" s="424"/>
      <c r="IHK724" s="424"/>
      <c r="IHL724" s="424"/>
      <c r="IHM724" s="423" t="s">
        <v>2795</v>
      </c>
      <c r="IHN724" s="424"/>
      <c r="IHO724" s="424"/>
      <c r="IHP724" s="424"/>
      <c r="IHQ724" s="423" t="s">
        <v>2795</v>
      </c>
      <c r="IHR724" s="424"/>
      <c r="IHS724" s="424"/>
      <c r="IHT724" s="424"/>
      <c r="IHU724" s="423" t="s">
        <v>2795</v>
      </c>
      <c r="IHV724" s="424"/>
      <c r="IHW724" s="424"/>
      <c r="IHX724" s="424"/>
      <c r="IHY724" s="423" t="s">
        <v>2795</v>
      </c>
      <c r="IHZ724" s="424"/>
      <c r="IIA724" s="424"/>
      <c r="IIB724" s="424"/>
      <c r="IIC724" s="423" t="s">
        <v>2795</v>
      </c>
      <c r="IID724" s="424"/>
      <c r="IIE724" s="424"/>
      <c r="IIF724" s="424"/>
      <c r="IIG724" s="423" t="s">
        <v>2795</v>
      </c>
      <c r="IIH724" s="424"/>
      <c r="III724" s="424"/>
      <c r="IIJ724" s="424"/>
      <c r="IIK724" s="423" t="s">
        <v>2795</v>
      </c>
      <c r="IIL724" s="424"/>
      <c r="IIM724" s="424"/>
      <c r="IIN724" s="424"/>
      <c r="IIO724" s="423" t="s">
        <v>2795</v>
      </c>
      <c r="IIP724" s="424"/>
      <c r="IIQ724" s="424"/>
      <c r="IIR724" s="424"/>
      <c r="IIS724" s="423" t="s">
        <v>2795</v>
      </c>
      <c r="IIT724" s="424"/>
      <c r="IIU724" s="424"/>
      <c r="IIV724" s="424"/>
      <c r="IIW724" s="423" t="s">
        <v>2795</v>
      </c>
      <c r="IIX724" s="424"/>
      <c r="IIY724" s="424"/>
      <c r="IIZ724" s="424"/>
      <c r="IJA724" s="423" t="s">
        <v>2795</v>
      </c>
      <c r="IJB724" s="424"/>
      <c r="IJC724" s="424"/>
      <c r="IJD724" s="424"/>
      <c r="IJE724" s="423" t="s">
        <v>2795</v>
      </c>
      <c r="IJF724" s="424"/>
      <c r="IJG724" s="424"/>
      <c r="IJH724" s="424"/>
      <c r="IJI724" s="423" t="s">
        <v>2795</v>
      </c>
      <c r="IJJ724" s="424"/>
      <c r="IJK724" s="424"/>
      <c r="IJL724" s="424"/>
      <c r="IJM724" s="423" t="s">
        <v>2795</v>
      </c>
      <c r="IJN724" s="424"/>
      <c r="IJO724" s="424"/>
      <c r="IJP724" s="424"/>
      <c r="IJQ724" s="423" t="s">
        <v>2795</v>
      </c>
      <c r="IJR724" s="424"/>
      <c r="IJS724" s="424"/>
      <c r="IJT724" s="424"/>
      <c r="IJU724" s="423" t="s">
        <v>2795</v>
      </c>
      <c r="IJV724" s="424"/>
      <c r="IJW724" s="424"/>
      <c r="IJX724" s="424"/>
      <c r="IJY724" s="423" t="s">
        <v>2795</v>
      </c>
      <c r="IJZ724" s="424"/>
      <c r="IKA724" s="424"/>
      <c r="IKB724" s="424"/>
      <c r="IKC724" s="423" t="s">
        <v>2795</v>
      </c>
      <c r="IKD724" s="424"/>
      <c r="IKE724" s="424"/>
      <c r="IKF724" s="424"/>
      <c r="IKG724" s="423" t="s">
        <v>2795</v>
      </c>
      <c r="IKH724" s="424"/>
      <c r="IKI724" s="424"/>
      <c r="IKJ724" s="424"/>
      <c r="IKK724" s="423" t="s">
        <v>2795</v>
      </c>
      <c r="IKL724" s="424"/>
      <c r="IKM724" s="424"/>
      <c r="IKN724" s="424"/>
      <c r="IKO724" s="423" t="s">
        <v>2795</v>
      </c>
      <c r="IKP724" s="424"/>
      <c r="IKQ724" s="424"/>
      <c r="IKR724" s="424"/>
      <c r="IKS724" s="423" t="s">
        <v>2795</v>
      </c>
      <c r="IKT724" s="424"/>
      <c r="IKU724" s="424"/>
      <c r="IKV724" s="424"/>
      <c r="IKW724" s="423" t="s">
        <v>2795</v>
      </c>
      <c r="IKX724" s="424"/>
      <c r="IKY724" s="424"/>
      <c r="IKZ724" s="424"/>
      <c r="ILA724" s="423" t="s">
        <v>2795</v>
      </c>
      <c r="ILB724" s="424"/>
      <c r="ILC724" s="424"/>
      <c r="ILD724" s="424"/>
      <c r="ILE724" s="423" t="s">
        <v>2795</v>
      </c>
      <c r="ILF724" s="424"/>
      <c r="ILG724" s="424"/>
      <c r="ILH724" s="424"/>
      <c r="ILI724" s="423" t="s">
        <v>2795</v>
      </c>
      <c r="ILJ724" s="424"/>
      <c r="ILK724" s="424"/>
      <c r="ILL724" s="424"/>
      <c r="ILM724" s="423" t="s">
        <v>2795</v>
      </c>
      <c r="ILN724" s="424"/>
      <c r="ILO724" s="424"/>
      <c r="ILP724" s="424"/>
      <c r="ILQ724" s="423" t="s">
        <v>2795</v>
      </c>
      <c r="ILR724" s="424"/>
      <c r="ILS724" s="424"/>
      <c r="ILT724" s="424"/>
      <c r="ILU724" s="423" t="s">
        <v>2795</v>
      </c>
      <c r="ILV724" s="424"/>
      <c r="ILW724" s="424"/>
      <c r="ILX724" s="424"/>
      <c r="ILY724" s="423" t="s">
        <v>2795</v>
      </c>
      <c r="ILZ724" s="424"/>
      <c r="IMA724" s="424"/>
      <c r="IMB724" s="424"/>
      <c r="IMC724" s="423" t="s">
        <v>2795</v>
      </c>
      <c r="IMD724" s="424"/>
      <c r="IME724" s="424"/>
      <c r="IMF724" s="424"/>
      <c r="IMG724" s="423" t="s">
        <v>2795</v>
      </c>
      <c r="IMH724" s="424"/>
      <c r="IMI724" s="424"/>
      <c r="IMJ724" s="424"/>
      <c r="IMK724" s="423" t="s">
        <v>2795</v>
      </c>
      <c r="IML724" s="424"/>
      <c r="IMM724" s="424"/>
      <c r="IMN724" s="424"/>
      <c r="IMO724" s="423" t="s">
        <v>2795</v>
      </c>
      <c r="IMP724" s="424"/>
      <c r="IMQ724" s="424"/>
      <c r="IMR724" s="424"/>
      <c r="IMS724" s="423" t="s">
        <v>2795</v>
      </c>
      <c r="IMT724" s="424"/>
      <c r="IMU724" s="424"/>
      <c r="IMV724" s="424"/>
      <c r="IMW724" s="423" t="s">
        <v>2795</v>
      </c>
      <c r="IMX724" s="424"/>
      <c r="IMY724" s="424"/>
      <c r="IMZ724" s="424"/>
      <c r="INA724" s="423" t="s">
        <v>2795</v>
      </c>
      <c r="INB724" s="424"/>
      <c r="INC724" s="424"/>
      <c r="IND724" s="424"/>
      <c r="INE724" s="423" t="s">
        <v>2795</v>
      </c>
      <c r="INF724" s="424"/>
      <c r="ING724" s="424"/>
      <c r="INH724" s="424"/>
      <c r="INI724" s="423" t="s">
        <v>2795</v>
      </c>
      <c r="INJ724" s="424"/>
      <c r="INK724" s="424"/>
      <c r="INL724" s="424"/>
      <c r="INM724" s="423" t="s">
        <v>2795</v>
      </c>
      <c r="INN724" s="424"/>
      <c r="INO724" s="424"/>
      <c r="INP724" s="424"/>
      <c r="INQ724" s="423" t="s">
        <v>2795</v>
      </c>
      <c r="INR724" s="424"/>
      <c r="INS724" s="424"/>
      <c r="INT724" s="424"/>
      <c r="INU724" s="423" t="s">
        <v>2795</v>
      </c>
      <c r="INV724" s="424"/>
      <c r="INW724" s="424"/>
      <c r="INX724" s="424"/>
      <c r="INY724" s="423" t="s">
        <v>2795</v>
      </c>
      <c r="INZ724" s="424"/>
      <c r="IOA724" s="424"/>
      <c r="IOB724" s="424"/>
      <c r="IOC724" s="423" t="s">
        <v>2795</v>
      </c>
      <c r="IOD724" s="424"/>
      <c r="IOE724" s="424"/>
      <c r="IOF724" s="424"/>
      <c r="IOG724" s="423" t="s">
        <v>2795</v>
      </c>
      <c r="IOH724" s="424"/>
      <c r="IOI724" s="424"/>
      <c r="IOJ724" s="424"/>
      <c r="IOK724" s="423" t="s">
        <v>2795</v>
      </c>
      <c r="IOL724" s="424"/>
      <c r="IOM724" s="424"/>
      <c r="ION724" s="424"/>
      <c r="IOO724" s="423" t="s">
        <v>2795</v>
      </c>
      <c r="IOP724" s="424"/>
      <c r="IOQ724" s="424"/>
      <c r="IOR724" s="424"/>
      <c r="IOS724" s="423" t="s">
        <v>2795</v>
      </c>
      <c r="IOT724" s="424"/>
      <c r="IOU724" s="424"/>
      <c r="IOV724" s="424"/>
      <c r="IOW724" s="423" t="s">
        <v>2795</v>
      </c>
      <c r="IOX724" s="424"/>
      <c r="IOY724" s="424"/>
      <c r="IOZ724" s="424"/>
      <c r="IPA724" s="423" t="s">
        <v>2795</v>
      </c>
      <c r="IPB724" s="424"/>
      <c r="IPC724" s="424"/>
      <c r="IPD724" s="424"/>
      <c r="IPE724" s="423" t="s">
        <v>2795</v>
      </c>
      <c r="IPF724" s="424"/>
      <c r="IPG724" s="424"/>
      <c r="IPH724" s="424"/>
      <c r="IPI724" s="423" t="s">
        <v>2795</v>
      </c>
      <c r="IPJ724" s="424"/>
      <c r="IPK724" s="424"/>
      <c r="IPL724" s="424"/>
      <c r="IPM724" s="423" t="s">
        <v>2795</v>
      </c>
      <c r="IPN724" s="424"/>
      <c r="IPO724" s="424"/>
      <c r="IPP724" s="424"/>
      <c r="IPQ724" s="423" t="s">
        <v>2795</v>
      </c>
      <c r="IPR724" s="424"/>
      <c r="IPS724" s="424"/>
      <c r="IPT724" s="424"/>
      <c r="IPU724" s="423" t="s">
        <v>2795</v>
      </c>
      <c r="IPV724" s="424"/>
      <c r="IPW724" s="424"/>
      <c r="IPX724" s="424"/>
      <c r="IPY724" s="423" t="s">
        <v>2795</v>
      </c>
      <c r="IPZ724" s="424"/>
      <c r="IQA724" s="424"/>
      <c r="IQB724" s="424"/>
      <c r="IQC724" s="423" t="s">
        <v>2795</v>
      </c>
      <c r="IQD724" s="424"/>
      <c r="IQE724" s="424"/>
      <c r="IQF724" s="424"/>
      <c r="IQG724" s="423" t="s">
        <v>2795</v>
      </c>
      <c r="IQH724" s="424"/>
      <c r="IQI724" s="424"/>
      <c r="IQJ724" s="424"/>
      <c r="IQK724" s="423" t="s">
        <v>2795</v>
      </c>
      <c r="IQL724" s="424"/>
      <c r="IQM724" s="424"/>
      <c r="IQN724" s="424"/>
      <c r="IQO724" s="423" t="s">
        <v>2795</v>
      </c>
      <c r="IQP724" s="424"/>
      <c r="IQQ724" s="424"/>
      <c r="IQR724" s="424"/>
      <c r="IQS724" s="423" t="s">
        <v>2795</v>
      </c>
      <c r="IQT724" s="424"/>
      <c r="IQU724" s="424"/>
      <c r="IQV724" s="424"/>
      <c r="IQW724" s="423" t="s">
        <v>2795</v>
      </c>
      <c r="IQX724" s="424"/>
      <c r="IQY724" s="424"/>
      <c r="IQZ724" s="424"/>
      <c r="IRA724" s="423" t="s">
        <v>2795</v>
      </c>
      <c r="IRB724" s="424"/>
      <c r="IRC724" s="424"/>
      <c r="IRD724" s="424"/>
      <c r="IRE724" s="423" t="s">
        <v>2795</v>
      </c>
      <c r="IRF724" s="424"/>
      <c r="IRG724" s="424"/>
      <c r="IRH724" s="424"/>
      <c r="IRI724" s="423" t="s">
        <v>2795</v>
      </c>
      <c r="IRJ724" s="424"/>
      <c r="IRK724" s="424"/>
      <c r="IRL724" s="424"/>
      <c r="IRM724" s="423" t="s">
        <v>2795</v>
      </c>
      <c r="IRN724" s="424"/>
      <c r="IRO724" s="424"/>
      <c r="IRP724" s="424"/>
      <c r="IRQ724" s="423" t="s">
        <v>2795</v>
      </c>
      <c r="IRR724" s="424"/>
      <c r="IRS724" s="424"/>
      <c r="IRT724" s="424"/>
      <c r="IRU724" s="423" t="s">
        <v>2795</v>
      </c>
      <c r="IRV724" s="424"/>
      <c r="IRW724" s="424"/>
      <c r="IRX724" s="424"/>
      <c r="IRY724" s="423" t="s">
        <v>2795</v>
      </c>
      <c r="IRZ724" s="424"/>
      <c r="ISA724" s="424"/>
      <c r="ISB724" s="424"/>
      <c r="ISC724" s="423" t="s">
        <v>2795</v>
      </c>
      <c r="ISD724" s="424"/>
      <c r="ISE724" s="424"/>
      <c r="ISF724" s="424"/>
      <c r="ISG724" s="423" t="s">
        <v>2795</v>
      </c>
      <c r="ISH724" s="424"/>
      <c r="ISI724" s="424"/>
      <c r="ISJ724" s="424"/>
      <c r="ISK724" s="423" t="s">
        <v>2795</v>
      </c>
      <c r="ISL724" s="424"/>
      <c r="ISM724" s="424"/>
      <c r="ISN724" s="424"/>
      <c r="ISO724" s="423" t="s">
        <v>2795</v>
      </c>
      <c r="ISP724" s="424"/>
      <c r="ISQ724" s="424"/>
      <c r="ISR724" s="424"/>
      <c r="ISS724" s="423" t="s">
        <v>2795</v>
      </c>
      <c r="IST724" s="424"/>
      <c r="ISU724" s="424"/>
      <c r="ISV724" s="424"/>
      <c r="ISW724" s="423" t="s">
        <v>2795</v>
      </c>
      <c r="ISX724" s="424"/>
      <c r="ISY724" s="424"/>
      <c r="ISZ724" s="424"/>
      <c r="ITA724" s="423" t="s">
        <v>2795</v>
      </c>
      <c r="ITB724" s="424"/>
      <c r="ITC724" s="424"/>
      <c r="ITD724" s="424"/>
      <c r="ITE724" s="423" t="s">
        <v>2795</v>
      </c>
      <c r="ITF724" s="424"/>
      <c r="ITG724" s="424"/>
      <c r="ITH724" s="424"/>
      <c r="ITI724" s="423" t="s">
        <v>2795</v>
      </c>
      <c r="ITJ724" s="424"/>
      <c r="ITK724" s="424"/>
      <c r="ITL724" s="424"/>
      <c r="ITM724" s="423" t="s">
        <v>2795</v>
      </c>
      <c r="ITN724" s="424"/>
      <c r="ITO724" s="424"/>
      <c r="ITP724" s="424"/>
      <c r="ITQ724" s="423" t="s">
        <v>2795</v>
      </c>
      <c r="ITR724" s="424"/>
      <c r="ITS724" s="424"/>
      <c r="ITT724" s="424"/>
      <c r="ITU724" s="423" t="s">
        <v>2795</v>
      </c>
      <c r="ITV724" s="424"/>
      <c r="ITW724" s="424"/>
      <c r="ITX724" s="424"/>
      <c r="ITY724" s="423" t="s">
        <v>2795</v>
      </c>
      <c r="ITZ724" s="424"/>
      <c r="IUA724" s="424"/>
      <c r="IUB724" s="424"/>
      <c r="IUC724" s="423" t="s">
        <v>2795</v>
      </c>
      <c r="IUD724" s="424"/>
      <c r="IUE724" s="424"/>
      <c r="IUF724" s="424"/>
      <c r="IUG724" s="423" t="s">
        <v>2795</v>
      </c>
      <c r="IUH724" s="424"/>
      <c r="IUI724" s="424"/>
      <c r="IUJ724" s="424"/>
      <c r="IUK724" s="423" t="s">
        <v>2795</v>
      </c>
      <c r="IUL724" s="424"/>
      <c r="IUM724" s="424"/>
      <c r="IUN724" s="424"/>
      <c r="IUO724" s="423" t="s">
        <v>2795</v>
      </c>
      <c r="IUP724" s="424"/>
      <c r="IUQ724" s="424"/>
      <c r="IUR724" s="424"/>
      <c r="IUS724" s="423" t="s">
        <v>2795</v>
      </c>
      <c r="IUT724" s="424"/>
      <c r="IUU724" s="424"/>
      <c r="IUV724" s="424"/>
      <c r="IUW724" s="423" t="s">
        <v>2795</v>
      </c>
      <c r="IUX724" s="424"/>
      <c r="IUY724" s="424"/>
      <c r="IUZ724" s="424"/>
      <c r="IVA724" s="423" t="s">
        <v>2795</v>
      </c>
      <c r="IVB724" s="424"/>
      <c r="IVC724" s="424"/>
      <c r="IVD724" s="424"/>
      <c r="IVE724" s="423" t="s">
        <v>2795</v>
      </c>
      <c r="IVF724" s="424"/>
      <c r="IVG724" s="424"/>
      <c r="IVH724" s="424"/>
      <c r="IVI724" s="423" t="s">
        <v>2795</v>
      </c>
      <c r="IVJ724" s="424"/>
      <c r="IVK724" s="424"/>
      <c r="IVL724" s="424"/>
      <c r="IVM724" s="423" t="s">
        <v>2795</v>
      </c>
      <c r="IVN724" s="424"/>
      <c r="IVO724" s="424"/>
      <c r="IVP724" s="424"/>
      <c r="IVQ724" s="423" t="s">
        <v>2795</v>
      </c>
      <c r="IVR724" s="424"/>
      <c r="IVS724" s="424"/>
      <c r="IVT724" s="424"/>
      <c r="IVU724" s="423" t="s">
        <v>2795</v>
      </c>
      <c r="IVV724" s="424"/>
      <c r="IVW724" s="424"/>
      <c r="IVX724" s="424"/>
      <c r="IVY724" s="423" t="s">
        <v>2795</v>
      </c>
      <c r="IVZ724" s="424"/>
      <c r="IWA724" s="424"/>
      <c r="IWB724" s="424"/>
      <c r="IWC724" s="423" t="s">
        <v>2795</v>
      </c>
      <c r="IWD724" s="424"/>
      <c r="IWE724" s="424"/>
      <c r="IWF724" s="424"/>
      <c r="IWG724" s="423" t="s">
        <v>2795</v>
      </c>
      <c r="IWH724" s="424"/>
      <c r="IWI724" s="424"/>
      <c r="IWJ724" s="424"/>
      <c r="IWK724" s="423" t="s">
        <v>2795</v>
      </c>
      <c r="IWL724" s="424"/>
      <c r="IWM724" s="424"/>
      <c r="IWN724" s="424"/>
      <c r="IWO724" s="423" t="s">
        <v>2795</v>
      </c>
      <c r="IWP724" s="424"/>
      <c r="IWQ724" s="424"/>
      <c r="IWR724" s="424"/>
      <c r="IWS724" s="423" t="s">
        <v>2795</v>
      </c>
      <c r="IWT724" s="424"/>
      <c r="IWU724" s="424"/>
      <c r="IWV724" s="424"/>
      <c r="IWW724" s="423" t="s">
        <v>2795</v>
      </c>
      <c r="IWX724" s="424"/>
      <c r="IWY724" s="424"/>
      <c r="IWZ724" s="424"/>
      <c r="IXA724" s="423" t="s">
        <v>2795</v>
      </c>
      <c r="IXB724" s="424"/>
      <c r="IXC724" s="424"/>
      <c r="IXD724" s="424"/>
      <c r="IXE724" s="423" t="s">
        <v>2795</v>
      </c>
      <c r="IXF724" s="424"/>
      <c r="IXG724" s="424"/>
      <c r="IXH724" s="424"/>
      <c r="IXI724" s="423" t="s">
        <v>2795</v>
      </c>
      <c r="IXJ724" s="424"/>
      <c r="IXK724" s="424"/>
      <c r="IXL724" s="424"/>
      <c r="IXM724" s="423" t="s">
        <v>2795</v>
      </c>
      <c r="IXN724" s="424"/>
      <c r="IXO724" s="424"/>
      <c r="IXP724" s="424"/>
      <c r="IXQ724" s="423" t="s">
        <v>2795</v>
      </c>
      <c r="IXR724" s="424"/>
      <c r="IXS724" s="424"/>
      <c r="IXT724" s="424"/>
      <c r="IXU724" s="423" t="s">
        <v>2795</v>
      </c>
      <c r="IXV724" s="424"/>
      <c r="IXW724" s="424"/>
      <c r="IXX724" s="424"/>
      <c r="IXY724" s="423" t="s">
        <v>2795</v>
      </c>
      <c r="IXZ724" s="424"/>
      <c r="IYA724" s="424"/>
      <c r="IYB724" s="424"/>
      <c r="IYC724" s="423" t="s">
        <v>2795</v>
      </c>
      <c r="IYD724" s="424"/>
      <c r="IYE724" s="424"/>
      <c r="IYF724" s="424"/>
      <c r="IYG724" s="423" t="s">
        <v>2795</v>
      </c>
      <c r="IYH724" s="424"/>
      <c r="IYI724" s="424"/>
      <c r="IYJ724" s="424"/>
      <c r="IYK724" s="423" t="s">
        <v>2795</v>
      </c>
      <c r="IYL724" s="424"/>
      <c r="IYM724" s="424"/>
      <c r="IYN724" s="424"/>
      <c r="IYO724" s="423" t="s">
        <v>2795</v>
      </c>
      <c r="IYP724" s="424"/>
      <c r="IYQ724" s="424"/>
      <c r="IYR724" s="424"/>
      <c r="IYS724" s="423" t="s">
        <v>2795</v>
      </c>
      <c r="IYT724" s="424"/>
      <c r="IYU724" s="424"/>
      <c r="IYV724" s="424"/>
      <c r="IYW724" s="423" t="s">
        <v>2795</v>
      </c>
      <c r="IYX724" s="424"/>
      <c r="IYY724" s="424"/>
      <c r="IYZ724" s="424"/>
      <c r="IZA724" s="423" t="s">
        <v>2795</v>
      </c>
      <c r="IZB724" s="424"/>
      <c r="IZC724" s="424"/>
      <c r="IZD724" s="424"/>
      <c r="IZE724" s="423" t="s">
        <v>2795</v>
      </c>
      <c r="IZF724" s="424"/>
      <c r="IZG724" s="424"/>
      <c r="IZH724" s="424"/>
      <c r="IZI724" s="423" t="s">
        <v>2795</v>
      </c>
      <c r="IZJ724" s="424"/>
      <c r="IZK724" s="424"/>
      <c r="IZL724" s="424"/>
      <c r="IZM724" s="423" t="s">
        <v>2795</v>
      </c>
      <c r="IZN724" s="424"/>
      <c r="IZO724" s="424"/>
      <c r="IZP724" s="424"/>
      <c r="IZQ724" s="423" t="s">
        <v>2795</v>
      </c>
      <c r="IZR724" s="424"/>
      <c r="IZS724" s="424"/>
      <c r="IZT724" s="424"/>
      <c r="IZU724" s="423" t="s">
        <v>2795</v>
      </c>
      <c r="IZV724" s="424"/>
      <c r="IZW724" s="424"/>
      <c r="IZX724" s="424"/>
      <c r="IZY724" s="423" t="s">
        <v>2795</v>
      </c>
      <c r="IZZ724" s="424"/>
      <c r="JAA724" s="424"/>
      <c r="JAB724" s="424"/>
      <c r="JAC724" s="423" t="s">
        <v>2795</v>
      </c>
      <c r="JAD724" s="424"/>
      <c r="JAE724" s="424"/>
      <c r="JAF724" s="424"/>
      <c r="JAG724" s="423" t="s">
        <v>2795</v>
      </c>
      <c r="JAH724" s="424"/>
      <c r="JAI724" s="424"/>
      <c r="JAJ724" s="424"/>
      <c r="JAK724" s="423" t="s">
        <v>2795</v>
      </c>
      <c r="JAL724" s="424"/>
      <c r="JAM724" s="424"/>
      <c r="JAN724" s="424"/>
      <c r="JAO724" s="423" t="s">
        <v>2795</v>
      </c>
      <c r="JAP724" s="424"/>
      <c r="JAQ724" s="424"/>
      <c r="JAR724" s="424"/>
      <c r="JAS724" s="423" t="s">
        <v>2795</v>
      </c>
      <c r="JAT724" s="424"/>
      <c r="JAU724" s="424"/>
      <c r="JAV724" s="424"/>
      <c r="JAW724" s="423" t="s">
        <v>2795</v>
      </c>
      <c r="JAX724" s="424"/>
      <c r="JAY724" s="424"/>
      <c r="JAZ724" s="424"/>
      <c r="JBA724" s="423" t="s">
        <v>2795</v>
      </c>
      <c r="JBB724" s="424"/>
      <c r="JBC724" s="424"/>
      <c r="JBD724" s="424"/>
      <c r="JBE724" s="423" t="s">
        <v>2795</v>
      </c>
      <c r="JBF724" s="424"/>
      <c r="JBG724" s="424"/>
      <c r="JBH724" s="424"/>
      <c r="JBI724" s="423" t="s">
        <v>2795</v>
      </c>
      <c r="JBJ724" s="424"/>
      <c r="JBK724" s="424"/>
      <c r="JBL724" s="424"/>
      <c r="JBM724" s="423" t="s">
        <v>2795</v>
      </c>
      <c r="JBN724" s="424"/>
      <c r="JBO724" s="424"/>
      <c r="JBP724" s="424"/>
      <c r="JBQ724" s="423" t="s">
        <v>2795</v>
      </c>
      <c r="JBR724" s="424"/>
      <c r="JBS724" s="424"/>
      <c r="JBT724" s="424"/>
      <c r="JBU724" s="423" t="s">
        <v>2795</v>
      </c>
      <c r="JBV724" s="424"/>
      <c r="JBW724" s="424"/>
      <c r="JBX724" s="424"/>
      <c r="JBY724" s="423" t="s">
        <v>2795</v>
      </c>
      <c r="JBZ724" s="424"/>
      <c r="JCA724" s="424"/>
      <c r="JCB724" s="424"/>
      <c r="JCC724" s="423" t="s">
        <v>2795</v>
      </c>
      <c r="JCD724" s="424"/>
      <c r="JCE724" s="424"/>
      <c r="JCF724" s="424"/>
      <c r="JCG724" s="423" t="s">
        <v>2795</v>
      </c>
      <c r="JCH724" s="424"/>
      <c r="JCI724" s="424"/>
      <c r="JCJ724" s="424"/>
      <c r="JCK724" s="423" t="s">
        <v>2795</v>
      </c>
      <c r="JCL724" s="424"/>
      <c r="JCM724" s="424"/>
      <c r="JCN724" s="424"/>
      <c r="JCO724" s="423" t="s">
        <v>2795</v>
      </c>
      <c r="JCP724" s="424"/>
      <c r="JCQ724" s="424"/>
      <c r="JCR724" s="424"/>
      <c r="JCS724" s="423" t="s">
        <v>2795</v>
      </c>
      <c r="JCT724" s="424"/>
      <c r="JCU724" s="424"/>
      <c r="JCV724" s="424"/>
      <c r="JCW724" s="423" t="s">
        <v>2795</v>
      </c>
      <c r="JCX724" s="424"/>
      <c r="JCY724" s="424"/>
      <c r="JCZ724" s="424"/>
      <c r="JDA724" s="423" t="s">
        <v>2795</v>
      </c>
      <c r="JDB724" s="424"/>
      <c r="JDC724" s="424"/>
      <c r="JDD724" s="424"/>
      <c r="JDE724" s="423" t="s">
        <v>2795</v>
      </c>
      <c r="JDF724" s="424"/>
      <c r="JDG724" s="424"/>
      <c r="JDH724" s="424"/>
      <c r="JDI724" s="423" t="s">
        <v>2795</v>
      </c>
      <c r="JDJ724" s="424"/>
      <c r="JDK724" s="424"/>
      <c r="JDL724" s="424"/>
      <c r="JDM724" s="423" t="s">
        <v>2795</v>
      </c>
      <c r="JDN724" s="424"/>
      <c r="JDO724" s="424"/>
      <c r="JDP724" s="424"/>
      <c r="JDQ724" s="423" t="s">
        <v>2795</v>
      </c>
      <c r="JDR724" s="424"/>
      <c r="JDS724" s="424"/>
      <c r="JDT724" s="424"/>
      <c r="JDU724" s="423" t="s">
        <v>2795</v>
      </c>
      <c r="JDV724" s="424"/>
      <c r="JDW724" s="424"/>
      <c r="JDX724" s="424"/>
      <c r="JDY724" s="423" t="s">
        <v>2795</v>
      </c>
      <c r="JDZ724" s="424"/>
      <c r="JEA724" s="424"/>
      <c r="JEB724" s="424"/>
      <c r="JEC724" s="423" t="s">
        <v>2795</v>
      </c>
      <c r="JED724" s="424"/>
      <c r="JEE724" s="424"/>
      <c r="JEF724" s="424"/>
      <c r="JEG724" s="423" t="s">
        <v>2795</v>
      </c>
      <c r="JEH724" s="424"/>
      <c r="JEI724" s="424"/>
      <c r="JEJ724" s="424"/>
      <c r="JEK724" s="423" t="s">
        <v>2795</v>
      </c>
      <c r="JEL724" s="424"/>
      <c r="JEM724" s="424"/>
      <c r="JEN724" s="424"/>
      <c r="JEO724" s="423" t="s">
        <v>2795</v>
      </c>
      <c r="JEP724" s="424"/>
      <c r="JEQ724" s="424"/>
      <c r="JER724" s="424"/>
      <c r="JES724" s="423" t="s">
        <v>2795</v>
      </c>
      <c r="JET724" s="424"/>
      <c r="JEU724" s="424"/>
      <c r="JEV724" s="424"/>
      <c r="JEW724" s="423" t="s">
        <v>2795</v>
      </c>
      <c r="JEX724" s="424"/>
      <c r="JEY724" s="424"/>
      <c r="JEZ724" s="424"/>
      <c r="JFA724" s="423" t="s">
        <v>2795</v>
      </c>
      <c r="JFB724" s="424"/>
      <c r="JFC724" s="424"/>
      <c r="JFD724" s="424"/>
      <c r="JFE724" s="423" t="s">
        <v>2795</v>
      </c>
      <c r="JFF724" s="424"/>
      <c r="JFG724" s="424"/>
      <c r="JFH724" s="424"/>
      <c r="JFI724" s="423" t="s">
        <v>2795</v>
      </c>
      <c r="JFJ724" s="424"/>
      <c r="JFK724" s="424"/>
      <c r="JFL724" s="424"/>
      <c r="JFM724" s="423" t="s">
        <v>2795</v>
      </c>
      <c r="JFN724" s="424"/>
      <c r="JFO724" s="424"/>
      <c r="JFP724" s="424"/>
      <c r="JFQ724" s="423" t="s">
        <v>2795</v>
      </c>
      <c r="JFR724" s="424"/>
      <c r="JFS724" s="424"/>
      <c r="JFT724" s="424"/>
      <c r="JFU724" s="423" t="s">
        <v>2795</v>
      </c>
      <c r="JFV724" s="424"/>
      <c r="JFW724" s="424"/>
      <c r="JFX724" s="424"/>
      <c r="JFY724" s="423" t="s">
        <v>2795</v>
      </c>
      <c r="JFZ724" s="424"/>
      <c r="JGA724" s="424"/>
      <c r="JGB724" s="424"/>
      <c r="JGC724" s="423" t="s">
        <v>2795</v>
      </c>
      <c r="JGD724" s="424"/>
      <c r="JGE724" s="424"/>
      <c r="JGF724" s="424"/>
      <c r="JGG724" s="423" t="s">
        <v>2795</v>
      </c>
      <c r="JGH724" s="424"/>
      <c r="JGI724" s="424"/>
      <c r="JGJ724" s="424"/>
      <c r="JGK724" s="423" t="s">
        <v>2795</v>
      </c>
      <c r="JGL724" s="424"/>
      <c r="JGM724" s="424"/>
      <c r="JGN724" s="424"/>
      <c r="JGO724" s="423" t="s">
        <v>2795</v>
      </c>
      <c r="JGP724" s="424"/>
      <c r="JGQ724" s="424"/>
      <c r="JGR724" s="424"/>
      <c r="JGS724" s="423" t="s">
        <v>2795</v>
      </c>
      <c r="JGT724" s="424"/>
      <c r="JGU724" s="424"/>
      <c r="JGV724" s="424"/>
      <c r="JGW724" s="423" t="s">
        <v>2795</v>
      </c>
      <c r="JGX724" s="424"/>
      <c r="JGY724" s="424"/>
      <c r="JGZ724" s="424"/>
      <c r="JHA724" s="423" t="s">
        <v>2795</v>
      </c>
      <c r="JHB724" s="424"/>
      <c r="JHC724" s="424"/>
      <c r="JHD724" s="424"/>
      <c r="JHE724" s="423" t="s">
        <v>2795</v>
      </c>
      <c r="JHF724" s="424"/>
      <c r="JHG724" s="424"/>
      <c r="JHH724" s="424"/>
      <c r="JHI724" s="423" t="s">
        <v>2795</v>
      </c>
      <c r="JHJ724" s="424"/>
      <c r="JHK724" s="424"/>
      <c r="JHL724" s="424"/>
      <c r="JHM724" s="423" t="s">
        <v>2795</v>
      </c>
      <c r="JHN724" s="424"/>
      <c r="JHO724" s="424"/>
      <c r="JHP724" s="424"/>
      <c r="JHQ724" s="423" t="s">
        <v>2795</v>
      </c>
      <c r="JHR724" s="424"/>
      <c r="JHS724" s="424"/>
      <c r="JHT724" s="424"/>
      <c r="JHU724" s="423" t="s">
        <v>2795</v>
      </c>
      <c r="JHV724" s="424"/>
      <c r="JHW724" s="424"/>
      <c r="JHX724" s="424"/>
      <c r="JHY724" s="423" t="s">
        <v>2795</v>
      </c>
      <c r="JHZ724" s="424"/>
      <c r="JIA724" s="424"/>
      <c r="JIB724" s="424"/>
      <c r="JIC724" s="423" t="s">
        <v>2795</v>
      </c>
      <c r="JID724" s="424"/>
      <c r="JIE724" s="424"/>
      <c r="JIF724" s="424"/>
      <c r="JIG724" s="423" t="s">
        <v>2795</v>
      </c>
      <c r="JIH724" s="424"/>
      <c r="JII724" s="424"/>
      <c r="JIJ724" s="424"/>
      <c r="JIK724" s="423" t="s">
        <v>2795</v>
      </c>
      <c r="JIL724" s="424"/>
      <c r="JIM724" s="424"/>
      <c r="JIN724" s="424"/>
      <c r="JIO724" s="423" t="s">
        <v>2795</v>
      </c>
      <c r="JIP724" s="424"/>
      <c r="JIQ724" s="424"/>
      <c r="JIR724" s="424"/>
      <c r="JIS724" s="423" t="s">
        <v>2795</v>
      </c>
      <c r="JIT724" s="424"/>
      <c r="JIU724" s="424"/>
      <c r="JIV724" s="424"/>
      <c r="JIW724" s="423" t="s">
        <v>2795</v>
      </c>
      <c r="JIX724" s="424"/>
      <c r="JIY724" s="424"/>
      <c r="JIZ724" s="424"/>
      <c r="JJA724" s="423" t="s">
        <v>2795</v>
      </c>
      <c r="JJB724" s="424"/>
      <c r="JJC724" s="424"/>
      <c r="JJD724" s="424"/>
      <c r="JJE724" s="423" t="s">
        <v>2795</v>
      </c>
      <c r="JJF724" s="424"/>
      <c r="JJG724" s="424"/>
      <c r="JJH724" s="424"/>
      <c r="JJI724" s="423" t="s">
        <v>2795</v>
      </c>
      <c r="JJJ724" s="424"/>
      <c r="JJK724" s="424"/>
      <c r="JJL724" s="424"/>
      <c r="JJM724" s="423" t="s">
        <v>2795</v>
      </c>
      <c r="JJN724" s="424"/>
      <c r="JJO724" s="424"/>
      <c r="JJP724" s="424"/>
      <c r="JJQ724" s="423" t="s">
        <v>2795</v>
      </c>
      <c r="JJR724" s="424"/>
      <c r="JJS724" s="424"/>
      <c r="JJT724" s="424"/>
      <c r="JJU724" s="423" t="s">
        <v>2795</v>
      </c>
      <c r="JJV724" s="424"/>
      <c r="JJW724" s="424"/>
      <c r="JJX724" s="424"/>
      <c r="JJY724" s="423" t="s">
        <v>2795</v>
      </c>
      <c r="JJZ724" s="424"/>
      <c r="JKA724" s="424"/>
      <c r="JKB724" s="424"/>
      <c r="JKC724" s="423" t="s">
        <v>2795</v>
      </c>
      <c r="JKD724" s="424"/>
      <c r="JKE724" s="424"/>
      <c r="JKF724" s="424"/>
      <c r="JKG724" s="423" t="s">
        <v>2795</v>
      </c>
      <c r="JKH724" s="424"/>
      <c r="JKI724" s="424"/>
      <c r="JKJ724" s="424"/>
      <c r="JKK724" s="423" t="s">
        <v>2795</v>
      </c>
      <c r="JKL724" s="424"/>
      <c r="JKM724" s="424"/>
      <c r="JKN724" s="424"/>
      <c r="JKO724" s="423" t="s">
        <v>2795</v>
      </c>
      <c r="JKP724" s="424"/>
      <c r="JKQ724" s="424"/>
      <c r="JKR724" s="424"/>
      <c r="JKS724" s="423" t="s">
        <v>2795</v>
      </c>
      <c r="JKT724" s="424"/>
      <c r="JKU724" s="424"/>
      <c r="JKV724" s="424"/>
      <c r="JKW724" s="423" t="s">
        <v>2795</v>
      </c>
      <c r="JKX724" s="424"/>
      <c r="JKY724" s="424"/>
      <c r="JKZ724" s="424"/>
      <c r="JLA724" s="423" t="s">
        <v>2795</v>
      </c>
      <c r="JLB724" s="424"/>
      <c r="JLC724" s="424"/>
      <c r="JLD724" s="424"/>
      <c r="JLE724" s="423" t="s">
        <v>2795</v>
      </c>
      <c r="JLF724" s="424"/>
      <c r="JLG724" s="424"/>
      <c r="JLH724" s="424"/>
      <c r="JLI724" s="423" t="s">
        <v>2795</v>
      </c>
      <c r="JLJ724" s="424"/>
      <c r="JLK724" s="424"/>
      <c r="JLL724" s="424"/>
      <c r="JLM724" s="423" t="s">
        <v>2795</v>
      </c>
      <c r="JLN724" s="424"/>
      <c r="JLO724" s="424"/>
      <c r="JLP724" s="424"/>
      <c r="JLQ724" s="423" t="s">
        <v>2795</v>
      </c>
      <c r="JLR724" s="424"/>
      <c r="JLS724" s="424"/>
      <c r="JLT724" s="424"/>
      <c r="JLU724" s="423" t="s">
        <v>2795</v>
      </c>
      <c r="JLV724" s="424"/>
      <c r="JLW724" s="424"/>
      <c r="JLX724" s="424"/>
      <c r="JLY724" s="423" t="s">
        <v>2795</v>
      </c>
      <c r="JLZ724" s="424"/>
      <c r="JMA724" s="424"/>
      <c r="JMB724" s="424"/>
      <c r="JMC724" s="423" t="s">
        <v>2795</v>
      </c>
      <c r="JMD724" s="424"/>
      <c r="JME724" s="424"/>
      <c r="JMF724" s="424"/>
      <c r="JMG724" s="423" t="s">
        <v>2795</v>
      </c>
      <c r="JMH724" s="424"/>
      <c r="JMI724" s="424"/>
      <c r="JMJ724" s="424"/>
      <c r="JMK724" s="423" t="s">
        <v>2795</v>
      </c>
      <c r="JML724" s="424"/>
      <c r="JMM724" s="424"/>
      <c r="JMN724" s="424"/>
      <c r="JMO724" s="423" t="s">
        <v>2795</v>
      </c>
      <c r="JMP724" s="424"/>
      <c r="JMQ724" s="424"/>
      <c r="JMR724" s="424"/>
      <c r="JMS724" s="423" t="s">
        <v>2795</v>
      </c>
      <c r="JMT724" s="424"/>
      <c r="JMU724" s="424"/>
      <c r="JMV724" s="424"/>
      <c r="JMW724" s="423" t="s">
        <v>2795</v>
      </c>
      <c r="JMX724" s="424"/>
      <c r="JMY724" s="424"/>
      <c r="JMZ724" s="424"/>
      <c r="JNA724" s="423" t="s">
        <v>2795</v>
      </c>
      <c r="JNB724" s="424"/>
      <c r="JNC724" s="424"/>
      <c r="JND724" s="424"/>
      <c r="JNE724" s="423" t="s">
        <v>2795</v>
      </c>
      <c r="JNF724" s="424"/>
      <c r="JNG724" s="424"/>
      <c r="JNH724" s="424"/>
      <c r="JNI724" s="423" t="s">
        <v>2795</v>
      </c>
      <c r="JNJ724" s="424"/>
      <c r="JNK724" s="424"/>
      <c r="JNL724" s="424"/>
      <c r="JNM724" s="423" t="s">
        <v>2795</v>
      </c>
      <c r="JNN724" s="424"/>
      <c r="JNO724" s="424"/>
      <c r="JNP724" s="424"/>
      <c r="JNQ724" s="423" t="s">
        <v>2795</v>
      </c>
      <c r="JNR724" s="424"/>
      <c r="JNS724" s="424"/>
      <c r="JNT724" s="424"/>
      <c r="JNU724" s="423" t="s">
        <v>2795</v>
      </c>
      <c r="JNV724" s="424"/>
      <c r="JNW724" s="424"/>
      <c r="JNX724" s="424"/>
      <c r="JNY724" s="423" t="s">
        <v>2795</v>
      </c>
      <c r="JNZ724" s="424"/>
      <c r="JOA724" s="424"/>
      <c r="JOB724" s="424"/>
      <c r="JOC724" s="423" t="s">
        <v>2795</v>
      </c>
      <c r="JOD724" s="424"/>
      <c r="JOE724" s="424"/>
      <c r="JOF724" s="424"/>
      <c r="JOG724" s="423" t="s">
        <v>2795</v>
      </c>
      <c r="JOH724" s="424"/>
      <c r="JOI724" s="424"/>
      <c r="JOJ724" s="424"/>
      <c r="JOK724" s="423" t="s">
        <v>2795</v>
      </c>
      <c r="JOL724" s="424"/>
      <c r="JOM724" s="424"/>
      <c r="JON724" s="424"/>
      <c r="JOO724" s="423" t="s">
        <v>2795</v>
      </c>
      <c r="JOP724" s="424"/>
      <c r="JOQ724" s="424"/>
      <c r="JOR724" s="424"/>
      <c r="JOS724" s="423" t="s">
        <v>2795</v>
      </c>
      <c r="JOT724" s="424"/>
      <c r="JOU724" s="424"/>
      <c r="JOV724" s="424"/>
      <c r="JOW724" s="423" t="s">
        <v>2795</v>
      </c>
      <c r="JOX724" s="424"/>
      <c r="JOY724" s="424"/>
      <c r="JOZ724" s="424"/>
      <c r="JPA724" s="423" t="s">
        <v>2795</v>
      </c>
      <c r="JPB724" s="424"/>
      <c r="JPC724" s="424"/>
      <c r="JPD724" s="424"/>
      <c r="JPE724" s="423" t="s">
        <v>2795</v>
      </c>
      <c r="JPF724" s="424"/>
      <c r="JPG724" s="424"/>
      <c r="JPH724" s="424"/>
      <c r="JPI724" s="423" t="s">
        <v>2795</v>
      </c>
      <c r="JPJ724" s="424"/>
      <c r="JPK724" s="424"/>
      <c r="JPL724" s="424"/>
      <c r="JPM724" s="423" t="s">
        <v>2795</v>
      </c>
      <c r="JPN724" s="424"/>
      <c r="JPO724" s="424"/>
      <c r="JPP724" s="424"/>
      <c r="JPQ724" s="423" t="s">
        <v>2795</v>
      </c>
      <c r="JPR724" s="424"/>
      <c r="JPS724" s="424"/>
      <c r="JPT724" s="424"/>
      <c r="JPU724" s="423" t="s">
        <v>2795</v>
      </c>
      <c r="JPV724" s="424"/>
      <c r="JPW724" s="424"/>
      <c r="JPX724" s="424"/>
      <c r="JPY724" s="423" t="s">
        <v>2795</v>
      </c>
      <c r="JPZ724" s="424"/>
      <c r="JQA724" s="424"/>
      <c r="JQB724" s="424"/>
      <c r="JQC724" s="423" t="s">
        <v>2795</v>
      </c>
      <c r="JQD724" s="424"/>
      <c r="JQE724" s="424"/>
      <c r="JQF724" s="424"/>
      <c r="JQG724" s="423" t="s">
        <v>2795</v>
      </c>
      <c r="JQH724" s="424"/>
      <c r="JQI724" s="424"/>
      <c r="JQJ724" s="424"/>
      <c r="JQK724" s="423" t="s">
        <v>2795</v>
      </c>
      <c r="JQL724" s="424"/>
      <c r="JQM724" s="424"/>
      <c r="JQN724" s="424"/>
      <c r="JQO724" s="423" t="s">
        <v>2795</v>
      </c>
      <c r="JQP724" s="424"/>
      <c r="JQQ724" s="424"/>
      <c r="JQR724" s="424"/>
      <c r="JQS724" s="423" t="s">
        <v>2795</v>
      </c>
      <c r="JQT724" s="424"/>
      <c r="JQU724" s="424"/>
      <c r="JQV724" s="424"/>
      <c r="JQW724" s="423" t="s">
        <v>2795</v>
      </c>
      <c r="JQX724" s="424"/>
      <c r="JQY724" s="424"/>
      <c r="JQZ724" s="424"/>
      <c r="JRA724" s="423" t="s">
        <v>2795</v>
      </c>
      <c r="JRB724" s="424"/>
      <c r="JRC724" s="424"/>
      <c r="JRD724" s="424"/>
      <c r="JRE724" s="423" t="s">
        <v>2795</v>
      </c>
      <c r="JRF724" s="424"/>
      <c r="JRG724" s="424"/>
      <c r="JRH724" s="424"/>
      <c r="JRI724" s="423" t="s">
        <v>2795</v>
      </c>
      <c r="JRJ724" s="424"/>
      <c r="JRK724" s="424"/>
      <c r="JRL724" s="424"/>
      <c r="JRM724" s="423" t="s">
        <v>2795</v>
      </c>
      <c r="JRN724" s="424"/>
      <c r="JRO724" s="424"/>
      <c r="JRP724" s="424"/>
      <c r="JRQ724" s="423" t="s">
        <v>2795</v>
      </c>
      <c r="JRR724" s="424"/>
      <c r="JRS724" s="424"/>
      <c r="JRT724" s="424"/>
      <c r="JRU724" s="423" t="s">
        <v>2795</v>
      </c>
      <c r="JRV724" s="424"/>
      <c r="JRW724" s="424"/>
      <c r="JRX724" s="424"/>
      <c r="JRY724" s="423" t="s">
        <v>2795</v>
      </c>
      <c r="JRZ724" s="424"/>
      <c r="JSA724" s="424"/>
      <c r="JSB724" s="424"/>
      <c r="JSC724" s="423" t="s">
        <v>2795</v>
      </c>
      <c r="JSD724" s="424"/>
      <c r="JSE724" s="424"/>
      <c r="JSF724" s="424"/>
      <c r="JSG724" s="423" t="s">
        <v>2795</v>
      </c>
      <c r="JSH724" s="424"/>
      <c r="JSI724" s="424"/>
      <c r="JSJ724" s="424"/>
      <c r="JSK724" s="423" t="s">
        <v>2795</v>
      </c>
      <c r="JSL724" s="424"/>
      <c r="JSM724" s="424"/>
      <c r="JSN724" s="424"/>
      <c r="JSO724" s="423" t="s">
        <v>2795</v>
      </c>
      <c r="JSP724" s="424"/>
      <c r="JSQ724" s="424"/>
      <c r="JSR724" s="424"/>
      <c r="JSS724" s="423" t="s">
        <v>2795</v>
      </c>
      <c r="JST724" s="424"/>
      <c r="JSU724" s="424"/>
      <c r="JSV724" s="424"/>
      <c r="JSW724" s="423" t="s">
        <v>2795</v>
      </c>
      <c r="JSX724" s="424"/>
      <c r="JSY724" s="424"/>
      <c r="JSZ724" s="424"/>
      <c r="JTA724" s="423" t="s">
        <v>2795</v>
      </c>
      <c r="JTB724" s="424"/>
      <c r="JTC724" s="424"/>
      <c r="JTD724" s="424"/>
      <c r="JTE724" s="423" t="s">
        <v>2795</v>
      </c>
      <c r="JTF724" s="424"/>
      <c r="JTG724" s="424"/>
      <c r="JTH724" s="424"/>
      <c r="JTI724" s="423" t="s">
        <v>2795</v>
      </c>
      <c r="JTJ724" s="424"/>
      <c r="JTK724" s="424"/>
      <c r="JTL724" s="424"/>
      <c r="JTM724" s="423" t="s">
        <v>2795</v>
      </c>
      <c r="JTN724" s="424"/>
      <c r="JTO724" s="424"/>
      <c r="JTP724" s="424"/>
      <c r="JTQ724" s="423" t="s">
        <v>2795</v>
      </c>
      <c r="JTR724" s="424"/>
      <c r="JTS724" s="424"/>
      <c r="JTT724" s="424"/>
      <c r="JTU724" s="423" t="s">
        <v>2795</v>
      </c>
      <c r="JTV724" s="424"/>
      <c r="JTW724" s="424"/>
      <c r="JTX724" s="424"/>
      <c r="JTY724" s="423" t="s">
        <v>2795</v>
      </c>
      <c r="JTZ724" s="424"/>
      <c r="JUA724" s="424"/>
      <c r="JUB724" s="424"/>
      <c r="JUC724" s="423" t="s">
        <v>2795</v>
      </c>
      <c r="JUD724" s="424"/>
      <c r="JUE724" s="424"/>
      <c r="JUF724" s="424"/>
      <c r="JUG724" s="423" t="s">
        <v>2795</v>
      </c>
      <c r="JUH724" s="424"/>
      <c r="JUI724" s="424"/>
      <c r="JUJ724" s="424"/>
      <c r="JUK724" s="423" t="s">
        <v>2795</v>
      </c>
      <c r="JUL724" s="424"/>
      <c r="JUM724" s="424"/>
      <c r="JUN724" s="424"/>
      <c r="JUO724" s="423" t="s">
        <v>2795</v>
      </c>
      <c r="JUP724" s="424"/>
      <c r="JUQ724" s="424"/>
      <c r="JUR724" s="424"/>
      <c r="JUS724" s="423" t="s">
        <v>2795</v>
      </c>
      <c r="JUT724" s="424"/>
      <c r="JUU724" s="424"/>
      <c r="JUV724" s="424"/>
      <c r="JUW724" s="423" t="s">
        <v>2795</v>
      </c>
      <c r="JUX724" s="424"/>
      <c r="JUY724" s="424"/>
      <c r="JUZ724" s="424"/>
      <c r="JVA724" s="423" t="s">
        <v>2795</v>
      </c>
      <c r="JVB724" s="424"/>
      <c r="JVC724" s="424"/>
      <c r="JVD724" s="424"/>
      <c r="JVE724" s="423" t="s">
        <v>2795</v>
      </c>
      <c r="JVF724" s="424"/>
      <c r="JVG724" s="424"/>
      <c r="JVH724" s="424"/>
      <c r="JVI724" s="423" t="s">
        <v>2795</v>
      </c>
      <c r="JVJ724" s="424"/>
      <c r="JVK724" s="424"/>
      <c r="JVL724" s="424"/>
      <c r="JVM724" s="423" t="s">
        <v>2795</v>
      </c>
      <c r="JVN724" s="424"/>
      <c r="JVO724" s="424"/>
      <c r="JVP724" s="424"/>
      <c r="JVQ724" s="423" t="s">
        <v>2795</v>
      </c>
      <c r="JVR724" s="424"/>
      <c r="JVS724" s="424"/>
      <c r="JVT724" s="424"/>
      <c r="JVU724" s="423" t="s">
        <v>2795</v>
      </c>
      <c r="JVV724" s="424"/>
      <c r="JVW724" s="424"/>
      <c r="JVX724" s="424"/>
      <c r="JVY724" s="423" t="s">
        <v>2795</v>
      </c>
      <c r="JVZ724" s="424"/>
      <c r="JWA724" s="424"/>
      <c r="JWB724" s="424"/>
      <c r="JWC724" s="423" t="s">
        <v>2795</v>
      </c>
      <c r="JWD724" s="424"/>
      <c r="JWE724" s="424"/>
      <c r="JWF724" s="424"/>
      <c r="JWG724" s="423" t="s">
        <v>2795</v>
      </c>
      <c r="JWH724" s="424"/>
      <c r="JWI724" s="424"/>
      <c r="JWJ724" s="424"/>
      <c r="JWK724" s="423" t="s">
        <v>2795</v>
      </c>
      <c r="JWL724" s="424"/>
      <c r="JWM724" s="424"/>
      <c r="JWN724" s="424"/>
      <c r="JWO724" s="423" t="s">
        <v>2795</v>
      </c>
      <c r="JWP724" s="424"/>
      <c r="JWQ724" s="424"/>
      <c r="JWR724" s="424"/>
      <c r="JWS724" s="423" t="s">
        <v>2795</v>
      </c>
      <c r="JWT724" s="424"/>
      <c r="JWU724" s="424"/>
      <c r="JWV724" s="424"/>
      <c r="JWW724" s="423" t="s">
        <v>2795</v>
      </c>
      <c r="JWX724" s="424"/>
      <c r="JWY724" s="424"/>
      <c r="JWZ724" s="424"/>
      <c r="JXA724" s="423" t="s">
        <v>2795</v>
      </c>
      <c r="JXB724" s="424"/>
      <c r="JXC724" s="424"/>
      <c r="JXD724" s="424"/>
      <c r="JXE724" s="423" t="s">
        <v>2795</v>
      </c>
      <c r="JXF724" s="424"/>
      <c r="JXG724" s="424"/>
      <c r="JXH724" s="424"/>
      <c r="JXI724" s="423" t="s">
        <v>2795</v>
      </c>
      <c r="JXJ724" s="424"/>
      <c r="JXK724" s="424"/>
      <c r="JXL724" s="424"/>
      <c r="JXM724" s="423" t="s">
        <v>2795</v>
      </c>
      <c r="JXN724" s="424"/>
      <c r="JXO724" s="424"/>
      <c r="JXP724" s="424"/>
      <c r="JXQ724" s="423" t="s">
        <v>2795</v>
      </c>
      <c r="JXR724" s="424"/>
      <c r="JXS724" s="424"/>
      <c r="JXT724" s="424"/>
      <c r="JXU724" s="423" t="s">
        <v>2795</v>
      </c>
      <c r="JXV724" s="424"/>
      <c r="JXW724" s="424"/>
      <c r="JXX724" s="424"/>
      <c r="JXY724" s="423" t="s">
        <v>2795</v>
      </c>
      <c r="JXZ724" s="424"/>
      <c r="JYA724" s="424"/>
      <c r="JYB724" s="424"/>
      <c r="JYC724" s="423" t="s">
        <v>2795</v>
      </c>
      <c r="JYD724" s="424"/>
      <c r="JYE724" s="424"/>
      <c r="JYF724" s="424"/>
      <c r="JYG724" s="423" t="s">
        <v>2795</v>
      </c>
      <c r="JYH724" s="424"/>
      <c r="JYI724" s="424"/>
      <c r="JYJ724" s="424"/>
      <c r="JYK724" s="423" t="s">
        <v>2795</v>
      </c>
      <c r="JYL724" s="424"/>
      <c r="JYM724" s="424"/>
      <c r="JYN724" s="424"/>
      <c r="JYO724" s="423" t="s">
        <v>2795</v>
      </c>
      <c r="JYP724" s="424"/>
      <c r="JYQ724" s="424"/>
      <c r="JYR724" s="424"/>
      <c r="JYS724" s="423" t="s">
        <v>2795</v>
      </c>
      <c r="JYT724" s="424"/>
      <c r="JYU724" s="424"/>
      <c r="JYV724" s="424"/>
      <c r="JYW724" s="423" t="s">
        <v>2795</v>
      </c>
      <c r="JYX724" s="424"/>
      <c r="JYY724" s="424"/>
      <c r="JYZ724" s="424"/>
      <c r="JZA724" s="423" t="s">
        <v>2795</v>
      </c>
      <c r="JZB724" s="424"/>
      <c r="JZC724" s="424"/>
      <c r="JZD724" s="424"/>
      <c r="JZE724" s="423" t="s">
        <v>2795</v>
      </c>
      <c r="JZF724" s="424"/>
      <c r="JZG724" s="424"/>
      <c r="JZH724" s="424"/>
      <c r="JZI724" s="423" t="s">
        <v>2795</v>
      </c>
      <c r="JZJ724" s="424"/>
      <c r="JZK724" s="424"/>
      <c r="JZL724" s="424"/>
      <c r="JZM724" s="423" t="s">
        <v>2795</v>
      </c>
      <c r="JZN724" s="424"/>
      <c r="JZO724" s="424"/>
      <c r="JZP724" s="424"/>
      <c r="JZQ724" s="423" t="s">
        <v>2795</v>
      </c>
      <c r="JZR724" s="424"/>
      <c r="JZS724" s="424"/>
      <c r="JZT724" s="424"/>
      <c r="JZU724" s="423" t="s">
        <v>2795</v>
      </c>
      <c r="JZV724" s="424"/>
      <c r="JZW724" s="424"/>
      <c r="JZX724" s="424"/>
      <c r="JZY724" s="423" t="s">
        <v>2795</v>
      </c>
      <c r="JZZ724" s="424"/>
      <c r="KAA724" s="424"/>
      <c r="KAB724" s="424"/>
      <c r="KAC724" s="423" t="s">
        <v>2795</v>
      </c>
      <c r="KAD724" s="424"/>
      <c r="KAE724" s="424"/>
      <c r="KAF724" s="424"/>
      <c r="KAG724" s="423" t="s">
        <v>2795</v>
      </c>
      <c r="KAH724" s="424"/>
      <c r="KAI724" s="424"/>
      <c r="KAJ724" s="424"/>
      <c r="KAK724" s="423" t="s">
        <v>2795</v>
      </c>
      <c r="KAL724" s="424"/>
      <c r="KAM724" s="424"/>
      <c r="KAN724" s="424"/>
      <c r="KAO724" s="423" t="s">
        <v>2795</v>
      </c>
      <c r="KAP724" s="424"/>
      <c r="KAQ724" s="424"/>
      <c r="KAR724" s="424"/>
      <c r="KAS724" s="423" t="s">
        <v>2795</v>
      </c>
      <c r="KAT724" s="424"/>
      <c r="KAU724" s="424"/>
      <c r="KAV724" s="424"/>
      <c r="KAW724" s="423" t="s">
        <v>2795</v>
      </c>
      <c r="KAX724" s="424"/>
      <c r="KAY724" s="424"/>
      <c r="KAZ724" s="424"/>
      <c r="KBA724" s="423" t="s">
        <v>2795</v>
      </c>
      <c r="KBB724" s="424"/>
      <c r="KBC724" s="424"/>
      <c r="KBD724" s="424"/>
      <c r="KBE724" s="423" t="s">
        <v>2795</v>
      </c>
      <c r="KBF724" s="424"/>
      <c r="KBG724" s="424"/>
      <c r="KBH724" s="424"/>
      <c r="KBI724" s="423" t="s">
        <v>2795</v>
      </c>
      <c r="KBJ724" s="424"/>
      <c r="KBK724" s="424"/>
      <c r="KBL724" s="424"/>
      <c r="KBM724" s="423" t="s">
        <v>2795</v>
      </c>
      <c r="KBN724" s="424"/>
      <c r="KBO724" s="424"/>
      <c r="KBP724" s="424"/>
      <c r="KBQ724" s="423" t="s">
        <v>2795</v>
      </c>
      <c r="KBR724" s="424"/>
      <c r="KBS724" s="424"/>
      <c r="KBT724" s="424"/>
      <c r="KBU724" s="423" t="s">
        <v>2795</v>
      </c>
      <c r="KBV724" s="424"/>
      <c r="KBW724" s="424"/>
      <c r="KBX724" s="424"/>
      <c r="KBY724" s="423" t="s">
        <v>2795</v>
      </c>
      <c r="KBZ724" s="424"/>
      <c r="KCA724" s="424"/>
      <c r="KCB724" s="424"/>
      <c r="KCC724" s="423" t="s">
        <v>2795</v>
      </c>
      <c r="KCD724" s="424"/>
      <c r="KCE724" s="424"/>
      <c r="KCF724" s="424"/>
      <c r="KCG724" s="423" t="s">
        <v>2795</v>
      </c>
      <c r="KCH724" s="424"/>
      <c r="KCI724" s="424"/>
      <c r="KCJ724" s="424"/>
      <c r="KCK724" s="423" t="s">
        <v>2795</v>
      </c>
      <c r="KCL724" s="424"/>
      <c r="KCM724" s="424"/>
      <c r="KCN724" s="424"/>
      <c r="KCO724" s="423" t="s">
        <v>2795</v>
      </c>
      <c r="KCP724" s="424"/>
      <c r="KCQ724" s="424"/>
      <c r="KCR724" s="424"/>
      <c r="KCS724" s="423" t="s">
        <v>2795</v>
      </c>
      <c r="KCT724" s="424"/>
      <c r="KCU724" s="424"/>
      <c r="KCV724" s="424"/>
      <c r="KCW724" s="423" t="s">
        <v>2795</v>
      </c>
      <c r="KCX724" s="424"/>
      <c r="KCY724" s="424"/>
      <c r="KCZ724" s="424"/>
      <c r="KDA724" s="423" t="s">
        <v>2795</v>
      </c>
      <c r="KDB724" s="424"/>
      <c r="KDC724" s="424"/>
      <c r="KDD724" s="424"/>
      <c r="KDE724" s="423" t="s">
        <v>2795</v>
      </c>
      <c r="KDF724" s="424"/>
      <c r="KDG724" s="424"/>
      <c r="KDH724" s="424"/>
      <c r="KDI724" s="423" t="s">
        <v>2795</v>
      </c>
      <c r="KDJ724" s="424"/>
      <c r="KDK724" s="424"/>
      <c r="KDL724" s="424"/>
      <c r="KDM724" s="423" t="s">
        <v>2795</v>
      </c>
      <c r="KDN724" s="424"/>
      <c r="KDO724" s="424"/>
      <c r="KDP724" s="424"/>
      <c r="KDQ724" s="423" t="s">
        <v>2795</v>
      </c>
      <c r="KDR724" s="424"/>
      <c r="KDS724" s="424"/>
      <c r="KDT724" s="424"/>
      <c r="KDU724" s="423" t="s">
        <v>2795</v>
      </c>
      <c r="KDV724" s="424"/>
      <c r="KDW724" s="424"/>
      <c r="KDX724" s="424"/>
      <c r="KDY724" s="423" t="s">
        <v>2795</v>
      </c>
      <c r="KDZ724" s="424"/>
      <c r="KEA724" s="424"/>
      <c r="KEB724" s="424"/>
      <c r="KEC724" s="423" t="s">
        <v>2795</v>
      </c>
      <c r="KED724" s="424"/>
      <c r="KEE724" s="424"/>
      <c r="KEF724" s="424"/>
      <c r="KEG724" s="423" t="s">
        <v>2795</v>
      </c>
      <c r="KEH724" s="424"/>
      <c r="KEI724" s="424"/>
      <c r="KEJ724" s="424"/>
      <c r="KEK724" s="423" t="s">
        <v>2795</v>
      </c>
      <c r="KEL724" s="424"/>
      <c r="KEM724" s="424"/>
      <c r="KEN724" s="424"/>
      <c r="KEO724" s="423" t="s">
        <v>2795</v>
      </c>
      <c r="KEP724" s="424"/>
      <c r="KEQ724" s="424"/>
      <c r="KER724" s="424"/>
      <c r="KES724" s="423" t="s">
        <v>2795</v>
      </c>
      <c r="KET724" s="424"/>
      <c r="KEU724" s="424"/>
      <c r="KEV724" s="424"/>
      <c r="KEW724" s="423" t="s">
        <v>2795</v>
      </c>
      <c r="KEX724" s="424"/>
      <c r="KEY724" s="424"/>
      <c r="KEZ724" s="424"/>
      <c r="KFA724" s="423" t="s">
        <v>2795</v>
      </c>
      <c r="KFB724" s="424"/>
      <c r="KFC724" s="424"/>
      <c r="KFD724" s="424"/>
      <c r="KFE724" s="423" t="s">
        <v>2795</v>
      </c>
      <c r="KFF724" s="424"/>
      <c r="KFG724" s="424"/>
      <c r="KFH724" s="424"/>
      <c r="KFI724" s="423" t="s">
        <v>2795</v>
      </c>
      <c r="KFJ724" s="424"/>
      <c r="KFK724" s="424"/>
      <c r="KFL724" s="424"/>
      <c r="KFM724" s="423" t="s">
        <v>2795</v>
      </c>
      <c r="KFN724" s="424"/>
      <c r="KFO724" s="424"/>
      <c r="KFP724" s="424"/>
      <c r="KFQ724" s="423" t="s">
        <v>2795</v>
      </c>
      <c r="KFR724" s="424"/>
      <c r="KFS724" s="424"/>
      <c r="KFT724" s="424"/>
      <c r="KFU724" s="423" t="s">
        <v>2795</v>
      </c>
      <c r="KFV724" s="424"/>
      <c r="KFW724" s="424"/>
      <c r="KFX724" s="424"/>
      <c r="KFY724" s="423" t="s">
        <v>2795</v>
      </c>
      <c r="KFZ724" s="424"/>
      <c r="KGA724" s="424"/>
      <c r="KGB724" s="424"/>
      <c r="KGC724" s="423" t="s">
        <v>2795</v>
      </c>
      <c r="KGD724" s="424"/>
      <c r="KGE724" s="424"/>
      <c r="KGF724" s="424"/>
      <c r="KGG724" s="423" t="s">
        <v>2795</v>
      </c>
      <c r="KGH724" s="424"/>
      <c r="KGI724" s="424"/>
      <c r="KGJ724" s="424"/>
      <c r="KGK724" s="423" t="s">
        <v>2795</v>
      </c>
      <c r="KGL724" s="424"/>
      <c r="KGM724" s="424"/>
      <c r="KGN724" s="424"/>
      <c r="KGO724" s="423" t="s">
        <v>2795</v>
      </c>
      <c r="KGP724" s="424"/>
      <c r="KGQ724" s="424"/>
      <c r="KGR724" s="424"/>
      <c r="KGS724" s="423" t="s">
        <v>2795</v>
      </c>
      <c r="KGT724" s="424"/>
      <c r="KGU724" s="424"/>
      <c r="KGV724" s="424"/>
      <c r="KGW724" s="423" t="s">
        <v>2795</v>
      </c>
      <c r="KGX724" s="424"/>
      <c r="KGY724" s="424"/>
      <c r="KGZ724" s="424"/>
      <c r="KHA724" s="423" t="s">
        <v>2795</v>
      </c>
      <c r="KHB724" s="424"/>
      <c r="KHC724" s="424"/>
      <c r="KHD724" s="424"/>
      <c r="KHE724" s="423" t="s">
        <v>2795</v>
      </c>
      <c r="KHF724" s="424"/>
      <c r="KHG724" s="424"/>
      <c r="KHH724" s="424"/>
      <c r="KHI724" s="423" t="s">
        <v>2795</v>
      </c>
      <c r="KHJ724" s="424"/>
      <c r="KHK724" s="424"/>
      <c r="KHL724" s="424"/>
      <c r="KHM724" s="423" t="s">
        <v>2795</v>
      </c>
      <c r="KHN724" s="424"/>
      <c r="KHO724" s="424"/>
      <c r="KHP724" s="424"/>
      <c r="KHQ724" s="423" t="s">
        <v>2795</v>
      </c>
      <c r="KHR724" s="424"/>
      <c r="KHS724" s="424"/>
      <c r="KHT724" s="424"/>
      <c r="KHU724" s="423" t="s">
        <v>2795</v>
      </c>
      <c r="KHV724" s="424"/>
      <c r="KHW724" s="424"/>
      <c r="KHX724" s="424"/>
      <c r="KHY724" s="423" t="s">
        <v>2795</v>
      </c>
      <c r="KHZ724" s="424"/>
      <c r="KIA724" s="424"/>
      <c r="KIB724" s="424"/>
      <c r="KIC724" s="423" t="s">
        <v>2795</v>
      </c>
      <c r="KID724" s="424"/>
      <c r="KIE724" s="424"/>
      <c r="KIF724" s="424"/>
      <c r="KIG724" s="423" t="s">
        <v>2795</v>
      </c>
      <c r="KIH724" s="424"/>
      <c r="KII724" s="424"/>
      <c r="KIJ724" s="424"/>
      <c r="KIK724" s="423" t="s">
        <v>2795</v>
      </c>
      <c r="KIL724" s="424"/>
      <c r="KIM724" s="424"/>
      <c r="KIN724" s="424"/>
      <c r="KIO724" s="423" t="s">
        <v>2795</v>
      </c>
      <c r="KIP724" s="424"/>
      <c r="KIQ724" s="424"/>
      <c r="KIR724" s="424"/>
      <c r="KIS724" s="423" t="s">
        <v>2795</v>
      </c>
      <c r="KIT724" s="424"/>
      <c r="KIU724" s="424"/>
      <c r="KIV724" s="424"/>
      <c r="KIW724" s="423" t="s">
        <v>2795</v>
      </c>
      <c r="KIX724" s="424"/>
      <c r="KIY724" s="424"/>
      <c r="KIZ724" s="424"/>
      <c r="KJA724" s="423" t="s">
        <v>2795</v>
      </c>
      <c r="KJB724" s="424"/>
      <c r="KJC724" s="424"/>
      <c r="KJD724" s="424"/>
      <c r="KJE724" s="423" t="s">
        <v>2795</v>
      </c>
      <c r="KJF724" s="424"/>
      <c r="KJG724" s="424"/>
      <c r="KJH724" s="424"/>
      <c r="KJI724" s="423" t="s">
        <v>2795</v>
      </c>
      <c r="KJJ724" s="424"/>
      <c r="KJK724" s="424"/>
      <c r="KJL724" s="424"/>
      <c r="KJM724" s="423" t="s">
        <v>2795</v>
      </c>
      <c r="KJN724" s="424"/>
      <c r="KJO724" s="424"/>
      <c r="KJP724" s="424"/>
      <c r="KJQ724" s="423" t="s">
        <v>2795</v>
      </c>
      <c r="KJR724" s="424"/>
      <c r="KJS724" s="424"/>
      <c r="KJT724" s="424"/>
      <c r="KJU724" s="423" t="s">
        <v>2795</v>
      </c>
      <c r="KJV724" s="424"/>
      <c r="KJW724" s="424"/>
      <c r="KJX724" s="424"/>
      <c r="KJY724" s="423" t="s">
        <v>2795</v>
      </c>
      <c r="KJZ724" s="424"/>
      <c r="KKA724" s="424"/>
      <c r="KKB724" s="424"/>
      <c r="KKC724" s="423" t="s">
        <v>2795</v>
      </c>
      <c r="KKD724" s="424"/>
      <c r="KKE724" s="424"/>
      <c r="KKF724" s="424"/>
      <c r="KKG724" s="423" t="s">
        <v>2795</v>
      </c>
      <c r="KKH724" s="424"/>
      <c r="KKI724" s="424"/>
      <c r="KKJ724" s="424"/>
      <c r="KKK724" s="423" t="s">
        <v>2795</v>
      </c>
      <c r="KKL724" s="424"/>
      <c r="KKM724" s="424"/>
      <c r="KKN724" s="424"/>
      <c r="KKO724" s="423" t="s">
        <v>2795</v>
      </c>
      <c r="KKP724" s="424"/>
      <c r="KKQ724" s="424"/>
      <c r="KKR724" s="424"/>
      <c r="KKS724" s="423" t="s">
        <v>2795</v>
      </c>
      <c r="KKT724" s="424"/>
      <c r="KKU724" s="424"/>
      <c r="KKV724" s="424"/>
      <c r="KKW724" s="423" t="s">
        <v>2795</v>
      </c>
      <c r="KKX724" s="424"/>
      <c r="KKY724" s="424"/>
      <c r="KKZ724" s="424"/>
      <c r="KLA724" s="423" t="s">
        <v>2795</v>
      </c>
      <c r="KLB724" s="424"/>
      <c r="KLC724" s="424"/>
      <c r="KLD724" s="424"/>
      <c r="KLE724" s="423" t="s">
        <v>2795</v>
      </c>
      <c r="KLF724" s="424"/>
      <c r="KLG724" s="424"/>
      <c r="KLH724" s="424"/>
      <c r="KLI724" s="423" t="s">
        <v>2795</v>
      </c>
      <c r="KLJ724" s="424"/>
      <c r="KLK724" s="424"/>
      <c r="KLL724" s="424"/>
      <c r="KLM724" s="423" t="s">
        <v>2795</v>
      </c>
      <c r="KLN724" s="424"/>
      <c r="KLO724" s="424"/>
      <c r="KLP724" s="424"/>
      <c r="KLQ724" s="423" t="s">
        <v>2795</v>
      </c>
      <c r="KLR724" s="424"/>
      <c r="KLS724" s="424"/>
      <c r="KLT724" s="424"/>
      <c r="KLU724" s="423" t="s">
        <v>2795</v>
      </c>
      <c r="KLV724" s="424"/>
      <c r="KLW724" s="424"/>
      <c r="KLX724" s="424"/>
      <c r="KLY724" s="423" t="s">
        <v>2795</v>
      </c>
      <c r="KLZ724" s="424"/>
      <c r="KMA724" s="424"/>
      <c r="KMB724" s="424"/>
      <c r="KMC724" s="423" t="s">
        <v>2795</v>
      </c>
      <c r="KMD724" s="424"/>
      <c r="KME724" s="424"/>
      <c r="KMF724" s="424"/>
      <c r="KMG724" s="423" t="s">
        <v>2795</v>
      </c>
      <c r="KMH724" s="424"/>
      <c r="KMI724" s="424"/>
      <c r="KMJ724" s="424"/>
      <c r="KMK724" s="423" t="s">
        <v>2795</v>
      </c>
      <c r="KML724" s="424"/>
      <c r="KMM724" s="424"/>
      <c r="KMN724" s="424"/>
      <c r="KMO724" s="423" t="s">
        <v>2795</v>
      </c>
      <c r="KMP724" s="424"/>
      <c r="KMQ724" s="424"/>
      <c r="KMR724" s="424"/>
      <c r="KMS724" s="423" t="s">
        <v>2795</v>
      </c>
      <c r="KMT724" s="424"/>
      <c r="KMU724" s="424"/>
      <c r="KMV724" s="424"/>
      <c r="KMW724" s="423" t="s">
        <v>2795</v>
      </c>
      <c r="KMX724" s="424"/>
      <c r="KMY724" s="424"/>
      <c r="KMZ724" s="424"/>
      <c r="KNA724" s="423" t="s">
        <v>2795</v>
      </c>
      <c r="KNB724" s="424"/>
      <c r="KNC724" s="424"/>
      <c r="KND724" s="424"/>
      <c r="KNE724" s="423" t="s">
        <v>2795</v>
      </c>
      <c r="KNF724" s="424"/>
      <c r="KNG724" s="424"/>
      <c r="KNH724" s="424"/>
      <c r="KNI724" s="423" t="s">
        <v>2795</v>
      </c>
      <c r="KNJ724" s="424"/>
      <c r="KNK724" s="424"/>
      <c r="KNL724" s="424"/>
      <c r="KNM724" s="423" t="s">
        <v>2795</v>
      </c>
      <c r="KNN724" s="424"/>
      <c r="KNO724" s="424"/>
      <c r="KNP724" s="424"/>
      <c r="KNQ724" s="423" t="s">
        <v>2795</v>
      </c>
      <c r="KNR724" s="424"/>
      <c r="KNS724" s="424"/>
      <c r="KNT724" s="424"/>
      <c r="KNU724" s="423" t="s">
        <v>2795</v>
      </c>
      <c r="KNV724" s="424"/>
      <c r="KNW724" s="424"/>
      <c r="KNX724" s="424"/>
      <c r="KNY724" s="423" t="s">
        <v>2795</v>
      </c>
      <c r="KNZ724" s="424"/>
      <c r="KOA724" s="424"/>
      <c r="KOB724" s="424"/>
      <c r="KOC724" s="423" t="s">
        <v>2795</v>
      </c>
      <c r="KOD724" s="424"/>
      <c r="KOE724" s="424"/>
      <c r="KOF724" s="424"/>
      <c r="KOG724" s="423" t="s">
        <v>2795</v>
      </c>
      <c r="KOH724" s="424"/>
      <c r="KOI724" s="424"/>
      <c r="KOJ724" s="424"/>
      <c r="KOK724" s="423" t="s">
        <v>2795</v>
      </c>
      <c r="KOL724" s="424"/>
      <c r="KOM724" s="424"/>
      <c r="KON724" s="424"/>
      <c r="KOO724" s="423" t="s">
        <v>2795</v>
      </c>
      <c r="KOP724" s="424"/>
      <c r="KOQ724" s="424"/>
      <c r="KOR724" s="424"/>
      <c r="KOS724" s="423" t="s">
        <v>2795</v>
      </c>
      <c r="KOT724" s="424"/>
      <c r="KOU724" s="424"/>
      <c r="KOV724" s="424"/>
      <c r="KOW724" s="423" t="s">
        <v>2795</v>
      </c>
      <c r="KOX724" s="424"/>
      <c r="KOY724" s="424"/>
      <c r="KOZ724" s="424"/>
      <c r="KPA724" s="423" t="s">
        <v>2795</v>
      </c>
      <c r="KPB724" s="424"/>
      <c r="KPC724" s="424"/>
      <c r="KPD724" s="424"/>
      <c r="KPE724" s="423" t="s">
        <v>2795</v>
      </c>
      <c r="KPF724" s="424"/>
      <c r="KPG724" s="424"/>
      <c r="KPH724" s="424"/>
      <c r="KPI724" s="423" t="s">
        <v>2795</v>
      </c>
      <c r="KPJ724" s="424"/>
      <c r="KPK724" s="424"/>
      <c r="KPL724" s="424"/>
      <c r="KPM724" s="423" t="s">
        <v>2795</v>
      </c>
      <c r="KPN724" s="424"/>
      <c r="KPO724" s="424"/>
      <c r="KPP724" s="424"/>
      <c r="KPQ724" s="423" t="s">
        <v>2795</v>
      </c>
      <c r="KPR724" s="424"/>
      <c r="KPS724" s="424"/>
      <c r="KPT724" s="424"/>
      <c r="KPU724" s="423" t="s">
        <v>2795</v>
      </c>
      <c r="KPV724" s="424"/>
      <c r="KPW724" s="424"/>
      <c r="KPX724" s="424"/>
      <c r="KPY724" s="423" t="s">
        <v>2795</v>
      </c>
      <c r="KPZ724" s="424"/>
      <c r="KQA724" s="424"/>
      <c r="KQB724" s="424"/>
      <c r="KQC724" s="423" t="s">
        <v>2795</v>
      </c>
      <c r="KQD724" s="424"/>
      <c r="KQE724" s="424"/>
      <c r="KQF724" s="424"/>
      <c r="KQG724" s="423" t="s">
        <v>2795</v>
      </c>
      <c r="KQH724" s="424"/>
      <c r="KQI724" s="424"/>
      <c r="KQJ724" s="424"/>
      <c r="KQK724" s="423" t="s">
        <v>2795</v>
      </c>
      <c r="KQL724" s="424"/>
      <c r="KQM724" s="424"/>
      <c r="KQN724" s="424"/>
      <c r="KQO724" s="423" t="s">
        <v>2795</v>
      </c>
      <c r="KQP724" s="424"/>
      <c r="KQQ724" s="424"/>
      <c r="KQR724" s="424"/>
      <c r="KQS724" s="423" t="s">
        <v>2795</v>
      </c>
      <c r="KQT724" s="424"/>
      <c r="KQU724" s="424"/>
      <c r="KQV724" s="424"/>
      <c r="KQW724" s="423" t="s">
        <v>2795</v>
      </c>
      <c r="KQX724" s="424"/>
      <c r="KQY724" s="424"/>
      <c r="KQZ724" s="424"/>
      <c r="KRA724" s="423" t="s">
        <v>2795</v>
      </c>
      <c r="KRB724" s="424"/>
      <c r="KRC724" s="424"/>
      <c r="KRD724" s="424"/>
      <c r="KRE724" s="423" t="s">
        <v>2795</v>
      </c>
      <c r="KRF724" s="424"/>
      <c r="KRG724" s="424"/>
      <c r="KRH724" s="424"/>
      <c r="KRI724" s="423" t="s">
        <v>2795</v>
      </c>
      <c r="KRJ724" s="424"/>
      <c r="KRK724" s="424"/>
      <c r="KRL724" s="424"/>
      <c r="KRM724" s="423" t="s">
        <v>2795</v>
      </c>
      <c r="KRN724" s="424"/>
      <c r="KRO724" s="424"/>
      <c r="KRP724" s="424"/>
      <c r="KRQ724" s="423" t="s">
        <v>2795</v>
      </c>
      <c r="KRR724" s="424"/>
      <c r="KRS724" s="424"/>
      <c r="KRT724" s="424"/>
      <c r="KRU724" s="423" t="s">
        <v>2795</v>
      </c>
      <c r="KRV724" s="424"/>
      <c r="KRW724" s="424"/>
      <c r="KRX724" s="424"/>
      <c r="KRY724" s="423" t="s">
        <v>2795</v>
      </c>
      <c r="KRZ724" s="424"/>
      <c r="KSA724" s="424"/>
      <c r="KSB724" s="424"/>
      <c r="KSC724" s="423" t="s">
        <v>2795</v>
      </c>
      <c r="KSD724" s="424"/>
      <c r="KSE724" s="424"/>
      <c r="KSF724" s="424"/>
      <c r="KSG724" s="423" t="s">
        <v>2795</v>
      </c>
      <c r="KSH724" s="424"/>
      <c r="KSI724" s="424"/>
      <c r="KSJ724" s="424"/>
      <c r="KSK724" s="423" t="s">
        <v>2795</v>
      </c>
      <c r="KSL724" s="424"/>
      <c r="KSM724" s="424"/>
      <c r="KSN724" s="424"/>
      <c r="KSO724" s="423" t="s">
        <v>2795</v>
      </c>
      <c r="KSP724" s="424"/>
      <c r="KSQ724" s="424"/>
      <c r="KSR724" s="424"/>
      <c r="KSS724" s="423" t="s">
        <v>2795</v>
      </c>
      <c r="KST724" s="424"/>
      <c r="KSU724" s="424"/>
      <c r="KSV724" s="424"/>
      <c r="KSW724" s="423" t="s">
        <v>2795</v>
      </c>
      <c r="KSX724" s="424"/>
      <c r="KSY724" s="424"/>
      <c r="KSZ724" s="424"/>
      <c r="KTA724" s="423" t="s">
        <v>2795</v>
      </c>
      <c r="KTB724" s="424"/>
      <c r="KTC724" s="424"/>
      <c r="KTD724" s="424"/>
      <c r="KTE724" s="423" t="s">
        <v>2795</v>
      </c>
      <c r="KTF724" s="424"/>
      <c r="KTG724" s="424"/>
      <c r="KTH724" s="424"/>
      <c r="KTI724" s="423" t="s">
        <v>2795</v>
      </c>
      <c r="KTJ724" s="424"/>
      <c r="KTK724" s="424"/>
      <c r="KTL724" s="424"/>
      <c r="KTM724" s="423" t="s">
        <v>2795</v>
      </c>
      <c r="KTN724" s="424"/>
      <c r="KTO724" s="424"/>
      <c r="KTP724" s="424"/>
      <c r="KTQ724" s="423" t="s">
        <v>2795</v>
      </c>
      <c r="KTR724" s="424"/>
      <c r="KTS724" s="424"/>
      <c r="KTT724" s="424"/>
      <c r="KTU724" s="423" t="s">
        <v>2795</v>
      </c>
      <c r="KTV724" s="424"/>
      <c r="KTW724" s="424"/>
      <c r="KTX724" s="424"/>
      <c r="KTY724" s="423" t="s">
        <v>2795</v>
      </c>
      <c r="KTZ724" s="424"/>
      <c r="KUA724" s="424"/>
      <c r="KUB724" s="424"/>
      <c r="KUC724" s="423" t="s">
        <v>2795</v>
      </c>
      <c r="KUD724" s="424"/>
      <c r="KUE724" s="424"/>
      <c r="KUF724" s="424"/>
      <c r="KUG724" s="423" t="s">
        <v>2795</v>
      </c>
      <c r="KUH724" s="424"/>
      <c r="KUI724" s="424"/>
      <c r="KUJ724" s="424"/>
      <c r="KUK724" s="423" t="s">
        <v>2795</v>
      </c>
      <c r="KUL724" s="424"/>
      <c r="KUM724" s="424"/>
      <c r="KUN724" s="424"/>
      <c r="KUO724" s="423" t="s">
        <v>2795</v>
      </c>
      <c r="KUP724" s="424"/>
      <c r="KUQ724" s="424"/>
      <c r="KUR724" s="424"/>
      <c r="KUS724" s="423" t="s">
        <v>2795</v>
      </c>
      <c r="KUT724" s="424"/>
      <c r="KUU724" s="424"/>
      <c r="KUV724" s="424"/>
      <c r="KUW724" s="423" t="s">
        <v>2795</v>
      </c>
      <c r="KUX724" s="424"/>
      <c r="KUY724" s="424"/>
      <c r="KUZ724" s="424"/>
      <c r="KVA724" s="423" t="s">
        <v>2795</v>
      </c>
      <c r="KVB724" s="424"/>
      <c r="KVC724" s="424"/>
      <c r="KVD724" s="424"/>
      <c r="KVE724" s="423" t="s">
        <v>2795</v>
      </c>
      <c r="KVF724" s="424"/>
      <c r="KVG724" s="424"/>
      <c r="KVH724" s="424"/>
      <c r="KVI724" s="423" t="s">
        <v>2795</v>
      </c>
      <c r="KVJ724" s="424"/>
      <c r="KVK724" s="424"/>
      <c r="KVL724" s="424"/>
      <c r="KVM724" s="423" t="s">
        <v>2795</v>
      </c>
      <c r="KVN724" s="424"/>
      <c r="KVO724" s="424"/>
      <c r="KVP724" s="424"/>
      <c r="KVQ724" s="423" t="s">
        <v>2795</v>
      </c>
      <c r="KVR724" s="424"/>
      <c r="KVS724" s="424"/>
      <c r="KVT724" s="424"/>
      <c r="KVU724" s="423" t="s">
        <v>2795</v>
      </c>
      <c r="KVV724" s="424"/>
      <c r="KVW724" s="424"/>
      <c r="KVX724" s="424"/>
      <c r="KVY724" s="423" t="s">
        <v>2795</v>
      </c>
      <c r="KVZ724" s="424"/>
      <c r="KWA724" s="424"/>
      <c r="KWB724" s="424"/>
      <c r="KWC724" s="423" t="s">
        <v>2795</v>
      </c>
      <c r="KWD724" s="424"/>
      <c r="KWE724" s="424"/>
      <c r="KWF724" s="424"/>
      <c r="KWG724" s="423" t="s">
        <v>2795</v>
      </c>
      <c r="KWH724" s="424"/>
      <c r="KWI724" s="424"/>
      <c r="KWJ724" s="424"/>
      <c r="KWK724" s="423" t="s">
        <v>2795</v>
      </c>
      <c r="KWL724" s="424"/>
      <c r="KWM724" s="424"/>
      <c r="KWN724" s="424"/>
      <c r="KWO724" s="423" t="s">
        <v>2795</v>
      </c>
      <c r="KWP724" s="424"/>
      <c r="KWQ724" s="424"/>
      <c r="KWR724" s="424"/>
      <c r="KWS724" s="423" t="s">
        <v>2795</v>
      </c>
      <c r="KWT724" s="424"/>
      <c r="KWU724" s="424"/>
      <c r="KWV724" s="424"/>
      <c r="KWW724" s="423" t="s">
        <v>2795</v>
      </c>
      <c r="KWX724" s="424"/>
      <c r="KWY724" s="424"/>
      <c r="KWZ724" s="424"/>
      <c r="KXA724" s="423" t="s">
        <v>2795</v>
      </c>
      <c r="KXB724" s="424"/>
      <c r="KXC724" s="424"/>
      <c r="KXD724" s="424"/>
      <c r="KXE724" s="423" t="s">
        <v>2795</v>
      </c>
      <c r="KXF724" s="424"/>
      <c r="KXG724" s="424"/>
      <c r="KXH724" s="424"/>
      <c r="KXI724" s="423" t="s">
        <v>2795</v>
      </c>
      <c r="KXJ724" s="424"/>
      <c r="KXK724" s="424"/>
      <c r="KXL724" s="424"/>
      <c r="KXM724" s="423" t="s">
        <v>2795</v>
      </c>
      <c r="KXN724" s="424"/>
      <c r="KXO724" s="424"/>
      <c r="KXP724" s="424"/>
      <c r="KXQ724" s="423" t="s">
        <v>2795</v>
      </c>
      <c r="KXR724" s="424"/>
      <c r="KXS724" s="424"/>
      <c r="KXT724" s="424"/>
      <c r="KXU724" s="423" t="s">
        <v>2795</v>
      </c>
      <c r="KXV724" s="424"/>
      <c r="KXW724" s="424"/>
      <c r="KXX724" s="424"/>
      <c r="KXY724" s="423" t="s">
        <v>2795</v>
      </c>
      <c r="KXZ724" s="424"/>
      <c r="KYA724" s="424"/>
      <c r="KYB724" s="424"/>
      <c r="KYC724" s="423" t="s">
        <v>2795</v>
      </c>
      <c r="KYD724" s="424"/>
      <c r="KYE724" s="424"/>
      <c r="KYF724" s="424"/>
      <c r="KYG724" s="423" t="s">
        <v>2795</v>
      </c>
      <c r="KYH724" s="424"/>
      <c r="KYI724" s="424"/>
      <c r="KYJ724" s="424"/>
      <c r="KYK724" s="423" t="s">
        <v>2795</v>
      </c>
      <c r="KYL724" s="424"/>
      <c r="KYM724" s="424"/>
      <c r="KYN724" s="424"/>
      <c r="KYO724" s="423" t="s">
        <v>2795</v>
      </c>
      <c r="KYP724" s="424"/>
      <c r="KYQ724" s="424"/>
      <c r="KYR724" s="424"/>
      <c r="KYS724" s="423" t="s">
        <v>2795</v>
      </c>
      <c r="KYT724" s="424"/>
      <c r="KYU724" s="424"/>
      <c r="KYV724" s="424"/>
      <c r="KYW724" s="423" t="s">
        <v>2795</v>
      </c>
      <c r="KYX724" s="424"/>
      <c r="KYY724" s="424"/>
      <c r="KYZ724" s="424"/>
      <c r="KZA724" s="423" t="s">
        <v>2795</v>
      </c>
      <c r="KZB724" s="424"/>
      <c r="KZC724" s="424"/>
      <c r="KZD724" s="424"/>
      <c r="KZE724" s="423" t="s">
        <v>2795</v>
      </c>
      <c r="KZF724" s="424"/>
      <c r="KZG724" s="424"/>
      <c r="KZH724" s="424"/>
      <c r="KZI724" s="423" t="s">
        <v>2795</v>
      </c>
      <c r="KZJ724" s="424"/>
      <c r="KZK724" s="424"/>
      <c r="KZL724" s="424"/>
      <c r="KZM724" s="423" t="s">
        <v>2795</v>
      </c>
      <c r="KZN724" s="424"/>
      <c r="KZO724" s="424"/>
      <c r="KZP724" s="424"/>
      <c r="KZQ724" s="423" t="s">
        <v>2795</v>
      </c>
      <c r="KZR724" s="424"/>
      <c r="KZS724" s="424"/>
      <c r="KZT724" s="424"/>
      <c r="KZU724" s="423" t="s">
        <v>2795</v>
      </c>
      <c r="KZV724" s="424"/>
      <c r="KZW724" s="424"/>
      <c r="KZX724" s="424"/>
      <c r="KZY724" s="423" t="s">
        <v>2795</v>
      </c>
      <c r="KZZ724" s="424"/>
      <c r="LAA724" s="424"/>
      <c r="LAB724" s="424"/>
      <c r="LAC724" s="423" t="s">
        <v>2795</v>
      </c>
      <c r="LAD724" s="424"/>
      <c r="LAE724" s="424"/>
      <c r="LAF724" s="424"/>
      <c r="LAG724" s="423" t="s">
        <v>2795</v>
      </c>
      <c r="LAH724" s="424"/>
      <c r="LAI724" s="424"/>
      <c r="LAJ724" s="424"/>
      <c r="LAK724" s="423" t="s">
        <v>2795</v>
      </c>
      <c r="LAL724" s="424"/>
      <c r="LAM724" s="424"/>
      <c r="LAN724" s="424"/>
      <c r="LAO724" s="423" t="s">
        <v>2795</v>
      </c>
      <c r="LAP724" s="424"/>
      <c r="LAQ724" s="424"/>
      <c r="LAR724" s="424"/>
      <c r="LAS724" s="423" t="s">
        <v>2795</v>
      </c>
      <c r="LAT724" s="424"/>
      <c r="LAU724" s="424"/>
      <c r="LAV724" s="424"/>
      <c r="LAW724" s="423" t="s">
        <v>2795</v>
      </c>
      <c r="LAX724" s="424"/>
      <c r="LAY724" s="424"/>
      <c r="LAZ724" s="424"/>
      <c r="LBA724" s="423" t="s">
        <v>2795</v>
      </c>
      <c r="LBB724" s="424"/>
      <c r="LBC724" s="424"/>
      <c r="LBD724" s="424"/>
      <c r="LBE724" s="423" t="s">
        <v>2795</v>
      </c>
      <c r="LBF724" s="424"/>
      <c r="LBG724" s="424"/>
      <c r="LBH724" s="424"/>
      <c r="LBI724" s="423" t="s">
        <v>2795</v>
      </c>
      <c r="LBJ724" s="424"/>
      <c r="LBK724" s="424"/>
      <c r="LBL724" s="424"/>
      <c r="LBM724" s="423" t="s">
        <v>2795</v>
      </c>
      <c r="LBN724" s="424"/>
      <c r="LBO724" s="424"/>
      <c r="LBP724" s="424"/>
      <c r="LBQ724" s="423" t="s">
        <v>2795</v>
      </c>
      <c r="LBR724" s="424"/>
      <c r="LBS724" s="424"/>
      <c r="LBT724" s="424"/>
      <c r="LBU724" s="423" t="s">
        <v>2795</v>
      </c>
      <c r="LBV724" s="424"/>
      <c r="LBW724" s="424"/>
      <c r="LBX724" s="424"/>
      <c r="LBY724" s="423" t="s">
        <v>2795</v>
      </c>
      <c r="LBZ724" s="424"/>
      <c r="LCA724" s="424"/>
      <c r="LCB724" s="424"/>
      <c r="LCC724" s="423" t="s">
        <v>2795</v>
      </c>
      <c r="LCD724" s="424"/>
      <c r="LCE724" s="424"/>
      <c r="LCF724" s="424"/>
      <c r="LCG724" s="423" t="s">
        <v>2795</v>
      </c>
      <c r="LCH724" s="424"/>
      <c r="LCI724" s="424"/>
      <c r="LCJ724" s="424"/>
      <c r="LCK724" s="423" t="s">
        <v>2795</v>
      </c>
      <c r="LCL724" s="424"/>
      <c r="LCM724" s="424"/>
      <c r="LCN724" s="424"/>
      <c r="LCO724" s="423" t="s">
        <v>2795</v>
      </c>
      <c r="LCP724" s="424"/>
      <c r="LCQ724" s="424"/>
      <c r="LCR724" s="424"/>
      <c r="LCS724" s="423" t="s">
        <v>2795</v>
      </c>
      <c r="LCT724" s="424"/>
      <c r="LCU724" s="424"/>
      <c r="LCV724" s="424"/>
      <c r="LCW724" s="423" t="s">
        <v>2795</v>
      </c>
      <c r="LCX724" s="424"/>
      <c r="LCY724" s="424"/>
      <c r="LCZ724" s="424"/>
      <c r="LDA724" s="423" t="s">
        <v>2795</v>
      </c>
      <c r="LDB724" s="424"/>
      <c r="LDC724" s="424"/>
      <c r="LDD724" s="424"/>
      <c r="LDE724" s="423" t="s">
        <v>2795</v>
      </c>
      <c r="LDF724" s="424"/>
      <c r="LDG724" s="424"/>
      <c r="LDH724" s="424"/>
      <c r="LDI724" s="423" t="s">
        <v>2795</v>
      </c>
      <c r="LDJ724" s="424"/>
      <c r="LDK724" s="424"/>
      <c r="LDL724" s="424"/>
      <c r="LDM724" s="423" t="s">
        <v>2795</v>
      </c>
      <c r="LDN724" s="424"/>
      <c r="LDO724" s="424"/>
      <c r="LDP724" s="424"/>
      <c r="LDQ724" s="423" t="s">
        <v>2795</v>
      </c>
      <c r="LDR724" s="424"/>
      <c r="LDS724" s="424"/>
      <c r="LDT724" s="424"/>
      <c r="LDU724" s="423" t="s">
        <v>2795</v>
      </c>
      <c r="LDV724" s="424"/>
      <c r="LDW724" s="424"/>
      <c r="LDX724" s="424"/>
      <c r="LDY724" s="423" t="s">
        <v>2795</v>
      </c>
      <c r="LDZ724" s="424"/>
      <c r="LEA724" s="424"/>
      <c r="LEB724" s="424"/>
      <c r="LEC724" s="423" t="s">
        <v>2795</v>
      </c>
      <c r="LED724" s="424"/>
      <c r="LEE724" s="424"/>
      <c r="LEF724" s="424"/>
      <c r="LEG724" s="423" t="s">
        <v>2795</v>
      </c>
      <c r="LEH724" s="424"/>
      <c r="LEI724" s="424"/>
      <c r="LEJ724" s="424"/>
      <c r="LEK724" s="423" t="s">
        <v>2795</v>
      </c>
      <c r="LEL724" s="424"/>
      <c r="LEM724" s="424"/>
      <c r="LEN724" s="424"/>
      <c r="LEO724" s="423" t="s">
        <v>2795</v>
      </c>
      <c r="LEP724" s="424"/>
      <c r="LEQ724" s="424"/>
      <c r="LER724" s="424"/>
      <c r="LES724" s="423" t="s">
        <v>2795</v>
      </c>
      <c r="LET724" s="424"/>
      <c r="LEU724" s="424"/>
      <c r="LEV724" s="424"/>
      <c r="LEW724" s="423" t="s">
        <v>2795</v>
      </c>
      <c r="LEX724" s="424"/>
      <c r="LEY724" s="424"/>
      <c r="LEZ724" s="424"/>
      <c r="LFA724" s="423" t="s">
        <v>2795</v>
      </c>
      <c r="LFB724" s="424"/>
      <c r="LFC724" s="424"/>
      <c r="LFD724" s="424"/>
      <c r="LFE724" s="423" t="s">
        <v>2795</v>
      </c>
      <c r="LFF724" s="424"/>
      <c r="LFG724" s="424"/>
      <c r="LFH724" s="424"/>
      <c r="LFI724" s="423" t="s">
        <v>2795</v>
      </c>
      <c r="LFJ724" s="424"/>
      <c r="LFK724" s="424"/>
      <c r="LFL724" s="424"/>
      <c r="LFM724" s="423" t="s">
        <v>2795</v>
      </c>
      <c r="LFN724" s="424"/>
      <c r="LFO724" s="424"/>
      <c r="LFP724" s="424"/>
      <c r="LFQ724" s="423" t="s">
        <v>2795</v>
      </c>
      <c r="LFR724" s="424"/>
      <c r="LFS724" s="424"/>
      <c r="LFT724" s="424"/>
      <c r="LFU724" s="423" t="s">
        <v>2795</v>
      </c>
      <c r="LFV724" s="424"/>
      <c r="LFW724" s="424"/>
      <c r="LFX724" s="424"/>
      <c r="LFY724" s="423" t="s">
        <v>2795</v>
      </c>
      <c r="LFZ724" s="424"/>
      <c r="LGA724" s="424"/>
      <c r="LGB724" s="424"/>
      <c r="LGC724" s="423" t="s">
        <v>2795</v>
      </c>
      <c r="LGD724" s="424"/>
      <c r="LGE724" s="424"/>
      <c r="LGF724" s="424"/>
      <c r="LGG724" s="423" t="s">
        <v>2795</v>
      </c>
      <c r="LGH724" s="424"/>
      <c r="LGI724" s="424"/>
      <c r="LGJ724" s="424"/>
      <c r="LGK724" s="423" t="s">
        <v>2795</v>
      </c>
      <c r="LGL724" s="424"/>
      <c r="LGM724" s="424"/>
      <c r="LGN724" s="424"/>
      <c r="LGO724" s="423" t="s">
        <v>2795</v>
      </c>
      <c r="LGP724" s="424"/>
      <c r="LGQ724" s="424"/>
      <c r="LGR724" s="424"/>
      <c r="LGS724" s="423" t="s">
        <v>2795</v>
      </c>
      <c r="LGT724" s="424"/>
      <c r="LGU724" s="424"/>
      <c r="LGV724" s="424"/>
      <c r="LGW724" s="423" t="s">
        <v>2795</v>
      </c>
      <c r="LGX724" s="424"/>
      <c r="LGY724" s="424"/>
      <c r="LGZ724" s="424"/>
      <c r="LHA724" s="423" t="s">
        <v>2795</v>
      </c>
      <c r="LHB724" s="424"/>
      <c r="LHC724" s="424"/>
      <c r="LHD724" s="424"/>
      <c r="LHE724" s="423" t="s">
        <v>2795</v>
      </c>
      <c r="LHF724" s="424"/>
      <c r="LHG724" s="424"/>
      <c r="LHH724" s="424"/>
      <c r="LHI724" s="423" t="s">
        <v>2795</v>
      </c>
      <c r="LHJ724" s="424"/>
      <c r="LHK724" s="424"/>
      <c r="LHL724" s="424"/>
      <c r="LHM724" s="423" t="s">
        <v>2795</v>
      </c>
      <c r="LHN724" s="424"/>
      <c r="LHO724" s="424"/>
      <c r="LHP724" s="424"/>
      <c r="LHQ724" s="423" t="s">
        <v>2795</v>
      </c>
      <c r="LHR724" s="424"/>
      <c r="LHS724" s="424"/>
      <c r="LHT724" s="424"/>
      <c r="LHU724" s="423" t="s">
        <v>2795</v>
      </c>
      <c r="LHV724" s="424"/>
      <c r="LHW724" s="424"/>
      <c r="LHX724" s="424"/>
      <c r="LHY724" s="423" t="s">
        <v>2795</v>
      </c>
      <c r="LHZ724" s="424"/>
      <c r="LIA724" s="424"/>
      <c r="LIB724" s="424"/>
      <c r="LIC724" s="423" t="s">
        <v>2795</v>
      </c>
      <c r="LID724" s="424"/>
      <c r="LIE724" s="424"/>
      <c r="LIF724" s="424"/>
      <c r="LIG724" s="423" t="s">
        <v>2795</v>
      </c>
      <c r="LIH724" s="424"/>
      <c r="LII724" s="424"/>
      <c r="LIJ724" s="424"/>
      <c r="LIK724" s="423" t="s">
        <v>2795</v>
      </c>
      <c r="LIL724" s="424"/>
      <c r="LIM724" s="424"/>
      <c r="LIN724" s="424"/>
      <c r="LIO724" s="423" t="s">
        <v>2795</v>
      </c>
      <c r="LIP724" s="424"/>
      <c r="LIQ724" s="424"/>
      <c r="LIR724" s="424"/>
      <c r="LIS724" s="423" t="s">
        <v>2795</v>
      </c>
      <c r="LIT724" s="424"/>
      <c r="LIU724" s="424"/>
      <c r="LIV724" s="424"/>
      <c r="LIW724" s="423" t="s">
        <v>2795</v>
      </c>
      <c r="LIX724" s="424"/>
      <c r="LIY724" s="424"/>
      <c r="LIZ724" s="424"/>
      <c r="LJA724" s="423" t="s">
        <v>2795</v>
      </c>
      <c r="LJB724" s="424"/>
      <c r="LJC724" s="424"/>
      <c r="LJD724" s="424"/>
      <c r="LJE724" s="423" t="s">
        <v>2795</v>
      </c>
      <c r="LJF724" s="424"/>
      <c r="LJG724" s="424"/>
      <c r="LJH724" s="424"/>
      <c r="LJI724" s="423" t="s">
        <v>2795</v>
      </c>
      <c r="LJJ724" s="424"/>
      <c r="LJK724" s="424"/>
      <c r="LJL724" s="424"/>
      <c r="LJM724" s="423" t="s">
        <v>2795</v>
      </c>
      <c r="LJN724" s="424"/>
      <c r="LJO724" s="424"/>
      <c r="LJP724" s="424"/>
      <c r="LJQ724" s="423" t="s">
        <v>2795</v>
      </c>
      <c r="LJR724" s="424"/>
      <c r="LJS724" s="424"/>
      <c r="LJT724" s="424"/>
      <c r="LJU724" s="423" t="s">
        <v>2795</v>
      </c>
      <c r="LJV724" s="424"/>
      <c r="LJW724" s="424"/>
      <c r="LJX724" s="424"/>
      <c r="LJY724" s="423" t="s">
        <v>2795</v>
      </c>
      <c r="LJZ724" s="424"/>
      <c r="LKA724" s="424"/>
      <c r="LKB724" s="424"/>
      <c r="LKC724" s="423" t="s">
        <v>2795</v>
      </c>
      <c r="LKD724" s="424"/>
      <c r="LKE724" s="424"/>
      <c r="LKF724" s="424"/>
      <c r="LKG724" s="423" t="s">
        <v>2795</v>
      </c>
      <c r="LKH724" s="424"/>
      <c r="LKI724" s="424"/>
      <c r="LKJ724" s="424"/>
      <c r="LKK724" s="423" t="s">
        <v>2795</v>
      </c>
      <c r="LKL724" s="424"/>
      <c r="LKM724" s="424"/>
      <c r="LKN724" s="424"/>
      <c r="LKO724" s="423" t="s">
        <v>2795</v>
      </c>
      <c r="LKP724" s="424"/>
      <c r="LKQ724" s="424"/>
      <c r="LKR724" s="424"/>
      <c r="LKS724" s="423" t="s">
        <v>2795</v>
      </c>
      <c r="LKT724" s="424"/>
      <c r="LKU724" s="424"/>
      <c r="LKV724" s="424"/>
      <c r="LKW724" s="423" t="s">
        <v>2795</v>
      </c>
      <c r="LKX724" s="424"/>
      <c r="LKY724" s="424"/>
      <c r="LKZ724" s="424"/>
      <c r="LLA724" s="423" t="s">
        <v>2795</v>
      </c>
      <c r="LLB724" s="424"/>
      <c r="LLC724" s="424"/>
      <c r="LLD724" s="424"/>
      <c r="LLE724" s="423" t="s">
        <v>2795</v>
      </c>
      <c r="LLF724" s="424"/>
      <c r="LLG724" s="424"/>
      <c r="LLH724" s="424"/>
      <c r="LLI724" s="423" t="s">
        <v>2795</v>
      </c>
      <c r="LLJ724" s="424"/>
      <c r="LLK724" s="424"/>
      <c r="LLL724" s="424"/>
      <c r="LLM724" s="423" t="s">
        <v>2795</v>
      </c>
      <c r="LLN724" s="424"/>
      <c r="LLO724" s="424"/>
      <c r="LLP724" s="424"/>
      <c r="LLQ724" s="423" t="s">
        <v>2795</v>
      </c>
      <c r="LLR724" s="424"/>
      <c r="LLS724" s="424"/>
      <c r="LLT724" s="424"/>
      <c r="LLU724" s="423" t="s">
        <v>2795</v>
      </c>
      <c r="LLV724" s="424"/>
      <c r="LLW724" s="424"/>
      <c r="LLX724" s="424"/>
      <c r="LLY724" s="423" t="s">
        <v>2795</v>
      </c>
      <c r="LLZ724" s="424"/>
      <c r="LMA724" s="424"/>
      <c r="LMB724" s="424"/>
      <c r="LMC724" s="423" t="s">
        <v>2795</v>
      </c>
      <c r="LMD724" s="424"/>
      <c r="LME724" s="424"/>
      <c r="LMF724" s="424"/>
      <c r="LMG724" s="423" t="s">
        <v>2795</v>
      </c>
      <c r="LMH724" s="424"/>
      <c r="LMI724" s="424"/>
      <c r="LMJ724" s="424"/>
      <c r="LMK724" s="423" t="s">
        <v>2795</v>
      </c>
      <c r="LML724" s="424"/>
      <c r="LMM724" s="424"/>
      <c r="LMN724" s="424"/>
      <c r="LMO724" s="423" t="s">
        <v>2795</v>
      </c>
      <c r="LMP724" s="424"/>
      <c r="LMQ724" s="424"/>
      <c r="LMR724" s="424"/>
      <c r="LMS724" s="423" t="s">
        <v>2795</v>
      </c>
      <c r="LMT724" s="424"/>
      <c r="LMU724" s="424"/>
      <c r="LMV724" s="424"/>
      <c r="LMW724" s="423" t="s">
        <v>2795</v>
      </c>
      <c r="LMX724" s="424"/>
      <c r="LMY724" s="424"/>
      <c r="LMZ724" s="424"/>
      <c r="LNA724" s="423" t="s">
        <v>2795</v>
      </c>
      <c r="LNB724" s="424"/>
      <c r="LNC724" s="424"/>
      <c r="LND724" s="424"/>
      <c r="LNE724" s="423" t="s">
        <v>2795</v>
      </c>
      <c r="LNF724" s="424"/>
      <c r="LNG724" s="424"/>
      <c r="LNH724" s="424"/>
      <c r="LNI724" s="423" t="s">
        <v>2795</v>
      </c>
      <c r="LNJ724" s="424"/>
      <c r="LNK724" s="424"/>
      <c r="LNL724" s="424"/>
      <c r="LNM724" s="423" t="s">
        <v>2795</v>
      </c>
      <c r="LNN724" s="424"/>
      <c r="LNO724" s="424"/>
      <c r="LNP724" s="424"/>
      <c r="LNQ724" s="423" t="s">
        <v>2795</v>
      </c>
      <c r="LNR724" s="424"/>
      <c r="LNS724" s="424"/>
      <c r="LNT724" s="424"/>
      <c r="LNU724" s="423" t="s">
        <v>2795</v>
      </c>
      <c r="LNV724" s="424"/>
      <c r="LNW724" s="424"/>
      <c r="LNX724" s="424"/>
      <c r="LNY724" s="423" t="s">
        <v>2795</v>
      </c>
      <c r="LNZ724" s="424"/>
      <c r="LOA724" s="424"/>
      <c r="LOB724" s="424"/>
      <c r="LOC724" s="423" t="s">
        <v>2795</v>
      </c>
      <c r="LOD724" s="424"/>
      <c r="LOE724" s="424"/>
      <c r="LOF724" s="424"/>
      <c r="LOG724" s="423" t="s">
        <v>2795</v>
      </c>
      <c r="LOH724" s="424"/>
      <c r="LOI724" s="424"/>
      <c r="LOJ724" s="424"/>
      <c r="LOK724" s="423" t="s">
        <v>2795</v>
      </c>
      <c r="LOL724" s="424"/>
      <c r="LOM724" s="424"/>
      <c r="LON724" s="424"/>
      <c r="LOO724" s="423" t="s">
        <v>2795</v>
      </c>
      <c r="LOP724" s="424"/>
      <c r="LOQ724" s="424"/>
      <c r="LOR724" s="424"/>
      <c r="LOS724" s="423" t="s">
        <v>2795</v>
      </c>
      <c r="LOT724" s="424"/>
      <c r="LOU724" s="424"/>
      <c r="LOV724" s="424"/>
      <c r="LOW724" s="423" t="s">
        <v>2795</v>
      </c>
      <c r="LOX724" s="424"/>
      <c r="LOY724" s="424"/>
      <c r="LOZ724" s="424"/>
      <c r="LPA724" s="423" t="s">
        <v>2795</v>
      </c>
      <c r="LPB724" s="424"/>
      <c r="LPC724" s="424"/>
      <c r="LPD724" s="424"/>
      <c r="LPE724" s="423" t="s">
        <v>2795</v>
      </c>
      <c r="LPF724" s="424"/>
      <c r="LPG724" s="424"/>
      <c r="LPH724" s="424"/>
      <c r="LPI724" s="423" t="s">
        <v>2795</v>
      </c>
      <c r="LPJ724" s="424"/>
      <c r="LPK724" s="424"/>
      <c r="LPL724" s="424"/>
      <c r="LPM724" s="423" t="s">
        <v>2795</v>
      </c>
      <c r="LPN724" s="424"/>
      <c r="LPO724" s="424"/>
      <c r="LPP724" s="424"/>
      <c r="LPQ724" s="423" t="s">
        <v>2795</v>
      </c>
      <c r="LPR724" s="424"/>
      <c r="LPS724" s="424"/>
      <c r="LPT724" s="424"/>
      <c r="LPU724" s="423" t="s">
        <v>2795</v>
      </c>
      <c r="LPV724" s="424"/>
      <c r="LPW724" s="424"/>
      <c r="LPX724" s="424"/>
      <c r="LPY724" s="423" t="s">
        <v>2795</v>
      </c>
      <c r="LPZ724" s="424"/>
      <c r="LQA724" s="424"/>
      <c r="LQB724" s="424"/>
      <c r="LQC724" s="423" t="s">
        <v>2795</v>
      </c>
      <c r="LQD724" s="424"/>
      <c r="LQE724" s="424"/>
      <c r="LQF724" s="424"/>
      <c r="LQG724" s="423" t="s">
        <v>2795</v>
      </c>
      <c r="LQH724" s="424"/>
      <c r="LQI724" s="424"/>
      <c r="LQJ724" s="424"/>
      <c r="LQK724" s="423" t="s">
        <v>2795</v>
      </c>
      <c r="LQL724" s="424"/>
      <c r="LQM724" s="424"/>
      <c r="LQN724" s="424"/>
      <c r="LQO724" s="423" t="s">
        <v>2795</v>
      </c>
      <c r="LQP724" s="424"/>
      <c r="LQQ724" s="424"/>
      <c r="LQR724" s="424"/>
      <c r="LQS724" s="423" t="s">
        <v>2795</v>
      </c>
      <c r="LQT724" s="424"/>
      <c r="LQU724" s="424"/>
      <c r="LQV724" s="424"/>
      <c r="LQW724" s="423" t="s">
        <v>2795</v>
      </c>
      <c r="LQX724" s="424"/>
      <c r="LQY724" s="424"/>
      <c r="LQZ724" s="424"/>
      <c r="LRA724" s="423" t="s">
        <v>2795</v>
      </c>
      <c r="LRB724" s="424"/>
      <c r="LRC724" s="424"/>
      <c r="LRD724" s="424"/>
      <c r="LRE724" s="423" t="s">
        <v>2795</v>
      </c>
      <c r="LRF724" s="424"/>
      <c r="LRG724" s="424"/>
      <c r="LRH724" s="424"/>
      <c r="LRI724" s="423" t="s">
        <v>2795</v>
      </c>
      <c r="LRJ724" s="424"/>
      <c r="LRK724" s="424"/>
      <c r="LRL724" s="424"/>
      <c r="LRM724" s="423" t="s">
        <v>2795</v>
      </c>
      <c r="LRN724" s="424"/>
      <c r="LRO724" s="424"/>
      <c r="LRP724" s="424"/>
      <c r="LRQ724" s="423" t="s">
        <v>2795</v>
      </c>
      <c r="LRR724" s="424"/>
      <c r="LRS724" s="424"/>
      <c r="LRT724" s="424"/>
      <c r="LRU724" s="423" t="s">
        <v>2795</v>
      </c>
      <c r="LRV724" s="424"/>
      <c r="LRW724" s="424"/>
      <c r="LRX724" s="424"/>
      <c r="LRY724" s="423" t="s">
        <v>2795</v>
      </c>
      <c r="LRZ724" s="424"/>
      <c r="LSA724" s="424"/>
      <c r="LSB724" s="424"/>
      <c r="LSC724" s="423" t="s">
        <v>2795</v>
      </c>
      <c r="LSD724" s="424"/>
      <c r="LSE724" s="424"/>
      <c r="LSF724" s="424"/>
      <c r="LSG724" s="423" t="s">
        <v>2795</v>
      </c>
      <c r="LSH724" s="424"/>
      <c r="LSI724" s="424"/>
      <c r="LSJ724" s="424"/>
      <c r="LSK724" s="423" t="s">
        <v>2795</v>
      </c>
      <c r="LSL724" s="424"/>
      <c r="LSM724" s="424"/>
      <c r="LSN724" s="424"/>
      <c r="LSO724" s="423" t="s">
        <v>2795</v>
      </c>
      <c r="LSP724" s="424"/>
      <c r="LSQ724" s="424"/>
      <c r="LSR724" s="424"/>
      <c r="LSS724" s="423" t="s">
        <v>2795</v>
      </c>
      <c r="LST724" s="424"/>
      <c r="LSU724" s="424"/>
      <c r="LSV724" s="424"/>
      <c r="LSW724" s="423" t="s">
        <v>2795</v>
      </c>
      <c r="LSX724" s="424"/>
      <c r="LSY724" s="424"/>
      <c r="LSZ724" s="424"/>
      <c r="LTA724" s="423" t="s">
        <v>2795</v>
      </c>
      <c r="LTB724" s="424"/>
      <c r="LTC724" s="424"/>
      <c r="LTD724" s="424"/>
      <c r="LTE724" s="423" t="s">
        <v>2795</v>
      </c>
      <c r="LTF724" s="424"/>
      <c r="LTG724" s="424"/>
      <c r="LTH724" s="424"/>
      <c r="LTI724" s="423" t="s">
        <v>2795</v>
      </c>
      <c r="LTJ724" s="424"/>
      <c r="LTK724" s="424"/>
      <c r="LTL724" s="424"/>
      <c r="LTM724" s="423" t="s">
        <v>2795</v>
      </c>
      <c r="LTN724" s="424"/>
      <c r="LTO724" s="424"/>
      <c r="LTP724" s="424"/>
      <c r="LTQ724" s="423" t="s">
        <v>2795</v>
      </c>
      <c r="LTR724" s="424"/>
      <c r="LTS724" s="424"/>
      <c r="LTT724" s="424"/>
      <c r="LTU724" s="423" t="s">
        <v>2795</v>
      </c>
      <c r="LTV724" s="424"/>
      <c r="LTW724" s="424"/>
      <c r="LTX724" s="424"/>
      <c r="LTY724" s="423" t="s">
        <v>2795</v>
      </c>
      <c r="LTZ724" s="424"/>
      <c r="LUA724" s="424"/>
      <c r="LUB724" s="424"/>
      <c r="LUC724" s="423" t="s">
        <v>2795</v>
      </c>
      <c r="LUD724" s="424"/>
      <c r="LUE724" s="424"/>
      <c r="LUF724" s="424"/>
      <c r="LUG724" s="423" t="s">
        <v>2795</v>
      </c>
      <c r="LUH724" s="424"/>
      <c r="LUI724" s="424"/>
      <c r="LUJ724" s="424"/>
      <c r="LUK724" s="423" t="s">
        <v>2795</v>
      </c>
      <c r="LUL724" s="424"/>
      <c r="LUM724" s="424"/>
      <c r="LUN724" s="424"/>
      <c r="LUO724" s="423" t="s">
        <v>2795</v>
      </c>
      <c r="LUP724" s="424"/>
      <c r="LUQ724" s="424"/>
      <c r="LUR724" s="424"/>
      <c r="LUS724" s="423" t="s">
        <v>2795</v>
      </c>
      <c r="LUT724" s="424"/>
      <c r="LUU724" s="424"/>
      <c r="LUV724" s="424"/>
      <c r="LUW724" s="423" t="s">
        <v>2795</v>
      </c>
      <c r="LUX724" s="424"/>
      <c r="LUY724" s="424"/>
      <c r="LUZ724" s="424"/>
      <c r="LVA724" s="423" t="s">
        <v>2795</v>
      </c>
      <c r="LVB724" s="424"/>
      <c r="LVC724" s="424"/>
      <c r="LVD724" s="424"/>
      <c r="LVE724" s="423" t="s">
        <v>2795</v>
      </c>
      <c r="LVF724" s="424"/>
      <c r="LVG724" s="424"/>
      <c r="LVH724" s="424"/>
      <c r="LVI724" s="423" t="s">
        <v>2795</v>
      </c>
      <c r="LVJ724" s="424"/>
      <c r="LVK724" s="424"/>
      <c r="LVL724" s="424"/>
      <c r="LVM724" s="423" t="s">
        <v>2795</v>
      </c>
      <c r="LVN724" s="424"/>
      <c r="LVO724" s="424"/>
      <c r="LVP724" s="424"/>
      <c r="LVQ724" s="423" t="s">
        <v>2795</v>
      </c>
      <c r="LVR724" s="424"/>
      <c r="LVS724" s="424"/>
      <c r="LVT724" s="424"/>
      <c r="LVU724" s="423" t="s">
        <v>2795</v>
      </c>
      <c r="LVV724" s="424"/>
      <c r="LVW724" s="424"/>
      <c r="LVX724" s="424"/>
      <c r="LVY724" s="423" t="s">
        <v>2795</v>
      </c>
      <c r="LVZ724" s="424"/>
      <c r="LWA724" s="424"/>
      <c r="LWB724" s="424"/>
      <c r="LWC724" s="423" t="s">
        <v>2795</v>
      </c>
      <c r="LWD724" s="424"/>
      <c r="LWE724" s="424"/>
      <c r="LWF724" s="424"/>
      <c r="LWG724" s="423" t="s">
        <v>2795</v>
      </c>
      <c r="LWH724" s="424"/>
      <c r="LWI724" s="424"/>
      <c r="LWJ724" s="424"/>
      <c r="LWK724" s="423" t="s">
        <v>2795</v>
      </c>
      <c r="LWL724" s="424"/>
      <c r="LWM724" s="424"/>
      <c r="LWN724" s="424"/>
      <c r="LWO724" s="423" t="s">
        <v>2795</v>
      </c>
      <c r="LWP724" s="424"/>
      <c r="LWQ724" s="424"/>
      <c r="LWR724" s="424"/>
      <c r="LWS724" s="423" t="s">
        <v>2795</v>
      </c>
      <c r="LWT724" s="424"/>
      <c r="LWU724" s="424"/>
      <c r="LWV724" s="424"/>
      <c r="LWW724" s="423" t="s">
        <v>2795</v>
      </c>
      <c r="LWX724" s="424"/>
      <c r="LWY724" s="424"/>
      <c r="LWZ724" s="424"/>
      <c r="LXA724" s="423" t="s">
        <v>2795</v>
      </c>
      <c r="LXB724" s="424"/>
      <c r="LXC724" s="424"/>
      <c r="LXD724" s="424"/>
      <c r="LXE724" s="423" t="s">
        <v>2795</v>
      </c>
      <c r="LXF724" s="424"/>
      <c r="LXG724" s="424"/>
      <c r="LXH724" s="424"/>
      <c r="LXI724" s="423" t="s">
        <v>2795</v>
      </c>
      <c r="LXJ724" s="424"/>
      <c r="LXK724" s="424"/>
      <c r="LXL724" s="424"/>
      <c r="LXM724" s="423" t="s">
        <v>2795</v>
      </c>
      <c r="LXN724" s="424"/>
      <c r="LXO724" s="424"/>
      <c r="LXP724" s="424"/>
      <c r="LXQ724" s="423" t="s">
        <v>2795</v>
      </c>
      <c r="LXR724" s="424"/>
      <c r="LXS724" s="424"/>
      <c r="LXT724" s="424"/>
      <c r="LXU724" s="423" t="s">
        <v>2795</v>
      </c>
      <c r="LXV724" s="424"/>
      <c r="LXW724" s="424"/>
      <c r="LXX724" s="424"/>
      <c r="LXY724" s="423" t="s">
        <v>2795</v>
      </c>
      <c r="LXZ724" s="424"/>
      <c r="LYA724" s="424"/>
      <c r="LYB724" s="424"/>
      <c r="LYC724" s="423" t="s">
        <v>2795</v>
      </c>
      <c r="LYD724" s="424"/>
      <c r="LYE724" s="424"/>
      <c r="LYF724" s="424"/>
      <c r="LYG724" s="423" t="s">
        <v>2795</v>
      </c>
      <c r="LYH724" s="424"/>
      <c r="LYI724" s="424"/>
      <c r="LYJ724" s="424"/>
      <c r="LYK724" s="423" t="s">
        <v>2795</v>
      </c>
      <c r="LYL724" s="424"/>
      <c r="LYM724" s="424"/>
      <c r="LYN724" s="424"/>
      <c r="LYO724" s="423" t="s">
        <v>2795</v>
      </c>
      <c r="LYP724" s="424"/>
      <c r="LYQ724" s="424"/>
      <c r="LYR724" s="424"/>
      <c r="LYS724" s="423" t="s">
        <v>2795</v>
      </c>
      <c r="LYT724" s="424"/>
      <c r="LYU724" s="424"/>
      <c r="LYV724" s="424"/>
      <c r="LYW724" s="423" t="s">
        <v>2795</v>
      </c>
      <c r="LYX724" s="424"/>
      <c r="LYY724" s="424"/>
      <c r="LYZ724" s="424"/>
      <c r="LZA724" s="423" t="s">
        <v>2795</v>
      </c>
      <c r="LZB724" s="424"/>
      <c r="LZC724" s="424"/>
      <c r="LZD724" s="424"/>
      <c r="LZE724" s="423" t="s">
        <v>2795</v>
      </c>
      <c r="LZF724" s="424"/>
      <c r="LZG724" s="424"/>
      <c r="LZH724" s="424"/>
      <c r="LZI724" s="423" t="s">
        <v>2795</v>
      </c>
      <c r="LZJ724" s="424"/>
      <c r="LZK724" s="424"/>
      <c r="LZL724" s="424"/>
      <c r="LZM724" s="423" t="s">
        <v>2795</v>
      </c>
      <c r="LZN724" s="424"/>
      <c r="LZO724" s="424"/>
      <c r="LZP724" s="424"/>
      <c r="LZQ724" s="423" t="s">
        <v>2795</v>
      </c>
      <c r="LZR724" s="424"/>
      <c r="LZS724" s="424"/>
      <c r="LZT724" s="424"/>
      <c r="LZU724" s="423" t="s">
        <v>2795</v>
      </c>
      <c r="LZV724" s="424"/>
      <c r="LZW724" s="424"/>
      <c r="LZX724" s="424"/>
      <c r="LZY724" s="423" t="s">
        <v>2795</v>
      </c>
      <c r="LZZ724" s="424"/>
      <c r="MAA724" s="424"/>
      <c r="MAB724" s="424"/>
      <c r="MAC724" s="423" t="s">
        <v>2795</v>
      </c>
      <c r="MAD724" s="424"/>
      <c r="MAE724" s="424"/>
      <c r="MAF724" s="424"/>
      <c r="MAG724" s="423" t="s">
        <v>2795</v>
      </c>
      <c r="MAH724" s="424"/>
      <c r="MAI724" s="424"/>
      <c r="MAJ724" s="424"/>
      <c r="MAK724" s="423" t="s">
        <v>2795</v>
      </c>
      <c r="MAL724" s="424"/>
      <c r="MAM724" s="424"/>
      <c r="MAN724" s="424"/>
      <c r="MAO724" s="423" t="s">
        <v>2795</v>
      </c>
      <c r="MAP724" s="424"/>
      <c r="MAQ724" s="424"/>
      <c r="MAR724" s="424"/>
      <c r="MAS724" s="423" t="s">
        <v>2795</v>
      </c>
      <c r="MAT724" s="424"/>
      <c r="MAU724" s="424"/>
      <c r="MAV724" s="424"/>
      <c r="MAW724" s="423" t="s">
        <v>2795</v>
      </c>
      <c r="MAX724" s="424"/>
      <c r="MAY724" s="424"/>
      <c r="MAZ724" s="424"/>
      <c r="MBA724" s="423" t="s">
        <v>2795</v>
      </c>
      <c r="MBB724" s="424"/>
      <c r="MBC724" s="424"/>
      <c r="MBD724" s="424"/>
      <c r="MBE724" s="423" t="s">
        <v>2795</v>
      </c>
      <c r="MBF724" s="424"/>
      <c r="MBG724" s="424"/>
      <c r="MBH724" s="424"/>
      <c r="MBI724" s="423" t="s">
        <v>2795</v>
      </c>
      <c r="MBJ724" s="424"/>
      <c r="MBK724" s="424"/>
      <c r="MBL724" s="424"/>
      <c r="MBM724" s="423" t="s">
        <v>2795</v>
      </c>
      <c r="MBN724" s="424"/>
      <c r="MBO724" s="424"/>
      <c r="MBP724" s="424"/>
      <c r="MBQ724" s="423" t="s">
        <v>2795</v>
      </c>
      <c r="MBR724" s="424"/>
      <c r="MBS724" s="424"/>
      <c r="MBT724" s="424"/>
      <c r="MBU724" s="423" t="s">
        <v>2795</v>
      </c>
      <c r="MBV724" s="424"/>
      <c r="MBW724" s="424"/>
      <c r="MBX724" s="424"/>
      <c r="MBY724" s="423" t="s">
        <v>2795</v>
      </c>
      <c r="MBZ724" s="424"/>
      <c r="MCA724" s="424"/>
      <c r="MCB724" s="424"/>
      <c r="MCC724" s="423" t="s">
        <v>2795</v>
      </c>
      <c r="MCD724" s="424"/>
      <c r="MCE724" s="424"/>
      <c r="MCF724" s="424"/>
      <c r="MCG724" s="423" t="s">
        <v>2795</v>
      </c>
      <c r="MCH724" s="424"/>
      <c r="MCI724" s="424"/>
      <c r="MCJ724" s="424"/>
      <c r="MCK724" s="423" t="s">
        <v>2795</v>
      </c>
      <c r="MCL724" s="424"/>
      <c r="MCM724" s="424"/>
      <c r="MCN724" s="424"/>
      <c r="MCO724" s="423" t="s">
        <v>2795</v>
      </c>
      <c r="MCP724" s="424"/>
      <c r="MCQ724" s="424"/>
      <c r="MCR724" s="424"/>
      <c r="MCS724" s="423" t="s">
        <v>2795</v>
      </c>
      <c r="MCT724" s="424"/>
      <c r="MCU724" s="424"/>
      <c r="MCV724" s="424"/>
      <c r="MCW724" s="423" t="s">
        <v>2795</v>
      </c>
      <c r="MCX724" s="424"/>
      <c r="MCY724" s="424"/>
      <c r="MCZ724" s="424"/>
      <c r="MDA724" s="423" t="s">
        <v>2795</v>
      </c>
      <c r="MDB724" s="424"/>
      <c r="MDC724" s="424"/>
      <c r="MDD724" s="424"/>
      <c r="MDE724" s="423" t="s">
        <v>2795</v>
      </c>
      <c r="MDF724" s="424"/>
      <c r="MDG724" s="424"/>
      <c r="MDH724" s="424"/>
      <c r="MDI724" s="423" t="s">
        <v>2795</v>
      </c>
      <c r="MDJ724" s="424"/>
      <c r="MDK724" s="424"/>
      <c r="MDL724" s="424"/>
      <c r="MDM724" s="423" t="s">
        <v>2795</v>
      </c>
      <c r="MDN724" s="424"/>
      <c r="MDO724" s="424"/>
      <c r="MDP724" s="424"/>
      <c r="MDQ724" s="423" t="s">
        <v>2795</v>
      </c>
      <c r="MDR724" s="424"/>
      <c r="MDS724" s="424"/>
      <c r="MDT724" s="424"/>
      <c r="MDU724" s="423" t="s">
        <v>2795</v>
      </c>
      <c r="MDV724" s="424"/>
      <c r="MDW724" s="424"/>
      <c r="MDX724" s="424"/>
      <c r="MDY724" s="423" t="s">
        <v>2795</v>
      </c>
      <c r="MDZ724" s="424"/>
      <c r="MEA724" s="424"/>
      <c r="MEB724" s="424"/>
      <c r="MEC724" s="423" t="s">
        <v>2795</v>
      </c>
      <c r="MED724" s="424"/>
      <c r="MEE724" s="424"/>
      <c r="MEF724" s="424"/>
      <c r="MEG724" s="423" t="s">
        <v>2795</v>
      </c>
      <c r="MEH724" s="424"/>
      <c r="MEI724" s="424"/>
      <c r="MEJ724" s="424"/>
      <c r="MEK724" s="423" t="s">
        <v>2795</v>
      </c>
      <c r="MEL724" s="424"/>
      <c r="MEM724" s="424"/>
      <c r="MEN724" s="424"/>
      <c r="MEO724" s="423" t="s">
        <v>2795</v>
      </c>
      <c r="MEP724" s="424"/>
      <c r="MEQ724" s="424"/>
      <c r="MER724" s="424"/>
      <c r="MES724" s="423" t="s">
        <v>2795</v>
      </c>
      <c r="MET724" s="424"/>
      <c r="MEU724" s="424"/>
      <c r="MEV724" s="424"/>
      <c r="MEW724" s="423" t="s">
        <v>2795</v>
      </c>
      <c r="MEX724" s="424"/>
      <c r="MEY724" s="424"/>
      <c r="MEZ724" s="424"/>
      <c r="MFA724" s="423" t="s">
        <v>2795</v>
      </c>
      <c r="MFB724" s="424"/>
      <c r="MFC724" s="424"/>
      <c r="MFD724" s="424"/>
      <c r="MFE724" s="423" t="s">
        <v>2795</v>
      </c>
      <c r="MFF724" s="424"/>
      <c r="MFG724" s="424"/>
      <c r="MFH724" s="424"/>
      <c r="MFI724" s="423" t="s">
        <v>2795</v>
      </c>
      <c r="MFJ724" s="424"/>
      <c r="MFK724" s="424"/>
      <c r="MFL724" s="424"/>
      <c r="MFM724" s="423" t="s">
        <v>2795</v>
      </c>
      <c r="MFN724" s="424"/>
      <c r="MFO724" s="424"/>
      <c r="MFP724" s="424"/>
      <c r="MFQ724" s="423" t="s">
        <v>2795</v>
      </c>
      <c r="MFR724" s="424"/>
      <c r="MFS724" s="424"/>
      <c r="MFT724" s="424"/>
      <c r="MFU724" s="423" t="s">
        <v>2795</v>
      </c>
      <c r="MFV724" s="424"/>
      <c r="MFW724" s="424"/>
      <c r="MFX724" s="424"/>
      <c r="MFY724" s="423" t="s">
        <v>2795</v>
      </c>
      <c r="MFZ724" s="424"/>
      <c r="MGA724" s="424"/>
      <c r="MGB724" s="424"/>
      <c r="MGC724" s="423" t="s">
        <v>2795</v>
      </c>
      <c r="MGD724" s="424"/>
      <c r="MGE724" s="424"/>
      <c r="MGF724" s="424"/>
      <c r="MGG724" s="423" t="s">
        <v>2795</v>
      </c>
      <c r="MGH724" s="424"/>
      <c r="MGI724" s="424"/>
      <c r="MGJ724" s="424"/>
      <c r="MGK724" s="423" t="s">
        <v>2795</v>
      </c>
      <c r="MGL724" s="424"/>
      <c r="MGM724" s="424"/>
      <c r="MGN724" s="424"/>
      <c r="MGO724" s="423" t="s">
        <v>2795</v>
      </c>
      <c r="MGP724" s="424"/>
      <c r="MGQ724" s="424"/>
      <c r="MGR724" s="424"/>
      <c r="MGS724" s="423" t="s">
        <v>2795</v>
      </c>
      <c r="MGT724" s="424"/>
      <c r="MGU724" s="424"/>
      <c r="MGV724" s="424"/>
      <c r="MGW724" s="423" t="s">
        <v>2795</v>
      </c>
      <c r="MGX724" s="424"/>
      <c r="MGY724" s="424"/>
      <c r="MGZ724" s="424"/>
      <c r="MHA724" s="423" t="s">
        <v>2795</v>
      </c>
      <c r="MHB724" s="424"/>
      <c r="MHC724" s="424"/>
      <c r="MHD724" s="424"/>
      <c r="MHE724" s="423" t="s">
        <v>2795</v>
      </c>
      <c r="MHF724" s="424"/>
      <c r="MHG724" s="424"/>
      <c r="MHH724" s="424"/>
      <c r="MHI724" s="423" t="s">
        <v>2795</v>
      </c>
      <c r="MHJ724" s="424"/>
      <c r="MHK724" s="424"/>
      <c r="MHL724" s="424"/>
      <c r="MHM724" s="423" t="s">
        <v>2795</v>
      </c>
      <c r="MHN724" s="424"/>
      <c r="MHO724" s="424"/>
      <c r="MHP724" s="424"/>
      <c r="MHQ724" s="423" t="s">
        <v>2795</v>
      </c>
      <c r="MHR724" s="424"/>
      <c r="MHS724" s="424"/>
      <c r="MHT724" s="424"/>
      <c r="MHU724" s="423" t="s">
        <v>2795</v>
      </c>
      <c r="MHV724" s="424"/>
      <c r="MHW724" s="424"/>
      <c r="MHX724" s="424"/>
      <c r="MHY724" s="423" t="s">
        <v>2795</v>
      </c>
      <c r="MHZ724" s="424"/>
      <c r="MIA724" s="424"/>
      <c r="MIB724" s="424"/>
      <c r="MIC724" s="423" t="s">
        <v>2795</v>
      </c>
      <c r="MID724" s="424"/>
      <c r="MIE724" s="424"/>
      <c r="MIF724" s="424"/>
      <c r="MIG724" s="423" t="s">
        <v>2795</v>
      </c>
      <c r="MIH724" s="424"/>
      <c r="MII724" s="424"/>
      <c r="MIJ724" s="424"/>
      <c r="MIK724" s="423" t="s">
        <v>2795</v>
      </c>
      <c r="MIL724" s="424"/>
      <c r="MIM724" s="424"/>
      <c r="MIN724" s="424"/>
      <c r="MIO724" s="423" t="s">
        <v>2795</v>
      </c>
      <c r="MIP724" s="424"/>
      <c r="MIQ724" s="424"/>
      <c r="MIR724" s="424"/>
      <c r="MIS724" s="423" t="s">
        <v>2795</v>
      </c>
      <c r="MIT724" s="424"/>
      <c r="MIU724" s="424"/>
      <c r="MIV724" s="424"/>
      <c r="MIW724" s="423" t="s">
        <v>2795</v>
      </c>
      <c r="MIX724" s="424"/>
      <c r="MIY724" s="424"/>
      <c r="MIZ724" s="424"/>
      <c r="MJA724" s="423" t="s">
        <v>2795</v>
      </c>
      <c r="MJB724" s="424"/>
      <c r="MJC724" s="424"/>
      <c r="MJD724" s="424"/>
      <c r="MJE724" s="423" t="s">
        <v>2795</v>
      </c>
      <c r="MJF724" s="424"/>
      <c r="MJG724" s="424"/>
      <c r="MJH724" s="424"/>
      <c r="MJI724" s="423" t="s">
        <v>2795</v>
      </c>
      <c r="MJJ724" s="424"/>
      <c r="MJK724" s="424"/>
      <c r="MJL724" s="424"/>
      <c r="MJM724" s="423" t="s">
        <v>2795</v>
      </c>
      <c r="MJN724" s="424"/>
      <c r="MJO724" s="424"/>
      <c r="MJP724" s="424"/>
      <c r="MJQ724" s="423" t="s">
        <v>2795</v>
      </c>
      <c r="MJR724" s="424"/>
      <c r="MJS724" s="424"/>
      <c r="MJT724" s="424"/>
      <c r="MJU724" s="423" t="s">
        <v>2795</v>
      </c>
      <c r="MJV724" s="424"/>
      <c r="MJW724" s="424"/>
      <c r="MJX724" s="424"/>
      <c r="MJY724" s="423" t="s">
        <v>2795</v>
      </c>
      <c r="MJZ724" s="424"/>
      <c r="MKA724" s="424"/>
      <c r="MKB724" s="424"/>
      <c r="MKC724" s="423" t="s">
        <v>2795</v>
      </c>
      <c r="MKD724" s="424"/>
      <c r="MKE724" s="424"/>
      <c r="MKF724" s="424"/>
      <c r="MKG724" s="423" t="s">
        <v>2795</v>
      </c>
      <c r="MKH724" s="424"/>
      <c r="MKI724" s="424"/>
      <c r="MKJ724" s="424"/>
      <c r="MKK724" s="423" t="s">
        <v>2795</v>
      </c>
      <c r="MKL724" s="424"/>
      <c r="MKM724" s="424"/>
      <c r="MKN724" s="424"/>
      <c r="MKO724" s="423" t="s">
        <v>2795</v>
      </c>
      <c r="MKP724" s="424"/>
      <c r="MKQ724" s="424"/>
      <c r="MKR724" s="424"/>
      <c r="MKS724" s="423" t="s">
        <v>2795</v>
      </c>
      <c r="MKT724" s="424"/>
      <c r="MKU724" s="424"/>
      <c r="MKV724" s="424"/>
      <c r="MKW724" s="423" t="s">
        <v>2795</v>
      </c>
      <c r="MKX724" s="424"/>
      <c r="MKY724" s="424"/>
      <c r="MKZ724" s="424"/>
      <c r="MLA724" s="423" t="s">
        <v>2795</v>
      </c>
      <c r="MLB724" s="424"/>
      <c r="MLC724" s="424"/>
      <c r="MLD724" s="424"/>
      <c r="MLE724" s="423" t="s">
        <v>2795</v>
      </c>
      <c r="MLF724" s="424"/>
      <c r="MLG724" s="424"/>
      <c r="MLH724" s="424"/>
      <c r="MLI724" s="423" t="s">
        <v>2795</v>
      </c>
      <c r="MLJ724" s="424"/>
      <c r="MLK724" s="424"/>
      <c r="MLL724" s="424"/>
      <c r="MLM724" s="423" t="s">
        <v>2795</v>
      </c>
      <c r="MLN724" s="424"/>
      <c r="MLO724" s="424"/>
      <c r="MLP724" s="424"/>
      <c r="MLQ724" s="423" t="s">
        <v>2795</v>
      </c>
      <c r="MLR724" s="424"/>
      <c r="MLS724" s="424"/>
      <c r="MLT724" s="424"/>
      <c r="MLU724" s="423" t="s">
        <v>2795</v>
      </c>
      <c r="MLV724" s="424"/>
      <c r="MLW724" s="424"/>
      <c r="MLX724" s="424"/>
      <c r="MLY724" s="423" t="s">
        <v>2795</v>
      </c>
      <c r="MLZ724" s="424"/>
      <c r="MMA724" s="424"/>
      <c r="MMB724" s="424"/>
      <c r="MMC724" s="423" t="s">
        <v>2795</v>
      </c>
      <c r="MMD724" s="424"/>
      <c r="MME724" s="424"/>
      <c r="MMF724" s="424"/>
      <c r="MMG724" s="423" t="s">
        <v>2795</v>
      </c>
      <c r="MMH724" s="424"/>
      <c r="MMI724" s="424"/>
      <c r="MMJ724" s="424"/>
      <c r="MMK724" s="423" t="s">
        <v>2795</v>
      </c>
      <c r="MML724" s="424"/>
      <c r="MMM724" s="424"/>
      <c r="MMN724" s="424"/>
      <c r="MMO724" s="423" t="s">
        <v>2795</v>
      </c>
      <c r="MMP724" s="424"/>
      <c r="MMQ724" s="424"/>
      <c r="MMR724" s="424"/>
      <c r="MMS724" s="423" t="s">
        <v>2795</v>
      </c>
      <c r="MMT724" s="424"/>
      <c r="MMU724" s="424"/>
      <c r="MMV724" s="424"/>
      <c r="MMW724" s="423" t="s">
        <v>2795</v>
      </c>
      <c r="MMX724" s="424"/>
      <c r="MMY724" s="424"/>
      <c r="MMZ724" s="424"/>
      <c r="MNA724" s="423" t="s">
        <v>2795</v>
      </c>
      <c r="MNB724" s="424"/>
      <c r="MNC724" s="424"/>
      <c r="MND724" s="424"/>
      <c r="MNE724" s="423" t="s">
        <v>2795</v>
      </c>
      <c r="MNF724" s="424"/>
      <c r="MNG724" s="424"/>
      <c r="MNH724" s="424"/>
      <c r="MNI724" s="423" t="s">
        <v>2795</v>
      </c>
      <c r="MNJ724" s="424"/>
      <c r="MNK724" s="424"/>
      <c r="MNL724" s="424"/>
      <c r="MNM724" s="423" t="s">
        <v>2795</v>
      </c>
      <c r="MNN724" s="424"/>
      <c r="MNO724" s="424"/>
      <c r="MNP724" s="424"/>
      <c r="MNQ724" s="423" t="s">
        <v>2795</v>
      </c>
      <c r="MNR724" s="424"/>
      <c r="MNS724" s="424"/>
      <c r="MNT724" s="424"/>
      <c r="MNU724" s="423" t="s">
        <v>2795</v>
      </c>
      <c r="MNV724" s="424"/>
      <c r="MNW724" s="424"/>
      <c r="MNX724" s="424"/>
      <c r="MNY724" s="423" t="s">
        <v>2795</v>
      </c>
      <c r="MNZ724" s="424"/>
      <c r="MOA724" s="424"/>
      <c r="MOB724" s="424"/>
      <c r="MOC724" s="423" t="s">
        <v>2795</v>
      </c>
      <c r="MOD724" s="424"/>
      <c r="MOE724" s="424"/>
      <c r="MOF724" s="424"/>
      <c r="MOG724" s="423" t="s">
        <v>2795</v>
      </c>
      <c r="MOH724" s="424"/>
      <c r="MOI724" s="424"/>
      <c r="MOJ724" s="424"/>
      <c r="MOK724" s="423" t="s">
        <v>2795</v>
      </c>
      <c r="MOL724" s="424"/>
      <c r="MOM724" s="424"/>
      <c r="MON724" s="424"/>
      <c r="MOO724" s="423" t="s">
        <v>2795</v>
      </c>
      <c r="MOP724" s="424"/>
      <c r="MOQ724" s="424"/>
      <c r="MOR724" s="424"/>
      <c r="MOS724" s="423" t="s">
        <v>2795</v>
      </c>
      <c r="MOT724" s="424"/>
      <c r="MOU724" s="424"/>
      <c r="MOV724" s="424"/>
      <c r="MOW724" s="423" t="s">
        <v>2795</v>
      </c>
      <c r="MOX724" s="424"/>
      <c r="MOY724" s="424"/>
      <c r="MOZ724" s="424"/>
      <c r="MPA724" s="423" t="s">
        <v>2795</v>
      </c>
      <c r="MPB724" s="424"/>
      <c r="MPC724" s="424"/>
      <c r="MPD724" s="424"/>
      <c r="MPE724" s="423" t="s">
        <v>2795</v>
      </c>
      <c r="MPF724" s="424"/>
      <c r="MPG724" s="424"/>
      <c r="MPH724" s="424"/>
      <c r="MPI724" s="423" t="s">
        <v>2795</v>
      </c>
      <c r="MPJ724" s="424"/>
      <c r="MPK724" s="424"/>
      <c r="MPL724" s="424"/>
      <c r="MPM724" s="423" t="s">
        <v>2795</v>
      </c>
      <c r="MPN724" s="424"/>
      <c r="MPO724" s="424"/>
      <c r="MPP724" s="424"/>
      <c r="MPQ724" s="423" t="s">
        <v>2795</v>
      </c>
      <c r="MPR724" s="424"/>
      <c r="MPS724" s="424"/>
      <c r="MPT724" s="424"/>
      <c r="MPU724" s="423" t="s">
        <v>2795</v>
      </c>
      <c r="MPV724" s="424"/>
      <c r="MPW724" s="424"/>
      <c r="MPX724" s="424"/>
      <c r="MPY724" s="423" t="s">
        <v>2795</v>
      </c>
      <c r="MPZ724" s="424"/>
      <c r="MQA724" s="424"/>
      <c r="MQB724" s="424"/>
      <c r="MQC724" s="423" t="s">
        <v>2795</v>
      </c>
      <c r="MQD724" s="424"/>
      <c r="MQE724" s="424"/>
      <c r="MQF724" s="424"/>
      <c r="MQG724" s="423" t="s">
        <v>2795</v>
      </c>
      <c r="MQH724" s="424"/>
      <c r="MQI724" s="424"/>
      <c r="MQJ724" s="424"/>
      <c r="MQK724" s="423" t="s">
        <v>2795</v>
      </c>
      <c r="MQL724" s="424"/>
      <c r="MQM724" s="424"/>
      <c r="MQN724" s="424"/>
      <c r="MQO724" s="423" t="s">
        <v>2795</v>
      </c>
      <c r="MQP724" s="424"/>
      <c r="MQQ724" s="424"/>
      <c r="MQR724" s="424"/>
      <c r="MQS724" s="423" t="s">
        <v>2795</v>
      </c>
      <c r="MQT724" s="424"/>
      <c r="MQU724" s="424"/>
      <c r="MQV724" s="424"/>
      <c r="MQW724" s="423" t="s">
        <v>2795</v>
      </c>
      <c r="MQX724" s="424"/>
      <c r="MQY724" s="424"/>
      <c r="MQZ724" s="424"/>
      <c r="MRA724" s="423" t="s">
        <v>2795</v>
      </c>
      <c r="MRB724" s="424"/>
      <c r="MRC724" s="424"/>
      <c r="MRD724" s="424"/>
      <c r="MRE724" s="423" t="s">
        <v>2795</v>
      </c>
      <c r="MRF724" s="424"/>
      <c r="MRG724" s="424"/>
      <c r="MRH724" s="424"/>
      <c r="MRI724" s="423" t="s">
        <v>2795</v>
      </c>
      <c r="MRJ724" s="424"/>
      <c r="MRK724" s="424"/>
      <c r="MRL724" s="424"/>
      <c r="MRM724" s="423" t="s">
        <v>2795</v>
      </c>
      <c r="MRN724" s="424"/>
      <c r="MRO724" s="424"/>
      <c r="MRP724" s="424"/>
      <c r="MRQ724" s="423" t="s">
        <v>2795</v>
      </c>
      <c r="MRR724" s="424"/>
      <c r="MRS724" s="424"/>
      <c r="MRT724" s="424"/>
      <c r="MRU724" s="423" t="s">
        <v>2795</v>
      </c>
      <c r="MRV724" s="424"/>
      <c r="MRW724" s="424"/>
      <c r="MRX724" s="424"/>
      <c r="MRY724" s="423" t="s">
        <v>2795</v>
      </c>
      <c r="MRZ724" s="424"/>
      <c r="MSA724" s="424"/>
      <c r="MSB724" s="424"/>
      <c r="MSC724" s="423" t="s">
        <v>2795</v>
      </c>
      <c r="MSD724" s="424"/>
      <c r="MSE724" s="424"/>
      <c r="MSF724" s="424"/>
      <c r="MSG724" s="423" t="s">
        <v>2795</v>
      </c>
      <c r="MSH724" s="424"/>
      <c r="MSI724" s="424"/>
      <c r="MSJ724" s="424"/>
      <c r="MSK724" s="423" t="s">
        <v>2795</v>
      </c>
      <c r="MSL724" s="424"/>
      <c r="MSM724" s="424"/>
      <c r="MSN724" s="424"/>
      <c r="MSO724" s="423" t="s">
        <v>2795</v>
      </c>
      <c r="MSP724" s="424"/>
      <c r="MSQ724" s="424"/>
      <c r="MSR724" s="424"/>
      <c r="MSS724" s="423" t="s">
        <v>2795</v>
      </c>
      <c r="MST724" s="424"/>
      <c r="MSU724" s="424"/>
      <c r="MSV724" s="424"/>
      <c r="MSW724" s="423" t="s">
        <v>2795</v>
      </c>
      <c r="MSX724" s="424"/>
      <c r="MSY724" s="424"/>
      <c r="MSZ724" s="424"/>
      <c r="MTA724" s="423" t="s">
        <v>2795</v>
      </c>
      <c r="MTB724" s="424"/>
      <c r="MTC724" s="424"/>
      <c r="MTD724" s="424"/>
      <c r="MTE724" s="423" t="s">
        <v>2795</v>
      </c>
      <c r="MTF724" s="424"/>
      <c r="MTG724" s="424"/>
      <c r="MTH724" s="424"/>
      <c r="MTI724" s="423" t="s">
        <v>2795</v>
      </c>
      <c r="MTJ724" s="424"/>
      <c r="MTK724" s="424"/>
      <c r="MTL724" s="424"/>
      <c r="MTM724" s="423" t="s">
        <v>2795</v>
      </c>
      <c r="MTN724" s="424"/>
      <c r="MTO724" s="424"/>
      <c r="MTP724" s="424"/>
      <c r="MTQ724" s="423" t="s">
        <v>2795</v>
      </c>
      <c r="MTR724" s="424"/>
      <c r="MTS724" s="424"/>
      <c r="MTT724" s="424"/>
      <c r="MTU724" s="423" t="s">
        <v>2795</v>
      </c>
      <c r="MTV724" s="424"/>
      <c r="MTW724" s="424"/>
      <c r="MTX724" s="424"/>
      <c r="MTY724" s="423" t="s">
        <v>2795</v>
      </c>
      <c r="MTZ724" s="424"/>
      <c r="MUA724" s="424"/>
      <c r="MUB724" s="424"/>
      <c r="MUC724" s="423" t="s">
        <v>2795</v>
      </c>
      <c r="MUD724" s="424"/>
      <c r="MUE724" s="424"/>
      <c r="MUF724" s="424"/>
      <c r="MUG724" s="423" t="s">
        <v>2795</v>
      </c>
      <c r="MUH724" s="424"/>
      <c r="MUI724" s="424"/>
      <c r="MUJ724" s="424"/>
      <c r="MUK724" s="423" t="s">
        <v>2795</v>
      </c>
      <c r="MUL724" s="424"/>
      <c r="MUM724" s="424"/>
      <c r="MUN724" s="424"/>
      <c r="MUO724" s="423" t="s">
        <v>2795</v>
      </c>
      <c r="MUP724" s="424"/>
      <c r="MUQ724" s="424"/>
      <c r="MUR724" s="424"/>
      <c r="MUS724" s="423" t="s">
        <v>2795</v>
      </c>
      <c r="MUT724" s="424"/>
      <c r="MUU724" s="424"/>
      <c r="MUV724" s="424"/>
      <c r="MUW724" s="423" t="s">
        <v>2795</v>
      </c>
      <c r="MUX724" s="424"/>
      <c r="MUY724" s="424"/>
      <c r="MUZ724" s="424"/>
      <c r="MVA724" s="423" t="s">
        <v>2795</v>
      </c>
      <c r="MVB724" s="424"/>
      <c r="MVC724" s="424"/>
      <c r="MVD724" s="424"/>
      <c r="MVE724" s="423" t="s">
        <v>2795</v>
      </c>
      <c r="MVF724" s="424"/>
      <c r="MVG724" s="424"/>
      <c r="MVH724" s="424"/>
      <c r="MVI724" s="423" t="s">
        <v>2795</v>
      </c>
      <c r="MVJ724" s="424"/>
      <c r="MVK724" s="424"/>
      <c r="MVL724" s="424"/>
      <c r="MVM724" s="423" t="s">
        <v>2795</v>
      </c>
      <c r="MVN724" s="424"/>
      <c r="MVO724" s="424"/>
      <c r="MVP724" s="424"/>
      <c r="MVQ724" s="423" t="s">
        <v>2795</v>
      </c>
      <c r="MVR724" s="424"/>
      <c r="MVS724" s="424"/>
      <c r="MVT724" s="424"/>
      <c r="MVU724" s="423" t="s">
        <v>2795</v>
      </c>
      <c r="MVV724" s="424"/>
      <c r="MVW724" s="424"/>
      <c r="MVX724" s="424"/>
      <c r="MVY724" s="423" t="s">
        <v>2795</v>
      </c>
      <c r="MVZ724" s="424"/>
      <c r="MWA724" s="424"/>
      <c r="MWB724" s="424"/>
      <c r="MWC724" s="423" t="s">
        <v>2795</v>
      </c>
      <c r="MWD724" s="424"/>
      <c r="MWE724" s="424"/>
      <c r="MWF724" s="424"/>
      <c r="MWG724" s="423" t="s">
        <v>2795</v>
      </c>
      <c r="MWH724" s="424"/>
      <c r="MWI724" s="424"/>
      <c r="MWJ724" s="424"/>
      <c r="MWK724" s="423" t="s">
        <v>2795</v>
      </c>
      <c r="MWL724" s="424"/>
      <c r="MWM724" s="424"/>
      <c r="MWN724" s="424"/>
      <c r="MWO724" s="423" t="s">
        <v>2795</v>
      </c>
      <c r="MWP724" s="424"/>
      <c r="MWQ724" s="424"/>
      <c r="MWR724" s="424"/>
      <c r="MWS724" s="423" t="s">
        <v>2795</v>
      </c>
      <c r="MWT724" s="424"/>
      <c r="MWU724" s="424"/>
      <c r="MWV724" s="424"/>
      <c r="MWW724" s="423" t="s">
        <v>2795</v>
      </c>
      <c r="MWX724" s="424"/>
      <c r="MWY724" s="424"/>
      <c r="MWZ724" s="424"/>
      <c r="MXA724" s="423" t="s">
        <v>2795</v>
      </c>
      <c r="MXB724" s="424"/>
      <c r="MXC724" s="424"/>
      <c r="MXD724" s="424"/>
      <c r="MXE724" s="423" t="s">
        <v>2795</v>
      </c>
      <c r="MXF724" s="424"/>
      <c r="MXG724" s="424"/>
      <c r="MXH724" s="424"/>
      <c r="MXI724" s="423" t="s">
        <v>2795</v>
      </c>
      <c r="MXJ724" s="424"/>
      <c r="MXK724" s="424"/>
      <c r="MXL724" s="424"/>
      <c r="MXM724" s="423" t="s">
        <v>2795</v>
      </c>
      <c r="MXN724" s="424"/>
      <c r="MXO724" s="424"/>
      <c r="MXP724" s="424"/>
      <c r="MXQ724" s="423" t="s">
        <v>2795</v>
      </c>
      <c r="MXR724" s="424"/>
      <c r="MXS724" s="424"/>
      <c r="MXT724" s="424"/>
      <c r="MXU724" s="423" t="s">
        <v>2795</v>
      </c>
      <c r="MXV724" s="424"/>
      <c r="MXW724" s="424"/>
      <c r="MXX724" s="424"/>
      <c r="MXY724" s="423" t="s">
        <v>2795</v>
      </c>
      <c r="MXZ724" s="424"/>
      <c r="MYA724" s="424"/>
      <c r="MYB724" s="424"/>
      <c r="MYC724" s="423" t="s">
        <v>2795</v>
      </c>
      <c r="MYD724" s="424"/>
      <c r="MYE724" s="424"/>
      <c r="MYF724" s="424"/>
      <c r="MYG724" s="423" t="s">
        <v>2795</v>
      </c>
      <c r="MYH724" s="424"/>
      <c r="MYI724" s="424"/>
      <c r="MYJ724" s="424"/>
      <c r="MYK724" s="423" t="s">
        <v>2795</v>
      </c>
      <c r="MYL724" s="424"/>
      <c r="MYM724" s="424"/>
      <c r="MYN724" s="424"/>
      <c r="MYO724" s="423" t="s">
        <v>2795</v>
      </c>
      <c r="MYP724" s="424"/>
      <c r="MYQ724" s="424"/>
      <c r="MYR724" s="424"/>
      <c r="MYS724" s="423" t="s">
        <v>2795</v>
      </c>
      <c r="MYT724" s="424"/>
      <c r="MYU724" s="424"/>
      <c r="MYV724" s="424"/>
      <c r="MYW724" s="423" t="s">
        <v>2795</v>
      </c>
      <c r="MYX724" s="424"/>
      <c r="MYY724" s="424"/>
      <c r="MYZ724" s="424"/>
      <c r="MZA724" s="423" t="s">
        <v>2795</v>
      </c>
      <c r="MZB724" s="424"/>
      <c r="MZC724" s="424"/>
      <c r="MZD724" s="424"/>
      <c r="MZE724" s="423" t="s">
        <v>2795</v>
      </c>
      <c r="MZF724" s="424"/>
      <c r="MZG724" s="424"/>
      <c r="MZH724" s="424"/>
      <c r="MZI724" s="423" t="s">
        <v>2795</v>
      </c>
      <c r="MZJ724" s="424"/>
      <c r="MZK724" s="424"/>
      <c r="MZL724" s="424"/>
      <c r="MZM724" s="423" t="s">
        <v>2795</v>
      </c>
      <c r="MZN724" s="424"/>
      <c r="MZO724" s="424"/>
      <c r="MZP724" s="424"/>
      <c r="MZQ724" s="423" t="s">
        <v>2795</v>
      </c>
      <c r="MZR724" s="424"/>
      <c r="MZS724" s="424"/>
      <c r="MZT724" s="424"/>
      <c r="MZU724" s="423" t="s">
        <v>2795</v>
      </c>
      <c r="MZV724" s="424"/>
      <c r="MZW724" s="424"/>
      <c r="MZX724" s="424"/>
      <c r="MZY724" s="423" t="s">
        <v>2795</v>
      </c>
      <c r="MZZ724" s="424"/>
      <c r="NAA724" s="424"/>
      <c r="NAB724" s="424"/>
      <c r="NAC724" s="423" t="s">
        <v>2795</v>
      </c>
      <c r="NAD724" s="424"/>
      <c r="NAE724" s="424"/>
      <c r="NAF724" s="424"/>
      <c r="NAG724" s="423" t="s">
        <v>2795</v>
      </c>
      <c r="NAH724" s="424"/>
      <c r="NAI724" s="424"/>
      <c r="NAJ724" s="424"/>
      <c r="NAK724" s="423" t="s">
        <v>2795</v>
      </c>
      <c r="NAL724" s="424"/>
      <c r="NAM724" s="424"/>
      <c r="NAN724" s="424"/>
      <c r="NAO724" s="423" t="s">
        <v>2795</v>
      </c>
      <c r="NAP724" s="424"/>
      <c r="NAQ724" s="424"/>
      <c r="NAR724" s="424"/>
      <c r="NAS724" s="423" t="s">
        <v>2795</v>
      </c>
      <c r="NAT724" s="424"/>
      <c r="NAU724" s="424"/>
      <c r="NAV724" s="424"/>
      <c r="NAW724" s="423" t="s">
        <v>2795</v>
      </c>
      <c r="NAX724" s="424"/>
      <c r="NAY724" s="424"/>
      <c r="NAZ724" s="424"/>
      <c r="NBA724" s="423" t="s">
        <v>2795</v>
      </c>
      <c r="NBB724" s="424"/>
      <c r="NBC724" s="424"/>
      <c r="NBD724" s="424"/>
      <c r="NBE724" s="423" t="s">
        <v>2795</v>
      </c>
      <c r="NBF724" s="424"/>
      <c r="NBG724" s="424"/>
      <c r="NBH724" s="424"/>
      <c r="NBI724" s="423" t="s">
        <v>2795</v>
      </c>
      <c r="NBJ724" s="424"/>
      <c r="NBK724" s="424"/>
      <c r="NBL724" s="424"/>
      <c r="NBM724" s="423" t="s">
        <v>2795</v>
      </c>
      <c r="NBN724" s="424"/>
      <c r="NBO724" s="424"/>
      <c r="NBP724" s="424"/>
      <c r="NBQ724" s="423" t="s">
        <v>2795</v>
      </c>
      <c r="NBR724" s="424"/>
      <c r="NBS724" s="424"/>
      <c r="NBT724" s="424"/>
      <c r="NBU724" s="423" t="s">
        <v>2795</v>
      </c>
      <c r="NBV724" s="424"/>
      <c r="NBW724" s="424"/>
      <c r="NBX724" s="424"/>
      <c r="NBY724" s="423" t="s">
        <v>2795</v>
      </c>
      <c r="NBZ724" s="424"/>
      <c r="NCA724" s="424"/>
      <c r="NCB724" s="424"/>
      <c r="NCC724" s="423" t="s">
        <v>2795</v>
      </c>
      <c r="NCD724" s="424"/>
      <c r="NCE724" s="424"/>
      <c r="NCF724" s="424"/>
      <c r="NCG724" s="423" t="s">
        <v>2795</v>
      </c>
      <c r="NCH724" s="424"/>
      <c r="NCI724" s="424"/>
      <c r="NCJ724" s="424"/>
      <c r="NCK724" s="423" t="s">
        <v>2795</v>
      </c>
      <c r="NCL724" s="424"/>
      <c r="NCM724" s="424"/>
      <c r="NCN724" s="424"/>
      <c r="NCO724" s="423" t="s">
        <v>2795</v>
      </c>
      <c r="NCP724" s="424"/>
      <c r="NCQ724" s="424"/>
      <c r="NCR724" s="424"/>
      <c r="NCS724" s="423" t="s">
        <v>2795</v>
      </c>
      <c r="NCT724" s="424"/>
      <c r="NCU724" s="424"/>
      <c r="NCV724" s="424"/>
      <c r="NCW724" s="423" t="s">
        <v>2795</v>
      </c>
      <c r="NCX724" s="424"/>
      <c r="NCY724" s="424"/>
      <c r="NCZ724" s="424"/>
      <c r="NDA724" s="423" t="s">
        <v>2795</v>
      </c>
      <c r="NDB724" s="424"/>
      <c r="NDC724" s="424"/>
      <c r="NDD724" s="424"/>
      <c r="NDE724" s="423" t="s">
        <v>2795</v>
      </c>
      <c r="NDF724" s="424"/>
      <c r="NDG724" s="424"/>
      <c r="NDH724" s="424"/>
      <c r="NDI724" s="423" t="s">
        <v>2795</v>
      </c>
      <c r="NDJ724" s="424"/>
      <c r="NDK724" s="424"/>
      <c r="NDL724" s="424"/>
      <c r="NDM724" s="423" t="s">
        <v>2795</v>
      </c>
      <c r="NDN724" s="424"/>
      <c r="NDO724" s="424"/>
      <c r="NDP724" s="424"/>
      <c r="NDQ724" s="423" t="s">
        <v>2795</v>
      </c>
      <c r="NDR724" s="424"/>
      <c r="NDS724" s="424"/>
      <c r="NDT724" s="424"/>
      <c r="NDU724" s="423" t="s">
        <v>2795</v>
      </c>
      <c r="NDV724" s="424"/>
      <c r="NDW724" s="424"/>
      <c r="NDX724" s="424"/>
      <c r="NDY724" s="423" t="s">
        <v>2795</v>
      </c>
      <c r="NDZ724" s="424"/>
      <c r="NEA724" s="424"/>
      <c r="NEB724" s="424"/>
      <c r="NEC724" s="423" t="s">
        <v>2795</v>
      </c>
      <c r="NED724" s="424"/>
      <c r="NEE724" s="424"/>
      <c r="NEF724" s="424"/>
      <c r="NEG724" s="423" t="s">
        <v>2795</v>
      </c>
      <c r="NEH724" s="424"/>
      <c r="NEI724" s="424"/>
      <c r="NEJ724" s="424"/>
      <c r="NEK724" s="423" t="s">
        <v>2795</v>
      </c>
      <c r="NEL724" s="424"/>
      <c r="NEM724" s="424"/>
      <c r="NEN724" s="424"/>
      <c r="NEO724" s="423" t="s">
        <v>2795</v>
      </c>
      <c r="NEP724" s="424"/>
      <c r="NEQ724" s="424"/>
      <c r="NER724" s="424"/>
      <c r="NES724" s="423" t="s">
        <v>2795</v>
      </c>
      <c r="NET724" s="424"/>
      <c r="NEU724" s="424"/>
      <c r="NEV724" s="424"/>
      <c r="NEW724" s="423" t="s">
        <v>2795</v>
      </c>
      <c r="NEX724" s="424"/>
      <c r="NEY724" s="424"/>
      <c r="NEZ724" s="424"/>
      <c r="NFA724" s="423" t="s">
        <v>2795</v>
      </c>
      <c r="NFB724" s="424"/>
      <c r="NFC724" s="424"/>
      <c r="NFD724" s="424"/>
      <c r="NFE724" s="423" t="s">
        <v>2795</v>
      </c>
      <c r="NFF724" s="424"/>
      <c r="NFG724" s="424"/>
      <c r="NFH724" s="424"/>
      <c r="NFI724" s="423" t="s">
        <v>2795</v>
      </c>
      <c r="NFJ724" s="424"/>
      <c r="NFK724" s="424"/>
      <c r="NFL724" s="424"/>
      <c r="NFM724" s="423" t="s">
        <v>2795</v>
      </c>
      <c r="NFN724" s="424"/>
      <c r="NFO724" s="424"/>
      <c r="NFP724" s="424"/>
      <c r="NFQ724" s="423" t="s">
        <v>2795</v>
      </c>
      <c r="NFR724" s="424"/>
      <c r="NFS724" s="424"/>
      <c r="NFT724" s="424"/>
      <c r="NFU724" s="423" t="s">
        <v>2795</v>
      </c>
      <c r="NFV724" s="424"/>
      <c r="NFW724" s="424"/>
      <c r="NFX724" s="424"/>
      <c r="NFY724" s="423" t="s">
        <v>2795</v>
      </c>
      <c r="NFZ724" s="424"/>
      <c r="NGA724" s="424"/>
      <c r="NGB724" s="424"/>
      <c r="NGC724" s="423" t="s">
        <v>2795</v>
      </c>
      <c r="NGD724" s="424"/>
      <c r="NGE724" s="424"/>
      <c r="NGF724" s="424"/>
      <c r="NGG724" s="423" t="s">
        <v>2795</v>
      </c>
      <c r="NGH724" s="424"/>
      <c r="NGI724" s="424"/>
      <c r="NGJ724" s="424"/>
      <c r="NGK724" s="423" t="s">
        <v>2795</v>
      </c>
      <c r="NGL724" s="424"/>
      <c r="NGM724" s="424"/>
      <c r="NGN724" s="424"/>
      <c r="NGO724" s="423" t="s">
        <v>2795</v>
      </c>
      <c r="NGP724" s="424"/>
      <c r="NGQ724" s="424"/>
      <c r="NGR724" s="424"/>
      <c r="NGS724" s="423" t="s">
        <v>2795</v>
      </c>
      <c r="NGT724" s="424"/>
      <c r="NGU724" s="424"/>
      <c r="NGV724" s="424"/>
      <c r="NGW724" s="423" t="s">
        <v>2795</v>
      </c>
      <c r="NGX724" s="424"/>
      <c r="NGY724" s="424"/>
      <c r="NGZ724" s="424"/>
      <c r="NHA724" s="423" t="s">
        <v>2795</v>
      </c>
      <c r="NHB724" s="424"/>
      <c r="NHC724" s="424"/>
      <c r="NHD724" s="424"/>
      <c r="NHE724" s="423" t="s">
        <v>2795</v>
      </c>
      <c r="NHF724" s="424"/>
      <c r="NHG724" s="424"/>
      <c r="NHH724" s="424"/>
      <c r="NHI724" s="423" t="s">
        <v>2795</v>
      </c>
      <c r="NHJ724" s="424"/>
      <c r="NHK724" s="424"/>
      <c r="NHL724" s="424"/>
      <c r="NHM724" s="423" t="s">
        <v>2795</v>
      </c>
      <c r="NHN724" s="424"/>
      <c r="NHO724" s="424"/>
      <c r="NHP724" s="424"/>
      <c r="NHQ724" s="423" t="s">
        <v>2795</v>
      </c>
      <c r="NHR724" s="424"/>
      <c r="NHS724" s="424"/>
      <c r="NHT724" s="424"/>
      <c r="NHU724" s="423" t="s">
        <v>2795</v>
      </c>
      <c r="NHV724" s="424"/>
      <c r="NHW724" s="424"/>
      <c r="NHX724" s="424"/>
      <c r="NHY724" s="423" t="s">
        <v>2795</v>
      </c>
      <c r="NHZ724" s="424"/>
      <c r="NIA724" s="424"/>
      <c r="NIB724" s="424"/>
      <c r="NIC724" s="423" t="s">
        <v>2795</v>
      </c>
      <c r="NID724" s="424"/>
      <c r="NIE724" s="424"/>
      <c r="NIF724" s="424"/>
      <c r="NIG724" s="423" t="s">
        <v>2795</v>
      </c>
      <c r="NIH724" s="424"/>
      <c r="NII724" s="424"/>
      <c r="NIJ724" s="424"/>
      <c r="NIK724" s="423" t="s">
        <v>2795</v>
      </c>
      <c r="NIL724" s="424"/>
      <c r="NIM724" s="424"/>
      <c r="NIN724" s="424"/>
      <c r="NIO724" s="423" t="s">
        <v>2795</v>
      </c>
      <c r="NIP724" s="424"/>
      <c r="NIQ724" s="424"/>
      <c r="NIR724" s="424"/>
      <c r="NIS724" s="423" t="s">
        <v>2795</v>
      </c>
      <c r="NIT724" s="424"/>
      <c r="NIU724" s="424"/>
      <c r="NIV724" s="424"/>
      <c r="NIW724" s="423" t="s">
        <v>2795</v>
      </c>
      <c r="NIX724" s="424"/>
      <c r="NIY724" s="424"/>
      <c r="NIZ724" s="424"/>
      <c r="NJA724" s="423" t="s">
        <v>2795</v>
      </c>
      <c r="NJB724" s="424"/>
      <c r="NJC724" s="424"/>
      <c r="NJD724" s="424"/>
      <c r="NJE724" s="423" t="s">
        <v>2795</v>
      </c>
      <c r="NJF724" s="424"/>
      <c r="NJG724" s="424"/>
      <c r="NJH724" s="424"/>
      <c r="NJI724" s="423" t="s">
        <v>2795</v>
      </c>
      <c r="NJJ724" s="424"/>
      <c r="NJK724" s="424"/>
      <c r="NJL724" s="424"/>
      <c r="NJM724" s="423" t="s">
        <v>2795</v>
      </c>
      <c r="NJN724" s="424"/>
      <c r="NJO724" s="424"/>
      <c r="NJP724" s="424"/>
      <c r="NJQ724" s="423" t="s">
        <v>2795</v>
      </c>
      <c r="NJR724" s="424"/>
      <c r="NJS724" s="424"/>
      <c r="NJT724" s="424"/>
      <c r="NJU724" s="423" t="s">
        <v>2795</v>
      </c>
      <c r="NJV724" s="424"/>
      <c r="NJW724" s="424"/>
      <c r="NJX724" s="424"/>
      <c r="NJY724" s="423" t="s">
        <v>2795</v>
      </c>
      <c r="NJZ724" s="424"/>
      <c r="NKA724" s="424"/>
      <c r="NKB724" s="424"/>
      <c r="NKC724" s="423" t="s">
        <v>2795</v>
      </c>
      <c r="NKD724" s="424"/>
      <c r="NKE724" s="424"/>
      <c r="NKF724" s="424"/>
      <c r="NKG724" s="423" t="s">
        <v>2795</v>
      </c>
      <c r="NKH724" s="424"/>
      <c r="NKI724" s="424"/>
      <c r="NKJ724" s="424"/>
      <c r="NKK724" s="423" t="s">
        <v>2795</v>
      </c>
      <c r="NKL724" s="424"/>
      <c r="NKM724" s="424"/>
      <c r="NKN724" s="424"/>
      <c r="NKO724" s="423" t="s">
        <v>2795</v>
      </c>
      <c r="NKP724" s="424"/>
      <c r="NKQ724" s="424"/>
      <c r="NKR724" s="424"/>
      <c r="NKS724" s="423" t="s">
        <v>2795</v>
      </c>
      <c r="NKT724" s="424"/>
      <c r="NKU724" s="424"/>
      <c r="NKV724" s="424"/>
      <c r="NKW724" s="423" t="s">
        <v>2795</v>
      </c>
      <c r="NKX724" s="424"/>
      <c r="NKY724" s="424"/>
      <c r="NKZ724" s="424"/>
      <c r="NLA724" s="423" t="s">
        <v>2795</v>
      </c>
      <c r="NLB724" s="424"/>
      <c r="NLC724" s="424"/>
      <c r="NLD724" s="424"/>
      <c r="NLE724" s="423" t="s">
        <v>2795</v>
      </c>
      <c r="NLF724" s="424"/>
      <c r="NLG724" s="424"/>
      <c r="NLH724" s="424"/>
      <c r="NLI724" s="423" t="s">
        <v>2795</v>
      </c>
      <c r="NLJ724" s="424"/>
      <c r="NLK724" s="424"/>
      <c r="NLL724" s="424"/>
      <c r="NLM724" s="423" t="s">
        <v>2795</v>
      </c>
      <c r="NLN724" s="424"/>
      <c r="NLO724" s="424"/>
      <c r="NLP724" s="424"/>
      <c r="NLQ724" s="423" t="s">
        <v>2795</v>
      </c>
      <c r="NLR724" s="424"/>
      <c r="NLS724" s="424"/>
      <c r="NLT724" s="424"/>
      <c r="NLU724" s="423" t="s">
        <v>2795</v>
      </c>
      <c r="NLV724" s="424"/>
      <c r="NLW724" s="424"/>
      <c r="NLX724" s="424"/>
      <c r="NLY724" s="423" t="s">
        <v>2795</v>
      </c>
      <c r="NLZ724" s="424"/>
      <c r="NMA724" s="424"/>
      <c r="NMB724" s="424"/>
      <c r="NMC724" s="423" t="s">
        <v>2795</v>
      </c>
      <c r="NMD724" s="424"/>
      <c r="NME724" s="424"/>
      <c r="NMF724" s="424"/>
      <c r="NMG724" s="423" t="s">
        <v>2795</v>
      </c>
      <c r="NMH724" s="424"/>
      <c r="NMI724" s="424"/>
      <c r="NMJ724" s="424"/>
      <c r="NMK724" s="423" t="s">
        <v>2795</v>
      </c>
      <c r="NML724" s="424"/>
      <c r="NMM724" s="424"/>
      <c r="NMN724" s="424"/>
      <c r="NMO724" s="423" t="s">
        <v>2795</v>
      </c>
      <c r="NMP724" s="424"/>
      <c r="NMQ724" s="424"/>
      <c r="NMR724" s="424"/>
      <c r="NMS724" s="423" t="s">
        <v>2795</v>
      </c>
      <c r="NMT724" s="424"/>
      <c r="NMU724" s="424"/>
      <c r="NMV724" s="424"/>
      <c r="NMW724" s="423" t="s">
        <v>2795</v>
      </c>
      <c r="NMX724" s="424"/>
      <c r="NMY724" s="424"/>
      <c r="NMZ724" s="424"/>
      <c r="NNA724" s="423" t="s">
        <v>2795</v>
      </c>
      <c r="NNB724" s="424"/>
      <c r="NNC724" s="424"/>
      <c r="NND724" s="424"/>
      <c r="NNE724" s="423" t="s">
        <v>2795</v>
      </c>
      <c r="NNF724" s="424"/>
      <c r="NNG724" s="424"/>
      <c r="NNH724" s="424"/>
      <c r="NNI724" s="423" t="s">
        <v>2795</v>
      </c>
      <c r="NNJ724" s="424"/>
      <c r="NNK724" s="424"/>
      <c r="NNL724" s="424"/>
      <c r="NNM724" s="423" t="s">
        <v>2795</v>
      </c>
      <c r="NNN724" s="424"/>
      <c r="NNO724" s="424"/>
      <c r="NNP724" s="424"/>
      <c r="NNQ724" s="423" t="s">
        <v>2795</v>
      </c>
      <c r="NNR724" s="424"/>
      <c r="NNS724" s="424"/>
      <c r="NNT724" s="424"/>
      <c r="NNU724" s="423" t="s">
        <v>2795</v>
      </c>
      <c r="NNV724" s="424"/>
      <c r="NNW724" s="424"/>
      <c r="NNX724" s="424"/>
      <c r="NNY724" s="423" t="s">
        <v>2795</v>
      </c>
      <c r="NNZ724" s="424"/>
      <c r="NOA724" s="424"/>
      <c r="NOB724" s="424"/>
      <c r="NOC724" s="423" t="s">
        <v>2795</v>
      </c>
      <c r="NOD724" s="424"/>
      <c r="NOE724" s="424"/>
      <c r="NOF724" s="424"/>
      <c r="NOG724" s="423" t="s">
        <v>2795</v>
      </c>
      <c r="NOH724" s="424"/>
      <c r="NOI724" s="424"/>
      <c r="NOJ724" s="424"/>
      <c r="NOK724" s="423" t="s">
        <v>2795</v>
      </c>
      <c r="NOL724" s="424"/>
      <c r="NOM724" s="424"/>
      <c r="NON724" s="424"/>
      <c r="NOO724" s="423" t="s">
        <v>2795</v>
      </c>
      <c r="NOP724" s="424"/>
      <c r="NOQ724" s="424"/>
      <c r="NOR724" s="424"/>
      <c r="NOS724" s="423" t="s">
        <v>2795</v>
      </c>
      <c r="NOT724" s="424"/>
      <c r="NOU724" s="424"/>
      <c r="NOV724" s="424"/>
      <c r="NOW724" s="423" t="s">
        <v>2795</v>
      </c>
      <c r="NOX724" s="424"/>
      <c r="NOY724" s="424"/>
      <c r="NOZ724" s="424"/>
      <c r="NPA724" s="423" t="s">
        <v>2795</v>
      </c>
      <c r="NPB724" s="424"/>
      <c r="NPC724" s="424"/>
      <c r="NPD724" s="424"/>
      <c r="NPE724" s="423" t="s">
        <v>2795</v>
      </c>
      <c r="NPF724" s="424"/>
      <c r="NPG724" s="424"/>
      <c r="NPH724" s="424"/>
      <c r="NPI724" s="423" t="s">
        <v>2795</v>
      </c>
      <c r="NPJ724" s="424"/>
      <c r="NPK724" s="424"/>
      <c r="NPL724" s="424"/>
      <c r="NPM724" s="423" t="s">
        <v>2795</v>
      </c>
      <c r="NPN724" s="424"/>
      <c r="NPO724" s="424"/>
      <c r="NPP724" s="424"/>
      <c r="NPQ724" s="423" t="s">
        <v>2795</v>
      </c>
      <c r="NPR724" s="424"/>
      <c r="NPS724" s="424"/>
      <c r="NPT724" s="424"/>
      <c r="NPU724" s="423" t="s">
        <v>2795</v>
      </c>
      <c r="NPV724" s="424"/>
      <c r="NPW724" s="424"/>
      <c r="NPX724" s="424"/>
      <c r="NPY724" s="423" t="s">
        <v>2795</v>
      </c>
      <c r="NPZ724" s="424"/>
      <c r="NQA724" s="424"/>
      <c r="NQB724" s="424"/>
      <c r="NQC724" s="423" t="s">
        <v>2795</v>
      </c>
      <c r="NQD724" s="424"/>
      <c r="NQE724" s="424"/>
      <c r="NQF724" s="424"/>
      <c r="NQG724" s="423" t="s">
        <v>2795</v>
      </c>
      <c r="NQH724" s="424"/>
      <c r="NQI724" s="424"/>
      <c r="NQJ724" s="424"/>
      <c r="NQK724" s="423" t="s">
        <v>2795</v>
      </c>
      <c r="NQL724" s="424"/>
      <c r="NQM724" s="424"/>
      <c r="NQN724" s="424"/>
      <c r="NQO724" s="423" t="s">
        <v>2795</v>
      </c>
      <c r="NQP724" s="424"/>
      <c r="NQQ724" s="424"/>
      <c r="NQR724" s="424"/>
      <c r="NQS724" s="423" t="s">
        <v>2795</v>
      </c>
      <c r="NQT724" s="424"/>
      <c r="NQU724" s="424"/>
      <c r="NQV724" s="424"/>
      <c r="NQW724" s="423" t="s">
        <v>2795</v>
      </c>
      <c r="NQX724" s="424"/>
      <c r="NQY724" s="424"/>
      <c r="NQZ724" s="424"/>
      <c r="NRA724" s="423" t="s">
        <v>2795</v>
      </c>
      <c r="NRB724" s="424"/>
      <c r="NRC724" s="424"/>
      <c r="NRD724" s="424"/>
      <c r="NRE724" s="423" t="s">
        <v>2795</v>
      </c>
      <c r="NRF724" s="424"/>
      <c r="NRG724" s="424"/>
      <c r="NRH724" s="424"/>
      <c r="NRI724" s="423" t="s">
        <v>2795</v>
      </c>
      <c r="NRJ724" s="424"/>
      <c r="NRK724" s="424"/>
      <c r="NRL724" s="424"/>
      <c r="NRM724" s="423" t="s">
        <v>2795</v>
      </c>
      <c r="NRN724" s="424"/>
      <c r="NRO724" s="424"/>
      <c r="NRP724" s="424"/>
      <c r="NRQ724" s="423" t="s">
        <v>2795</v>
      </c>
      <c r="NRR724" s="424"/>
      <c r="NRS724" s="424"/>
      <c r="NRT724" s="424"/>
      <c r="NRU724" s="423" t="s">
        <v>2795</v>
      </c>
      <c r="NRV724" s="424"/>
      <c r="NRW724" s="424"/>
      <c r="NRX724" s="424"/>
      <c r="NRY724" s="423" t="s">
        <v>2795</v>
      </c>
      <c r="NRZ724" s="424"/>
      <c r="NSA724" s="424"/>
      <c r="NSB724" s="424"/>
      <c r="NSC724" s="423" t="s">
        <v>2795</v>
      </c>
      <c r="NSD724" s="424"/>
      <c r="NSE724" s="424"/>
      <c r="NSF724" s="424"/>
      <c r="NSG724" s="423" t="s">
        <v>2795</v>
      </c>
      <c r="NSH724" s="424"/>
      <c r="NSI724" s="424"/>
      <c r="NSJ724" s="424"/>
      <c r="NSK724" s="423" t="s">
        <v>2795</v>
      </c>
      <c r="NSL724" s="424"/>
      <c r="NSM724" s="424"/>
      <c r="NSN724" s="424"/>
      <c r="NSO724" s="423" t="s">
        <v>2795</v>
      </c>
      <c r="NSP724" s="424"/>
      <c r="NSQ724" s="424"/>
      <c r="NSR724" s="424"/>
      <c r="NSS724" s="423" t="s">
        <v>2795</v>
      </c>
      <c r="NST724" s="424"/>
      <c r="NSU724" s="424"/>
      <c r="NSV724" s="424"/>
      <c r="NSW724" s="423" t="s">
        <v>2795</v>
      </c>
      <c r="NSX724" s="424"/>
      <c r="NSY724" s="424"/>
      <c r="NSZ724" s="424"/>
      <c r="NTA724" s="423" t="s">
        <v>2795</v>
      </c>
      <c r="NTB724" s="424"/>
      <c r="NTC724" s="424"/>
      <c r="NTD724" s="424"/>
      <c r="NTE724" s="423" t="s">
        <v>2795</v>
      </c>
      <c r="NTF724" s="424"/>
      <c r="NTG724" s="424"/>
      <c r="NTH724" s="424"/>
      <c r="NTI724" s="423" t="s">
        <v>2795</v>
      </c>
      <c r="NTJ724" s="424"/>
      <c r="NTK724" s="424"/>
      <c r="NTL724" s="424"/>
      <c r="NTM724" s="423" t="s">
        <v>2795</v>
      </c>
      <c r="NTN724" s="424"/>
      <c r="NTO724" s="424"/>
      <c r="NTP724" s="424"/>
      <c r="NTQ724" s="423" t="s">
        <v>2795</v>
      </c>
      <c r="NTR724" s="424"/>
      <c r="NTS724" s="424"/>
      <c r="NTT724" s="424"/>
      <c r="NTU724" s="423" t="s">
        <v>2795</v>
      </c>
      <c r="NTV724" s="424"/>
      <c r="NTW724" s="424"/>
      <c r="NTX724" s="424"/>
      <c r="NTY724" s="423" t="s">
        <v>2795</v>
      </c>
      <c r="NTZ724" s="424"/>
      <c r="NUA724" s="424"/>
      <c r="NUB724" s="424"/>
      <c r="NUC724" s="423" t="s">
        <v>2795</v>
      </c>
      <c r="NUD724" s="424"/>
      <c r="NUE724" s="424"/>
      <c r="NUF724" s="424"/>
      <c r="NUG724" s="423" t="s">
        <v>2795</v>
      </c>
      <c r="NUH724" s="424"/>
      <c r="NUI724" s="424"/>
      <c r="NUJ724" s="424"/>
      <c r="NUK724" s="423" t="s">
        <v>2795</v>
      </c>
      <c r="NUL724" s="424"/>
      <c r="NUM724" s="424"/>
      <c r="NUN724" s="424"/>
      <c r="NUO724" s="423" t="s">
        <v>2795</v>
      </c>
      <c r="NUP724" s="424"/>
      <c r="NUQ724" s="424"/>
      <c r="NUR724" s="424"/>
      <c r="NUS724" s="423" t="s">
        <v>2795</v>
      </c>
      <c r="NUT724" s="424"/>
      <c r="NUU724" s="424"/>
      <c r="NUV724" s="424"/>
      <c r="NUW724" s="423" t="s">
        <v>2795</v>
      </c>
      <c r="NUX724" s="424"/>
      <c r="NUY724" s="424"/>
      <c r="NUZ724" s="424"/>
      <c r="NVA724" s="423" t="s">
        <v>2795</v>
      </c>
      <c r="NVB724" s="424"/>
      <c r="NVC724" s="424"/>
      <c r="NVD724" s="424"/>
      <c r="NVE724" s="423" t="s">
        <v>2795</v>
      </c>
      <c r="NVF724" s="424"/>
      <c r="NVG724" s="424"/>
      <c r="NVH724" s="424"/>
      <c r="NVI724" s="423" t="s">
        <v>2795</v>
      </c>
      <c r="NVJ724" s="424"/>
      <c r="NVK724" s="424"/>
      <c r="NVL724" s="424"/>
      <c r="NVM724" s="423" t="s">
        <v>2795</v>
      </c>
      <c r="NVN724" s="424"/>
      <c r="NVO724" s="424"/>
      <c r="NVP724" s="424"/>
      <c r="NVQ724" s="423" t="s">
        <v>2795</v>
      </c>
      <c r="NVR724" s="424"/>
      <c r="NVS724" s="424"/>
      <c r="NVT724" s="424"/>
      <c r="NVU724" s="423" t="s">
        <v>2795</v>
      </c>
      <c r="NVV724" s="424"/>
      <c r="NVW724" s="424"/>
      <c r="NVX724" s="424"/>
      <c r="NVY724" s="423" t="s">
        <v>2795</v>
      </c>
      <c r="NVZ724" s="424"/>
      <c r="NWA724" s="424"/>
      <c r="NWB724" s="424"/>
      <c r="NWC724" s="423" t="s">
        <v>2795</v>
      </c>
      <c r="NWD724" s="424"/>
      <c r="NWE724" s="424"/>
      <c r="NWF724" s="424"/>
      <c r="NWG724" s="423" t="s">
        <v>2795</v>
      </c>
      <c r="NWH724" s="424"/>
      <c r="NWI724" s="424"/>
      <c r="NWJ724" s="424"/>
      <c r="NWK724" s="423" t="s">
        <v>2795</v>
      </c>
      <c r="NWL724" s="424"/>
      <c r="NWM724" s="424"/>
      <c r="NWN724" s="424"/>
      <c r="NWO724" s="423" t="s">
        <v>2795</v>
      </c>
      <c r="NWP724" s="424"/>
      <c r="NWQ724" s="424"/>
      <c r="NWR724" s="424"/>
      <c r="NWS724" s="423" t="s">
        <v>2795</v>
      </c>
      <c r="NWT724" s="424"/>
      <c r="NWU724" s="424"/>
      <c r="NWV724" s="424"/>
      <c r="NWW724" s="423" t="s">
        <v>2795</v>
      </c>
      <c r="NWX724" s="424"/>
      <c r="NWY724" s="424"/>
      <c r="NWZ724" s="424"/>
      <c r="NXA724" s="423" t="s">
        <v>2795</v>
      </c>
      <c r="NXB724" s="424"/>
      <c r="NXC724" s="424"/>
      <c r="NXD724" s="424"/>
      <c r="NXE724" s="423" t="s">
        <v>2795</v>
      </c>
      <c r="NXF724" s="424"/>
      <c r="NXG724" s="424"/>
      <c r="NXH724" s="424"/>
      <c r="NXI724" s="423" t="s">
        <v>2795</v>
      </c>
      <c r="NXJ724" s="424"/>
      <c r="NXK724" s="424"/>
      <c r="NXL724" s="424"/>
      <c r="NXM724" s="423" t="s">
        <v>2795</v>
      </c>
      <c r="NXN724" s="424"/>
      <c r="NXO724" s="424"/>
      <c r="NXP724" s="424"/>
      <c r="NXQ724" s="423" t="s">
        <v>2795</v>
      </c>
      <c r="NXR724" s="424"/>
      <c r="NXS724" s="424"/>
      <c r="NXT724" s="424"/>
      <c r="NXU724" s="423" t="s">
        <v>2795</v>
      </c>
      <c r="NXV724" s="424"/>
      <c r="NXW724" s="424"/>
      <c r="NXX724" s="424"/>
      <c r="NXY724" s="423" t="s">
        <v>2795</v>
      </c>
      <c r="NXZ724" s="424"/>
      <c r="NYA724" s="424"/>
      <c r="NYB724" s="424"/>
      <c r="NYC724" s="423" t="s">
        <v>2795</v>
      </c>
      <c r="NYD724" s="424"/>
      <c r="NYE724" s="424"/>
      <c r="NYF724" s="424"/>
      <c r="NYG724" s="423" t="s">
        <v>2795</v>
      </c>
      <c r="NYH724" s="424"/>
      <c r="NYI724" s="424"/>
      <c r="NYJ724" s="424"/>
      <c r="NYK724" s="423" t="s">
        <v>2795</v>
      </c>
      <c r="NYL724" s="424"/>
      <c r="NYM724" s="424"/>
      <c r="NYN724" s="424"/>
      <c r="NYO724" s="423" t="s">
        <v>2795</v>
      </c>
      <c r="NYP724" s="424"/>
      <c r="NYQ724" s="424"/>
      <c r="NYR724" s="424"/>
      <c r="NYS724" s="423" t="s">
        <v>2795</v>
      </c>
      <c r="NYT724" s="424"/>
      <c r="NYU724" s="424"/>
      <c r="NYV724" s="424"/>
      <c r="NYW724" s="423" t="s">
        <v>2795</v>
      </c>
      <c r="NYX724" s="424"/>
      <c r="NYY724" s="424"/>
      <c r="NYZ724" s="424"/>
      <c r="NZA724" s="423" t="s">
        <v>2795</v>
      </c>
      <c r="NZB724" s="424"/>
      <c r="NZC724" s="424"/>
      <c r="NZD724" s="424"/>
      <c r="NZE724" s="423" t="s">
        <v>2795</v>
      </c>
      <c r="NZF724" s="424"/>
      <c r="NZG724" s="424"/>
      <c r="NZH724" s="424"/>
      <c r="NZI724" s="423" t="s">
        <v>2795</v>
      </c>
      <c r="NZJ724" s="424"/>
      <c r="NZK724" s="424"/>
      <c r="NZL724" s="424"/>
      <c r="NZM724" s="423" t="s">
        <v>2795</v>
      </c>
      <c r="NZN724" s="424"/>
      <c r="NZO724" s="424"/>
      <c r="NZP724" s="424"/>
      <c r="NZQ724" s="423" t="s">
        <v>2795</v>
      </c>
      <c r="NZR724" s="424"/>
      <c r="NZS724" s="424"/>
      <c r="NZT724" s="424"/>
      <c r="NZU724" s="423" t="s">
        <v>2795</v>
      </c>
      <c r="NZV724" s="424"/>
      <c r="NZW724" s="424"/>
      <c r="NZX724" s="424"/>
      <c r="NZY724" s="423" t="s">
        <v>2795</v>
      </c>
      <c r="NZZ724" s="424"/>
      <c r="OAA724" s="424"/>
      <c r="OAB724" s="424"/>
      <c r="OAC724" s="423" t="s">
        <v>2795</v>
      </c>
      <c r="OAD724" s="424"/>
      <c r="OAE724" s="424"/>
      <c r="OAF724" s="424"/>
      <c r="OAG724" s="423" t="s">
        <v>2795</v>
      </c>
      <c r="OAH724" s="424"/>
      <c r="OAI724" s="424"/>
      <c r="OAJ724" s="424"/>
      <c r="OAK724" s="423" t="s">
        <v>2795</v>
      </c>
      <c r="OAL724" s="424"/>
      <c r="OAM724" s="424"/>
      <c r="OAN724" s="424"/>
      <c r="OAO724" s="423" t="s">
        <v>2795</v>
      </c>
      <c r="OAP724" s="424"/>
      <c r="OAQ724" s="424"/>
      <c r="OAR724" s="424"/>
      <c r="OAS724" s="423" t="s">
        <v>2795</v>
      </c>
      <c r="OAT724" s="424"/>
      <c r="OAU724" s="424"/>
      <c r="OAV724" s="424"/>
      <c r="OAW724" s="423" t="s">
        <v>2795</v>
      </c>
      <c r="OAX724" s="424"/>
      <c r="OAY724" s="424"/>
      <c r="OAZ724" s="424"/>
      <c r="OBA724" s="423" t="s">
        <v>2795</v>
      </c>
      <c r="OBB724" s="424"/>
      <c r="OBC724" s="424"/>
      <c r="OBD724" s="424"/>
      <c r="OBE724" s="423" t="s">
        <v>2795</v>
      </c>
      <c r="OBF724" s="424"/>
      <c r="OBG724" s="424"/>
      <c r="OBH724" s="424"/>
      <c r="OBI724" s="423" t="s">
        <v>2795</v>
      </c>
      <c r="OBJ724" s="424"/>
      <c r="OBK724" s="424"/>
      <c r="OBL724" s="424"/>
      <c r="OBM724" s="423" t="s">
        <v>2795</v>
      </c>
      <c r="OBN724" s="424"/>
      <c r="OBO724" s="424"/>
      <c r="OBP724" s="424"/>
      <c r="OBQ724" s="423" t="s">
        <v>2795</v>
      </c>
      <c r="OBR724" s="424"/>
      <c r="OBS724" s="424"/>
      <c r="OBT724" s="424"/>
      <c r="OBU724" s="423" t="s">
        <v>2795</v>
      </c>
      <c r="OBV724" s="424"/>
      <c r="OBW724" s="424"/>
      <c r="OBX724" s="424"/>
      <c r="OBY724" s="423" t="s">
        <v>2795</v>
      </c>
      <c r="OBZ724" s="424"/>
      <c r="OCA724" s="424"/>
      <c r="OCB724" s="424"/>
      <c r="OCC724" s="423" t="s">
        <v>2795</v>
      </c>
      <c r="OCD724" s="424"/>
      <c r="OCE724" s="424"/>
      <c r="OCF724" s="424"/>
      <c r="OCG724" s="423" t="s">
        <v>2795</v>
      </c>
      <c r="OCH724" s="424"/>
      <c r="OCI724" s="424"/>
      <c r="OCJ724" s="424"/>
      <c r="OCK724" s="423" t="s">
        <v>2795</v>
      </c>
      <c r="OCL724" s="424"/>
      <c r="OCM724" s="424"/>
      <c r="OCN724" s="424"/>
      <c r="OCO724" s="423" t="s">
        <v>2795</v>
      </c>
      <c r="OCP724" s="424"/>
      <c r="OCQ724" s="424"/>
      <c r="OCR724" s="424"/>
      <c r="OCS724" s="423" t="s">
        <v>2795</v>
      </c>
      <c r="OCT724" s="424"/>
      <c r="OCU724" s="424"/>
      <c r="OCV724" s="424"/>
      <c r="OCW724" s="423" t="s">
        <v>2795</v>
      </c>
      <c r="OCX724" s="424"/>
      <c r="OCY724" s="424"/>
      <c r="OCZ724" s="424"/>
      <c r="ODA724" s="423" t="s">
        <v>2795</v>
      </c>
      <c r="ODB724" s="424"/>
      <c r="ODC724" s="424"/>
      <c r="ODD724" s="424"/>
      <c r="ODE724" s="423" t="s">
        <v>2795</v>
      </c>
      <c r="ODF724" s="424"/>
      <c r="ODG724" s="424"/>
      <c r="ODH724" s="424"/>
      <c r="ODI724" s="423" t="s">
        <v>2795</v>
      </c>
      <c r="ODJ724" s="424"/>
      <c r="ODK724" s="424"/>
      <c r="ODL724" s="424"/>
      <c r="ODM724" s="423" t="s">
        <v>2795</v>
      </c>
      <c r="ODN724" s="424"/>
      <c r="ODO724" s="424"/>
      <c r="ODP724" s="424"/>
      <c r="ODQ724" s="423" t="s">
        <v>2795</v>
      </c>
      <c r="ODR724" s="424"/>
      <c r="ODS724" s="424"/>
      <c r="ODT724" s="424"/>
      <c r="ODU724" s="423" t="s">
        <v>2795</v>
      </c>
      <c r="ODV724" s="424"/>
      <c r="ODW724" s="424"/>
      <c r="ODX724" s="424"/>
      <c r="ODY724" s="423" t="s">
        <v>2795</v>
      </c>
      <c r="ODZ724" s="424"/>
      <c r="OEA724" s="424"/>
      <c r="OEB724" s="424"/>
      <c r="OEC724" s="423" t="s">
        <v>2795</v>
      </c>
      <c r="OED724" s="424"/>
      <c r="OEE724" s="424"/>
      <c r="OEF724" s="424"/>
      <c r="OEG724" s="423" t="s">
        <v>2795</v>
      </c>
      <c r="OEH724" s="424"/>
      <c r="OEI724" s="424"/>
      <c r="OEJ724" s="424"/>
      <c r="OEK724" s="423" t="s">
        <v>2795</v>
      </c>
      <c r="OEL724" s="424"/>
      <c r="OEM724" s="424"/>
      <c r="OEN724" s="424"/>
      <c r="OEO724" s="423" t="s">
        <v>2795</v>
      </c>
      <c r="OEP724" s="424"/>
      <c r="OEQ724" s="424"/>
      <c r="OER724" s="424"/>
      <c r="OES724" s="423" t="s">
        <v>2795</v>
      </c>
      <c r="OET724" s="424"/>
      <c r="OEU724" s="424"/>
      <c r="OEV724" s="424"/>
      <c r="OEW724" s="423" t="s">
        <v>2795</v>
      </c>
      <c r="OEX724" s="424"/>
      <c r="OEY724" s="424"/>
      <c r="OEZ724" s="424"/>
      <c r="OFA724" s="423" t="s">
        <v>2795</v>
      </c>
      <c r="OFB724" s="424"/>
      <c r="OFC724" s="424"/>
      <c r="OFD724" s="424"/>
      <c r="OFE724" s="423" t="s">
        <v>2795</v>
      </c>
      <c r="OFF724" s="424"/>
      <c r="OFG724" s="424"/>
      <c r="OFH724" s="424"/>
      <c r="OFI724" s="423" t="s">
        <v>2795</v>
      </c>
      <c r="OFJ724" s="424"/>
      <c r="OFK724" s="424"/>
      <c r="OFL724" s="424"/>
      <c r="OFM724" s="423" t="s">
        <v>2795</v>
      </c>
      <c r="OFN724" s="424"/>
      <c r="OFO724" s="424"/>
      <c r="OFP724" s="424"/>
      <c r="OFQ724" s="423" t="s">
        <v>2795</v>
      </c>
      <c r="OFR724" s="424"/>
      <c r="OFS724" s="424"/>
      <c r="OFT724" s="424"/>
      <c r="OFU724" s="423" t="s">
        <v>2795</v>
      </c>
      <c r="OFV724" s="424"/>
      <c r="OFW724" s="424"/>
      <c r="OFX724" s="424"/>
      <c r="OFY724" s="423" t="s">
        <v>2795</v>
      </c>
      <c r="OFZ724" s="424"/>
      <c r="OGA724" s="424"/>
      <c r="OGB724" s="424"/>
      <c r="OGC724" s="423" t="s">
        <v>2795</v>
      </c>
      <c r="OGD724" s="424"/>
      <c r="OGE724" s="424"/>
      <c r="OGF724" s="424"/>
      <c r="OGG724" s="423" t="s">
        <v>2795</v>
      </c>
      <c r="OGH724" s="424"/>
      <c r="OGI724" s="424"/>
      <c r="OGJ724" s="424"/>
      <c r="OGK724" s="423" t="s">
        <v>2795</v>
      </c>
      <c r="OGL724" s="424"/>
      <c r="OGM724" s="424"/>
      <c r="OGN724" s="424"/>
      <c r="OGO724" s="423" t="s">
        <v>2795</v>
      </c>
      <c r="OGP724" s="424"/>
      <c r="OGQ724" s="424"/>
      <c r="OGR724" s="424"/>
      <c r="OGS724" s="423" t="s">
        <v>2795</v>
      </c>
      <c r="OGT724" s="424"/>
      <c r="OGU724" s="424"/>
      <c r="OGV724" s="424"/>
      <c r="OGW724" s="423" t="s">
        <v>2795</v>
      </c>
      <c r="OGX724" s="424"/>
      <c r="OGY724" s="424"/>
      <c r="OGZ724" s="424"/>
      <c r="OHA724" s="423" t="s">
        <v>2795</v>
      </c>
      <c r="OHB724" s="424"/>
      <c r="OHC724" s="424"/>
      <c r="OHD724" s="424"/>
      <c r="OHE724" s="423" t="s">
        <v>2795</v>
      </c>
      <c r="OHF724" s="424"/>
      <c r="OHG724" s="424"/>
      <c r="OHH724" s="424"/>
      <c r="OHI724" s="423" t="s">
        <v>2795</v>
      </c>
      <c r="OHJ724" s="424"/>
      <c r="OHK724" s="424"/>
      <c r="OHL724" s="424"/>
      <c r="OHM724" s="423" t="s">
        <v>2795</v>
      </c>
      <c r="OHN724" s="424"/>
      <c r="OHO724" s="424"/>
      <c r="OHP724" s="424"/>
      <c r="OHQ724" s="423" t="s">
        <v>2795</v>
      </c>
      <c r="OHR724" s="424"/>
      <c r="OHS724" s="424"/>
      <c r="OHT724" s="424"/>
      <c r="OHU724" s="423" t="s">
        <v>2795</v>
      </c>
      <c r="OHV724" s="424"/>
      <c r="OHW724" s="424"/>
      <c r="OHX724" s="424"/>
      <c r="OHY724" s="423" t="s">
        <v>2795</v>
      </c>
      <c r="OHZ724" s="424"/>
      <c r="OIA724" s="424"/>
      <c r="OIB724" s="424"/>
      <c r="OIC724" s="423" t="s">
        <v>2795</v>
      </c>
      <c r="OID724" s="424"/>
      <c r="OIE724" s="424"/>
      <c r="OIF724" s="424"/>
      <c r="OIG724" s="423" t="s">
        <v>2795</v>
      </c>
      <c r="OIH724" s="424"/>
      <c r="OII724" s="424"/>
      <c r="OIJ724" s="424"/>
      <c r="OIK724" s="423" t="s">
        <v>2795</v>
      </c>
      <c r="OIL724" s="424"/>
      <c r="OIM724" s="424"/>
      <c r="OIN724" s="424"/>
      <c r="OIO724" s="423" t="s">
        <v>2795</v>
      </c>
      <c r="OIP724" s="424"/>
      <c r="OIQ724" s="424"/>
      <c r="OIR724" s="424"/>
      <c r="OIS724" s="423" t="s">
        <v>2795</v>
      </c>
      <c r="OIT724" s="424"/>
      <c r="OIU724" s="424"/>
      <c r="OIV724" s="424"/>
      <c r="OIW724" s="423" t="s">
        <v>2795</v>
      </c>
      <c r="OIX724" s="424"/>
      <c r="OIY724" s="424"/>
      <c r="OIZ724" s="424"/>
      <c r="OJA724" s="423" t="s">
        <v>2795</v>
      </c>
      <c r="OJB724" s="424"/>
      <c r="OJC724" s="424"/>
      <c r="OJD724" s="424"/>
      <c r="OJE724" s="423" t="s">
        <v>2795</v>
      </c>
      <c r="OJF724" s="424"/>
      <c r="OJG724" s="424"/>
      <c r="OJH724" s="424"/>
      <c r="OJI724" s="423" t="s">
        <v>2795</v>
      </c>
      <c r="OJJ724" s="424"/>
      <c r="OJK724" s="424"/>
      <c r="OJL724" s="424"/>
      <c r="OJM724" s="423" t="s">
        <v>2795</v>
      </c>
      <c r="OJN724" s="424"/>
      <c r="OJO724" s="424"/>
      <c r="OJP724" s="424"/>
      <c r="OJQ724" s="423" t="s">
        <v>2795</v>
      </c>
      <c r="OJR724" s="424"/>
      <c r="OJS724" s="424"/>
      <c r="OJT724" s="424"/>
      <c r="OJU724" s="423" t="s">
        <v>2795</v>
      </c>
      <c r="OJV724" s="424"/>
      <c r="OJW724" s="424"/>
      <c r="OJX724" s="424"/>
      <c r="OJY724" s="423" t="s">
        <v>2795</v>
      </c>
      <c r="OJZ724" s="424"/>
      <c r="OKA724" s="424"/>
      <c r="OKB724" s="424"/>
      <c r="OKC724" s="423" t="s">
        <v>2795</v>
      </c>
      <c r="OKD724" s="424"/>
      <c r="OKE724" s="424"/>
      <c r="OKF724" s="424"/>
      <c r="OKG724" s="423" t="s">
        <v>2795</v>
      </c>
      <c r="OKH724" s="424"/>
      <c r="OKI724" s="424"/>
      <c r="OKJ724" s="424"/>
      <c r="OKK724" s="423" t="s">
        <v>2795</v>
      </c>
      <c r="OKL724" s="424"/>
      <c r="OKM724" s="424"/>
      <c r="OKN724" s="424"/>
      <c r="OKO724" s="423" t="s">
        <v>2795</v>
      </c>
      <c r="OKP724" s="424"/>
      <c r="OKQ724" s="424"/>
      <c r="OKR724" s="424"/>
      <c r="OKS724" s="423" t="s">
        <v>2795</v>
      </c>
      <c r="OKT724" s="424"/>
      <c r="OKU724" s="424"/>
      <c r="OKV724" s="424"/>
      <c r="OKW724" s="423" t="s">
        <v>2795</v>
      </c>
      <c r="OKX724" s="424"/>
      <c r="OKY724" s="424"/>
      <c r="OKZ724" s="424"/>
      <c r="OLA724" s="423" t="s">
        <v>2795</v>
      </c>
      <c r="OLB724" s="424"/>
      <c r="OLC724" s="424"/>
      <c r="OLD724" s="424"/>
      <c r="OLE724" s="423" t="s">
        <v>2795</v>
      </c>
      <c r="OLF724" s="424"/>
      <c r="OLG724" s="424"/>
      <c r="OLH724" s="424"/>
      <c r="OLI724" s="423" t="s">
        <v>2795</v>
      </c>
      <c r="OLJ724" s="424"/>
      <c r="OLK724" s="424"/>
      <c r="OLL724" s="424"/>
      <c r="OLM724" s="423" t="s">
        <v>2795</v>
      </c>
      <c r="OLN724" s="424"/>
      <c r="OLO724" s="424"/>
      <c r="OLP724" s="424"/>
      <c r="OLQ724" s="423" t="s">
        <v>2795</v>
      </c>
      <c r="OLR724" s="424"/>
      <c r="OLS724" s="424"/>
      <c r="OLT724" s="424"/>
      <c r="OLU724" s="423" t="s">
        <v>2795</v>
      </c>
      <c r="OLV724" s="424"/>
      <c r="OLW724" s="424"/>
      <c r="OLX724" s="424"/>
      <c r="OLY724" s="423" t="s">
        <v>2795</v>
      </c>
      <c r="OLZ724" s="424"/>
      <c r="OMA724" s="424"/>
      <c r="OMB724" s="424"/>
      <c r="OMC724" s="423" t="s">
        <v>2795</v>
      </c>
      <c r="OMD724" s="424"/>
      <c r="OME724" s="424"/>
      <c r="OMF724" s="424"/>
      <c r="OMG724" s="423" t="s">
        <v>2795</v>
      </c>
      <c r="OMH724" s="424"/>
      <c r="OMI724" s="424"/>
      <c r="OMJ724" s="424"/>
      <c r="OMK724" s="423" t="s">
        <v>2795</v>
      </c>
      <c r="OML724" s="424"/>
      <c r="OMM724" s="424"/>
      <c r="OMN724" s="424"/>
      <c r="OMO724" s="423" t="s">
        <v>2795</v>
      </c>
      <c r="OMP724" s="424"/>
      <c r="OMQ724" s="424"/>
      <c r="OMR724" s="424"/>
      <c r="OMS724" s="423" t="s">
        <v>2795</v>
      </c>
      <c r="OMT724" s="424"/>
      <c r="OMU724" s="424"/>
      <c r="OMV724" s="424"/>
      <c r="OMW724" s="423" t="s">
        <v>2795</v>
      </c>
      <c r="OMX724" s="424"/>
      <c r="OMY724" s="424"/>
      <c r="OMZ724" s="424"/>
      <c r="ONA724" s="423" t="s">
        <v>2795</v>
      </c>
      <c r="ONB724" s="424"/>
      <c r="ONC724" s="424"/>
      <c r="OND724" s="424"/>
      <c r="ONE724" s="423" t="s">
        <v>2795</v>
      </c>
      <c r="ONF724" s="424"/>
      <c r="ONG724" s="424"/>
      <c r="ONH724" s="424"/>
      <c r="ONI724" s="423" t="s">
        <v>2795</v>
      </c>
      <c r="ONJ724" s="424"/>
      <c r="ONK724" s="424"/>
      <c r="ONL724" s="424"/>
      <c r="ONM724" s="423" t="s">
        <v>2795</v>
      </c>
      <c r="ONN724" s="424"/>
      <c r="ONO724" s="424"/>
      <c r="ONP724" s="424"/>
      <c r="ONQ724" s="423" t="s">
        <v>2795</v>
      </c>
      <c r="ONR724" s="424"/>
      <c r="ONS724" s="424"/>
      <c r="ONT724" s="424"/>
      <c r="ONU724" s="423" t="s">
        <v>2795</v>
      </c>
      <c r="ONV724" s="424"/>
      <c r="ONW724" s="424"/>
      <c r="ONX724" s="424"/>
      <c r="ONY724" s="423" t="s">
        <v>2795</v>
      </c>
      <c r="ONZ724" s="424"/>
      <c r="OOA724" s="424"/>
      <c r="OOB724" s="424"/>
      <c r="OOC724" s="423" t="s">
        <v>2795</v>
      </c>
      <c r="OOD724" s="424"/>
      <c r="OOE724" s="424"/>
      <c r="OOF724" s="424"/>
      <c r="OOG724" s="423" t="s">
        <v>2795</v>
      </c>
      <c r="OOH724" s="424"/>
      <c r="OOI724" s="424"/>
      <c r="OOJ724" s="424"/>
      <c r="OOK724" s="423" t="s">
        <v>2795</v>
      </c>
      <c r="OOL724" s="424"/>
      <c r="OOM724" s="424"/>
      <c r="OON724" s="424"/>
      <c r="OOO724" s="423" t="s">
        <v>2795</v>
      </c>
      <c r="OOP724" s="424"/>
      <c r="OOQ724" s="424"/>
      <c r="OOR724" s="424"/>
      <c r="OOS724" s="423" t="s">
        <v>2795</v>
      </c>
      <c r="OOT724" s="424"/>
      <c r="OOU724" s="424"/>
      <c r="OOV724" s="424"/>
      <c r="OOW724" s="423" t="s">
        <v>2795</v>
      </c>
      <c r="OOX724" s="424"/>
      <c r="OOY724" s="424"/>
      <c r="OOZ724" s="424"/>
      <c r="OPA724" s="423" t="s">
        <v>2795</v>
      </c>
      <c r="OPB724" s="424"/>
      <c r="OPC724" s="424"/>
      <c r="OPD724" s="424"/>
      <c r="OPE724" s="423" t="s">
        <v>2795</v>
      </c>
      <c r="OPF724" s="424"/>
      <c r="OPG724" s="424"/>
      <c r="OPH724" s="424"/>
      <c r="OPI724" s="423" t="s">
        <v>2795</v>
      </c>
      <c r="OPJ724" s="424"/>
      <c r="OPK724" s="424"/>
      <c r="OPL724" s="424"/>
      <c r="OPM724" s="423" t="s">
        <v>2795</v>
      </c>
      <c r="OPN724" s="424"/>
      <c r="OPO724" s="424"/>
      <c r="OPP724" s="424"/>
      <c r="OPQ724" s="423" t="s">
        <v>2795</v>
      </c>
      <c r="OPR724" s="424"/>
      <c r="OPS724" s="424"/>
      <c r="OPT724" s="424"/>
      <c r="OPU724" s="423" t="s">
        <v>2795</v>
      </c>
      <c r="OPV724" s="424"/>
      <c r="OPW724" s="424"/>
      <c r="OPX724" s="424"/>
      <c r="OPY724" s="423" t="s">
        <v>2795</v>
      </c>
      <c r="OPZ724" s="424"/>
      <c r="OQA724" s="424"/>
      <c r="OQB724" s="424"/>
      <c r="OQC724" s="423" t="s">
        <v>2795</v>
      </c>
      <c r="OQD724" s="424"/>
      <c r="OQE724" s="424"/>
      <c r="OQF724" s="424"/>
      <c r="OQG724" s="423" t="s">
        <v>2795</v>
      </c>
      <c r="OQH724" s="424"/>
      <c r="OQI724" s="424"/>
      <c r="OQJ724" s="424"/>
      <c r="OQK724" s="423" t="s">
        <v>2795</v>
      </c>
      <c r="OQL724" s="424"/>
      <c r="OQM724" s="424"/>
      <c r="OQN724" s="424"/>
      <c r="OQO724" s="423" t="s">
        <v>2795</v>
      </c>
      <c r="OQP724" s="424"/>
      <c r="OQQ724" s="424"/>
      <c r="OQR724" s="424"/>
      <c r="OQS724" s="423" t="s">
        <v>2795</v>
      </c>
      <c r="OQT724" s="424"/>
      <c r="OQU724" s="424"/>
      <c r="OQV724" s="424"/>
      <c r="OQW724" s="423" t="s">
        <v>2795</v>
      </c>
      <c r="OQX724" s="424"/>
      <c r="OQY724" s="424"/>
      <c r="OQZ724" s="424"/>
      <c r="ORA724" s="423" t="s">
        <v>2795</v>
      </c>
      <c r="ORB724" s="424"/>
      <c r="ORC724" s="424"/>
      <c r="ORD724" s="424"/>
      <c r="ORE724" s="423" t="s">
        <v>2795</v>
      </c>
      <c r="ORF724" s="424"/>
      <c r="ORG724" s="424"/>
      <c r="ORH724" s="424"/>
      <c r="ORI724" s="423" t="s">
        <v>2795</v>
      </c>
      <c r="ORJ724" s="424"/>
      <c r="ORK724" s="424"/>
      <c r="ORL724" s="424"/>
      <c r="ORM724" s="423" t="s">
        <v>2795</v>
      </c>
      <c r="ORN724" s="424"/>
      <c r="ORO724" s="424"/>
      <c r="ORP724" s="424"/>
      <c r="ORQ724" s="423" t="s">
        <v>2795</v>
      </c>
      <c r="ORR724" s="424"/>
      <c r="ORS724" s="424"/>
      <c r="ORT724" s="424"/>
      <c r="ORU724" s="423" t="s">
        <v>2795</v>
      </c>
      <c r="ORV724" s="424"/>
      <c r="ORW724" s="424"/>
      <c r="ORX724" s="424"/>
      <c r="ORY724" s="423" t="s">
        <v>2795</v>
      </c>
      <c r="ORZ724" s="424"/>
      <c r="OSA724" s="424"/>
      <c r="OSB724" s="424"/>
      <c r="OSC724" s="423" t="s">
        <v>2795</v>
      </c>
      <c r="OSD724" s="424"/>
      <c r="OSE724" s="424"/>
      <c r="OSF724" s="424"/>
      <c r="OSG724" s="423" t="s">
        <v>2795</v>
      </c>
      <c r="OSH724" s="424"/>
      <c r="OSI724" s="424"/>
      <c r="OSJ724" s="424"/>
      <c r="OSK724" s="423" t="s">
        <v>2795</v>
      </c>
      <c r="OSL724" s="424"/>
      <c r="OSM724" s="424"/>
      <c r="OSN724" s="424"/>
      <c r="OSO724" s="423" t="s">
        <v>2795</v>
      </c>
      <c r="OSP724" s="424"/>
      <c r="OSQ724" s="424"/>
      <c r="OSR724" s="424"/>
      <c r="OSS724" s="423" t="s">
        <v>2795</v>
      </c>
      <c r="OST724" s="424"/>
      <c r="OSU724" s="424"/>
      <c r="OSV724" s="424"/>
      <c r="OSW724" s="423" t="s">
        <v>2795</v>
      </c>
      <c r="OSX724" s="424"/>
      <c r="OSY724" s="424"/>
      <c r="OSZ724" s="424"/>
      <c r="OTA724" s="423" t="s">
        <v>2795</v>
      </c>
      <c r="OTB724" s="424"/>
      <c r="OTC724" s="424"/>
      <c r="OTD724" s="424"/>
      <c r="OTE724" s="423" t="s">
        <v>2795</v>
      </c>
      <c r="OTF724" s="424"/>
      <c r="OTG724" s="424"/>
      <c r="OTH724" s="424"/>
      <c r="OTI724" s="423" t="s">
        <v>2795</v>
      </c>
      <c r="OTJ724" s="424"/>
      <c r="OTK724" s="424"/>
      <c r="OTL724" s="424"/>
      <c r="OTM724" s="423" t="s">
        <v>2795</v>
      </c>
      <c r="OTN724" s="424"/>
      <c r="OTO724" s="424"/>
      <c r="OTP724" s="424"/>
      <c r="OTQ724" s="423" t="s">
        <v>2795</v>
      </c>
      <c r="OTR724" s="424"/>
      <c r="OTS724" s="424"/>
      <c r="OTT724" s="424"/>
      <c r="OTU724" s="423" t="s">
        <v>2795</v>
      </c>
      <c r="OTV724" s="424"/>
      <c r="OTW724" s="424"/>
      <c r="OTX724" s="424"/>
      <c r="OTY724" s="423" t="s">
        <v>2795</v>
      </c>
      <c r="OTZ724" s="424"/>
      <c r="OUA724" s="424"/>
      <c r="OUB724" s="424"/>
      <c r="OUC724" s="423" t="s">
        <v>2795</v>
      </c>
      <c r="OUD724" s="424"/>
      <c r="OUE724" s="424"/>
      <c r="OUF724" s="424"/>
      <c r="OUG724" s="423" t="s">
        <v>2795</v>
      </c>
      <c r="OUH724" s="424"/>
      <c r="OUI724" s="424"/>
      <c r="OUJ724" s="424"/>
      <c r="OUK724" s="423" t="s">
        <v>2795</v>
      </c>
      <c r="OUL724" s="424"/>
      <c r="OUM724" s="424"/>
      <c r="OUN724" s="424"/>
      <c r="OUO724" s="423" t="s">
        <v>2795</v>
      </c>
      <c r="OUP724" s="424"/>
      <c r="OUQ724" s="424"/>
      <c r="OUR724" s="424"/>
      <c r="OUS724" s="423" t="s">
        <v>2795</v>
      </c>
      <c r="OUT724" s="424"/>
      <c r="OUU724" s="424"/>
      <c r="OUV724" s="424"/>
      <c r="OUW724" s="423" t="s">
        <v>2795</v>
      </c>
      <c r="OUX724" s="424"/>
      <c r="OUY724" s="424"/>
      <c r="OUZ724" s="424"/>
      <c r="OVA724" s="423" t="s">
        <v>2795</v>
      </c>
      <c r="OVB724" s="424"/>
      <c r="OVC724" s="424"/>
      <c r="OVD724" s="424"/>
      <c r="OVE724" s="423" t="s">
        <v>2795</v>
      </c>
      <c r="OVF724" s="424"/>
      <c r="OVG724" s="424"/>
      <c r="OVH724" s="424"/>
      <c r="OVI724" s="423" t="s">
        <v>2795</v>
      </c>
      <c r="OVJ724" s="424"/>
      <c r="OVK724" s="424"/>
      <c r="OVL724" s="424"/>
      <c r="OVM724" s="423" t="s">
        <v>2795</v>
      </c>
      <c r="OVN724" s="424"/>
      <c r="OVO724" s="424"/>
      <c r="OVP724" s="424"/>
      <c r="OVQ724" s="423" t="s">
        <v>2795</v>
      </c>
      <c r="OVR724" s="424"/>
      <c r="OVS724" s="424"/>
      <c r="OVT724" s="424"/>
      <c r="OVU724" s="423" t="s">
        <v>2795</v>
      </c>
      <c r="OVV724" s="424"/>
      <c r="OVW724" s="424"/>
      <c r="OVX724" s="424"/>
      <c r="OVY724" s="423" t="s">
        <v>2795</v>
      </c>
      <c r="OVZ724" s="424"/>
      <c r="OWA724" s="424"/>
      <c r="OWB724" s="424"/>
      <c r="OWC724" s="423" t="s">
        <v>2795</v>
      </c>
      <c r="OWD724" s="424"/>
      <c r="OWE724" s="424"/>
      <c r="OWF724" s="424"/>
      <c r="OWG724" s="423" t="s">
        <v>2795</v>
      </c>
      <c r="OWH724" s="424"/>
      <c r="OWI724" s="424"/>
      <c r="OWJ724" s="424"/>
      <c r="OWK724" s="423" t="s">
        <v>2795</v>
      </c>
      <c r="OWL724" s="424"/>
      <c r="OWM724" s="424"/>
      <c r="OWN724" s="424"/>
      <c r="OWO724" s="423" t="s">
        <v>2795</v>
      </c>
      <c r="OWP724" s="424"/>
      <c r="OWQ724" s="424"/>
      <c r="OWR724" s="424"/>
      <c r="OWS724" s="423" t="s">
        <v>2795</v>
      </c>
      <c r="OWT724" s="424"/>
      <c r="OWU724" s="424"/>
      <c r="OWV724" s="424"/>
      <c r="OWW724" s="423" t="s">
        <v>2795</v>
      </c>
      <c r="OWX724" s="424"/>
      <c r="OWY724" s="424"/>
      <c r="OWZ724" s="424"/>
      <c r="OXA724" s="423" t="s">
        <v>2795</v>
      </c>
      <c r="OXB724" s="424"/>
      <c r="OXC724" s="424"/>
      <c r="OXD724" s="424"/>
      <c r="OXE724" s="423" t="s">
        <v>2795</v>
      </c>
      <c r="OXF724" s="424"/>
      <c r="OXG724" s="424"/>
      <c r="OXH724" s="424"/>
      <c r="OXI724" s="423" t="s">
        <v>2795</v>
      </c>
      <c r="OXJ724" s="424"/>
      <c r="OXK724" s="424"/>
      <c r="OXL724" s="424"/>
      <c r="OXM724" s="423" t="s">
        <v>2795</v>
      </c>
      <c r="OXN724" s="424"/>
      <c r="OXO724" s="424"/>
      <c r="OXP724" s="424"/>
      <c r="OXQ724" s="423" t="s">
        <v>2795</v>
      </c>
      <c r="OXR724" s="424"/>
      <c r="OXS724" s="424"/>
      <c r="OXT724" s="424"/>
      <c r="OXU724" s="423" t="s">
        <v>2795</v>
      </c>
      <c r="OXV724" s="424"/>
      <c r="OXW724" s="424"/>
      <c r="OXX724" s="424"/>
      <c r="OXY724" s="423" t="s">
        <v>2795</v>
      </c>
      <c r="OXZ724" s="424"/>
      <c r="OYA724" s="424"/>
      <c r="OYB724" s="424"/>
      <c r="OYC724" s="423" t="s">
        <v>2795</v>
      </c>
      <c r="OYD724" s="424"/>
      <c r="OYE724" s="424"/>
      <c r="OYF724" s="424"/>
      <c r="OYG724" s="423" t="s">
        <v>2795</v>
      </c>
      <c r="OYH724" s="424"/>
      <c r="OYI724" s="424"/>
      <c r="OYJ724" s="424"/>
      <c r="OYK724" s="423" t="s">
        <v>2795</v>
      </c>
      <c r="OYL724" s="424"/>
      <c r="OYM724" s="424"/>
      <c r="OYN724" s="424"/>
      <c r="OYO724" s="423" t="s">
        <v>2795</v>
      </c>
      <c r="OYP724" s="424"/>
      <c r="OYQ724" s="424"/>
      <c r="OYR724" s="424"/>
      <c r="OYS724" s="423" t="s">
        <v>2795</v>
      </c>
      <c r="OYT724" s="424"/>
      <c r="OYU724" s="424"/>
      <c r="OYV724" s="424"/>
      <c r="OYW724" s="423" t="s">
        <v>2795</v>
      </c>
      <c r="OYX724" s="424"/>
      <c r="OYY724" s="424"/>
      <c r="OYZ724" s="424"/>
      <c r="OZA724" s="423" t="s">
        <v>2795</v>
      </c>
      <c r="OZB724" s="424"/>
      <c r="OZC724" s="424"/>
      <c r="OZD724" s="424"/>
      <c r="OZE724" s="423" t="s">
        <v>2795</v>
      </c>
      <c r="OZF724" s="424"/>
      <c r="OZG724" s="424"/>
      <c r="OZH724" s="424"/>
      <c r="OZI724" s="423" t="s">
        <v>2795</v>
      </c>
      <c r="OZJ724" s="424"/>
      <c r="OZK724" s="424"/>
      <c r="OZL724" s="424"/>
      <c r="OZM724" s="423" t="s">
        <v>2795</v>
      </c>
      <c r="OZN724" s="424"/>
      <c r="OZO724" s="424"/>
      <c r="OZP724" s="424"/>
      <c r="OZQ724" s="423" t="s">
        <v>2795</v>
      </c>
      <c r="OZR724" s="424"/>
      <c r="OZS724" s="424"/>
      <c r="OZT724" s="424"/>
      <c r="OZU724" s="423" t="s">
        <v>2795</v>
      </c>
      <c r="OZV724" s="424"/>
      <c r="OZW724" s="424"/>
      <c r="OZX724" s="424"/>
      <c r="OZY724" s="423" t="s">
        <v>2795</v>
      </c>
      <c r="OZZ724" s="424"/>
      <c r="PAA724" s="424"/>
      <c r="PAB724" s="424"/>
      <c r="PAC724" s="423" t="s">
        <v>2795</v>
      </c>
      <c r="PAD724" s="424"/>
      <c r="PAE724" s="424"/>
      <c r="PAF724" s="424"/>
      <c r="PAG724" s="423" t="s">
        <v>2795</v>
      </c>
      <c r="PAH724" s="424"/>
      <c r="PAI724" s="424"/>
      <c r="PAJ724" s="424"/>
      <c r="PAK724" s="423" t="s">
        <v>2795</v>
      </c>
      <c r="PAL724" s="424"/>
      <c r="PAM724" s="424"/>
      <c r="PAN724" s="424"/>
      <c r="PAO724" s="423" t="s">
        <v>2795</v>
      </c>
      <c r="PAP724" s="424"/>
      <c r="PAQ724" s="424"/>
      <c r="PAR724" s="424"/>
      <c r="PAS724" s="423" t="s">
        <v>2795</v>
      </c>
      <c r="PAT724" s="424"/>
      <c r="PAU724" s="424"/>
      <c r="PAV724" s="424"/>
      <c r="PAW724" s="423" t="s">
        <v>2795</v>
      </c>
      <c r="PAX724" s="424"/>
      <c r="PAY724" s="424"/>
      <c r="PAZ724" s="424"/>
      <c r="PBA724" s="423" t="s">
        <v>2795</v>
      </c>
      <c r="PBB724" s="424"/>
      <c r="PBC724" s="424"/>
      <c r="PBD724" s="424"/>
      <c r="PBE724" s="423" t="s">
        <v>2795</v>
      </c>
      <c r="PBF724" s="424"/>
      <c r="PBG724" s="424"/>
      <c r="PBH724" s="424"/>
      <c r="PBI724" s="423" t="s">
        <v>2795</v>
      </c>
      <c r="PBJ724" s="424"/>
      <c r="PBK724" s="424"/>
      <c r="PBL724" s="424"/>
      <c r="PBM724" s="423" t="s">
        <v>2795</v>
      </c>
      <c r="PBN724" s="424"/>
      <c r="PBO724" s="424"/>
      <c r="PBP724" s="424"/>
      <c r="PBQ724" s="423" t="s">
        <v>2795</v>
      </c>
      <c r="PBR724" s="424"/>
      <c r="PBS724" s="424"/>
      <c r="PBT724" s="424"/>
      <c r="PBU724" s="423" t="s">
        <v>2795</v>
      </c>
      <c r="PBV724" s="424"/>
      <c r="PBW724" s="424"/>
      <c r="PBX724" s="424"/>
      <c r="PBY724" s="423" t="s">
        <v>2795</v>
      </c>
      <c r="PBZ724" s="424"/>
      <c r="PCA724" s="424"/>
      <c r="PCB724" s="424"/>
      <c r="PCC724" s="423" t="s">
        <v>2795</v>
      </c>
      <c r="PCD724" s="424"/>
      <c r="PCE724" s="424"/>
      <c r="PCF724" s="424"/>
      <c r="PCG724" s="423" t="s">
        <v>2795</v>
      </c>
      <c r="PCH724" s="424"/>
      <c r="PCI724" s="424"/>
      <c r="PCJ724" s="424"/>
      <c r="PCK724" s="423" t="s">
        <v>2795</v>
      </c>
      <c r="PCL724" s="424"/>
      <c r="PCM724" s="424"/>
      <c r="PCN724" s="424"/>
      <c r="PCO724" s="423" t="s">
        <v>2795</v>
      </c>
      <c r="PCP724" s="424"/>
      <c r="PCQ724" s="424"/>
      <c r="PCR724" s="424"/>
      <c r="PCS724" s="423" t="s">
        <v>2795</v>
      </c>
      <c r="PCT724" s="424"/>
      <c r="PCU724" s="424"/>
      <c r="PCV724" s="424"/>
      <c r="PCW724" s="423" t="s">
        <v>2795</v>
      </c>
      <c r="PCX724" s="424"/>
      <c r="PCY724" s="424"/>
      <c r="PCZ724" s="424"/>
      <c r="PDA724" s="423" t="s">
        <v>2795</v>
      </c>
      <c r="PDB724" s="424"/>
      <c r="PDC724" s="424"/>
      <c r="PDD724" s="424"/>
      <c r="PDE724" s="423" t="s">
        <v>2795</v>
      </c>
      <c r="PDF724" s="424"/>
      <c r="PDG724" s="424"/>
      <c r="PDH724" s="424"/>
      <c r="PDI724" s="423" t="s">
        <v>2795</v>
      </c>
      <c r="PDJ724" s="424"/>
      <c r="PDK724" s="424"/>
      <c r="PDL724" s="424"/>
      <c r="PDM724" s="423" t="s">
        <v>2795</v>
      </c>
      <c r="PDN724" s="424"/>
      <c r="PDO724" s="424"/>
      <c r="PDP724" s="424"/>
      <c r="PDQ724" s="423" t="s">
        <v>2795</v>
      </c>
      <c r="PDR724" s="424"/>
      <c r="PDS724" s="424"/>
      <c r="PDT724" s="424"/>
      <c r="PDU724" s="423" t="s">
        <v>2795</v>
      </c>
      <c r="PDV724" s="424"/>
      <c r="PDW724" s="424"/>
      <c r="PDX724" s="424"/>
      <c r="PDY724" s="423" t="s">
        <v>2795</v>
      </c>
      <c r="PDZ724" s="424"/>
      <c r="PEA724" s="424"/>
      <c r="PEB724" s="424"/>
      <c r="PEC724" s="423" t="s">
        <v>2795</v>
      </c>
      <c r="PED724" s="424"/>
      <c r="PEE724" s="424"/>
      <c r="PEF724" s="424"/>
      <c r="PEG724" s="423" t="s">
        <v>2795</v>
      </c>
      <c r="PEH724" s="424"/>
      <c r="PEI724" s="424"/>
      <c r="PEJ724" s="424"/>
      <c r="PEK724" s="423" t="s">
        <v>2795</v>
      </c>
      <c r="PEL724" s="424"/>
      <c r="PEM724" s="424"/>
      <c r="PEN724" s="424"/>
      <c r="PEO724" s="423" t="s">
        <v>2795</v>
      </c>
      <c r="PEP724" s="424"/>
      <c r="PEQ724" s="424"/>
      <c r="PER724" s="424"/>
      <c r="PES724" s="423" t="s">
        <v>2795</v>
      </c>
      <c r="PET724" s="424"/>
      <c r="PEU724" s="424"/>
      <c r="PEV724" s="424"/>
      <c r="PEW724" s="423" t="s">
        <v>2795</v>
      </c>
      <c r="PEX724" s="424"/>
      <c r="PEY724" s="424"/>
      <c r="PEZ724" s="424"/>
      <c r="PFA724" s="423" t="s">
        <v>2795</v>
      </c>
      <c r="PFB724" s="424"/>
      <c r="PFC724" s="424"/>
      <c r="PFD724" s="424"/>
      <c r="PFE724" s="423" t="s">
        <v>2795</v>
      </c>
      <c r="PFF724" s="424"/>
      <c r="PFG724" s="424"/>
      <c r="PFH724" s="424"/>
      <c r="PFI724" s="423" t="s">
        <v>2795</v>
      </c>
      <c r="PFJ724" s="424"/>
      <c r="PFK724" s="424"/>
      <c r="PFL724" s="424"/>
      <c r="PFM724" s="423" t="s">
        <v>2795</v>
      </c>
      <c r="PFN724" s="424"/>
      <c r="PFO724" s="424"/>
      <c r="PFP724" s="424"/>
      <c r="PFQ724" s="423" t="s">
        <v>2795</v>
      </c>
      <c r="PFR724" s="424"/>
      <c r="PFS724" s="424"/>
      <c r="PFT724" s="424"/>
      <c r="PFU724" s="423" t="s">
        <v>2795</v>
      </c>
      <c r="PFV724" s="424"/>
      <c r="PFW724" s="424"/>
      <c r="PFX724" s="424"/>
      <c r="PFY724" s="423" t="s">
        <v>2795</v>
      </c>
      <c r="PFZ724" s="424"/>
      <c r="PGA724" s="424"/>
      <c r="PGB724" s="424"/>
      <c r="PGC724" s="423" t="s">
        <v>2795</v>
      </c>
      <c r="PGD724" s="424"/>
      <c r="PGE724" s="424"/>
      <c r="PGF724" s="424"/>
      <c r="PGG724" s="423" t="s">
        <v>2795</v>
      </c>
      <c r="PGH724" s="424"/>
      <c r="PGI724" s="424"/>
      <c r="PGJ724" s="424"/>
      <c r="PGK724" s="423" t="s">
        <v>2795</v>
      </c>
      <c r="PGL724" s="424"/>
      <c r="PGM724" s="424"/>
      <c r="PGN724" s="424"/>
      <c r="PGO724" s="423" t="s">
        <v>2795</v>
      </c>
      <c r="PGP724" s="424"/>
      <c r="PGQ724" s="424"/>
      <c r="PGR724" s="424"/>
      <c r="PGS724" s="423" t="s">
        <v>2795</v>
      </c>
      <c r="PGT724" s="424"/>
      <c r="PGU724" s="424"/>
      <c r="PGV724" s="424"/>
      <c r="PGW724" s="423" t="s">
        <v>2795</v>
      </c>
      <c r="PGX724" s="424"/>
      <c r="PGY724" s="424"/>
      <c r="PGZ724" s="424"/>
      <c r="PHA724" s="423" t="s">
        <v>2795</v>
      </c>
      <c r="PHB724" s="424"/>
      <c r="PHC724" s="424"/>
      <c r="PHD724" s="424"/>
      <c r="PHE724" s="423" t="s">
        <v>2795</v>
      </c>
      <c r="PHF724" s="424"/>
      <c r="PHG724" s="424"/>
      <c r="PHH724" s="424"/>
      <c r="PHI724" s="423" t="s">
        <v>2795</v>
      </c>
      <c r="PHJ724" s="424"/>
      <c r="PHK724" s="424"/>
      <c r="PHL724" s="424"/>
      <c r="PHM724" s="423" t="s">
        <v>2795</v>
      </c>
      <c r="PHN724" s="424"/>
      <c r="PHO724" s="424"/>
      <c r="PHP724" s="424"/>
      <c r="PHQ724" s="423" t="s">
        <v>2795</v>
      </c>
      <c r="PHR724" s="424"/>
      <c r="PHS724" s="424"/>
      <c r="PHT724" s="424"/>
      <c r="PHU724" s="423" t="s">
        <v>2795</v>
      </c>
      <c r="PHV724" s="424"/>
      <c r="PHW724" s="424"/>
      <c r="PHX724" s="424"/>
      <c r="PHY724" s="423" t="s">
        <v>2795</v>
      </c>
      <c r="PHZ724" s="424"/>
      <c r="PIA724" s="424"/>
      <c r="PIB724" s="424"/>
      <c r="PIC724" s="423" t="s">
        <v>2795</v>
      </c>
      <c r="PID724" s="424"/>
      <c r="PIE724" s="424"/>
      <c r="PIF724" s="424"/>
      <c r="PIG724" s="423" t="s">
        <v>2795</v>
      </c>
      <c r="PIH724" s="424"/>
      <c r="PII724" s="424"/>
      <c r="PIJ724" s="424"/>
      <c r="PIK724" s="423" t="s">
        <v>2795</v>
      </c>
      <c r="PIL724" s="424"/>
      <c r="PIM724" s="424"/>
      <c r="PIN724" s="424"/>
      <c r="PIO724" s="423" t="s">
        <v>2795</v>
      </c>
      <c r="PIP724" s="424"/>
      <c r="PIQ724" s="424"/>
      <c r="PIR724" s="424"/>
      <c r="PIS724" s="423" t="s">
        <v>2795</v>
      </c>
      <c r="PIT724" s="424"/>
      <c r="PIU724" s="424"/>
      <c r="PIV724" s="424"/>
      <c r="PIW724" s="423" t="s">
        <v>2795</v>
      </c>
      <c r="PIX724" s="424"/>
      <c r="PIY724" s="424"/>
      <c r="PIZ724" s="424"/>
      <c r="PJA724" s="423" t="s">
        <v>2795</v>
      </c>
      <c r="PJB724" s="424"/>
      <c r="PJC724" s="424"/>
      <c r="PJD724" s="424"/>
      <c r="PJE724" s="423" t="s">
        <v>2795</v>
      </c>
      <c r="PJF724" s="424"/>
      <c r="PJG724" s="424"/>
      <c r="PJH724" s="424"/>
      <c r="PJI724" s="423" t="s">
        <v>2795</v>
      </c>
      <c r="PJJ724" s="424"/>
      <c r="PJK724" s="424"/>
      <c r="PJL724" s="424"/>
      <c r="PJM724" s="423" t="s">
        <v>2795</v>
      </c>
      <c r="PJN724" s="424"/>
      <c r="PJO724" s="424"/>
      <c r="PJP724" s="424"/>
      <c r="PJQ724" s="423" t="s">
        <v>2795</v>
      </c>
      <c r="PJR724" s="424"/>
      <c r="PJS724" s="424"/>
      <c r="PJT724" s="424"/>
      <c r="PJU724" s="423" t="s">
        <v>2795</v>
      </c>
      <c r="PJV724" s="424"/>
      <c r="PJW724" s="424"/>
      <c r="PJX724" s="424"/>
      <c r="PJY724" s="423" t="s">
        <v>2795</v>
      </c>
      <c r="PJZ724" s="424"/>
      <c r="PKA724" s="424"/>
      <c r="PKB724" s="424"/>
      <c r="PKC724" s="423" t="s">
        <v>2795</v>
      </c>
      <c r="PKD724" s="424"/>
      <c r="PKE724" s="424"/>
      <c r="PKF724" s="424"/>
      <c r="PKG724" s="423" t="s">
        <v>2795</v>
      </c>
      <c r="PKH724" s="424"/>
      <c r="PKI724" s="424"/>
      <c r="PKJ724" s="424"/>
      <c r="PKK724" s="423" t="s">
        <v>2795</v>
      </c>
      <c r="PKL724" s="424"/>
      <c r="PKM724" s="424"/>
      <c r="PKN724" s="424"/>
      <c r="PKO724" s="423" t="s">
        <v>2795</v>
      </c>
      <c r="PKP724" s="424"/>
      <c r="PKQ724" s="424"/>
      <c r="PKR724" s="424"/>
      <c r="PKS724" s="423" t="s">
        <v>2795</v>
      </c>
      <c r="PKT724" s="424"/>
      <c r="PKU724" s="424"/>
      <c r="PKV724" s="424"/>
      <c r="PKW724" s="423" t="s">
        <v>2795</v>
      </c>
      <c r="PKX724" s="424"/>
      <c r="PKY724" s="424"/>
      <c r="PKZ724" s="424"/>
      <c r="PLA724" s="423" t="s">
        <v>2795</v>
      </c>
      <c r="PLB724" s="424"/>
      <c r="PLC724" s="424"/>
      <c r="PLD724" s="424"/>
      <c r="PLE724" s="423" t="s">
        <v>2795</v>
      </c>
      <c r="PLF724" s="424"/>
      <c r="PLG724" s="424"/>
      <c r="PLH724" s="424"/>
      <c r="PLI724" s="423" t="s">
        <v>2795</v>
      </c>
      <c r="PLJ724" s="424"/>
      <c r="PLK724" s="424"/>
      <c r="PLL724" s="424"/>
      <c r="PLM724" s="423" t="s">
        <v>2795</v>
      </c>
      <c r="PLN724" s="424"/>
      <c r="PLO724" s="424"/>
      <c r="PLP724" s="424"/>
      <c r="PLQ724" s="423" t="s">
        <v>2795</v>
      </c>
      <c r="PLR724" s="424"/>
      <c r="PLS724" s="424"/>
      <c r="PLT724" s="424"/>
      <c r="PLU724" s="423" t="s">
        <v>2795</v>
      </c>
      <c r="PLV724" s="424"/>
      <c r="PLW724" s="424"/>
      <c r="PLX724" s="424"/>
      <c r="PLY724" s="423" t="s">
        <v>2795</v>
      </c>
      <c r="PLZ724" s="424"/>
      <c r="PMA724" s="424"/>
      <c r="PMB724" s="424"/>
      <c r="PMC724" s="423" t="s">
        <v>2795</v>
      </c>
      <c r="PMD724" s="424"/>
      <c r="PME724" s="424"/>
      <c r="PMF724" s="424"/>
      <c r="PMG724" s="423" t="s">
        <v>2795</v>
      </c>
      <c r="PMH724" s="424"/>
      <c r="PMI724" s="424"/>
      <c r="PMJ724" s="424"/>
      <c r="PMK724" s="423" t="s">
        <v>2795</v>
      </c>
      <c r="PML724" s="424"/>
      <c r="PMM724" s="424"/>
      <c r="PMN724" s="424"/>
      <c r="PMO724" s="423" t="s">
        <v>2795</v>
      </c>
      <c r="PMP724" s="424"/>
      <c r="PMQ724" s="424"/>
      <c r="PMR724" s="424"/>
      <c r="PMS724" s="423" t="s">
        <v>2795</v>
      </c>
      <c r="PMT724" s="424"/>
      <c r="PMU724" s="424"/>
      <c r="PMV724" s="424"/>
      <c r="PMW724" s="423" t="s">
        <v>2795</v>
      </c>
      <c r="PMX724" s="424"/>
      <c r="PMY724" s="424"/>
      <c r="PMZ724" s="424"/>
      <c r="PNA724" s="423" t="s">
        <v>2795</v>
      </c>
      <c r="PNB724" s="424"/>
      <c r="PNC724" s="424"/>
      <c r="PND724" s="424"/>
      <c r="PNE724" s="423" t="s">
        <v>2795</v>
      </c>
      <c r="PNF724" s="424"/>
      <c r="PNG724" s="424"/>
      <c r="PNH724" s="424"/>
      <c r="PNI724" s="423" t="s">
        <v>2795</v>
      </c>
      <c r="PNJ724" s="424"/>
      <c r="PNK724" s="424"/>
      <c r="PNL724" s="424"/>
      <c r="PNM724" s="423" t="s">
        <v>2795</v>
      </c>
      <c r="PNN724" s="424"/>
      <c r="PNO724" s="424"/>
      <c r="PNP724" s="424"/>
      <c r="PNQ724" s="423" t="s">
        <v>2795</v>
      </c>
      <c r="PNR724" s="424"/>
      <c r="PNS724" s="424"/>
      <c r="PNT724" s="424"/>
      <c r="PNU724" s="423" t="s">
        <v>2795</v>
      </c>
      <c r="PNV724" s="424"/>
      <c r="PNW724" s="424"/>
      <c r="PNX724" s="424"/>
      <c r="PNY724" s="423" t="s">
        <v>2795</v>
      </c>
      <c r="PNZ724" s="424"/>
      <c r="POA724" s="424"/>
      <c r="POB724" s="424"/>
      <c r="POC724" s="423" t="s">
        <v>2795</v>
      </c>
      <c r="POD724" s="424"/>
      <c r="POE724" s="424"/>
      <c r="POF724" s="424"/>
      <c r="POG724" s="423" t="s">
        <v>2795</v>
      </c>
      <c r="POH724" s="424"/>
      <c r="POI724" s="424"/>
      <c r="POJ724" s="424"/>
      <c r="POK724" s="423" t="s">
        <v>2795</v>
      </c>
      <c r="POL724" s="424"/>
      <c r="POM724" s="424"/>
      <c r="PON724" s="424"/>
      <c r="POO724" s="423" t="s">
        <v>2795</v>
      </c>
      <c r="POP724" s="424"/>
      <c r="POQ724" s="424"/>
      <c r="POR724" s="424"/>
      <c r="POS724" s="423" t="s">
        <v>2795</v>
      </c>
      <c r="POT724" s="424"/>
      <c r="POU724" s="424"/>
      <c r="POV724" s="424"/>
      <c r="POW724" s="423" t="s">
        <v>2795</v>
      </c>
      <c r="POX724" s="424"/>
      <c r="POY724" s="424"/>
      <c r="POZ724" s="424"/>
      <c r="PPA724" s="423" t="s">
        <v>2795</v>
      </c>
      <c r="PPB724" s="424"/>
      <c r="PPC724" s="424"/>
      <c r="PPD724" s="424"/>
      <c r="PPE724" s="423" t="s">
        <v>2795</v>
      </c>
      <c r="PPF724" s="424"/>
      <c r="PPG724" s="424"/>
      <c r="PPH724" s="424"/>
      <c r="PPI724" s="423" t="s">
        <v>2795</v>
      </c>
      <c r="PPJ724" s="424"/>
      <c r="PPK724" s="424"/>
      <c r="PPL724" s="424"/>
      <c r="PPM724" s="423" t="s">
        <v>2795</v>
      </c>
      <c r="PPN724" s="424"/>
      <c r="PPO724" s="424"/>
      <c r="PPP724" s="424"/>
      <c r="PPQ724" s="423" t="s">
        <v>2795</v>
      </c>
      <c r="PPR724" s="424"/>
      <c r="PPS724" s="424"/>
      <c r="PPT724" s="424"/>
      <c r="PPU724" s="423" t="s">
        <v>2795</v>
      </c>
      <c r="PPV724" s="424"/>
      <c r="PPW724" s="424"/>
      <c r="PPX724" s="424"/>
      <c r="PPY724" s="423" t="s">
        <v>2795</v>
      </c>
      <c r="PPZ724" s="424"/>
      <c r="PQA724" s="424"/>
      <c r="PQB724" s="424"/>
      <c r="PQC724" s="423" t="s">
        <v>2795</v>
      </c>
      <c r="PQD724" s="424"/>
      <c r="PQE724" s="424"/>
      <c r="PQF724" s="424"/>
      <c r="PQG724" s="423" t="s">
        <v>2795</v>
      </c>
      <c r="PQH724" s="424"/>
      <c r="PQI724" s="424"/>
      <c r="PQJ724" s="424"/>
      <c r="PQK724" s="423" t="s">
        <v>2795</v>
      </c>
      <c r="PQL724" s="424"/>
      <c r="PQM724" s="424"/>
      <c r="PQN724" s="424"/>
      <c r="PQO724" s="423" t="s">
        <v>2795</v>
      </c>
      <c r="PQP724" s="424"/>
      <c r="PQQ724" s="424"/>
      <c r="PQR724" s="424"/>
      <c r="PQS724" s="423" t="s">
        <v>2795</v>
      </c>
      <c r="PQT724" s="424"/>
      <c r="PQU724" s="424"/>
      <c r="PQV724" s="424"/>
      <c r="PQW724" s="423" t="s">
        <v>2795</v>
      </c>
      <c r="PQX724" s="424"/>
      <c r="PQY724" s="424"/>
      <c r="PQZ724" s="424"/>
      <c r="PRA724" s="423" t="s">
        <v>2795</v>
      </c>
      <c r="PRB724" s="424"/>
      <c r="PRC724" s="424"/>
      <c r="PRD724" s="424"/>
      <c r="PRE724" s="423" t="s">
        <v>2795</v>
      </c>
      <c r="PRF724" s="424"/>
      <c r="PRG724" s="424"/>
      <c r="PRH724" s="424"/>
      <c r="PRI724" s="423" t="s">
        <v>2795</v>
      </c>
      <c r="PRJ724" s="424"/>
      <c r="PRK724" s="424"/>
      <c r="PRL724" s="424"/>
      <c r="PRM724" s="423" t="s">
        <v>2795</v>
      </c>
      <c r="PRN724" s="424"/>
      <c r="PRO724" s="424"/>
      <c r="PRP724" s="424"/>
      <c r="PRQ724" s="423" t="s">
        <v>2795</v>
      </c>
      <c r="PRR724" s="424"/>
      <c r="PRS724" s="424"/>
      <c r="PRT724" s="424"/>
      <c r="PRU724" s="423" t="s">
        <v>2795</v>
      </c>
      <c r="PRV724" s="424"/>
      <c r="PRW724" s="424"/>
      <c r="PRX724" s="424"/>
      <c r="PRY724" s="423" t="s">
        <v>2795</v>
      </c>
      <c r="PRZ724" s="424"/>
      <c r="PSA724" s="424"/>
      <c r="PSB724" s="424"/>
      <c r="PSC724" s="423" t="s">
        <v>2795</v>
      </c>
      <c r="PSD724" s="424"/>
      <c r="PSE724" s="424"/>
      <c r="PSF724" s="424"/>
      <c r="PSG724" s="423" t="s">
        <v>2795</v>
      </c>
      <c r="PSH724" s="424"/>
      <c r="PSI724" s="424"/>
      <c r="PSJ724" s="424"/>
      <c r="PSK724" s="423" t="s">
        <v>2795</v>
      </c>
      <c r="PSL724" s="424"/>
      <c r="PSM724" s="424"/>
      <c r="PSN724" s="424"/>
      <c r="PSO724" s="423" t="s">
        <v>2795</v>
      </c>
      <c r="PSP724" s="424"/>
      <c r="PSQ724" s="424"/>
      <c r="PSR724" s="424"/>
      <c r="PSS724" s="423" t="s">
        <v>2795</v>
      </c>
      <c r="PST724" s="424"/>
      <c r="PSU724" s="424"/>
      <c r="PSV724" s="424"/>
      <c r="PSW724" s="423" t="s">
        <v>2795</v>
      </c>
      <c r="PSX724" s="424"/>
      <c r="PSY724" s="424"/>
      <c r="PSZ724" s="424"/>
      <c r="PTA724" s="423" t="s">
        <v>2795</v>
      </c>
      <c r="PTB724" s="424"/>
      <c r="PTC724" s="424"/>
      <c r="PTD724" s="424"/>
      <c r="PTE724" s="423" t="s">
        <v>2795</v>
      </c>
      <c r="PTF724" s="424"/>
      <c r="PTG724" s="424"/>
      <c r="PTH724" s="424"/>
      <c r="PTI724" s="423" t="s">
        <v>2795</v>
      </c>
      <c r="PTJ724" s="424"/>
      <c r="PTK724" s="424"/>
      <c r="PTL724" s="424"/>
      <c r="PTM724" s="423" t="s">
        <v>2795</v>
      </c>
      <c r="PTN724" s="424"/>
      <c r="PTO724" s="424"/>
      <c r="PTP724" s="424"/>
      <c r="PTQ724" s="423" t="s">
        <v>2795</v>
      </c>
      <c r="PTR724" s="424"/>
      <c r="PTS724" s="424"/>
      <c r="PTT724" s="424"/>
      <c r="PTU724" s="423" t="s">
        <v>2795</v>
      </c>
      <c r="PTV724" s="424"/>
      <c r="PTW724" s="424"/>
      <c r="PTX724" s="424"/>
      <c r="PTY724" s="423" t="s">
        <v>2795</v>
      </c>
      <c r="PTZ724" s="424"/>
      <c r="PUA724" s="424"/>
      <c r="PUB724" s="424"/>
      <c r="PUC724" s="423" t="s">
        <v>2795</v>
      </c>
      <c r="PUD724" s="424"/>
      <c r="PUE724" s="424"/>
      <c r="PUF724" s="424"/>
      <c r="PUG724" s="423" t="s">
        <v>2795</v>
      </c>
      <c r="PUH724" s="424"/>
      <c r="PUI724" s="424"/>
      <c r="PUJ724" s="424"/>
      <c r="PUK724" s="423" t="s">
        <v>2795</v>
      </c>
      <c r="PUL724" s="424"/>
      <c r="PUM724" s="424"/>
      <c r="PUN724" s="424"/>
      <c r="PUO724" s="423" t="s">
        <v>2795</v>
      </c>
      <c r="PUP724" s="424"/>
      <c r="PUQ724" s="424"/>
      <c r="PUR724" s="424"/>
      <c r="PUS724" s="423" t="s">
        <v>2795</v>
      </c>
      <c r="PUT724" s="424"/>
      <c r="PUU724" s="424"/>
      <c r="PUV724" s="424"/>
      <c r="PUW724" s="423" t="s">
        <v>2795</v>
      </c>
      <c r="PUX724" s="424"/>
      <c r="PUY724" s="424"/>
      <c r="PUZ724" s="424"/>
      <c r="PVA724" s="423" t="s">
        <v>2795</v>
      </c>
      <c r="PVB724" s="424"/>
      <c r="PVC724" s="424"/>
      <c r="PVD724" s="424"/>
      <c r="PVE724" s="423" t="s">
        <v>2795</v>
      </c>
      <c r="PVF724" s="424"/>
      <c r="PVG724" s="424"/>
      <c r="PVH724" s="424"/>
      <c r="PVI724" s="423" t="s">
        <v>2795</v>
      </c>
      <c r="PVJ724" s="424"/>
      <c r="PVK724" s="424"/>
      <c r="PVL724" s="424"/>
      <c r="PVM724" s="423" t="s">
        <v>2795</v>
      </c>
      <c r="PVN724" s="424"/>
      <c r="PVO724" s="424"/>
      <c r="PVP724" s="424"/>
      <c r="PVQ724" s="423" t="s">
        <v>2795</v>
      </c>
      <c r="PVR724" s="424"/>
      <c r="PVS724" s="424"/>
      <c r="PVT724" s="424"/>
      <c r="PVU724" s="423" t="s">
        <v>2795</v>
      </c>
      <c r="PVV724" s="424"/>
      <c r="PVW724" s="424"/>
      <c r="PVX724" s="424"/>
      <c r="PVY724" s="423" t="s">
        <v>2795</v>
      </c>
      <c r="PVZ724" s="424"/>
      <c r="PWA724" s="424"/>
      <c r="PWB724" s="424"/>
      <c r="PWC724" s="423" t="s">
        <v>2795</v>
      </c>
      <c r="PWD724" s="424"/>
      <c r="PWE724" s="424"/>
      <c r="PWF724" s="424"/>
      <c r="PWG724" s="423" t="s">
        <v>2795</v>
      </c>
      <c r="PWH724" s="424"/>
      <c r="PWI724" s="424"/>
      <c r="PWJ724" s="424"/>
      <c r="PWK724" s="423" t="s">
        <v>2795</v>
      </c>
      <c r="PWL724" s="424"/>
      <c r="PWM724" s="424"/>
      <c r="PWN724" s="424"/>
      <c r="PWO724" s="423" t="s">
        <v>2795</v>
      </c>
      <c r="PWP724" s="424"/>
      <c r="PWQ724" s="424"/>
      <c r="PWR724" s="424"/>
      <c r="PWS724" s="423" t="s">
        <v>2795</v>
      </c>
      <c r="PWT724" s="424"/>
      <c r="PWU724" s="424"/>
      <c r="PWV724" s="424"/>
      <c r="PWW724" s="423" t="s">
        <v>2795</v>
      </c>
      <c r="PWX724" s="424"/>
      <c r="PWY724" s="424"/>
      <c r="PWZ724" s="424"/>
      <c r="PXA724" s="423" t="s">
        <v>2795</v>
      </c>
      <c r="PXB724" s="424"/>
      <c r="PXC724" s="424"/>
      <c r="PXD724" s="424"/>
      <c r="PXE724" s="423" t="s">
        <v>2795</v>
      </c>
      <c r="PXF724" s="424"/>
      <c r="PXG724" s="424"/>
      <c r="PXH724" s="424"/>
      <c r="PXI724" s="423" t="s">
        <v>2795</v>
      </c>
      <c r="PXJ724" s="424"/>
      <c r="PXK724" s="424"/>
      <c r="PXL724" s="424"/>
      <c r="PXM724" s="423" t="s">
        <v>2795</v>
      </c>
      <c r="PXN724" s="424"/>
      <c r="PXO724" s="424"/>
      <c r="PXP724" s="424"/>
      <c r="PXQ724" s="423" t="s">
        <v>2795</v>
      </c>
      <c r="PXR724" s="424"/>
      <c r="PXS724" s="424"/>
      <c r="PXT724" s="424"/>
      <c r="PXU724" s="423" t="s">
        <v>2795</v>
      </c>
      <c r="PXV724" s="424"/>
      <c r="PXW724" s="424"/>
      <c r="PXX724" s="424"/>
      <c r="PXY724" s="423" t="s">
        <v>2795</v>
      </c>
      <c r="PXZ724" s="424"/>
      <c r="PYA724" s="424"/>
      <c r="PYB724" s="424"/>
      <c r="PYC724" s="423" t="s">
        <v>2795</v>
      </c>
      <c r="PYD724" s="424"/>
      <c r="PYE724" s="424"/>
      <c r="PYF724" s="424"/>
      <c r="PYG724" s="423" t="s">
        <v>2795</v>
      </c>
      <c r="PYH724" s="424"/>
      <c r="PYI724" s="424"/>
      <c r="PYJ724" s="424"/>
      <c r="PYK724" s="423" t="s">
        <v>2795</v>
      </c>
      <c r="PYL724" s="424"/>
      <c r="PYM724" s="424"/>
      <c r="PYN724" s="424"/>
      <c r="PYO724" s="423" t="s">
        <v>2795</v>
      </c>
      <c r="PYP724" s="424"/>
      <c r="PYQ724" s="424"/>
      <c r="PYR724" s="424"/>
      <c r="PYS724" s="423" t="s">
        <v>2795</v>
      </c>
      <c r="PYT724" s="424"/>
      <c r="PYU724" s="424"/>
      <c r="PYV724" s="424"/>
      <c r="PYW724" s="423" t="s">
        <v>2795</v>
      </c>
      <c r="PYX724" s="424"/>
      <c r="PYY724" s="424"/>
      <c r="PYZ724" s="424"/>
      <c r="PZA724" s="423" t="s">
        <v>2795</v>
      </c>
      <c r="PZB724" s="424"/>
      <c r="PZC724" s="424"/>
      <c r="PZD724" s="424"/>
      <c r="PZE724" s="423" t="s">
        <v>2795</v>
      </c>
      <c r="PZF724" s="424"/>
      <c r="PZG724" s="424"/>
      <c r="PZH724" s="424"/>
      <c r="PZI724" s="423" t="s">
        <v>2795</v>
      </c>
      <c r="PZJ724" s="424"/>
      <c r="PZK724" s="424"/>
      <c r="PZL724" s="424"/>
      <c r="PZM724" s="423" t="s">
        <v>2795</v>
      </c>
      <c r="PZN724" s="424"/>
      <c r="PZO724" s="424"/>
      <c r="PZP724" s="424"/>
      <c r="PZQ724" s="423" t="s">
        <v>2795</v>
      </c>
      <c r="PZR724" s="424"/>
      <c r="PZS724" s="424"/>
      <c r="PZT724" s="424"/>
      <c r="PZU724" s="423" t="s">
        <v>2795</v>
      </c>
      <c r="PZV724" s="424"/>
      <c r="PZW724" s="424"/>
      <c r="PZX724" s="424"/>
      <c r="PZY724" s="423" t="s">
        <v>2795</v>
      </c>
      <c r="PZZ724" s="424"/>
      <c r="QAA724" s="424"/>
      <c r="QAB724" s="424"/>
      <c r="QAC724" s="423" t="s">
        <v>2795</v>
      </c>
      <c r="QAD724" s="424"/>
      <c r="QAE724" s="424"/>
      <c r="QAF724" s="424"/>
      <c r="QAG724" s="423" t="s">
        <v>2795</v>
      </c>
      <c r="QAH724" s="424"/>
      <c r="QAI724" s="424"/>
      <c r="QAJ724" s="424"/>
      <c r="QAK724" s="423" t="s">
        <v>2795</v>
      </c>
      <c r="QAL724" s="424"/>
      <c r="QAM724" s="424"/>
      <c r="QAN724" s="424"/>
      <c r="QAO724" s="423" t="s">
        <v>2795</v>
      </c>
      <c r="QAP724" s="424"/>
      <c r="QAQ724" s="424"/>
      <c r="QAR724" s="424"/>
      <c r="QAS724" s="423" t="s">
        <v>2795</v>
      </c>
      <c r="QAT724" s="424"/>
      <c r="QAU724" s="424"/>
      <c r="QAV724" s="424"/>
      <c r="QAW724" s="423" t="s">
        <v>2795</v>
      </c>
      <c r="QAX724" s="424"/>
      <c r="QAY724" s="424"/>
      <c r="QAZ724" s="424"/>
      <c r="QBA724" s="423" t="s">
        <v>2795</v>
      </c>
      <c r="QBB724" s="424"/>
      <c r="QBC724" s="424"/>
      <c r="QBD724" s="424"/>
      <c r="QBE724" s="423" t="s">
        <v>2795</v>
      </c>
      <c r="QBF724" s="424"/>
      <c r="QBG724" s="424"/>
      <c r="QBH724" s="424"/>
      <c r="QBI724" s="423" t="s">
        <v>2795</v>
      </c>
      <c r="QBJ724" s="424"/>
      <c r="QBK724" s="424"/>
      <c r="QBL724" s="424"/>
      <c r="QBM724" s="423" t="s">
        <v>2795</v>
      </c>
      <c r="QBN724" s="424"/>
      <c r="QBO724" s="424"/>
      <c r="QBP724" s="424"/>
      <c r="QBQ724" s="423" t="s">
        <v>2795</v>
      </c>
      <c r="QBR724" s="424"/>
      <c r="QBS724" s="424"/>
      <c r="QBT724" s="424"/>
      <c r="QBU724" s="423" t="s">
        <v>2795</v>
      </c>
      <c r="QBV724" s="424"/>
      <c r="QBW724" s="424"/>
      <c r="QBX724" s="424"/>
      <c r="QBY724" s="423" t="s">
        <v>2795</v>
      </c>
      <c r="QBZ724" s="424"/>
      <c r="QCA724" s="424"/>
      <c r="QCB724" s="424"/>
      <c r="QCC724" s="423" t="s">
        <v>2795</v>
      </c>
      <c r="QCD724" s="424"/>
      <c r="QCE724" s="424"/>
      <c r="QCF724" s="424"/>
      <c r="QCG724" s="423" t="s">
        <v>2795</v>
      </c>
      <c r="QCH724" s="424"/>
      <c r="QCI724" s="424"/>
      <c r="QCJ724" s="424"/>
      <c r="QCK724" s="423" t="s">
        <v>2795</v>
      </c>
      <c r="QCL724" s="424"/>
      <c r="QCM724" s="424"/>
      <c r="QCN724" s="424"/>
      <c r="QCO724" s="423" t="s">
        <v>2795</v>
      </c>
      <c r="QCP724" s="424"/>
      <c r="QCQ724" s="424"/>
      <c r="QCR724" s="424"/>
      <c r="QCS724" s="423" t="s">
        <v>2795</v>
      </c>
      <c r="QCT724" s="424"/>
      <c r="QCU724" s="424"/>
      <c r="QCV724" s="424"/>
      <c r="QCW724" s="423" t="s">
        <v>2795</v>
      </c>
      <c r="QCX724" s="424"/>
      <c r="QCY724" s="424"/>
      <c r="QCZ724" s="424"/>
      <c r="QDA724" s="423" t="s">
        <v>2795</v>
      </c>
      <c r="QDB724" s="424"/>
      <c r="QDC724" s="424"/>
      <c r="QDD724" s="424"/>
      <c r="QDE724" s="423" t="s">
        <v>2795</v>
      </c>
      <c r="QDF724" s="424"/>
      <c r="QDG724" s="424"/>
      <c r="QDH724" s="424"/>
      <c r="QDI724" s="423" t="s">
        <v>2795</v>
      </c>
      <c r="QDJ724" s="424"/>
      <c r="QDK724" s="424"/>
      <c r="QDL724" s="424"/>
      <c r="QDM724" s="423" t="s">
        <v>2795</v>
      </c>
      <c r="QDN724" s="424"/>
      <c r="QDO724" s="424"/>
      <c r="QDP724" s="424"/>
      <c r="QDQ724" s="423" t="s">
        <v>2795</v>
      </c>
      <c r="QDR724" s="424"/>
      <c r="QDS724" s="424"/>
      <c r="QDT724" s="424"/>
      <c r="QDU724" s="423" t="s">
        <v>2795</v>
      </c>
      <c r="QDV724" s="424"/>
      <c r="QDW724" s="424"/>
      <c r="QDX724" s="424"/>
      <c r="QDY724" s="423" t="s">
        <v>2795</v>
      </c>
      <c r="QDZ724" s="424"/>
      <c r="QEA724" s="424"/>
      <c r="QEB724" s="424"/>
      <c r="QEC724" s="423" t="s">
        <v>2795</v>
      </c>
      <c r="QED724" s="424"/>
      <c r="QEE724" s="424"/>
      <c r="QEF724" s="424"/>
      <c r="QEG724" s="423" t="s">
        <v>2795</v>
      </c>
      <c r="QEH724" s="424"/>
      <c r="QEI724" s="424"/>
      <c r="QEJ724" s="424"/>
      <c r="QEK724" s="423" t="s">
        <v>2795</v>
      </c>
      <c r="QEL724" s="424"/>
      <c r="QEM724" s="424"/>
      <c r="QEN724" s="424"/>
      <c r="QEO724" s="423" t="s">
        <v>2795</v>
      </c>
      <c r="QEP724" s="424"/>
      <c r="QEQ724" s="424"/>
      <c r="QER724" s="424"/>
      <c r="QES724" s="423" t="s">
        <v>2795</v>
      </c>
      <c r="QET724" s="424"/>
      <c r="QEU724" s="424"/>
      <c r="QEV724" s="424"/>
      <c r="QEW724" s="423" t="s">
        <v>2795</v>
      </c>
      <c r="QEX724" s="424"/>
      <c r="QEY724" s="424"/>
      <c r="QEZ724" s="424"/>
      <c r="QFA724" s="423" t="s">
        <v>2795</v>
      </c>
      <c r="QFB724" s="424"/>
      <c r="QFC724" s="424"/>
      <c r="QFD724" s="424"/>
      <c r="QFE724" s="423" t="s">
        <v>2795</v>
      </c>
      <c r="QFF724" s="424"/>
      <c r="QFG724" s="424"/>
      <c r="QFH724" s="424"/>
      <c r="QFI724" s="423" t="s">
        <v>2795</v>
      </c>
      <c r="QFJ724" s="424"/>
      <c r="QFK724" s="424"/>
      <c r="QFL724" s="424"/>
      <c r="QFM724" s="423" t="s">
        <v>2795</v>
      </c>
      <c r="QFN724" s="424"/>
      <c r="QFO724" s="424"/>
      <c r="QFP724" s="424"/>
      <c r="QFQ724" s="423" t="s">
        <v>2795</v>
      </c>
      <c r="QFR724" s="424"/>
      <c r="QFS724" s="424"/>
      <c r="QFT724" s="424"/>
      <c r="QFU724" s="423" t="s">
        <v>2795</v>
      </c>
      <c r="QFV724" s="424"/>
      <c r="QFW724" s="424"/>
      <c r="QFX724" s="424"/>
      <c r="QFY724" s="423" t="s">
        <v>2795</v>
      </c>
      <c r="QFZ724" s="424"/>
      <c r="QGA724" s="424"/>
      <c r="QGB724" s="424"/>
      <c r="QGC724" s="423" t="s">
        <v>2795</v>
      </c>
      <c r="QGD724" s="424"/>
      <c r="QGE724" s="424"/>
      <c r="QGF724" s="424"/>
      <c r="QGG724" s="423" t="s">
        <v>2795</v>
      </c>
      <c r="QGH724" s="424"/>
      <c r="QGI724" s="424"/>
      <c r="QGJ724" s="424"/>
      <c r="QGK724" s="423" t="s">
        <v>2795</v>
      </c>
      <c r="QGL724" s="424"/>
      <c r="QGM724" s="424"/>
      <c r="QGN724" s="424"/>
      <c r="QGO724" s="423" t="s">
        <v>2795</v>
      </c>
      <c r="QGP724" s="424"/>
      <c r="QGQ724" s="424"/>
      <c r="QGR724" s="424"/>
      <c r="QGS724" s="423" t="s">
        <v>2795</v>
      </c>
      <c r="QGT724" s="424"/>
      <c r="QGU724" s="424"/>
      <c r="QGV724" s="424"/>
      <c r="QGW724" s="423" t="s">
        <v>2795</v>
      </c>
      <c r="QGX724" s="424"/>
      <c r="QGY724" s="424"/>
      <c r="QGZ724" s="424"/>
      <c r="QHA724" s="423" t="s">
        <v>2795</v>
      </c>
      <c r="QHB724" s="424"/>
      <c r="QHC724" s="424"/>
      <c r="QHD724" s="424"/>
      <c r="QHE724" s="423" t="s">
        <v>2795</v>
      </c>
      <c r="QHF724" s="424"/>
      <c r="QHG724" s="424"/>
      <c r="QHH724" s="424"/>
      <c r="QHI724" s="423" t="s">
        <v>2795</v>
      </c>
      <c r="QHJ724" s="424"/>
      <c r="QHK724" s="424"/>
      <c r="QHL724" s="424"/>
      <c r="QHM724" s="423" t="s">
        <v>2795</v>
      </c>
      <c r="QHN724" s="424"/>
      <c r="QHO724" s="424"/>
      <c r="QHP724" s="424"/>
      <c r="QHQ724" s="423" t="s">
        <v>2795</v>
      </c>
      <c r="QHR724" s="424"/>
      <c r="QHS724" s="424"/>
      <c r="QHT724" s="424"/>
      <c r="QHU724" s="423" t="s">
        <v>2795</v>
      </c>
      <c r="QHV724" s="424"/>
      <c r="QHW724" s="424"/>
      <c r="QHX724" s="424"/>
      <c r="QHY724" s="423" t="s">
        <v>2795</v>
      </c>
      <c r="QHZ724" s="424"/>
      <c r="QIA724" s="424"/>
      <c r="QIB724" s="424"/>
      <c r="QIC724" s="423" t="s">
        <v>2795</v>
      </c>
      <c r="QID724" s="424"/>
      <c r="QIE724" s="424"/>
      <c r="QIF724" s="424"/>
      <c r="QIG724" s="423" t="s">
        <v>2795</v>
      </c>
      <c r="QIH724" s="424"/>
      <c r="QII724" s="424"/>
      <c r="QIJ724" s="424"/>
      <c r="QIK724" s="423" t="s">
        <v>2795</v>
      </c>
      <c r="QIL724" s="424"/>
      <c r="QIM724" s="424"/>
      <c r="QIN724" s="424"/>
      <c r="QIO724" s="423" t="s">
        <v>2795</v>
      </c>
      <c r="QIP724" s="424"/>
      <c r="QIQ724" s="424"/>
      <c r="QIR724" s="424"/>
      <c r="QIS724" s="423" t="s">
        <v>2795</v>
      </c>
      <c r="QIT724" s="424"/>
      <c r="QIU724" s="424"/>
      <c r="QIV724" s="424"/>
      <c r="QIW724" s="423" t="s">
        <v>2795</v>
      </c>
      <c r="QIX724" s="424"/>
      <c r="QIY724" s="424"/>
      <c r="QIZ724" s="424"/>
      <c r="QJA724" s="423" t="s">
        <v>2795</v>
      </c>
      <c r="QJB724" s="424"/>
      <c r="QJC724" s="424"/>
      <c r="QJD724" s="424"/>
      <c r="QJE724" s="423" t="s">
        <v>2795</v>
      </c>
      <c r="QJF724" s="424"/>
      <c r="QJG724" s="424"/>
      <c r="QJH724" s="424"/>
      <c r="QJI724" s="423" t="s">
        <v>2795</v>
      </c>
      <c r="QJJ724" s="424"/>
      <c r="QJK724" s="424"/>
      <c r="QJL724" s="424"/>
      <c r="QJM724" s="423" t="s">
        <v>2795</v>
      </c>
      <c r="QJN724" s="424"/>
      <c r="QJO724" s="424"/>
      <c r="QJP724" s="424"/>
      <c r="QJQ724" s="423" t="s">
        <v>2795</v>
      </c>
      <c r="QJR724" s="424"/>
      <c r="QJS724" s="424"/>
      <c r="QJT724" s="424"/>
      <c r="QJU724" s="423" t="s">
        <v>2795</v>
      </c>
      <c r="QJV724" s="424"/>
      <c r="QJW724" s="424"/>
      <c r="QJX724" s="424"/>
      <c r="QJY724" s="423" t="s">
        <v>2795</v>
      </c>
      <c r="QJZ724" s="424"/>
      <c r="QKA724" s="424"/>
      <c r="QKB724" s="424"/>
      <c r="QKC724" s="423" t="s">
        <v>2795</v>
      </c>
      <c r="QKD724" s="424"/>
      <c r="QKE724" s="424"/>
      <c r="QKF724" s="424"/>
      <c r="QKG724" s="423" t="s">
        <v>2795</v>
      </c>
      <c r="QKH724" s="424"/>
      <c r="QKI724" s="424"/>
      <c r="QKJ724" s="424"/>
      <c r="QKK724" s="423" t="s">
        <v>2795</v>
      </c>
      <c r="QKL724" s="424"/>
      <c r="QKM724" s="424"/>
      <c r="QKN724" s="424"/>
      <c r="QKO724" s="423" t="s">
        <v>2795</v>
      </c>
      <c r="QKP724" s="424"/>
      <c r="QKQ724" s="424"/>
      <c r="QKR724" s="424"/>
      <c r="QKS724" s="423" t="s">
        <v>2795</v>
      </c>
      <c r="QKT724" s="424"/>
      <c r="QKU724" s="424"/>
      <c r="QKV724" s="424"/>
      <c r="QKW724" s="423" t="s">
        <v>2795</v>
      </c>
      <c r="QKX724" s="424"/>
      <c r="QKY724" s="424"/>
      <c r="QKZ724" s="424"/>
      <c r="QLA724" s="423" t="s">
        <v>2795</v>
      </c>
      <c r="QLB724" s="424"/>
      <c r="QLC724" s="424"/>
      <c r="QLD724" s="424"/>
      <c r="QLE724" s="423" t="s">
        <v>2795</v>
      </c>
      <c r="QLF724" s="424"/>
      <c r="QLG724" s="424"/>
      <c r="QLH724" s="424"/>
      <c r="QLI724" s="423" t="s">
        <v>2795</v>
      </c>
      <c r="QLJ724" s="424"/>
      <c r="QLK724" s="424"/>
      <c r="QLL724" s="424"/>
      <c r="QLM724" s="423" t="s">
        <v>2795</v>
      </c>
      <c r="QLN724" s="424"/>
      <c r="QLO724" s="424"/>
      <c r="QLP724" s="424"/>
      <c r="QLQ724" s="423" t="s">
        <v>2795</v>
      </c>
      <c r="QLR724" s="424"/>
      <c r="QLS724" s="424"/>
      <c r="QLT724" s="424"/>
      <c r="QLU724" s="423" t="s">
        <v>2795</v>
      </c>
      <c r="QLV724" s="424"/>
      <c r="QLW724" s="424"/>
      <c r="QLX724" s="424"/>
      <c r="QLY724" s="423" t="s">
        <v>2795</v>
      </c>
      <c r="QLZ724" s="424"/>
      <c r="QMA724" s="424"/>
      <c r="QMB724" s="424"/>
      <c r="QMC724" s="423" t="s">
        <v>2795</v>
      </c>
      <c r="QMD724" s="424"/>
      <c r="QME724" s="424"/>
      <c r="QMF724" s="424"/>
      <c r="QMG724" s="423" t="s">
        <v>2795</v>
      </c>
      <c r="QMH724" s="424"/>
      <c r="QMI724" s="424"/>
      <c r="QMJ724" s="424"/>
      <c r="QMK724" s="423" t="s">
        <v>2795</v>
      </c>
      <c r="QML724" s="424"/>
      <c r="QMM724" s="424"/>
      <c r="QMN724" s="424"/>
      <c r="QMO724" s="423" t="s">
        <v>2795</v>
      </c>
      <c r="QMP724" s="424"/>
      <c r="QMQ724" s="424"/>
      <c r="QMR724" s="424"/>
      <c r="QMS724" s="423" t="s">
        <v>2795</v>
      </c>
      <c r="QMT724" s="424"/>
      <c r="QMU724" s="424"/>
      <c r="QMV724" s="424"/>
      <c r="QMW724" s="423" t="s">
        <v>2795</v>
      </c>
      <c r="QMX724" s="424"/>
      <c r="QMY724" s="424"/>
      <c r="QMZ724" s="424"/>
      <c r="QNA724" s="423" t="s">
        <v>2795</v>
      </c>
      <c r="QNB724" s="424"/>
      <c r="QNC724" s="424"/>
      <c r="QND724" s="424"/>
      <c r="QNE724" s="423" t="s">
        <v>2795</v>
      </c>
      <c r="QNF724" s="424"/>
      <c r="QNG724" s="424"/>
      <c r="QNH724" s="424"/>
      <c r="QNI724" s="423" t="s">
        <v>2795</v>
      </c>
      <c r="QNJ724" s="424"/>
      <c r="QNK724" s="424"/>
      <c r="QNL724" s="424"/>
      <c r="QNM724" s="423" t="s">
        <v>2795</v>
      </c>
      <c r="QNN724" s="424"/>
      <c r="QNO724" s="424"/>
      <c r="QNP724" s="424"/>
      <c r="QNQ724" s="423" t="s">
        <v>2795</v>
      </c>
      <c r="QNR724" s="424"/>
      <c r="QNS724" s="424"/>
      <c r="QNT724" s="424"/>
      <c r="QNU724" s="423" t="s">
        <v>2795</v>
      </c>
      <c r="QNV724" s="424"/>
      <c r="QNW724" s="424"/>
      <c r="QNX724" s="424"/>
      <c r="QNY724" s="423" t="s">
        <v>2795</v>
      </c>
      <c r="QNZ724" s="424"/>
      <c r="QOA724" s="424"/>
      <c r="QOB724" s="424"/>
      <c r="QOC724" s="423" t="s">
        <v>2795</v>
      </c>
      <c r="QOD724" s="424"/>
      <c r="QOE724" s="424"/>
      <c r="QOF724" s="424"/>
      <c r="QOG724" s="423" t="s">
        <v>2795</v>
      </c>
      <c r="QOH724" s="424"/>
      <c r="QOI724" s="424"/>
      <c r="QOJ724" s="424"/>
      <c r="QOK724" s="423" t="s">
        <v>2795</v>
      </c>
      <c r="QOL724" s="424"/>
      <c r="QOM724" s="424"/>
      <c r="QON724" s="424"/>
      <c r="QOO724" s="423" t="s">
        <v>2795</v>
      </c>
      <c r="QOP724" s="424"/>
      <c r="QOQ724" s="424"/>
      <c r="QOR724" s="424"/>
      <c r="QOS724" s="423" t="s">
        <v>2795</v>
      </c>
      <c r="QOT724" s="424"/>
      <c r="QOU724" s="424"/>
      <c r="QOV724" s="424"/>
      <c r="QOW724" s="423" t="s">
        <v>2795</v>
      </c>
      <c r="QOX724" s="424"/>
      <c r="QOY724" s="424"/>
      <c r="QOZ724" s="424"/>
      <c r="QPA724" s="423" t="s">
        <v>2795</v>
      </c>
      <c r="QPB724" s="424"/>
      <c r="QPC724" s="424"/>
      <c r="QPD724" s="424"/>
      <c r="QPE724" s="423" t="s">
        <v>2795</v>
      </c>
      <c r="QPF724" s="424"/>
      <c r="QPG724" s="424"/>
      <c r="QPH724" s="424"/>
      <c r="QPI724" s="423" t="s">
        <v>2795</v>
      </c>
      <c r="QPJ724" s="424"/>
      <c r="QPK724" s="424"/>
      <c r="QPL724" s="424"/>
      <c r="QPM724" s="423" t="s">
        <v>2795</v>
      </c>
      <c r="QPN724" s="424"/>
      <c r="QPO724" s="424"/>
      <c r="QPP724" s="424"/>
      <c r="QPQ724" s="423" t="s">
        <v>2795</v>
      </c>
      <c r="QPR724" s="424"/>
      <c r="QPS724" s="424"/>
      <c r="QPT724" s="424"/>
      <c r="QPU724" s="423" t="s">
        <v>2795</v>
      </c>
      <c r="QPV724" s="424"/>
      <c r="QPW724" s="424"/>
      <c r="QPX724" s="424"/>
      <c r="QPY724" s="423" t="s">
        <v>2795</v>
      </c>
      <c r="QPZ724" s="424"/>
      <c r="QQA724" s="424"/>
      <c r="QQB724" s="424"/>
      <c r="QQC724" s="423" t="s">
        <v>2795</v>
      </c>
      <c r="QQD724" s="424"/>
      <c r="QQE724" s="424"/>
      <c r="QQF724" s="424"/>
      <c r="QQG724" s="423" t="s">
        <v>2795</v>
      </c>
      <c r="QQH724" s="424"/>
      <c r="QQI724" s="424"/>
      <c r="QQJ724" s="424"/>
      <c r="QQK724" s="423" t="s">
        <v>2795</v>
      </c>
      <c r="QQL724" s="424"/>
      <c r="QQM724" s="424"/>
      <c r="QQN724" s="424"/>
      <c r="QQO724" s="423" t="s">
        <v>2795</v>
      </c>
      <c r="QQP724" s="424"/>
      <c r="QQQ724" s="424"/>
      <c r="QQR724" s="424"/>
      <c r="QQS724" s="423" t="s">
        <v>2795</v>
      </c>
      <c r="QQT724" s="424"/>
      <c r="QQU724" s="424"/>
      <c r="QQV724" s="424"/>
      <c r="QQW724" s="423" t="s">
        <v>2795</v>
      </c>
      <c r="QQX724" s="424"/>
      <c r="QQY724" s="424"/>
      <c r="QQZ724" s="424"/>
      <c r="QRA724" s="423" t="s">
        <v>2795</v>
      </c>
      <c r="QRB724" s="424"/>
      <c r="QRC724" s="424"/>
      <c r="QRD724" s="424"/>
      <c r="QRE724" s="423" t="s">
        <v>2795</v>
      </c>
      <c r="QRF724" s="424"/>
      <c r="QRG724" s="424"/>
      <c r="QRH724" s="424"/>
      <c r="QRI724" s="423" t="s">
        <v>2795</v>
      </c>
      <c r="QRJ724" s="424"/>
      <c r="QRK724" s="424"/>
      <c r="QRL724" s="424"/>
      <c r="QRM724" s="423" t="s">
        <v>2795</v>
      </c>
      <c r="QRN724" s="424"/>
      <c r="QRO724" s="424"/>
      <c r="QRP724" s="424"/>
      <c r="QRQ724" s="423" t="s">
        <v>2795</v>
      </c>
      <c r="QRR724" s="424"/>
      <c r="QRS724" s="424"/>
      <c r="QRT724" s="424"/>
      <c r="QRU724" s="423" t="s">
        <v>2795</v>
      </c>
      <c r="QRV724" s="424"/>
      <c r="QRW724" s="424"/>
      <c r="QRX724" s="424"/>
      <c r="QRY724" s="423" t="s">
        <v>2795</v>
      </c>
      <c r="QRZ724" s="424"/>
      <c r="QSA724" s="424"/>
      <c r="QSB724" s="424"/>
      <c r="QSC724" s="423" t="s">
        <v>2795</v>
      </c>
      <c r="QSD724" s="424"/>
      <c r="QSE724" s="424"/>
      <c r="QSF724" s="424"/>
      <c r="QSG724" s="423" t="s">
        <v>2795</v>
      </c>
      <c r="QSH724" s="424"/>
      <c r="QSI724" s="424"/>
      <c r="QSJ724" s="424"/>
      <c r="QSK724" s="423" t="s">
        <v>2795</v>
      </c>
      <c r="QSL724" s="424"/>
      <c r="QSM724" s="424"/>
      <c r="QSN724" s="424"/>
      <c r="QSO724" s="423" t="s">
        <v>2795</v>
      </c>
      <c r="QSP724" s="424"/>
      <c r="QSQ724" s="424"/>
      <c r="QSR724" s="424"/>
      <c r="QSS724" s="423" t="s">
        <v>2795</v>
      </c>
      <c r="QST724" s="424"/>
      <c r="QSU724" s="424"/>
      <c r="QSV724" s="424"/>
      <c r="QSW724" s="423" t="s">
        <v>2795</v>
      </c>
      <c r="QSX724" s="424"/>
      <c r="QSY724" s="424"/>
      <c r="QSZ724" s="424"/>
      <c r="QTA724" s="423" t="s">
        <v>2795</v>
      </c>
      <c r="QTB724" s="424"/>
      <c r="QTC724" s="424"/>
      <c r="QTD724" s="424"/>
      <c r="QTE724" s="423" t="s">
        <v>2795</v>
      </c>
      <c r="QTF724" s="424"/>
      <c r="QTG724" s="424"/>
      <c r="QTH724" s="424"/>
      <c r="QTI724" s="423" t="s">
        <v>2795</v>
      </c>
      <c r="QTJ724" s="424"/>
      <c r="QTK724" s="424"/>
      <c r="QTL724" s="424"/>
      <c r="QTM724" s="423" t="s">
        <v>2795</v>
      </c>
      <c r="QTN724" s="424"/>
      <c r="QTO724" s="424"/>
      <c r="QTP724" s="424"/>
      <c r="QTQ724" s="423" t="s">
        <v>2795</v>
      </c>
      <c r="QTR724" s="424"/>
      <c r="QTS724" s="424"/>
      <c r="QTT724" s="424"/>
      <c r="QTU724" s="423" t="s">
        <v>2795</v>
      </c>
      <c r="QTV724" s="424"/>
      <c r="QTW724" s="424"/>
      <c r="QTX724" s="424"/>
      <c r="QTY724" s="423" t="s">
        <v>2795</v>
      </c>
      <c r="QTZ724" s="424"/>
      <c r="QUA724" s="424"/>
      <c r="QUB724" s="424"/>
      <c r="QUC724" s="423" t="s">
        <v>2795</v>
      </c>
      <c r="QUD724" s="424"/>
      <c r="QUE724" s="424"/>
      <c r="QUF724" s="424"/>
      <c r="QUG724" s="423" t="s">
        <v>2795</v>
      </c>
      <c r="QUH724" s="424"/>
      <c r="QUI724" s="424"/>
      <c r="QUJ724" s="424"/>
      <c r="QUK724" s="423" t="s">
        <v>2795</v>
      </c>
      <c r="QUL724" s="424"/>
      <c r="QUM724" s="424"/>
      <c r="QUN724" s="424"/>
      <c r="QUO724" s="423" t="s">
        <v>2795</v>
      </c>
      <c r="QUP724" s="424"/>
      <c r="QUQ724" s="424"/>
      <c r="QUR724" s="424"/>
      <c r="QUS724" s="423" t="s">
        <v>2795</v>
      </c>
      <c r="QUT724" s="424"/>
      <c r="QUU724" s="424"/>
      <c r="QUV724" s="424"/>
      <c r="QUW724" s="423" t="s">
        <v>2795</v>
      </c>
      <c r="QUX724" s="424"/>
      <c r="QUY724" s="424"/>
      <c r="QUZ724" s="424"/>
      <c r="QVA724" s="423" t="s">
        <v>2795</v>
      </c>
      <c r="QVB724" s="424"/>
      <c r="QVC724" s="424"/>
      <c r="QVD724" s="424"/>
      <c r="QVE724" s="423" t="s">
        <v>2795</v>
      </c>
      <c r="QVF724" s="424"/>
      <c r="QVG724" s="424"/>
      <c r="QVH724" s="424"/>
      <c r="QVI724" s="423" t="s">
        <v>2795</v>
      </c>
      <c r="QVJ724" s="424"/>
      <c r="QVK724" s="424"/>
      <c r="QVL724" s="424"/>
      <c r="QVM724" s="423" t="s">
        <v>2795</v>
      </c>
      <c r="QVN724" s="424"/>
      <c r="QVO724" s="424"/>
      <c r="QVP724" s="424"/>
      <c r="QVQ724" s="423" t="s">
        <v>2795</v>
      </c>
      <c r="QVR724" s="424"/>
      <c r="QVS724" s="424"/>
      <c r="QVT724" s="424"/>
      <c r="QVU724" s="423" t="s">
        <v>2795</v>
      </c>
      <c r="QVV724" s="424"/>
      <c r="QVW724" s="424"/>
      <c r="QVX724" s="424"/>
      <c r="QVY724" s="423" t="s">
        <v>2795</v>
      </c>
      <c r="QVZ724" s="424"/>
      <c r="QWA724" s="424"/>
      <c r="QWB724" s="424"/>
      <c r="QWC724" s="423" t="s">
        <v>2795</v>
      </c>
      <c r="QWD724" s="424"/>
      <c r="QWE724" s="424"/>
      <c r="QWF724" s="424"/>
      <c r="QWG724" s="423" t="s">
        <v>2795</v>
      </c>
      <c r="QWH724" s="424"/>
      <c r="QWI724" s="424"/>
      <c r="QWJ724" s="424"/>
      <c r="QWK724" s="423" t="s">
        <v>2795</v>
      </c>
      <c r="QWL724" s="424"/>
      <c r="QWM724" s="424"/>
      <c r="QWN724" s="424"/>
      <c r="QWO724" s="423" t="s">
        <v>2795</v>
      </c>
      <c r="QWP724" s="424"/>
      <c r="QWQ724" s="424"/>
      <c r="QWR724" s="424"/>
      <c r="QWS724" s="423" t="s">
        <v>2795</v>
      </c>
      <c r="QWT724" s="424"/>
      <c r="QWU724" s="424"/>
      <c r="QWV724" s="424"/>
      <c r="QWW724" s="423" t="s">
        <v>2795</v>
      </c>
      <c r="QWX724" s="424"/>
      <c r="QWY724" s="424"/>
      <c r="QWZ724" s="424"/>
      <c r="QXA724" s="423" t="s">
        <v>2795</v>
      </c>
      <c r="QXB724" s="424"/>
      <c r="QXC724" s="424"/>
      <c r="QXD724" s="424"/>
      <c r="QXE724" s="423" t="s">
        <v>2795</v>
      </c>
      <c r="QXF724" s="424"/>
      <c r="QXG724" s="424"/>
      <c r="QXH724" s="424"/>
      <c r="QXI724" s="423" t="s">
        <v>2795</v>
      </c>
      <c r="QXJ724" s="424"/>
      <c r="QXK724" s="424"/>
      <c r="QXL724" s="424"/>
      <c r="QXM724" s="423" t="s">
        <v>2795</v>
      </c>
      <c r="QXN724" s="424"/>
      <c r="QXO724" s="424"/>
      <c r="QXP724" s="424"/>
      <c r="QXQ724" s="423" t="s">
        <v>2795</v>
      </c>
      <c r="QXR724" s="424"/>
      <c r="QXS724" s="424"/>
      <c r="QXT724" s="424"/>
      <c r="QXU724" s="423" t="s">
        <v>2795</v>
      </c>
      <c r="QXV724" s="424"/>
      <c r="QXW724" s="424"/>
      <c r="QXX724" s="424"/>
      <c r="QXY724" s="423" t="s">
        <v>2795</v>
      </c>
      <c r="QXZ724" s="424"/>
      <c r="QYA724" s="424"/>
      <c r="QYB724" s="424"/>
      <c r="QYC724" s="423" t="s">
        <v>2795</v>
      </c>
      <c r="QYD724" s="424"/>
      <c r="QYE724" s="424"/>
      <c r="QYF724" s="424"/>
      <c r="QYG724" s="423" t="s">
        <v>2795</v>
      </c>
      <c r="QYH724" s="424"/>
      <c r="QYI724" s="424"/>
      <c r="QYJ724" s="424"/>
      <c r="QYK724" s="423" t="s">
        <v>2795</v>
      </c>
      <c r="QYL724" s="424"/>
      <c r="QYM724" s="424"/>
      <c r="QYN724" s="424"/>
      <c r="QYO724" s="423" t="s">
        <v>2795</v>
      </c>
      <c r="QYP724" s="424"/>
      <c r="QYQ724" s="424"/>
      <c r="QYR724" s="424"/>
      <c r="QYS724" s="423" t="s">
        <v>2795</v>
      </c>
      <c r="QYT724" s="424"/>
      <c r="QYU724" s="424"/>
      <c r="QYV724" s="424"/>
      <c r="QYW724" s="423" t="s">
        <v>2795</v>
      </c>
      <c r="QYX724" s="424"/>
      <c r="QYY724" s="424"/>
      <c r="QYZ724" s="424"/>
      <c r="QZA724" s="423" t="s">
        <v>2795</v>
      </c>
      <c r="QZB724" s="424"/>
      <c r="QZC724" s="424"/>
      <c r="QZD724" s="424"/>
      <c r="QZE724" s="423" t="s">
        <v>2795</v>
      </c>
      <c r="QZF724" s="424"/>
      <c r="QZG724" s="424"/>
      <c r="QZH724" s="424"/>
      <c r="QZI724" s="423" t="s">
        <v>2795</v>
      </c>
      <c r="QZJ724" s="424"/>
      <c r="QZK724" s="424"/>
      <c r="QZL724" s="424"/>
      <c r="QZM724" s="423" t="s">
        <v>2795</v>
      </c>
      <c r="QZN724" s="424"/>
      <c r="QZO724" s="424"/>
      <c r="QZP724" s="424"/>
      <c r="QZQ724" s="423" t="s">
        <v>2795</v>
      </c>
      <c r="QZR724" s="424"/>
      <c r="QZS724" s="424"/>
      <c r="QZT724" s="424"/>
      <c r="QZU724" s="423" t="s">
        <v>2795</v>
      </c>
      <c r="QZV724" s="424"/>
      <c r="QZW724" s="424"/>
      <c r="QZX724" s="424"/>
      <c r="QZY724" s="423" t="s">
        <v>2795</v>
      </c>
      <c r="QZZ724" s="424"/>
      <c r="RAA724" s="424"/>
      <c r="RAB724" s="424"/>
      <c r="RAC724" s="423" t="s">
        <v>2795</v>
      </c>
      <c r="RAD724" s="424"/>
      <c r="RAE724" s="424"/>
      <c r="RAF724" s="424"/>
      <c r="RAG724" s="423" t="s">
        <v>2795</v>
      </c>
      <c r="RAH724" s="424"/>
      <c r="RAI724" s="424"/>
      <c r="RAJ724" s="424"/>
      <c r="RAK724" s="423" t="s">
        <v>2795</v>
      </c>
      <c r="RAL724" s="424"/>
      <c r="RAM724" s="424"/>
      <c r="RAN724" s="424"/>
      <c r="RAO724" s="423" t="s">
        <v>2795</v>
      </c>
      <c r="RAP724" s="424"/>
      <c r="RAQ724" s="424"/>
      <c r="RAR724" s="424"/>
      <c r="RAS724" s="423" t="s">
        <v>2795</v>
      </c>
      <c r="RAT724" s="424"/>
      <c r="RAU724" s="424"/>
      <c r="RAV724" s="424"/>
      <c r="RAW724" s="423" t="s">
        <v>2795</v>
      </c>
      <c r="RAX724" s="424"/>
      <c r="RAY724" s="424"/>
      <c r="RAZ724" s="424"/>
      <c r="RBA724" s="423" t="s">
        <v>2795</v>
      </c>
      <c r="RBB724" s="424"/>
      <c r="RBC724" s="424"/>
      <c r="RBD724" s="424"/>
      <c r="RBE724" s="423" t="s">
        <v>2795</v>
      </c>
      <c r="RBF724" s="424"/>
      <c r="RBG724" s="424"/>
      <c r="RBH724" s="424"/>
      <c r="RBI724" s="423" t="s">
        <v>2795</v>
      </c>
      <c r="RBJ724" s="424"/>
      <c r="RBK724" s="424"/>
      <c r="RBL724" s="424"/>
      <c r="RBM724" s="423" t="s">
        <v>2795</v>
      </c>
      <c r="RBN724" s="424"/>
      <c r="RBO724" s="424"/>
      <c r="RBP724" s="424"/>
      <c r="RBQ724" s="423" t="s">
        <v>2795</v>
      </c>
      <c r="RBR724" s="424"/>
      <c r="RBS724" s="424"/>
      <c r="RBT724" s="424"/>
      <c r="RBU724" s="423" t="s">
        <v>2795</v>
      </c>
      <c r="RBV724" s="424"/>
      <c r="RBW724" s="424"/>
      <c r="RBX724" s="424"/>
      <c r="RBY724" s="423" t="s">
        <v>2795</v>
      </c>
      <c r="RBZ724" s="424"/>
      <c r="RCA724" s="424"/>
      <c r="RCB724" s="424"/>
      <c r="RCC724" s="423" t="s">
        <v>2795</v>
      </c>
      <c r="RCD724" s="424"/>
      <c r="RCE724" s="424"/>
      <c r="RCF724" s="424"/>
      <c r="RCG724" s="423" t="s">
        <v>2795</v>
      </c>
      <c r="RCH724" s="424"/>
      <c r="RCI724" s="424"/>
      <c r="RCJ724" s="424"/>
      <c r="RCK724" s="423" t="s">
        <v>2795</v>
      </c>
      <c r="RCL724" s="424"/>
      <c r="RCM724" s="424"/>
      <c r="RCN724" s="424"/>
      <c r="RCO724" s="423" t="s">
        <v>2795</v>
      </c>
      <c r="RCP724" s="424"/>
      <c r="RCQ724" s="424"/>
      <c r="RCR724" s="424"/>
      <c r="RCS724" s="423" t="s">
        <v>2795</v>
      </c>
      <c r="RCT724" s="424"/>
      <c r="RCU724" s="424"/>
      <c r="RCV724" s="424"/>
      <c r="RCW724" s="423" t="s">
        <v>2795</v>
      </c>
      <c r="RCX724" s="424"/>
      <c r="RCY724" s="424"/>
      <c r="RCZ724" s="424"/>
      <c r="RDA724" s="423" t="s">
        <v>2795</v>
      </c>
      <c r="RDB724" s="424"/>
      <c r="RDC724" s="424"/>
      <c r="RDD724" s="424"/>
      <c r="RDE724" s="423" t="s">
        <v>2795</v>
      </c>
      <c r="RDF724" s="424"/>
      <c r="RDG724" s="424"/>
      <c r="RDH724" s="424"/>
      <c r="RDI724" s="423" t="s">
        <v>2795</v>
      </c>
      <c r="RDJ724" s="424"/>
      <c r="RDK724" s="424"/>
      <c r="RDL724" s="424"/>
      <c r="RDM724" s="423" t="s">
        <v>2795</v>
      </c>
      <c r="RDN724" s="424"/>
      <c r="RDO724" s="424"/>
      <c r="RDP724" s="424"/>
      <c r="RDQ724" s="423" t="s">
        <v>2795</v>
      </c>
      <c r="RDR724" s="424"/>
      <c r="RDS724" s="424"/>
      <c r="RDT724" s="424"/>
      <c r="RDU724" s="423" t="s">
        <v>2795</v>
      </c>
      <c r="RDV724" s="424"/>
      <c r="RDW724" s="424"/>
      <c r="RDX724" s="424"/>
      <c r="RDY724" s="423" t="s">
        <v>2795</v>
      </c>
      <c r="RDZ724" s="424"/>
      <c r="REA724" s="424"/>
      <c r="REB724" s="424"/>
      <c r="REC724" s="423" t="s">
        <v>2795</v>
      </c>
      <c r="RED724" s="424"/>
      <c r="REE724" s="424"/>
      <c r="REF724" s="424"/>
      <c r="REG724" s="423" t="s">
        <v>2795</v>
      </c>
      <c r="REH724" s="424"/>
      <c r="REI724" s="424"/>
      <c r="REJ724" s="424"/>
      <c r="REK724" s="423" t="s">
        <v>2795</v>
      </c>
      <c r="REL724" s="424"/>
      <c r="REM724" s="424"/>
      <c r="REN724" s="424"/>
      <c r="REO724" s="423" t="s">
        <v>2795</v>
      </c>
      <c r="REP724" s="424"/>
      <c r="REQ724" s="424"/>
      <c r="RER724" s="424"/>
      <c r="RES724" s="423" t="s">
        <v>2795</v>
      </c>
      <c r="RET724" s="424"/>
      <c r="REU724" s="424"/>
      <c r="REV724" s="424"/>
      <c r="REW724" s="423" t="s">
        <v>2795</v>
      </c>
      <c r="REX724" s="424"/>
      <c r="REY724" s="424"/>
      <c r="REZ724" s="424"/>
      <c r="RFA724" s="423" t="s">
        <v>2795</v>
      </c>
      <c r="RFB724" s="424"/>
      <c r="RFC724" s="424"/>
      <c r="RFD724" s="424"/>
      <c r="RFE724" s="423" t="s">
        <v>2795</v>
      </c>
      <c r="RFF724" s="424"/>
      <c r="RFG724" s="424"/>
      <c r="RFH724" s="424"/>
      <c r="RFI724" s="423" t="s">
        <v>2795</v>
      </c>
      <c r="RFJ724" s="424"/>
      <c r="RFK724" s="424"/>
      <c r="RFL724" s="424"/>
      <c r="RFM724" s="423" t="s">
        <v>2795</v>
      </c>
      <c r="RFN724" s="424"/>
      <c r="RFO724" s="424"/>
      <c r="RFP724" s="424"/>
      <c r="RFQ724" s="423" t="s">
        <v>2795</v>
      </c>
      <c r="RFR724" s="424"/>
      <c r="RFS724" s="424"/>
      <c r="RFT724" s="424"/>
      <c r="RFU724" s="423" t="s">
        <v>2795</v>
      </c>
      <c r="RFV724" s="424"/>
      <c r="RFW724" s="424"/>
      <c r="RFX724" s="424"/>
      <c r="RFY724" s="423" t="s">
        <v>2795</v>
      </c>
      <c r="RFZ724" s="424"/>
      <c r="RGA724" s="424"/>
      <c r="RGB724" s="424"/>
      <c r="RGC724" s="423" t="s">
        <v>2795</v>
      </c>
      <c r="RGD724" s="424"/>
      <c r="RGE724" s="424"/>
      <c r="RGF724" s="424"/>
      <c r="RGG724" s="423" t="s">
        <v>2795</v>
      </c>
      <c r="RGH724" s="424"/>
      <c r="RGI724" s="424"/>
      <c r="RGJ724" s="424"/>
      <c r="RGK724" s="423" t="s">
        <v>2795</v>
      </c>
      <c r="RGL724" s="424"/>
      <c r="RGM724" s="424"/>
      <c r="RGN724" s="424"/>
      <c r="RGO724" s="423" t="s">
        <v>2795</v>
      </c>
      <c r="RGP724" s="424"/>
      <c r="RGQ724" s="424"/>
      <c r="RGR724" s="424"/>
      <c r="RGS724" s="423" t="s">
        <v>2795</v>
      </c>
      <c r="RGT724" s="424"/>
      <c r="RGU724" s="424"/>
      <c r="RGV724" s="424"/>
      <c r="RGW724" s="423" t="s">
        <v>2795</v>
      </c>
      <c r="RGX724" s="424"/>
      <c r="RGY724" s="424"/>
      <c r="RGZ724" s="424"/>
      <c r="RHA724" s="423" t="s">
        <v>2795</v>
      </c>
      <c r="RHB724" s="424"/>
      <c r="RHC724" s="424"/>
      <c r="RHD724" s="424"/>
      <c r="RHE724" s="423" t="s">
        <v>2795</v>
      </c>
      <c r="RHF724" s="424"/>
      <c r="RHG724" s="424"/>
      <c r="RHH724" s="424"/>
      <c r="RHI724" s="423" t="s">
        <v>2795</v>
      </c>
      <c r="RHJ724" s="424"/>
      <c r="RHK724" s="424"/>
      <c r="RHL724" s="424"/>
      <c r="RHM724" s="423" t="s">
        <v>2795</v>
      </c>
      <c r="RHN724" s="424"/>
      <c r="RHO724" s="424"/>
      <c r="RHP724" s="424"/>
      <c r="RHQ724" s="423" t="s">
        <v>2795</v>
      </c>
      <c r="RHR724" s="424"/>
      <c r="RHS724" s="424"/>
      <c r="RHT724" s="424"/>
      <c r="RHU724" s="423" t="s">
        <v>2795</v>
      </c>
      <c r="RHV724" s="424"/>
      <c r="RHW724" s="424"/>
      <c r="RHX724" s="424"/>
      <c r="RHY724" s="423" t="s">
        <v>2795</v>
      </c>
      <c r="RHZ724" s="424"/>
      <c r="RIA724" s="424"/>
      <c r="RIB724" s="424"/>
      <c r="RIC724" s="423" t="s">
        <v>2795</v>
      </c>
      <c r="RID724" s="424"/>
      <c r="RIE724" s="424"/>
      <c r="RIF724" s="424"/>
      <c r="RIG724" s="423" t="s">
        <v>2795</v>
      </c>
      <c r="RIH724" s="424"/>
      <c r="RII724" s="424"/>
      <c r="RIJ724" s="424"/>
      <c r="RIK724" s="423" t="s">
        <v>2795</v>
      </c>
      <c r="RIL724" s="424"/>
      <c r="RIM724" s="424"/>
      <c r="RIN724" s="424"/>
      <c r="RIO724" s="423" t="s">
        <v>2795</v>
      </c>
      <c r="RIP724" s="424"/>
      <c r="RIQ724" s="424"/>
      <c r="RIR724" s="424"/>
      <c r="RIS724" s="423" t="s">
        <v>2795</v>
      </c>
      <c r="RIT724" s="424"/>
      <c r="RIU724" s="424"/>
      <c r="RIV724" s="424"/>
      <c r="RIW724" s="423" t="s">
        <v>2795</v>
      </c>
      <c r="RIX724" s="424"/>
      <c r="RIY724" s="424"/>
      <c r="RIZ724" s="424"/>
      <c r="RJA724" s="423" t="s">
        <v>2795</v>
      </c>
      <c r="RJB724" s="424"/>
      <c r="RJC724" s="424"/>
      <c r="RJD724" s="424"/>
      <c r="RJE724" s="423" t="s">
        <v>2795</v>
      </c>
      <c r="RJF724" s="424"/>
      <c r="RJG724" s="424"/>
      <c r="RJH724" s="424"/>
      <c r="RJI724" s="423" t="s">
        <v>2795</v>
      </c>
      <c r="RJJ724" s="424"/>
      <c r="RJK724" s="424"/>
      <c r="RJL724" s="424"/>
      <c r="RJM724" s="423" t="s">
        <v>2795</v>
      </c>
      <c r="RJN724" s="424"/>
      <c r="RJO724" s="424"/>
      <c r="RJP724" s="424"/>
      <c r="RJQ724" s="423" t="s">
        <v>2795</v>
      </c>
      <c r="RJR724" s="424"/>
      <c r="RJS724" s="424"/>
      <c r="RJT724" s="424"/>
      <c r="RJU724" s="423" t="s">
        <v>2795</v>
      </c>
      <c r="RJV724" s="424"/>
      <c r="RJW724" s="424"/>
      <c r="RJX724" s="424"/>
      <c r="RJY724" s="423" t="s">
        <v>2795</v>
      </c>
      <c r="RJZ724" s="424"/>
      <c r="RKA724" s="424"/>
      <c r="RKB724" s="424"/>
      <c r="RKC724" s="423" t="s">
        <v>2795</v>
      </c>
      <c r="RKD724" s="424"/>
      <c r="RKE724" s="424"/>
      <c r="RKF724" s="424"/>
      <c r="RKG724" s="423" t="s">
        <v>2795</v>
      </c>
      <c r="RKH724" s="424"/>
      <c r="RKI724" s="424"/>
      <c r="RKJ724" s="424"/>
      <c r="RKK724" s="423" t="s">
        <v>2795</v>
      </c>
      <c r="RKL724" s="424"/>
      <c r="RKM724" s="424"/>
      <c r="RKN724" s="424"/>
      <c r="RKO724" s="423" t="s">
        <v>2795</v>
      </c>
      <c r="RKP724" s="424"/>
      <c r="RKQ724" s="424"/>
      <c r="RKR724" s="424"/>
      <c r="RKS724" s="423" t="s">
        <v>2795</v>
      </c>
      <c r="RKT724" s="424"/>
      <c r="RKU724" s="424"/>
      <c r="RKV724" s="424"/>
      <c r="RKW724" s="423" t="s">
        <v>2795</v>
      </c>
      <c r="RKX724" s="424"/>
      <c r="RKY724" s="424"/>
      <c r="RKZ724" s="424"/>
      <c r="RLA724" s="423" t="s">
        <v>2795</v>
      </c>
      <c r="RLB724" s="424"/>
      <c r="RLC724" s="424"/>
      <c r="RLD724" s="424"/>
      <c r="RLE724" s="423" t="s">
        <v>2795</v>
      </c>
      <c r="RLF724" s="424"/>
      <c r="RLG724" s="424"/>
      <c r="RLH724" s="424"/>
      <c r="RLI724" s="423" t="s">
        <v>2795</v>
      </c>
      <c r="RLJ724" s="424"/>
      <c r="RLK724" s="424"/>
      <c r="RLL724" s="424"/>
      <c r="RLM724" s="423" t="s">
        <v>2795</v>
      </c>
      <c r="RLN724" s="424"/>
      <c r="RLO724" s="424"/>
      <c r="RLP724" s="424"/>
      <c r="RLQ724" s="423" t="s">
        <v>2795</v>
      </c>
      <c r="RLR724" s="424"/>
      <c r="RLS724" s="424"/>
      <c r="RLT724" s="424"/>
      <c r="RLU724" s="423" t="s">
        <v>2795</v>
      </c>
      <c r="RLV724" s="424"/>
      <c r="RLW724" s="424"/>
      <c r="RLX724" s="424"/>
      <c r="RLY724" s="423" t="s">
        <v>2795</v>
      </c>
      <c r="RLZ724" s="424"/>
      <c r="RMA724" s="424"/>
      <c r="RMB724" s="424"/>
      <c r="RMC724" s="423" t="s">
        <v>2795</v>
      </c>
      <c r="RMD724" s="424"/>
      <c r="RME724" s="424"/>
      <c r="RMF724" s="424"/>
      <c r="RMG724" s="423" t="s">
        <v>2795</v>
      </c>
      <c r="RMH724" s="424"/>
      <c r="RMI724" s="424"/>
      <c r="RMJ724" s="424"/>
      <c r="RMK724" s="423" t="s">
        <v>2795</v>
      </c>
      <c r="RML724" s="424"/>
      <c r="RMM724" s="424"/>
      <c r="RMN724" s="424"/>
      <c r="RMO724" s="423" t="s">
        <v>2795</v>
      </c>
      <c r="RMP724" s="424"/>
      <c r="RMQ724" s="424"/>
      <c r="RMR724" s="424"/>
      <c r="RMS724" s="423" t="s">
        <v>2795</v>
      </c>
      <c r="RMT724" s="424"/>
      <c r="RMU724" s="424"/>
      <c r="RMV724" s="424"/>
      <c r="RMW724" s="423" t="s">
        <v>2795</v>
      </c>
      <c r="RMX724" s="424"/>
      <c r="RMY724" s="424"/>
      <c r="RMZ724" s="424"/>
      <c r="RNA724" s="423" t="s">
        <v>2795</v>
      </c>
      <c r="RNB724" s="424"/>
      <c r="RNC724" s="424"/>
      <c r="RND724" s="424"/>
      <c r="RNE724" s="423" t="s">
        <v>2795</v>
      </c>
      <c r="RNF724" s="424"/>
      <c r="RNG724" s="424"/>
      <c r="RNH724" s="424"/>
      <c r="RNI724" s="423" t="s">
        <v>2795</v>
      </c>
      <c r="RNJ724" s="424"/>
      <c r="RNK724" s="424"/>
      <c r="RNL724" s="424"/>
      <c r="RNM724" s="423" t="s">
        <v>2795</v>
      </c>
      <c r="RNN724" s="424"/>
      <c r="RNO724" s="424"/>
      <c r="RNP724" s="424"/>
      <c r="RNQ724" s="423" t="s">
        <v>2795</v>
      </c>
      <c r="RNR724" s="424"/>
      <c r="RNS724" s="424"/>
      <c r="RNT724" s="424"/>
      <c r="RNU724" s="423" t="s">
        <v>2795</v>
      </c>
      <c r="RNV724" s="424"/>
      <c r="RNW724" s="424"/>
      <c r="RNX724" s="424"/>
      <c r="RNY724" s="423" t="s">
        <v>2795</v>
      </c>
      <c r="RNZ724" s="424"/>
      <c r="ROA724" s="424"/>
      <c r="ROB724" s="424"/>
      <c r="ROC724" s="423" t="s">
        <v>2795</v>
      </c>
      <c r="ROD724" s="424"/>
      <c r="ROE724" s="424"/>
      <c r="ROF724" s="424"/>
      <c r="ROG724" s="423" t="s">
        <v>2795</v>
      </c>
      <c r="ROH724" s="424"/>
      <c r="ROI724" s="424"/>
      <c r="ROJ724" s="424"/>
      <c r="ROK724" s="423" t="s">
        <v>2795</v>
      </c>
      <c r="ROL724" s="424"/>
      <c r="ROM724" s="424"/>
      <c r="RON724" s="424"/>
      <c r="ROO724" s="423" t="s">
        <v>2795</v>
      </c>
      <c r="ROP724" s="424"/>
      <c r="ROQ724" s="424"/>
      <c r="ROR724" s="424"/>
      <c r="ROS724" s="423" t="s">
        <v>2795</v>
      </c>
      <c r="ROT724" s="424"/>
      <c r="ROU724" s="424"/>
      <c r="ROV724" s="424"/>
      <c r="ROW724" s="423" t="s">
        <v>2795</v>
      </c>
      <c r="ROX724" s="424"/>
      <c r="ROY724" s="424"/>
      <c r="ROZ724" s="424"/>
      <c r="RPA724" s="423" t="s">
        <v>2795</v>
      </c>
      <c r="RPB724" s="424"/>
      <c r="RPC724" s="424"/>
      <c r="RPD724" s="424"/>
      <c r="RPE724" s="423" t="s">
        <v>2795</v>
      </c>
      <c r="RPF724" s="424"/>
      <c r="RPG724" s="424"/>
      <c r="RPH724" s="424"/>
      <c r="RPI724" s="423" t="s">
        <v>2795</v>
      </c>
      <c r="RPJ724" s="424"/>
      <c r="RPK724" s="424"/>
      <c r="RPL724" s="424"/>
      <c r="RPM724" s="423" t="s">
        <v>2795</v>
      </c>
      <c r="RPN724" s="424"/>
      <c r="RPO724" s="424"/>
      <c r="RPP724" s="424"/>
      <c r="RPQ724" s="423" t="s">
        <v>2795</v>
      </c>
      <c r="RPR724" s="424"/>
      <c r="RPS724" s="424"/>
      <c r="RPT724" s="424"/>
      <c r="RPU724" s="423" t="s">
        <v>2795</v>
      </c>
      <c r="RPV724" s="424"/>
      <c r="RPW724" s="424"/>
      <c r="RPX724" s="424"/>
      <c r="RPY724" s="423" t="s">
        <v>2795</v>
      </c>
      <c r="RPZ724" s="424"/>
      <c r="RQA724" s="424"/>
      <c r="RQB724" s="424"/>
      <c r="RQC724" s="423" t="s">
        <v>2795</v>
      </c>
      <c r="RQD724" s="424"/>
      <c r="RQE724" s="424"/>
      <c r="RQF724" s="424"/>
      <c r="RQG724" s="423" t="s">
        <v>2795</v>
      </c>
      <c r="RQH724" s="424"/>
      <c r="RQI724" s="424"/>
      <c r="RQJ724" s="424"/>
      <c r="RQK724" s="423" t="s">
        <v>2795</v>
      </c>
      <c r="RQL724" s="424"/>
      <c r="RQM724" s="424"/>
      <c r="RQN724" s="424"/>
      <c r="RQO724" s="423" t="s">
        <v>2795</v>
      </c>
      <c r="RQP724" s="424"/>
      <c r="RQQ724" s="424"/>
      <c r="RQR724" s="424"/>
      <c r="RQS724" s="423" t="s">
        <v>2795</v>
      </c>
      <c r="RQT724" s="424"/>
      <c r="RQU724" s="424"/>
      <c r="RQV724" s="424"/>
      <c r="RQW724" s="423" t="s">
        <v>2795</v>
      </c>
      <c r="RQX724" s="424"/>
      <c r="RQY724" s="424"/>
      <c r="RQZ724" s="424"/>
      <c r="RRA724" s="423" t="s">
        <v>2795</v>
      </c>
      <c r="RRB724" s="424"/>
      <c r="RRC724" s="424"/>
      <c r="RRD724" s="424"/>
      <c r="RRE724" s="423" t="s">
        <v>2795</v>
      </c>
      <c r="RRF724" s="424"/>
      <c r="RRG724" s="424"/>
      <c r="RRH724" s="424"/>
      <c r="RRI724" s="423" t="s">
        <v>2795</v>
      </c>
      <c r="RRJ724" s="424"/>
      <c r="RRK724" s="424"/>
      <c r="RRL724" s="424"/>
      <c r="RRM724" s="423" t="s">
        <v>2795</v>
      </c>
      <c r="RRN724" s="424"/>
      <c r="RRO724" s="424"/>
      <c r="RRP724" s="424"/>
      <c r="RRQ724" s="423" t="s">
        <v>2795</v>
      </c>
      <c r="RRR724" s="424"/>
      <c r="RRS724" s="424"/>
      <c r="RRT724" s="424"/>
      <c r="RRU724" s="423" t="s">
        <v>2795</v>
      </c>
      <c r="RRV724" s="424"/>
      <c r="RRW724" s="424"/>
      <c r="RRX724" s="424"/>
      <c r="RRY724" s="423" t="s">
        <v>2795</v>
      </c>
      <c r="RRZ724" s="424"/>
      <c r="RSA724" s="424"/>
      <c r="RSB724" s="424"/>
      <c r="RSC724" s="423" t="s">
        <v>2795</v>
      </c>
      <c r="RSD724" s="424"/>
      <c r="RSE724" s="424"/>
      <c r="RSF724" s="424"/>
      <c r="RSG724" s="423" t="s">
        <v>2795</v>
      </c>
      <c r="RSH724" s="424"/>
      <c r="RSI724" s="424"/>
      <c r="RSJ724" s="424"/>
      <c r="RSK724" s="423" t="s">
        <v>2795</v>
      </c>
      <c r="RSL724" s="424"/>
      <c r="RSM724" s="424"/>
      <c r="RSN724" s="424"/>
      <c r="RSO724" s="423" t="s">
        <v>2795</v>
      </c>
      <c r="RSP724" s="424"/>
      <c r="RSQ724" s="424"/>
      <c r="RSR724" s="424"/>
      <c r="RSS724" s="423" t="s">
        <v>2795</v>
      </c>
      <c r="RST724" s="424"/>
      <c r="RSU724" s="424"/>
      <c r="RSV724" s="424"/>
      <c r="RSW724" s="423" t="s">
        <v>2795</v>
      </c>
      <c r="RSX724" s="424"/>
      <c r="RSY724" s="424"/>
      <c r="RSZ724" s="424"/>
      <c r="RTA724" s="423" t="s">
        <v>2795</v>
      </c>
      <c r="RTB724" s="424"/>
      <c r="RTC724" s="424"/>
      <c r="RTD724" s="424"/>
      <c r="RTE724" s="423" t="s">
        <v>2795</v>
      </c>
      <c r="RTF724" s="424"/>
      <c r="RTG724" s="424"/>
      <c r="RTH724" s="424"/>
      <c r="RTI724" s="423" t="s">
        <v>2795</v>
      </c>
      <c r="RTJ724" s="424"/>
      <c r="RTK724" s="424"/>
      <c r="RTL724" s="424"/>
      <c r="RTM724" s="423" t="s">
        <v>2795</v>
      </c>
      <c r="RTN724" s="424"/>
      <c r="RTO724" s="424"/>
      <c r="RTP724" s="424"/>
      <c r="RTQ724" s="423" t="s">
        <v>2795</v>
      </c>
      <c r="RTR724" s="424"/>
      <c r="RTS724" s="424"/>
      <c r="RTT724" s="424"/>
      <c r="RTU724" s="423" t="s">
        <v>2795</v>
      </c>
      <c r="RTV724" s="424"/>
      <c r="RTW724" s="424"/>
      <c r="RTX724" s="424"/>
      <c r="RTY724" s="423" t="s">
        <v>2795</v>
      </c>
      <c r="RTZ724" s="424"/>
      <c r="RUA724" s="424"/>
      <c r="RUB724" s="424"/>
      <c r="RUC724" s="423" t="s">
        <v>2795</v>
      </c>
      <c r="RUD724" s="424"/>
      <c r="RUE724" s="424"/>
      <c r="RUF724" s="424"/>
      <c r="RUG724" s="423" t="s">
        <v>2795</v>
      </c>
      <c r="RUH724" s="424"/>
      <c r="RUI724" s="424"/>
      <c r="RUJ724" s="424"/>
      <c r="RUK724" s="423" t="s">
        <v>2795</v>
      </c>
      <c r="RUL724" s="424"/>
      <c r="RUM724" s="424"/>
      <c r="RUN724" s="424"/>
      <c r="RUO724" s="423" t="s">
        <v>2795</v>
      </c>
      <c r="RUP724" s="424"/>
      <c r="RUQ724" s="424"/>
      <c r="RUR724" s="424"/>
      <c r="RUS724" s="423" t="s">
        <v>2795</v>
      </c>
      <c r="RUT724" s="424"/>
      <c r="RUU724" s="424"/>
      <c r="RUV724" s="424"/>
      <c r="RUW724" s="423" t="s">
        <v>2795</v>
      </c>
      <c r="RUX724" s="424"/>
      <c r="RUY724" s="424"/>
      <c r="RUZ724" s="424"/>
      <c r="RVA724" s="423" t="s">
        <v>2795</v>
      </c>
      <c r="RVB724" s="424"/>
      <c r="RVC724" s="424"/>
      <c r="RVD724" s="424"/>
      <c r="RVE724" s="423" t="s">
        <v>2795</v>
      </c>
      <c r="RVF724" s="424"/>
      <c r="RVG724" s="424"/>
      <c r="RVH724" s="424"/>
      <c r="RVI724" s="423" t="s">
        <v>2795</v>
      </c>
      <c r="RVJ724" s="424"/>
      <c r="RVK724" s="424"/>
      <c r="RVL724" s="424"/>
      <c r="RVM724" s="423" t="s">
        <v>2795</v>
      </c>
      <c r="RVN724" s="424"/>
      <c r="RVO724" s="424"/>
      <c r="RVP724" s="424"/>
      <c r="RVQ724" s="423" t="s">
        <v>2795</v>
      </c>
      <c r="RVR724" s="424"/>
      <c r="RVS724" s="424"/>
      <c r="RVT724" s="424"/>
      <c r="RVU724" s="423" t="s">
        <v>2795</v>
      </c>
      <c r="RVV724" s="424"/>
      <c r="RVW724" s="424"/>
      <c r="RVX724" s="424"/>
      <c r="RVY724" s="423" t="s">
        <v>2795</v>
      </c>
      <c r="RVZ724" s="424"/>
      <c r="RWA724" s="424"/>
      <c r="RWB724" s="424"/>
      <c r="RWC724" s="423" t="s">
        <v>2795</v>
      </c>
      <c r="RWD724" s="424"/>
      <c r="RWE724" s="424"/>
      <c r="RWF724" s="424"/>
      <c r="RWG724" s="423" t="s">
        <v>2795</v>
      </c>
      <c r="RWH724" s="424"/>
      <c r="RWI724" s="424"/>
      <c r="RWJ724" s="424"/>
      <c r="RWK724" s="423" t="s">
        <v>2795</v>
      </c>
      <c r="RWL724" s="424"/>
      <c r="RWM724" s="424"/>
      <c r="RWN724" s="424"/>
      <c r="RWO724" s="423" t="s">
        <v>2795</v>
      </c>
      <c r="RWP724" s="424"/>
      <c r="RWQ724" s="424"/>
      <c r="RWR724" s="424"/>
      <c r="RWS724" s="423" t="s">
        <v>2795</v>
      </c>
      <c r="RWT724" s="424"/>
      <c r="RWU724" s="424"/>
      <c r="RWV724" s="424"/>
      <c r="RWW724" s="423" t="s">
        <v>2795</v>
      </c>
      <c r="RWX724" s="424"/>
      <c r="RWY724" s="424"/>
      <c r="RWZ724" s="424"/>
      <c r="RXA724" s="423" t="s">
        <v>2795</v>
      </c>
      <c r="RXB724" s="424"/>
      <c r="RXC724" s="424"/>
      <c r="RXD724" s="424"/>
      <c r="RXE724" s="423" t="s">
        <v>2795</v>
      </c>
      <c r="RXF724" s="424"/>
      <c r="RXG724" s="424"/>
      <c r="RXH724" s="424"/>
      <c r="RXI724" s="423" t="s">
        <v>2795</v>
      </c>
      <c r="RXJ724" s="424"/>
      <c r="RXK724" s="424"/>
      <c r="RXL724" s="424"/>
      <c r="RXM724" s="423" t="s">
        <v>2795</v>
      </c>
      <c r="RXN724" s="424"/>
      <c r="RXO724" s="424"/>
      <c r="RXP724" s="424"/>
      <c r="RXQ724" s="423" t="s">
        <v>2795</v>
      </c>
      <c r="RXR724" s="424"/>
      <c r="RXS724" s="424"/>
      <c r="RXT724" s="424"/>
      <c r="RXU724" s="423" t="s">
        <v>2795</v>
      </c>
      <c r="RXV724" s="424"/>
      <c r="RXW724" s="424"/>
      <c r="RXX724" s="424"/>
      <c r="RXY724" s="423" t="s">
        <v>2795</v>
      </c>
      <c r="RXZ724" s="424"/>
      <c r="RYA724" s="424"/>
      <c r="RYB724" s="424"/>
      <c r="RYC724" s="423" t="s">
        <v>2795</v>
      </c>
      <c r="RYD724" s="424"/>
      <c r="RYE724" s="424"/>
      <c r="RYF724" s="424"/>
      <c r="RYG724" s="423" t="s">
        <v>2795</v>
      </c>
      <c r="RYH724" s="424"/>
      <c r="RYI724" s="424"/>
      <c r="RYJ724" s="424"/>
      <c r="RYK724" s="423" t="s">
        <v>2795</v>
      </c>
      <c r="RYL724" s="424"/>
      <c r="RYM724" s="424"/>
      <c r="RYN724" s="424"/>
      <c r="RYO724" s="423" t="s">
        <v>2795</v>
      </c>
      <c r="RYP724" s="424"/>
      <c r="RYQ724" s="424"/>
      <c r="RYR724" s="424"/>
      <c r="RYS724" s="423" t="s">
        <v>2795</v>
      </c>
      <c r="RYT724" s="424"/>
      <c r="RYU724" s="424"/>
      <c r="RYV724" s="424"/>
      <c r="RYW724" s="423" t="s">
        <v>2795</v>
      </c>
      <c r="RYX724" s="424"/>
      <c r="RYY724" s="424"/>
      <c r="RYZ724" s="424"/>
      <c r="RZA724" s="423" t="s">
        <v>2795</v>
      </c>
      <c r="RZB724" s="424"/>
      <c r="RZC724" s="424"/>
      <c r="RZD724" s="424"/>
      <c r="RZE724" s="423" t="s">
        <v>2795</v>
      </c>
      <c r="RZF724" s="424"/>
      <c r="RZG724" s="424"/>
      <c r="RZH724" s="424"/>
      <c r="RZI724" s="423" t="s">
        <v>2795</v>
      </c>
      <c r="RZJ724" s="424"/>
      <c r="RZK724" s="424"/>
      <c r="RZL724" s="424"/>
      <c r="RZM724" s="423" t="s">
        <v>2795</v>
      </c>
      <c r="RZN724" s="424"/>
      <c r="RZO724" s="424"/>
      <c r="RZP724" s="424"/>
      <c r="RZQ724" s="423" t="s">
        <v>2795</v>
      </c>
      <c r="RZR724" s="424"/>
      <c r="RZS724" s="424"/>
      <c r="RZT724" s="424"/>
      <c r="RZU724" s="423" t="s">
        <v>2795</v>
      </c>
      <c r="RZV724" s="424"/>
      <c r="RZW724" s="424"/>
      <c r="RZX724" s="424"/>
      <c r="RZY724" s="423" t="s">
        <v>2795</v>
      </c>
      <c r="RZZ724" s="424"/>
      <c r="SAA724" s="424"/>
      <c r="SAB724" s="424"/>
      <c r="SAC724" s="423" t="s">
        <v>2795</v>
      </c>
      <c r="SAD724" s="424"/>
      <c r="SAE724" s="424"/>
      <c r="SAF724" s="424"/>
      <c r="SAG724" s="423" t="s">
        <v>2795</v>
      </c>
      <c r="SAH724" s="424"/>
      <c r="SAI724" s="424"/>
      <c r="SAJ724" s="424"/>
      <c r="SAK724" s="423" t="s">
        <v>2795</v>
      </c>
      <c r="SAL724" s="424"/>
      <c r="SAM724" s="424"/>
      <c r="SAN724" s="424"/>
      <c r="SAO724" s="423" t="s">
        <v>2795</v>
      </c>
      <c r="SAP724" s="424"/>
      <c r="SAQ724" s="424"/>
      <c r="SAR724" s="424"/>
      <c r="SAS724" s="423" t="s">
        <v>2795</v>
      </c>
      <c r="SAT724" s="424"/>
      <c r="SAU724" s="424"/>
      <c r="SAV724" s="424"/>
      <c r="SAW724" s="423" t="s">
        <v>2795</v>
      </c>
      <c r="SAX724" s="424"/>
      <c r="SAY724" s="424"/>
      <c r="SAZ724" s="424"/>
      <c r="SBA724" s="423" t="s">
        <v>2795</v>
      </c>
      <c r="SBB724" s="424"/>
      <c r="SBC724" s="424"/>
      <c r="SBD724" s="424"/>
      <c r="SBE724" s="423" t="s">
        <v>2795</v>
      </c>
      <c r="SBF724" s="424"/>
      <c r="SBG724" s="424"/>
      <c r="SBH724" s="424"/>
      <c r="SBI724" s="423" t="s">
        <v>2795</v>
      </c>
      <c r="SBJ724" s="424"/>
      <c r="SBK724" s="424"/>
      <c r="SBL724" s="424"/>
      <c r="SBM724" s="423" t="s">
        <v>2795</v>
      </c>
      <c r="SBN724" s="424"/>
      <c r="SBO724" s="424"/>
      <c r="SBP724" s="424"/>
      <c r="SBQ724" s="423" t="s">
        <v>2795</v>
      </c>
      <c r="SBR724" s="424"/>
      <c r="SBS724" s="424"/>
      <c r="SBT724" s="424"/>
      <c r="SBU724" s="423" t="s">
        <v>2795</v>
      </c>
      <c r="SBV724" s="424"/>
      <c r="SBW724" s="424"/>
      <c r="SBX724" s="424"/>
      <c r="SBY724" s="423" t="s">
        <v>2795</v>
      </c>
      <c r="SBZ724" s="424"/>
      <c r="SCA724" s="424"/>
      <c r="SCB724" s="424"/>
      <c r="SCC724" s="423" t="s">
        <v>2795</v>
      </c>
      <c r="SCD724" s="424"/>
      <c r="SCE724" s="424"/>
      <c r="SCF724" s="424"/>
      <c r="SCG724" s="423" t="s">
        <v>2795</v>
      </c>
      <c r="SCH724" s="424"/>
      <c r="SCI724" s="424"/>
      <c r="SCJ724" s="424"/>
      <c r="SCK724" s="423" t="s">
        <v>2795</v>
      </c>
      <c r="SCL724" s="424"/>
      <c r="SCM724" s="424"/>
      <c r="SCN724" s="424"/>
      <c r="SCO724" s="423" t="s">
        <v>2795</v>
      </c>
      <c r="SCP724" s="424"/>
      <c r="SCQ724" s="424"/>
      <c r="SCR724" s="424"/>
      <c r="SCS724" s="423" t="s">
        <v>2795</v>
      </c>
      <c r="SCT724" s="424"/>
      <c r="SCU724" s="424"/>
      <c r="SCV724" s="424"/>
      <c r="SCW724" s="423" t="s">
        <v>2795</v>
      </c>
      <c r="SCX724" s="424"/>
      <c r="SCY724" s="424"/>
      <c r="SCZ724" s="424"/>
      <c r="SDA724" s="423" t="s">
        <v>2795</v>
      </c>
      <c r="SDB724" s="424"/>
      <c r="SDC724" s="424"/>
      <c r="SDD724" s="424"/>
      <c r="SDE724" s="423" t="s">
        <v>2795</v>
      </c>
      <c r="SDF724" s="424"/>
      <c r="SDG724" s="424"/>
      <c r="SDH724" s="424"/>
      <c r="SDI724" s="423" t="s">
        <v>2795</v>
      </c>
      <c r="SDJ724" s="424"/>
      <c r="SDK724" s="424"/>
      <c r="SDL724" s="424"/>
      <c r="SDM724" s="423" t="s">
        <v>2795</v>
      </c>
      <c r="SDN724" s="424"/>
      <c r="SDO724" s="424"/>
      <c r="SDP724" s="424"/>
      <c r="SDQ724" s="423" t="s">
        <v>2795</v>
      </c>
      <c r="SDR724" s="424"/>
      <c r="SDS724" s="424"/>
      <c r="SDT724" s="424"/>
      <c r="SDU724" s="423" t="s">
        <v>2795</v>
      </c>
      <c r="SDV724" s="424"/>
      <c r="SDW724" s="424"/>
      <c r="SDX724" s="424"/>
      <c r="SDY724" s="423" t="s">
        <v>2795</v>
      </c>
      <c r="SDZ724" s="424"/>
      <c r="SEA724" s="424"/>
      <c r="SEB724" s="424"/>
      <c r="SEC724" s="423" t="s">
        <v>2795</v>
      </c>
      <c r="SED724" s="424"/>
      <c r="SEE724" s="424"/>
      <c r="SEF724" s="424"/>
      <c r="SEG724" s="423" t="s">
        <v>2795</v>
      </c>
      <c r="SEH724" s="424"/>
      <c r="SEI724" s="424"/>
      <c r="SEJ724" s="424"/>
      <c r="SEK724" s="423" t="s">
        <v>2795</v>
      </c>
      <c r="SEL724" s="424"/>
      <c r="SEM724" s="424"/>
      <c r="SEN724" s="424"/>
      <c r="SEO724" s="423" t="s">
        <v>2795</v>
      </c>
      <c r="SEP724" s="424"/>
      <c r="SEQ724" s="424"/>
      <c r="SER724" s="424"/>
      <c r="SES724" s="423" t="s">
        <v>2795</v>
      </c>
      <c r="SET724" s="424"/>
      <c r="SEU724" s="424"/>
      <c r="SEV724" s="424"/>
      <c r="SEW724" s="423" t="s">
        <v>2795</v>
      </c>
      <c r="SEX724" s="424"/>
      <c r="SEY724" s="424"/>
      <c r="SEZ724" s="424"/>
      <c r="SFA724" s="423" t="s">
        <v>2795</v>
      </c>
      <c r="SFB724" s="424"/>
      <c r="SFC724" s="424"/>
      <c r="SFD724" s="424"/>
      <c r="SFE724" s="423" t="s">
        <v>2795</v>
      </c>
      <c r="SFF724" s="424"/>
      <c r="SFG724" s="424"/>
      <c r="SFH724" s="424"/>
      <c r="SFI724" s="423" t="s">
        <v>2795</v>
      </c>
      <c r="SFJ724" s="424"/>
      <c r="SFK724" s="424"/>
      <c r="SFL724" s="424"/>
      <c r="SFM724" s="423" t="s">
        <v>2795</v>
      </c>
      <c r="SFN724" s="424"/>
      <c r="SFO724" s="424"/>
      <c r="SFP724" s="424"/>
      <c r="SFQ724" s="423" t="s">
        <v>2795</v>
      </c>
      <c r="SFR724" s="424"/>
      <c r="SFS724" s="424"/>
      <c r="SFT724" s="424"/>
      <c r="SFU724" s="423" t="s">
        <v>2795</v>
      </c>
      <c r="SFV724" s="424"/>
      <c r="SFW724" s="424"/>
      <c r="SFX724" s="424"/>
      <c r="SFY724" s="423" t="s">
        <v>2795</v>
      </c>
      <c r="SFZ724" s="424"/>
      <c r="SGA724" s="424"/>
      <c r="SGB724" s="424"/>
      <c r="SGC724" s="423" t="s">
        <v>2795</v>
      </c>
      <c r="SGD724" s="424"/>
      <c r="SGE724" s="424"/>
      <c r="SGF724" s="424"/>
      <c r="SGG724" s="423" t="s">
        <v>2795</v>
      </c>
      <c r="SGH724" s="424"/>
      <c r="SGI724" s="424"/>
      <c r="SGJ724" s="424"/>
      <c r="SGK724" s="423" t="s">
        <v>2795</v>
      </c>
      <c r="SGL724" s="424"/>
      <c r="SGM724" s="424"/>
      <c r="SGN724" s="424"/>
      <c r="SGO724" s="423" t="s">
        <v>2795</v>
      </c>
      <c r="SGP724" s="424"/>
      <c r="SGQ724" s="424"/>
      <c r="SGR724" s="424"/>
      <c r="SGS724" s="423" t="s">
        <v>2795</v>
      </c>
      <c r="SGT724" s="424"/>
      <c r="SGU724" s="424"/>
      <c r="SGV724" s="424"/>
      <c r="SGW724" s="423" t="s">
        <v>2795</v>
      </c>
      <c r="SGX724" s="424"/>
      <c r="SGY724" s="424"/>
      <c r="SGZ724" s="424"/>
      <c r="SHA724" s="423" t="s">
        <v>2795</v>
      </c>
      <c r="SHB724" s="424"/>
      <c r="SHC724" s="424"/>
      <c r="SHD724" s="424"/>
      <c r="SHE724" s="423" t="s">
        <v>2795</v>
      </c>
      <c r="SHF724" s="424"/>
      <c r="SHG724" s="424"/>
      <c r="SHH724" s="424"/>
      <c r="SHI724" s="423" t="s">
        <v>2795</v>
      </c>
      <c r="SHJ724" s="424"/>
      <c r="SHK724" s="424"/>
      <c r="SHL724" s="424"/>
      <c r="SHM724" s="423" t="s">
        <v>2795</v>
      </c>
      <c r="SHN724" s="424"/>
      <c r="SHO724" s="424"/>
      <c r="SHP724" s="424"/>
      <c r="SHQ724" s="423" t="s">
        <v>2795</v>
      </c>
      <c r="SHR724" s="424"/>
      <c r="SHS724" s="424"/>
      <c r="SHT724" s="424"/>
      <c r="SHU724" s="423" t="s">
        <v>2795</v>
      </c>
      <c r="SHV724" s="424"/>
      <c r="SHW724" s="424"/>
      <c r="SHX724" s="424"/>
      <c r="SHY724" s="423" t="s">
        <v>2795</v>
      </c>
      <c r="SHZ724" s="424"/>
      <c r="SIA724" s="424"/>
      <c r="SIB724" s="424"/>
      <c r="SIC724" s="423" t="s">
        <v>2795</v>
      </c>
      <c r="SID724" s="424"/>
      <c r="SIE724" s="424"/>
      <c r="SIF724" s="424"/>
      <c r="SIG724" s="423" t="s">
        <v>2795</v>
      </c>
      <c r="SIH724" s="424"/>
      <c r="SII724" s="424"/>
      <c r="SIJ724" s="424"/>
      <c r="SIK724" s="423" t="s">
        <v>2795</v>
      </c>
      <c r="SIL724" s="424"/>
      <c r="SIM724" s="424"/>
      <c r="SIN724" s="424"/>
      <c r="SIO724" s="423" t="s">
        <v>2795</v>
      </c>
      <c r="SIP724" s="424"/>
      <c r="SIQ724" s="424"/>
      <c r="SIR724" s="424"/>
      <c r="SIS724" s="423" t="s">
        <v>2795</v>
      </c>
      <c r="SIT724" s="424"/>
      <c r="SIU724" s="424"/>
      <c r="SIV724" s="424"/>
      <c r="SIW724" s="423" t="s">
        <v>2795</v>
      </c>
      <c r="SIX724" s="424"/>
      <c r="SIY724" s="424"/>
      <c r="SIZ724" s="424"/>
      <c r="SJA724" s="423" t="s">
        <v>2795</v>
      </c>
      <c r="SJB724" s="424"/>
      <c r="SJC724" s="424"/>
      <c r="SJD724" s="424"/>
      <c r="SJE724" s="423" t="s">
        <v>2795</v>
      </c>
      <c r="SJF724" s="424"/>
      <c r="SJG724" s="424"/>
      <c r="SJH724" s="424"/>
      <c r="SJI724" s="423" t="s">
        <v>2795</v>
      </c>
      <c r="SJJ724" s="424"/>
      <c r="SJK724" s="424"/>
      <c r="SJL724" s="424"/>
      <c r="SJM724" s="423" t="s">
        <v>2795</v>
      </c>
      <c r="SJN724" s="424"/>
      <c r="SJO724" s="424"/>
      <c r="SJP724" s="424"/>
      <c r="SJQ724" s="423" t="s">
        <v>2795</v>
      </c>
      <c r="SJR724" s="424"/>
      <c r="SJS724" s="424"/>
      <c r="SJT724" s="424"/>
      <c r="SJU724" s="423" t="s">
        <v>2795</v>
      </c>
      <c r="SJV724" s="424"/>
      <c r="SJW724" s="424"/>
      <c r="SJX724" s="424"/>
      <c r="SJY724" s="423" t="s">
        <v>2795</v>
      </c>
      <c r="SJZ724" s="424"/>
      <c r="SKA724" s="424"/>
      <c r="SKB724" s="424"/>
      <c r="SKC724" s="423" t="s">
        <v>2795</v>
      </c>
      <c r="SKD724" s="424"/>
      <c r="SKE724" s="424"/>
      <c r="SKF724" s="424"/>
      <c r="SKG724" s="423" t="s">
        <v>2795</v>
      </c>
      <c r="SKH724" s="424"/>
      <c r="SKI724" s="424"/>
      <c r="SKJ724" s="424"/>
      <c r="SKK724" s="423" t="s">
        <v>2795</v>
      </c>
      <c r="SKL724" s="424"/>
      <c r="SKM724" s="424"/>
      <c r="SKN724" s="424"/>
      <c r="SKO724" s="423" t="s">
        <v>2795</v>
      </c>
      <c r="SKP724" s="424"/>
      <c r="SKQ724" s="424"/>
      <c r="SKR724" s="424"/>
      <c r="SKS724" s="423" t="s">
        <v>2795</v>
      </c>
      <c r="SKT724" s="424"/>
      <c r="SKU724" s="424"/>
      <c r="SKV724" s="424"/>
      <c r="SKW724" s="423" t="s">
        <v>2795</v>
      </c>
      <c r="SKX724" s="424"/>
      <c r="SKY724" s="424"/>
      <c r="SKZ724" s="424"/>
      <c r="SLA724" s="423" t="s">
        <v>2795</v>
      </c>
      <c r="SLB724" s="424"/>
      <c r="SLC724" s="424"/>
      <c r="SLD724" s="424"/>
      <c r="SLE724" s="423" t="s">
        <v>2795</v>
      </c>
      <c r="SLF724" s="424"/>
      <c r="SLG724" s="424"/>
      <c r="SLH724" s="424"/>
      <c r="SLI724" s="423" t="s">
        <v>2795</v>
      </c>
      <c r="SLJ724" s="424"/>
      <c r="SLK724" s="424"/>
      <c r="SLL724" s="424"/>
      <c r="SLM724" s="423" t="s">
        <v>2795</v>
      </c>
      <c r="SLN724" s="424"/>
      <c r="SLO724" s="424"/>
      <c r="SLP724" s="424"/>
      <c r="SLQ724" s="423" t="s">
        <v>2795</v>
      </c>
      <c r="SLR724" s="424"/>
      <c r="SLS724" s="424"/>
      <c r="SLT724" s="424"/>
      <c r="SLU724" s="423" t="s">
        <v>2795</v>
      </c>
      <c r="SLV724" s="424"/>
      <c r="SLW724" s="424"/>
      <c r="SLX724" s="424"/>
      <c r="SLY724" s="423" t="s">
        <v>2795</v>
      </c>
      <c r="SLZ724" s="424"/>
      <c r="SMA724" s="424"/>
      <c r="SMB724" s="424"/>
      <c r="SMC724" s="423" t="s">
        <v>2795</v>
      </c>
      <c r="SMD724" s="424"/>
      <c r="SME724" s="424"/>
      <c r="SMF724" s="424"/>
      <c r="SMG724" s="423" t="s">
        <v>2795</v>
      </c>
      <c r="SMH724" s="424"/>
      <c r="SMI724" s="424"/>
      <c r="SMJ724" s="424"/>
      <c r="SMK724" s="423" t="s">
        <v>2795</v>
      </c>
      <c r="SML724" s="424"/>
      <c r="SMM724" s="424"/>
      <c r="SMN724" s="424"/>
      <c r="SMO724" s="423" t="s">
        <v>2795</v>
      </c>
      <c r="SMP724" s="424"/>
      <c r="SMQ724" s="424"/>
      <c r="SMR724" s="424"/>
      <c r="SMS724" s="423" t="s">
        <v>2795</v>
      </c>
      <c r="SMT724" s="424"/>
      <c r="SMU724" s="424"/>
      <c r="SMV724" s="424"/>
      <c r="SMW724" s="423" t="s">
        <v>2795</v>
      </c>
      <c r="SMX724" s="424"/>
      <c r="SMY724" s="424"/>
      <c r="SMZ724" s="424"/>
      <c r="SNA724" s="423" t="s">
        <v>2795</v>
      </c>
      <c r="SNB724" s="424"/>
      <c r="SNC724" s="424"/>
      <c r="SND724" s="424"/>
      <c r="SNE724" s="423" t="s">
        <v>2795</v>
      </c>
      <c r="SNF724" s="424"/>
      <c r="SNG724" s="424"/>
      <c r="SNH724" s="424"/>
      <c r="SNI724" s="423" t="s">
        <v>2795</v>
      </c>
      <c r="SNJ724" s="424"/>
      <c r="SNK724" s="424"/>
      <c r="SNL724" s="424"/>
      <c r="SNM724" s="423" t="s">
        <v>2795</v>
      </c>
      <c r="SNN724" s="424"/>
      <c r="SNO724" s="424"/>
      <c r="SNP724" s="424"/>
      <c r="SNQ724" s="423" t="s">
        <v>2795</v>
      </c>
      <c r="SNR724" s="424"/>
      <c r="SNS724" s="424"/>
      <c r="SNT724" s="424"/>
      <c r="SNU724" s="423" t="s">
        <v>2795</v>
      </c>
      <c r="SNV724" s="424"/>
      <c r="SNW724" s="424"/>
      <c r="SNX724" s="424"/>
      <c r="SNY724" s="423" t="s">
        <v>2795</v>
      </c>
      <c r="SNZ724" s="424"/>
      <c r="SOA724" s="424"/>
      <c r="SOB724" s="424"/>
      <c r="SOC724" s="423" t="s">
        <v>2795</v>
      </c>
      <c r="SOD724" s="424"/>
      <c r="SOE724" s="424"/>
      <c r="SOF724" s="424"/>
      <c r="SOG724" s="423" t="s">
        <v>2795</v>
      </c>
      <c r="SOH724" s="424"/>
      <c r="SOI724" s="424"/>
      <c r="SOJ724" s="424"/>
      <c r="SOK724" s="423" t="s">
        <v>2795</v>
      </c>
      <c r="SOL724" s="424"/>
      <c r="SOM724" s="424"/>
      <c r="SON724" s="424"/>
      <c r="SOO724" s="423" t="s">
        <v>2795</v>
      </c>
      <c r="SOP724" s="424"/>
      <c r="SOQ724" s="424"/>
      <c r="SOR724" s="424"/>
      <c r="SOS724" s="423" t="s">
        <v>2795</v>
      </c>
      <c r="SOT724" s="424"/>
      <c r="SOU724" s="424"/>
      <c r="SOV724" s="424"/>
      <c r="SOW724" s="423" t="s">
        <v>2795</v>
      </c>
      <c r="SOX724" s="424"/>
      <c r="SOY724" s="424"/>
      <c r="SOZ724" s="424"/>
      <c r="SPA724" s="423" t="s">
        <v>2795</v>
      </c>
      <c r="SPB724" s="424"/>
      <c r="SPC724" s="424"/>
      <c r="SPD724" s="424"/>
      <c r="SPE724" s="423" t="s">
        <v>2795</v>
      </c>
      <c r="SPF724" s="424"/>
      <c r="SPG724" s="424"/>
      <c r="SPH724" s="424"/>
      <c r="SPI724" s="423" t="s">
        <v>2795</v>
      </c>
      <c r="SPJ724" s="424"/>
      <c r="SPK724" s="424"/>
      <c r="SPL724" s="424"/>
      <c r="SPM724" s="423" t="s">
        <v>2795</v>
      </c>
      <c r="SPN724" s="424"/>
      <c r="SPO724" s="424"/>
      <c r="SPP724" s="424"/>
      <c r="SPQ724" s="423" t="s">
        <v>2795</v>
      </c>
      <c r="SPR724" s="424"/>
      <c r="SPS724" s="424"/>
      <c r="SPT724" s="424"/>
      <c r="SPU724" s="423" t="s">
        <v>2795</v>
      </c>
      <c r="SPV724" s="424"/>
      <c r="SPW724" s="424"/>
      <c r="SPX724" s="424"/>
      <c r="SPY724" s="423" t="s">
        <v>2795</v>
      </c>
      <c r="SPZ724" s="424"/>
      <c r="SQA724" s="424"/>
      <c r="SQB724" s="424"/>
      <c r="SQC724" s="423" t="s">
        <v>2795</v>
      </c>
      <c r="SQD724" s="424"/>
      <c r="SQE724" s="424"/>
      <c r="SQF724" s="424"/>
      <c r="SQG724" s="423" t="s">
        <v>2795</v>
      </c>
      <c r="SQH724" s="424"/>
      <c r="SQI724" s="424"/>
      <c r="SQJ724" s="424"/>
      <c r="SQK724" s="423" t="s">
        <v>2795</v>
      </c>
      <c r="SQL724" s="424"/>
      <c r="SQM724" s="424"/>
      <c r="SQN724" s="424"/>
      <c r="SQO724" s="423" t="s">
        <v>2795</v>
      </c>
      <c r="SQP724" s="424"/>
      <c r="SQQ724" s="424"/>
      <c r="SQR724" s="424"/>
      <c r="SQS724" s="423" t="s">
        <v>2795</v>
      </c>
      <c r="SQT724" s="424"/>
      <c r="SQU724" s="424"/>
      <c r="SQV724" s="424"/>
      <c r="SQW724" s="423" t="s">
        <v>2795</v>
      </c>
      <c r="SQX724" s="424"/>
      <c r="SQY724" s="424"/>
      <c r="SQZ724" s="424"/>
      <c r="SRA724" s="423" t="s">
        <v>2795</v>
      </c>
      <c r="SRB724" s="424"/>
      <c r="SRC724" s="424"/>
      <c r="SRD724" s="424"/>
      <c r="SRE724" s="423" t="s">
        <v>2795</v>
      </c>
      <c r="SRF724" s="424"/>
      <c r="SRG724" s="424"/>
      <c r="SRH724" s="424"/>
      <c r="SRI724" s="423" t="s">
        <v>2795</v>
      </c>
      <c r="SRJ724" s="424"/>
      <c r="SRK724" s="424"/>
      <c r="SRL724" s="424"/>
      <c r="SRM724" s="423" t="s">
        <v>2795</v>
      </c>
      <c r="SRN724" s="424"/>
      <c r="SRO724" s="424"/>
      <c r="SRP724" s="424"/>
      <c r="SRQ724" s="423" t="s">
        <v>2795</v>
      </c>
      <c r="SRR724" s="424"/>
      <c r="SRS724" s="424"/>
      <c r="SRT724" s="424"/>
      <c r="SRU724" s="423" t="s">
        <v>2795</v>
      </c>
      <c r="SRV724" s="424"/>
      <c r="SRW724" s="424"/>
      <c r="SRX724" s="424"/>
      <c r="SRY724" s="423" t="s">
        <v>2795</v>
      </c>
      <c r="SRZ724" s="424"/>
      <c r="SSA724" s="424"/>
      <c r="SSB724" s="424"/>
      <c r="SSC724" s="423" t="s">
        <v>2795</v>
      </c>
      <c r="SSD724" s="424"/>
      <c r="SSE724" s="424"/>
      <c r="SSF724" s="424"/>
      <c r="SSG724" s="423" t="s">
        <v>2795</v>
      </c>
      <c r="SSH724" s="424"/>
      <c r="SSI724" s="424"/>
      <c r="SSJ724" s="424"/>
      <c r="SSK724" s="423" t="s">
        <v>2795</v>
      </c>
      <c r="SSL724" s="424"/>
      <c r="SSM724" s="424"/>
      <c r="SSN724" s="424"/>
      <c r="SSO724" s="423" t="s">
        <v>2795</v>
      </c>
      <c r="SSP724" s="424"/>
      <c r="SSQ724" s="424"/>
      <c r="SSR724" s="424"/>
      <c r="SSS724" s="423" t="s">
        <v>2795</v>
      </c>
      <c r="SST724" s="424"/>
      <c r="SSU724" s="424"/>
      <c r="SSV724" s="424"/>
      <c r="SSW724" s="423" t="s">
        <v>2795</v>
      </c>
      <c r="SSX724" s="424"/>
      <c r="SSY724" s="424"/>
      <c r="SSZ724" s="424"/>
      <c r="STA724" s="423" t="s">
        <v>2795</v>
      </c>
      <c r="STB724" s="424"/>
      <c r="STC724" s="424"/>
      <c r="STD724" s="424"/>
      <c r="STE724" s="423" t="s">
        <v>2795</v>
      </c>
      <c r="STF724" s="424"/>
      <c r="STG724" s="424"/>
      <c r="STH724" s="424"/>
      <c r="STI724" s="423" t="s">
        <v>2795</v>
      </c>
      <c r="STJ724" s="424"/>
      <c r="STK724" s="424"/>
      <c r="STL724" s="424"/>
      <c r="STM724" s="423" t="s">
        <v>2795</v>
      </c>
      <c r="STN724" s="424"/>
      <c r="STO724" s="424"/>
      <c r="STP724" s="424"/>
      <c r="STQ724" s="423" t="s">
        <v>2795</v>
      </c>
      <c r="STR724" s="424"/>
      <c r="STS724" s="424"/>
      <c r="STT724" s="424"/>
      <c r="STU724" s="423" t="s">
        <v>2795</v>
      </c>
      <c r="STV724" s="424"/>
      <c r="STW724" s="424"/>
      <c r="STX724" s="424"/>
      <c r="STY724" s="423" t="s">
        <v>2795</v>
      </c>
      <c r="STZ724" s="424"/>
      <c r="SUA724" s="424"/>
      <c r="SUB724" s="424"/>
      <c r="SUC724" s="423" t="s">
        <v>2795</v>
      </c>
      <c r="SUD724" s="424"/>
      <c r="SUE724" s="424"/>
      <c r="SUF724" s="424"/>
      <c r="SUG724" s="423" t="s">
        <v>2795</v>
      </c>
      <c r="SUH724" s="424"/>
      <c r="SUI724" s="424"/>
      <c r="SUJ724" s="424"/>
      <c r="SUK724" s="423" t="s">
        <v>2795</v>
      </c>
      <c r="SUL724" s="424"/>
      <c r="SUM724" s="424"/>
      <c r="SUN724" s="424"/>
      <c r="SUO724" s="423" t="s">
        <v>2795</v>
      </c>
      <c r="SUP724" s="424"/>
      <c r="SUQ724" s="424"/>
      <c r="SUR724" s="424"/>
      <c r="SUS724" s="423" t="s">
        <v>2795</v>
      </c>
      <c r="SUT724" s="424"/>
      <c r="SUU724" s="424"/>
      <c r="SUV724" s="424"/>
      <c r="SUW724" s="423" t="s">
        <v>2795</v>
      </c>
      <c r="SUX724" s="424"/>
      <c r="SUY724" s="424"/>
      <c r="SUZ724" s="424"/>
      <c r="SVA724" s="423" t="s">
        <v>2795</v>
      </c>
      <c r="SVB724" s="424"/>
      <c r="SVC724" s="424"/>
      <c r="SVD724" s="424"/>
      <c r="SVE724" s="423" t="s">
        <v>2795</v>
      </c>
      <c r="SVF724" s="424"/>
      <c r="SVG724" s="424"/>
      <c r="SVH724" s="424"/>
      <c r="SVI724" s="423" t="s">
        <v>2795</v>
      </c>
      <c r="SVJ724" s="424"/>
      <c r="SVK724" s="424"/>
      <c r="SVL724" s="424"/>
      <c r="SVM724" s="423" t="s">
        <v>2795</v>
      </c>
      <c r="SVN724" s="424"/>
      <c r="SVO724" s="424"/>
      <c r="SVP724" s="424"/>
      <c r="SVQ724" s="423" t="s">
        <v>2795</v>
      </c>
      <c r="SVR724" s="424"/>
      <c r="SVS724" s="424"/>
      <c r="SVT724" s="424"/>
      <c r="SVU724" s="423" t="s">
        <v>2795</v>
      </c>
      <c r="SVV724" s="424"/>
      <c r="SVW724" s="424"/>
      <c r="SVX724" s="424"/>
      <c r="SVY724" s="423" t="s">
        <v>2795</v>
      </c>
      <c r="SVZ724" s="424"/>
      <c r="SWA724" s="424"/>
      <c r="SWB724" s="424"/>
      <c r="SWC724" s="423" t="s">
        <v>2795</v>
      </c>
      <c r="SWD724" s="424"/>
      <c r="SWE724" s="424"/>
      <c r="SWF724" s="424"/>
      <c r="SWG724" s="423" t="s">
        <v>2795</v>
      </c>
      <c r="SWH724" s="424"/>
      <c r="SWI724" s="424"/>
      <c r="SWJ724" s="424"/>
      <c r="SWK724" s="423" t="s">
        <v>2795</v>
      </c>
      <c r="SWL724" s="424"/>
      <c r="SWM724" s="424"/>
      <c r="SWN724" s="424"/>
      <c r="SWO724" s="423" t="s">
        <v>2795</v>
      </c>
      <c r="SWP724" s="424"/>
      <c r="SWQ724" s="424"/>
      <c r="SWR724" s="424"/>
      <c r="SWS724" s="423" t="s">
        <v>2795</v>
      </c>
      <c r="SWT724" s="424"/>
      <c r="SWU724" s="424"/>
      <c r="SWV724" s="424"/>
      <c r="SWW724" s="423" t="s">
        <v>2795</v>
      </c>
      <c r="SWX724" s="424"/>
      <c r="SWY724" s="424"/>
      <c r="SWZ724" s="424"/>
      <c r="SXA724" s="423" t="s">
        <v>2795</v>
      </c>
      <c r="SXB724" s="424"/>
      <c r="SXC724" s="424"/>
      <c r="SXD724" s="424"/>
      <c r="SXE724" s="423" t="s">
        <v>2795</v>
      </c>
      <c r="SXF724" s="424"/>
      <c r="SXG724" s="424"/>
      <c r="SXH724" s="424"/>
      <c r="SXI724" s="423" t="s">
        <v>2795</v>
      </c>
      <c r="SXJ724" s="424"/>
      <c r="SXK724" s="424"/>
      <c r="SXL724" s="424"/>
      <c r="SXM724" s="423" t="s">
        <v>2795</v>
      </c>
      <c r="SXN724" s="424"/>
      <c r="SXO724" s="424"/>
      <c r="SXP724" s="424"/>
      <c r="SXQ724" s="423" t="s">
        <v>2795</v>
      </c>
      <c r="SXR724" s="424"/>
      <c r="SXS724" s="424"/>
      <c r="SXT724" s="424"/>
      <c r="SXU724" s="423" t="s">
        <v>2795</v>
      </c>
      <c r="SXV724" s="424"/>
      <c r="SXW724" s="424"/>
      <c r="SXX724" s="424"/>
      <c r="SXY724" s="423" t="s">
        <v>2795</v>
      </c>
      <c r="SXZ724" s="424"/>
      <c r="SYA724" s="424"/>
      <c r="SYB724" s="424"/>
      <c r="SYC724" s="423" t="s">
        <v>2795</v>
      </c>
      <c r="SYD724" s="424"/>
      <c r="SYE724" s="424"/>
      <c r="SYF724" s="424"/>
      <c r="SYG724" s="423" t="s">
        <v>2795</v>
      </c>
      <c r="SYH724" s="424"/>
      <c r="SYI724" s="424"/>
      <c r="SYJ724" s="424"/>
      <c r="SYK724" s="423" t="s">
        <v>2795</v>
      </c>
      <c r="SYL724" s="424"/>
      <c r="SYM724" s="424"/>
      <c r="SYN724" s="424"/>
      <c r="SYO724" s="423" t="s">
        <v>2795</v>
      </c>
      <c r="SYP724" s="424"/>
      <c r="SYQ724" s="424"/>
      <c r="SYR724" s="424"/>
      <c r="SYS724" s="423" t="s">
        <v>2795</v>
      </c>
      <c r="SYT724" s="424"/>
      <c r="SYU724" s="424"/>
      <c r="SYV724" s="424"/>
      <c r="SYW724" s="423" t="s">
        <v>2795</v>
      </c>
      <c r="SYX724" s="424"/>
      <c r="SYY724" s="424"/>
      <c r="SYZ724" s="424"/>
      <c r="SZA724" s="423" t="s">
        <v>2795</v>
      </c>
      <c r="SZB724" s="424"/>
      <c r="SZC724" s="424"/>
      <c r="SZD724" s="424"/>
      <c r="SZE724" s="423" t="s">
        <v>2795</v>
      </c>
      <c r="SZF724" s="424"/>
      <c r="SZG724" s="424"/>
      <c r="SZH724" s="424"/>
      <c r="SZI724" s="423" t="s">
        <v>2795</v>
      </c>
      <c r="SZJ724" s="424"/>
      <c r="SZK724" s="424"/>
      <c r="SZL724" s="424"/>
      <c r="SZM724" s="423" t="s">
        <v>2795</v>
      </c>
      <c r="SZN724" s="424"/>
      <c r="SZO724" s="424"/>
      <c r="SZP724" s="424"/>
      <c r="SZQ724" s="423" t="s">
        <v>2795</v>
      </c>
      <c r="SZR724" s="424"/>
      <c r="SZS724" s="424"/>
      <c r="SZT724" s="424"/>
      <c r="SZU724" s="423" t="s">
        <v>2795</v>
      </c>
      <c r="SZV724" s="424"/>
      <c r="SZW724" s="424"/>
      <c r="SZX724" s="424"/>
      <c r="SZY724" s="423" t="s">
        <v>2795</v>
      </c>
      <c r="SZZ724" s="424"/>
      <c r="TAA724" s="424"/>
      <c r="TAB724" s="424"/>
      <c r="TAC724" s="423" t="s">
        <v>2795</v>
      </c>
      <c r="TAD724" s="424"/>
      <c r="TAE724" s="424"/>
      <c r="TAF724" s="424"/>
      <c r="TAG724" s="423" t="s">
        <v>2795</v>
      </c>
      <c r="TAH724" s="424"/>
      <c r="TAI724" s="424"/>
      <c r="TAJ724" s="424"/>
      <c r="TAK724" s="423" t="s">
        <v>2795</v>
      </c>
      <c r="TAL724" s="424"/>
      <c r="TAM724" s="424"/>
      <c r="TAN724" s="424"/>
      <c r="TAO724" s="423" t="s">
        <v>2795</v>
      </c>
      <c r="TAP724" s="424"/>
      <c r="TAQ724" s="424"/>
      <c r="TAR724" s="424"/>
      <c r="TAS724" s="423" t="s">
        <v>2795</v>
      </c>
      <c r="TAT724" s="424"/>
      <c r="TAU724" s="424"/>
      <c r="TAV724" s="424"/>
      <c r="TAW724" s="423" t="s">
        <v>2795</v>
      </c>
      <c r="TAX724" s="424"/>
      <c r="TAY724" s="424"/>
      <c r="TAZ724" s="424"/>
      <c r="TBA724" s="423" t="s">
        <v>2795</v>
      </c>
      <c r="TBB724" s="424"/>
      <c r="TBC724" s="424"/>
      <c r="TBD724" s="424"/>
      <c r="TBE724" s="423" t="s">
        <v>2795</v>
      </c>
      <c r="TBF724" s="424"/>
      <c r="TBG724" s="424"/>
      <c r="TBH724" s="424"/>
      <c r="TBI724" s="423" t="s">
        <v>2795</v>
      </c>
      <c r="TBJ724" s="424"/>
      <c r="TBK724" s="424"/>
      <c r="TBL724" s="424"/>
      <c r="TBM724" s="423" t="s">
        <v>2795</v>
      </c>
      <c r="TBN724" s="424"/>
      <c r="TBO724" s="424"/>
      <c r="TBP724" s="424"/>
      <c r="TBQ724" s="423" t="s">
        <v>2795</v>
      </c>
      <c r="TBR724" s="424"/>
      <c r="TBS724" s="424"/>
      <c r="TBT724" s="424"/>
      <c r="TBU724" s="423" t="s">
        <v>2795</v>
      </c>
      <c r="TBV724" s="424"/>
      <c r="TBW724" s="424"/>
      <c r="TBX724" s="424"/>
      <c r="TBY724" s="423" t="s">
        <v>2795</v>
      </c>
      <c r="TBZ724" s="424"/>
      <c r="TCA724" s="424"/>
      <c r="TCB724" s="424"/>
      <c r="TCC724" s="423" t="s">
        <v>2795</v>
      </c>
      <c r="TCD724" s="424"/>
      <c r="TCE724" s="424"/>
      <c r="TCF724" s="424"/>
      <c r="TCG724" s="423" t="s">
        <v>2795</v>
      </c>
      <c r="TCH724" s="424"/>
      <c r="TCI724" s="424"/>
      <c r="TCJ724" s="424"/>
      <c r="TCK724" s="423" t="s">
        <v>2795</v>
      </c>
      <c r="TCL724" s="424"/>
      <c r="TCM724" s="424"/>
      <c r="TCN724" s="424"/>
      <c r="TCO724" s="423" t="s">
        <v>2795</v>
      </c>
      <c r="TCP724" s="424"/>
      <c r="TCQ724" s="424"/>
      <c r="TCR724" s="424"/>
      <c r="TCS724" s="423" t="s">
        <v>2795</v>
      </c>
      <c r="TCT724" s="424"/>
      <c r="TCU724" s="424"/>
      <c r="TCV724" s="424"/>
      <c r="TCW724" s="423" t="s">
        <v>2795</v>
      </c>
      <c r="TCX724" s="424"/>
      <c r="TCY724" s="424"/>
      <c r="TCZ724" s="424"/>
      <c r="TDA724" s="423" t="s">
        <v>2795</v>
      </c>
      <c r="TDB724" s="424"/>
      <c r="TDC724" s="424"/>
      <c r="TDD724" s="424"/>
      <c r="TDE724" s="423" t="s">
        <v>2795</v>
      </c>
      <c r="TDF724" s="424"/>
      <c r="TDG724" s="424"/>
      <c r="TDH724" s="424"/>
      <c r="TDI724" s="423" t="s">
        <v>2795</v>
      </c>
      <c r="TDJ724" s="424"/>
      <c r="TDK724" s="424"/>
      <c r="TDL724" s="424"/>
      <c r="TDM724" s="423" t="s">
        <v>2795</v>
      </c>
      <c r="TDN724" s="424"/>
      <c r="TDO724" s="424"/>
      <c r="TDP724" s="424"/>
      <c r="TDQ724" s="423" t="s">
        <v>2795</v>
      </c>
      <c r="TDR724" s="424"/>
      <c r="TDS724" s="424"/>
      <c r="TDT724" s="424"/>
      <c r="TDU724" s="423" t="s">
        <v>2795</v>
      </c>
      <c r="TDV724" s="424"/>
      <c r="TDW724" s="424"/>
      <c r="TDX724" s="424"/>
      <c r="TDY724" s="423" t="s">
        <v>2795</v>
      </c>
      <c r="TDZ724" s="424"/>
      <c r="TEA724" s="424"/>
      <c r="TEB724" s="424"/>
      <c r="TEC724" s="423" t="s">
        <v>2795</v>
      </c>
      <c r="TED724" s="424"/>
      <c r="TEE724" s="424"/>
      <c r="TEF724" s="424"/>
      <c r="TEG724" s="423" t="s">
        <v>2795</v>
      </c>
      <c r="TEH724" s="424"/>
      <c r="TEI724" s="424"/>
      <c r="TEJ724" s="424"/>
      <c r="TEK724" s="423" t="s">
        <v>2795</v>
      </c>
      <c r="TEL724" s="424"/>
      <c r="TEM724" s="424"/>
      <c r="TEN724" s="424"/>
      <c r="TEO724" s="423" t="s">
        <v>2795</v>
      </c>
      <c r="TEP724" s="424"/>
      <c r="TEQ724" s="424"/>
      <c r="TER724" s="424"/>
      <c r="TES724" s="423" t="s">
        <v>2795</v>
      </c>
      <c r="TET724" s="424"/>
      <c r="TEU724" s="424"/>
      <c r="TEV724" s="424"/>
      <c r="TEW724" s="423" t="s">
        <v>2795</v>
      </c>
      <c r="TEX724" s="424"/>
      <c r="TEY724" s="424"/>
      <c r="TEZ724" s="424"/>
      <c r="TFA724" s="423" t="s">
        <v>2795</v>
      </c>
      <c r="TFB724" s="424"/>
      <c r="TFC724" s="424"/>
      <c r="TFD724" s="424"/>
      <c r="TFE724" s="423" t="s">
        <v>2795</v>
      </c>
      <c r="TFF724" s="424"/>
      <c r="TFG724" s="424"/>
      <c r="TFH724" s="424"/>
      <c r="TFI724" s="423" t="s">
        <v>2795</v>
      </c>
      <c r="TFJ724" s="424"/>
      <c r="TFK724" s="424"/>
      <c r="TFL724" s="424"/>
      <c r="TFM724" s="423" t="s">
        <v>2795</v>
      </c>
      <c r="TFN724" s="424"/>
      <c r="TFO724" s="424"/>
      <c r="TFP724" s="424"/>
      <c r="TFQ724" s="423" t="s">
        <v>2795</v>
      </c>
      <c r="TFR724" s="424"/>
      <c r="TFS724" s="424"/>
      <c r="TFT724" s="424"/>
      <c r="TFU724" s="423" t="s">
        <v>2795</v>
      </c>
      <c r="TFV724" s="424"/>
      <c r="TFW724" s="424"/>
      <c r="TFX724" s="424"/>
      <c r="TFY724" s="423" t="s">
        <v>2795</v>
      </c>
      <c r="TFZ724" s="424"/>
      <c r="TGA724" s="424"/>
      <c r="TGB724" s="424"/>
      <c r="TGC724" s="423" t="s">
        <v>2795</v>
      </c>
      <c r="TGD724" s="424"/>
      <c r="TGE724" s="424"/>
      <c r="TGF724" s="424"/>
      <c r="TGG724" s="423" t="s">
        <v>2795</v>
      </c>
      <c r="TGH724" s="424"/>
      <c r="TGI724" s="424"/>
      <c r="TGJ724" s="424"/>
      <c r="TGK724" s="423" t="s">
        <v>2795</v>
      </c>
      <c r="TGL724" s="424"/>
      <c r="TGM724" s="424"/>
      <c r="TGN724" s="424"/>
      <c r="TGO724" s="423" t="s">
        <v>2795</v>
      </c>
      <c r="TGP724" s="424"/>
      <c r="TGQ724" s="424"/>
      <c r="TGR724" s="424"/>
      <c r="TGS724" s="423" t="s">
        <v>2795</v>
      </c>
      <c r="TGT724" s="424"/>
      <c r="TGU724" s="424"/>
      <c r="TGV724" s="424"/>
      <c r="TGW724" s="423" t="s">
        <v>2795</v>
      </c>
      <c r="TGX724" s="424"/>
      <c r="TGY724" s="424"/>
      <c r="TGZ724" s="424"/>
      <c r="THA724" s="423" t="s">
        <v>2795</v>
      </c>
      <c r="THB724" s="424"/>
      <c r="THC724" s="424"/>
      <c r="THD724" s="424"/>
      <c r="THE724" s="423" t="s">
        <v>2795</v>
      </c>
      <c r="THF724" s="424"/>
      <c r="THG724" s="424"/>
      <c r="THH724" s="424"/>
      <c r="THI724" s="423" t="s">
        <v>2795</v>
      </c>
      <c r="THJ724" s="424"/>
      <c r="THK724" s="424"/>
      <c r="THL724" s="424"/>
      <c r="THM724" s="423" t="s">
        <v>2795</v>
      </c>
      <c r="THN724" s="424"/>
      <c r="THO724" s="424"/>
      <c r="THP724" s="424"/>
      <c r="THQ724" s="423" t="s">
        <v>2795</v>
      </c>
      <c r="THR724" s="424"/>
      <c r="THS724" s="424"/>
      <c r="THT724" s="424"/>
      <c r="THU724" s="423" t="s">
        <v>2795</v>
      </c>
      <c r="THV724" s="424"/>
      <c r="THW724" s="424"/>
      <c r="THX724" s="424"/>
      <c r="THY724" s="423" t="s">
        <v>2795</v>
      </c>
      <c r="THZ724" s="424"/>
      <c r="TIA724" s="424"/>
      <c r="TIB724" s="424"/>
      <c r="TIC724" s="423" t="s">
        <v>2795</v>
      </c>
      <c r="TID724" s="424"/>
      <c r="TIE724" s="424"/>
      <c r="TIF724" s="424"/>
      <c r="TIG724" s="423" t="s">
        <v>2795</v>
      </c>
      <c r="TIH724" s="424"/>
      <c r="TII724" s="424"/>
      <c r="TIJ724" s="424"/>
      <c r="TIK724" s="423" t="s">
        <v>2795</v>
      </c>
      <c r="TIL724" s="424"/>
      <c r="TIM724" s="424"/>
      <c r="TIN724" s="424"/>
      <c r="TIO724" s="423" t="s">
        <v>2795</v>
      </c>
      <c r="TIP724" s="424"/>
      <c r="TIQ724" s="424"/>
      <c r="TIR724" s="424"/>
      <c r="TIS724" s="423" t="s">
        <v>2795</v>
      </c>
      <c r="TIT724" s="424"/>
      <c r="TIU724" s="424"/>
      <c r="TIV724" s="424"/>
      <c r="TIW724" s="423" t="s">
        <v>2795</v>
      </c>
      <c r="TIX724" s="424"/>
      <c r="TIY724" s="424"/>
      <c r="TIZ724" s="424"/>
      <c r="TJA724" s="423" t="s">
        <v>2795</v>
      </c>
      <c r="TJB724" s="424"/>
      <c r="TJC724" s="424"/>
      <c r="TJD724" s="424"/>
      <c r="TJE724" s="423" t="s">
        <v>2795</v>
      </c>
      <c r="TJF724" s="424"/>
      <c r="TJG724" s="424"/>
      <c r="TJH724" s="424"/>
      <c r="TJI724" s="423" t="s">
        <v>2795</v>
      </c>
      <c r="TJJ724" s="424"/>
      <c r="TJK724" s="424"/>
      <c r="TJL724" s="424"/>
      <c r="TJM724" s="423" t="s">
        <v>2795</v>
      </c>
      <c r="TJN724" s="424"/>
      <c r="TJO724" s="424"/>
      <c r="TJP724" s="424"/>
      <c r="TJQ724" s="423" t="s">
        <v>2795</v>
      </c>
      <c r="TJR724" s="424"/>
      <c r="TJS724" s="424"/>
      <c r="TJT724" s="424"/>
      <c r="TJU724" s="423" t="s">
        <v>2795</v>
      </c>
      <c r="TJV724" s="424"/>
      <c r="TJW724" s="424"/>
      <c r="TJX724" s="424"/>
      <c r="TJY724" s="423" t="s">
        <v>2795</v>
      </c>
      <c r="TJZ724" s="424"/>
      <c r="TKA724" s="424"/>
      <c r="TKB724" s="424"/>
      <c r="TKC724" s="423" t="s">
        <v>2795</v>
      </c>
      <c r="TKD724" s="424"/>
      <c r="TKE724" s="424"/>
      <c r="TKF724" s="424"/>
      <c r="TKG724" s="423" t="s">
        <v>2795</v>
      </c>
      <c r="TKH724" s="424"/>
      <c r="TKI724" s="424"/>
      <c r="TKJ724" s="424"/>
      <c r="TKK724" s="423" t="s">
        <v>2795</v>
      </c>
      <c r="TKL724" s="424"/>
      <c r="TKM724" s="424"/>
      <c r="TKN724" s="424"/>
      <c r="TKO724" s="423" t="s">
        <v>2795</v>
      </c>
      <c r="TKP724" s="424"/>
      <c r="TKQ724" s="424"/>
      <c r="TKR724" s="424"/>
      <c r="TKS724" s="423" t="s">
        <v>2795</v>
      </c>
      <c r="TKT724" s="424"/>
      <c r="TKU724" s="424"/>
      <c r="TKV724" s="424"/>
      <c r="TKW724" s="423" t="s">
        <v>2795</v>
      </c>
      <c r="TKX724" s="424"/>
      <c r="TKY724" s="424"/>
      <c r="TKZ724" s="424"/>
      <c r="TLA724" s="423" t="s">
        <v>2795</v>
      </c>
      <c r="TLB724" s="424"/>
      <c r="TLC724" s="424"/>
      <c r="TLD724" s="424"/>
      <c r="TLE724" s="423" t="s">
        <v>2795</v>
      </c>
      <c r="TLF724" s="424"/>
      <c r="TLG724" s="424"/>
      <c r="TLH724" s="424"/>
      <c r="TLI724" s="423" t="s">
        <v>2795</v>
      </c>
      <c r="TLJ724" s="424"/>
      <c r="TLK724" s="424"/>
      <c r="TLL724" s="424"/>
      <c r="TLM724" s="423" t="s">
        <v>2795</v>
      </c>
      <c r="TLN724" s="424"/>
      <c r="TLO724" s="424"/>
      <c r="TLP724" s="424"/>
      <c r="TLQ724" s="423" t="s">
        <v>2795</v>
      </c>
      <c r="TLR724" s="424"/>
      <c r="TLS724" s="424"/>
      <c r="TLT724" s="424"/>
      <c r="TLU724" s="423" t="s">
        <v>2795</v>
      </c>
      <c r="TLV724" s="424"/>
      <c r="TLW724" s="424"/>
      <c r="TLX724" s="424"/>
      <c r="TLY724" s="423" t="s">
        <v>2795</v>
      </c>
      <c r="TLZ724" s="424"/>
      <c r="TMA724" s="424"/>
      <c r="TMB724" s="424"/>
      <c r="TMC724" s="423" t="s">
        <v>2795</v>
      </c>
      <c r="TMD724" s="424"/>
      <c r="TME724" s="424"/>
      <c r="TMF724" s="424"/>
      <c r="TMG724" s="423" t="s">
        <v>2795</v>
      </c>
      <c r="TMH724" s="424"/>
      <c r="TMI724" s="424"/>
      <c r="TMJ724" s="424"/>
      <c r="TMK724" s="423" t="s">
        <v>2795</v>
      </c>
      <c r="TML724" s="424"/>
      <c r="TMM724" s="424"/>
      <c r="TMN724" s="424"/>
      <c r="TMO724" s="423" t="s">
        <v>2795</v>
      </c>
      <c r="TMP724" s="424"/>
      <c r="TMQ724" s="424"/>
      <c r="TMR724" s="424"/>
      <c r="TMS724" s="423" t="s">
        <v>2795</v>
      </c>
      <c r="TMT724" s="424"/>
      <c r="TMU724" s="424"/>
      <c r="TMV724" s="424"/>
      <c r="TMW724" s="423" t="s">
        <v>2795</v>
      </c>
      <c r="TMX724" s="424"/>
      <c r="TMY724" s="424"/>
      <c r="TMZ724" s="424"/>
      <c r="TNA724" s="423" t="s">
        <v>2795</v>
      </c>
      <c r="TNB724" s="424"/>
      <c r="TNC724" s="424"/>
      <c r="TND724" s="424"/>
      <c r="TNE724" s="423" t="s">
        <v>2795</v>
      </c>
      <c r="TNF724" s="424"/>
      <c r="TNG724" s="424"/>
      <c r="TNH724" s="424"/>
      <c r="TNI724" s="423" t="s">
        <v>2795</v>
      </c>
      <c r="TNJ724" s="424"/>
      <c r="TNK724" s="424"/>
      <c r="TNL724" s="424"/>
      <c r="TNM724" s="423" t="s">
        <v>2795</v>
      </c>
      <c r="TNN724" s="424"/>
      <c r="TNO724" s="424"/>
      <c r="TNP724" s="424"/>
      <c r="TNQ724" s="423" t="s">
        <v>2795</v>
      </c>
      <c r="TNR724" s="424"/>
      <c r="TNS724" s="424"/>
      <c r="TNT724" s="424"/>
      <c r="TNU724" s="423" t="s">
        <v>2795</v>
      </c>
      <c r="TNV724" s="424"/>
      <c r="TNW724" s="424"/>
      <c r="TNX724" s="424"/>
      <c r="TNY724" s="423" t="s">
        <v>2795</v>
      </c>
      <c r="TNZ724" s="424"/>
      <c r="TOA724" s="424"/>
      <c r="TOB724" s="424"/>
      <c r="TOC724" s="423" t="s">
        <v>2795</v>
      </c>
      <c r="TOD724" s="424"/>
      <c r="TOE724" s="424"/>
      <c r="TOF724" s="424"/>
      <c r="TOG724" s="423" t="s">
        <v>2795</v>
      </c>
      <c r="TOH724" s="424"/>
      <c r="TOI724" s="424"/>
      <c r="TOJ724" s="424"/>
      <c r="TOK724" s="423" t="s">
        <v>2795</v>
      </c>
      <c r="TOL724" s="424"/>
      <c r="TOM724" s="424"/>
      <c r="TON724" s="424"/>
      <c r="TOO724" s="423" t="s">
        <v>2795</v>
      </c>
      <c r="TOP724" s="424"/>
      <c r="TOQ724" s="424"/>
      <c r="TOR724" s="424"/>
      <c r="TOS724" s="423" t="s">
        <v>2795</v>
      </c>
      <c r="TOT724" s="424"/>
      <c r="TOU724" s="424"/>
      <c r="TOV724" s="424"/>
      <c r="TOW724" s="423" t="s">
        <v>2795</v>
      </c>
      <c r="TOX724" s="424"/>
      <c r="TOY724" s="424"/>
      <c r="TOZ724" s="424"/>
      <c r="TPA724" s="423" t="s">
        <v>2795</v>
      </c>
      <c r="TPB724" s="424"/>
      <c r="TPC724" s="424"/>
      <c r="TPD724" s="424"/>
      <c r="TPE724" s="423" t="s">
        <v>2795</v>
      </c>
      <c r="TPF724" s="424"/>
      <c r="TPG724" s="424"/>
      <c r="TPH724" s="424"/>
      <c r="TPI724" s="423" t="s">
        <v>2795</v>
      </c>
      <c r="TPJ724" s="424"/>
      <c r="TPK724" s="424"/>
      <c r="TPL724" s="424"/>
      <c r="TPM724" s="423" t="s">
        <v>2795</v>
      </c>
      <c r="TPN724" s="424"/>
      <c r="TPO724" s="424"/>
      <c r="TPP724" s="424"/>
      <c r="TPQ724" s="423" t="s">
        <v>2795</v>
      </c>
      <c r="TPR724" s="424"/>
      <c r="TPS724" s="424"/>
      <c r="TPT724" s="424"/>
      <c r="TPU724" s="423" t="s">
        <v>2795</v>
      </c>
      <c r="TPV724" s="424"/>
      <c r="TPW724" s="424"/>
      <c r="TPX724" s="424"/>
      <c r="TPY724" s="423" t="s">
        <v>2795</v>
      </c>
      <c r="TPZ724" s="424"/>
      <c r="TQA724" s="424"/>
      <c r="TQB724" s="424"/>
      <c r="TQC724" s="423" t="s">
        <v>2795</v>
      </c>
      <c r="TQD724" s="424"/>
      <c r="TQE724" s="424"/>
      <c r="TQF724" s="424"/>
      <c r="TQG724" s="423" t="s">
        <v>2795</v>
      </c>
      <c r="TQH724" s="424"/>
      <c r="TQI724" s="424"/>
      <c r="TQJ724" s="424"/>
      <c r="TQK724" s="423" t="s">
        <v>2795</v>
      </c>
      <c r="TQL724" s="424"/>
      <c r="TQM724" s="424"/>
      <c r="TQN724" s="424"/>
      <c r="TQO724" s="423" t="s">
        <v>2795</v>
      </c>
      <c r="TQP724" s="424"/>
      <c r="TQQ724" s="424"/>
      <c r="TQR724" s="424"/>
      <c r="TQS724" s="423" t="s">
        <v>2795</v>
      </c>
      <c r="TQT724" s="424"/>
      <c r="TQU724" s="424"/>
      <c r="TQV724" s="424"/>
      <c r="TQW724" s="423" t="s">
        <v>2795</v>
      </c>
      <c r="TQX724" s="424"/>
      <c r="TQY724" s="424"/>
      <c r="TQZ724" s="424"/>
      <c r="TRA724" s="423" t="s">
        <v>2795</v>
      </c>
      <c r="TRB724" s="424"/>
      <c r="TRC724" s="424"/>
      <c r="TRD724" s="424"/>
      <c r="TRE724" s="423" t="s">
        <v>2795</v>
      </c>
      <c r="TRF724" s="424"/>
      <c r="TRG724" s="424"/>
      <c r="TRH724" s="424"/>
      <c r="TRI724" s="423" t="s">
        <v>2795</v>
      </c>
      <c r="TRJ724" s="424"/>
      <c r="TRK724" s="424"/>
      <c r="TRL724" s="424"/>
      <c r="TRM724" s="423" t="s">
        <v>2795</v>
      </c>
      <c r="TRN724" s="424"/>
      <c r="TRO724" s="424"/>
      <c r="TRP724" s="424"/>
      <c r="TRQ724" s="423" t="s">
        <v>2795</v>
      </c>
      <c r="TRR724" s="424"/>
      <c r="TRS724" s="424"/>
      <c r="TRT724" s="424"/>
      <c r="TRU724" s="423" t="s">
        <v>2795</v>
      </c>
      <c r="TRV724" s="424"/>
      <c r="TRW724" s="424"/>
      <c r="TRX724" s="424"/>
      <c r="TRY724" s="423" t="s">
        <v>2795</v>
      </c>
      <c r="TRZ724" s="424"/>
      <c r="TSA724" s="424"/>
      <c r="TSB724" s="424"/>
      <c r="TSC724" s="423" t="s">
        <v>2795</v>
      </c>
      <c r="TSD724" s="424"/>
      <c r="TSE724" s="424"/>
      <c r="TSF724" s="424"/>
      <c r="TSG724" s="423" t="s">
        <v>2795</v>
      </c>
      <c r="TSH724" s="424"/>
      <c r="TSI724" s="424"/>
      <c r="TSJ724" s="424"/>
      <c r="TSK724" s="423" t="s">
        <v>2795</v>
      </c>
      <c r="TSL724" s="424"/>
      <c r="TSM724" s="424"/>
      <c r="TSN724" s="424"/>
      <c r="TSO724" s="423" t="s">
        <v>2795</v>
      </c>
      <c r="TSP724" s="424"/>
      <c r="TSQ724" s="424"/>
      <c r="TSR724" s="424"/>
      <c r="TSS724" s="423" t="s">
        <v>2795</v>
      </c>
      <c r="TST724" s="424"/>
      <c r="TSU724" s="424"/>
      <c r="TSV724" s="424"/>
      <c r="TSW724" s="423" t="s">
        <v>2795</v>
      </c>
      <c r="TSX724" s="424"/>
      <c r="TSY724" s="424"/>
      <c r="TSZ724" s="424"/>
      <c r="TTA724" s="423" t="s">
        <v>2795</v>
      </c>
      <c r="TTB724" s="424"/>
      <c r="TTC724" s="424"/>
      <c r="TTD724" s="424"/>
      <c r="TTE724" s="423" t="s">
        <v>2795</v>
      </c>
      <c r="TTF724" s="424"/>
      <c r="TTG724" s="424"/>
      <c r="TTH724" s="424"/>
      <c r="TTI724" s="423" t="s">
        <v>2795</v>
      </c>
      <c r="TTJ724" s="424"/>
      <c r="TTK724" s="424"/>
      <c r="TTL724" s="424"/>
      <c r="TTM724" s="423" t="s">
        <v>2795</v>
      </c>
      <c r="TTN724" s="424"/>
      <c r="TTO724" s="424"/>
      <c r="TTP724" s="424"/>
      <c r="TTQ724" s="423" t="s">
        <v>2795</v>
      </c>
      <c r="TTR724" s="424"/>
      <c r="TTS724" s="424"/>
      <c r="TTT724" s="424"/>
      <c r="TTU724" s="423" t="s">
        <v>2795</v>
      </c>
      <c r="TTV724" s="424"/>
      <c r="TTW724" s="424"/>
      <c r="TTX724" s="424"/>
      <c r="TTY724" s="423" t="s">
        <v>2795</v>
      </c>
      <c r="TTZ724" s="424"/>
      <c r="TUA724" s="424"/>
      <c r="TUB724" s="424"/>
      <c r="TUC724" s="423" t="s">
        <v>2795</v>
      </c>
      <c r="TUD724" s="424"/>
      <c r="TUE724" s="424"/>
      <c r="TUF724" s="424"/>
      <c r="TUG724" s="423" t="s">
        <v>2795</v>
      </c>
      <c r="TUH724" s="424"/>
      <c r="TUI724" s="424"/>
      <c r="TUJ724" s="424"/>
      <c r="TUK724" s="423" t="s">
        <v>2795</v>
      </c>
      <c r="TUL724" s="424"/>
      <c r="TUM724" s="424"/>
      <c r="TUN724" s="424"/>
      <c r="TUO724" s="423" t="s">
        <v>2795</v>
      </c>
      <c r="TUP724" s="424"/>
      <c r="TUQ724" s="424"/>
      <c r="TUR724" s="424"/>
      <c r="TUS724" s="423" t="s">
        <v>2795</v>
      </c>
      <c r="TUT724" s="424"/>
      <c r="TUU724" s="424"/>
      <c r="TUV724" s="424"/>
      <c r="TUW724" s="423" t="s">
        <v>2795</v>
      </c>
      <c r="TUX724" s="424"/>
      <c r="TUY724" s="424"/>
      <c r="TUZ724" s="424"/>
      <c r="TVA724" s="423" t="s">
        <v>2795</v>
      </c>
      <c r="TVB724" s="424"/>
      <c r="TVC724" s="424"/>
      <c r="TVD724" s="424"/>
      <c r="TVE724" s="423" t="s">
        <v>2795</v>
      </c>
      <c r="TVF724" s="424"/>
      <c r="TVG724" s="424"/>
      <c r="TVH724" s="424"/>
      <c r="TVI724" s="423" t="s">
        <v>2795</v>
      </c>
      <c r="TVJ724" s="424"/>
      <c r="TVK724" s="424"/>
      <c r="TVL724" s="424"/>
      <c r="TVM724" s="423" t="s">
        <v>2795</v>
      </c>
      <c r="TVN724" s="424"/>
      <c r="TVO724" s="424"/>
      <c r="TVP724" s="424"/>
      <c r="TVQ724" s="423" t="s">
        <v>2795</v>
      </c>
      <c r="TVR724" s="424"/>
      <c r="TVS724" s="424"/>
      <c r="TVT724" s="424"/>
      <c r="TVU724" s="423" t="s">
        <v>2795</v>
      </c>
      <c r="TVV724" s="424"/>
      <c r="TVW724" s="424"/>
      <c r="TVX724" s="424"/>
      <c r="TVY724" s="423" t="s">
        <v>2795</v>
      </c>
      <c r="TVZ724" s="424"/>
      <c r="TWA724" s="424"/>
      <c r="TWB724" s="424"/>
      <c r="TWC724" s="423" t="s">
        <v>2795</v>
      </c>
      <c r="TWD724" s="424"/>
      <c r="TWE724" s="424"/>
      <c r="TWF724" s="424"/>
      <c r="TWG724" s="423" t="s">
        <v>2795</v>
      </c>
      <c r="TWH724" s="424"/>
      <c r="TWI724" s="424"/>
      <c r="TWJ724" s="424"/>
      <c r="TWK724" s="423" t="s">
        <v>2795</v>
      </c>
      <c r="TWL724" s="424"/>
      <c r="TWM724" s="424"/>
      <c r="TWN724" s="424"/>
      <c r="TWO724" s="423" t="s">
        <v>2795</v>
      </c>
      <c r="TWP724" s="424"/>
      <c r="TWQ724" s="424"/>
      <c r="TWR724" s="424"/>
      <c r="TWS724" s="423" t="s">
        <v>2795</v>
      </c>
      <c r="TWT724" s="424"/>
      <c r="TWU724" s="424"/>
      <c r="TWV724" s="424"/>
      <c r="TWW724" s="423" t="s">
        <v>2795</v>
      </c>
      <c r="TWX724" s="424"/>
      <c r="TWY724" s="424"/>
      <c r="TWZ724" s="424"/>
      <c r="TXA724" s="423" t="s">
        <v>2795</v>
      </c>
      <c r="TXB724" s="424"/>
      <c r="TXC724" s="424"/>
      <c r="TXD724" s="424"/>
      <c r="TXE724" s="423" t="s">
        <v>2795</v>
      </c>
      <c r="TXF724" s="424"/>
      <c r="TXG724" s="424"/>
      <c r="TXH724" s="424"/>
      <c r="TXI724" s="423" t="s">
        <v>2795</v>
      </c>
      <c r="TXJ724" s="424"/>
      <c r="TXK724" s="424"/>
      <c r="TXL724" s="424"/>
      <c r="TXM724" s="423" t="s">
        <v>2795</v>
      </c>
      <c r="TXN724" s="424"/>
      <c r="TXO724" s="424"/>
      <c r="TXP724" s="424"/>
      <c r="TXQ724" s="423" t="s">
        <v>2795</v>
      </c>
      <c r="TXR724" s="424"/>
      <c r="TXS724" s="424"/>
      <c r="TXT724" s="424"/>
      <c r="TXU724" s="423" t="s">
        <v>2795</v>
      </c>
      <c r="TXV724" s="424"/>
      <c r="TXW724" s="424"/>
      <c r="TXX724" s="424"/>
      <c r="TXY724" s="423" t="s">
        <v>2795</v>
      </c>
      <c r="TXZ724" s="424"/>
      <c r="TYA724" s="424"/>
      <c r="TYB724" s="424"/>
      <c r="TYC724" s="423" t="s">
        <v>2795</v>
      </c>
      <c r="TYD724" s="424"/>
      <c r="TYE724" s="424"/>
      <c r="TYF724" s="424"/>
      <c r="TYG724" s="423" t="s">
        <v>2795</v>
      </c>
      <c r="TYH724" s="424"/>
      <c r="TYI724" s="424"/>
      <c r="TYJ724" s="424"/>
      <c r="TYK724" s="423" t="s">
        <v>2795</v>
      </c>
      <c r="TYL724" s="424"/>
      <c r="TYM724" s="424"/>
      <c r="TYN724" s="424"/>
      <c r="TYO724" s="423" t="s">
        <v>2795</v>
      </c>
      <c r="TYP724" s="424"/>
      <c r="TYQ724" s="424"/>
      <c r="TYR724" s="424"/>
      <c r="TYS724" s="423" t="s">
        <v>2795</v>
      </c>
      <c r="TYT724" s="424"/>
      <c r="TYU724" s="424"/>
      <c r="TYV724" s="424"/>
      <c r="TYW724" s="423" t="s">
        <v>2795</v>
      </c>
      <c r="TYX724" s="424"/>
      <c r="TYY724" s="424"/>
      <c r="TYZ724" s="424"/>
      <c r="TZA724" s="423" t="s">
        <v>2795</v>
      </c>
      <c r="TZB724" s="424"/>
      <c r="TZC724" s="424"/>
      <c r="TZD724" s="424"/>
      <c r="TZE724" s="423" t="s">
        <v>2795</v>
      </c>
      <c r="TZF724" s="424"/>
      <c r="TZG724" s="424"/>
      <c r="TZH724" s="424"/>
      <c r="TZI724" s="423" t="s">
        <v>2795</v>
      </c>
      <c r="TZJ724" s="424"/>
      <c r="TZK724" s="424"/>
      <c r="TZL724" s="424"/>
      <c r="TZM724" s="423" t="s">
        <v>2795</v>
      </c>
      <c r="TZN724" s="424"/>
      <c r="TZO724" s="424"/>
      <c r="TZP724" s="424"/>
      <c r="TZQ724" s="423" t="s">
        <v>2795</v>
      </c>
      <c r="TZR724" s="424"/>
      <c r="TZS724" s="424"/>
      <c r="TZT724" s="424"/>
      <c r="TZU724" s="423" t="s">
        <v>2795</v>
      </c>
      <c r="TZV724" s="424"/>
      <c r="TZW724" s="424"/>
      <c r="TZX724" s="424"/>
      <c r="TZY724" s="423" t="s">
        <v>2795</v>
      </c>
      <c r="TZZ724" s="424"/>
      <c r="UAA724" s="424"/>
      <c r="UAB724" s="424"/>
      <c r="UAC724" s="423" t="s">
        <v>2795</v>
      </c>
      <c r="UAD724" s="424"/>
      <c r="UAE724" s="424"/>
      <c r="UAF724" s="424"/>
      <c r="UAG724" s="423" t="s">
        <v>2795</v>
      </c>
      <c r="UAH724" s="424"/>
      <c r="UAI724" s="424"/>
      <c r="UAJ724" s="424"/>
      <c r="UAK724" s="423" t="s">
        <v>2795</v>
      </c>
      <c r="UAL724" s="424"/>
      <c r="UAM724" s="424"/>
      <c r="UAN724" s="424"/>
      <c r="UAO724" s="423" t="s">
        <v>2795</v>
      </c>
      <c r="UAP724" s="424"/>
      <c r="UAQ724" s="424"/>
      <c r="UAR724" s="424"/>
      <c r="UAS724" s="423" t="s">
        <v>2795</v>
      </c>
      <c r="UAT724" s="424"/>
      <c r="UAU724" s="424"/>
      <c r="UAV724" s="424"/>
      <c r="UAW724" s="423" t="s">
        <v>2795</v>
      </c>
      <c r="UAX724" s="424"/>
      <c r="UAY724" s="424"/>
      <c r="UAZ724" s="424"/>
      <c r="UBA724" s="423" t="s">
        <v>2795</v>
      </c>
      <c r="UBB724" s="424"/>
      <c r="UBC724" s="424"/>
      <c r="UBD724" s="424"/>
      <c r="UBE724" s="423" t="s">
        <v>2795</v>
      </c>
      <c r="UBF724" s="424"/>
      <c r="UBG724" s="424"/>
      <c r="UBH724" s="424"/>
      <c r="UBI724" s="423" t="s">
        <v>2795</v>
      </c>
      <c r="UBJ724" s="424"/>
      <c r="UBK724" s="424"/>
      <c r="UBL724" s="424"/>
      <c r="UBM724" s="423" t="s">
        <v>2795</v>
      </c>
      <c r="UBN724" s="424"/>
      <c r="UBO724" s="424"/>
      <c r="UBP724" s="424"/>
      <c r="UBQ724" s="423" t="s">
        <v>2795</v>
      </c>
      <c r="UBR724" s="424"/>
      <c r="UBS724" s="424"/>
      <c r="UBT724" s="424"/>
      <c r="UBU724" s="423" t="s">
        <v>2795</v>
      </c>
      <c r="UBV724" s="424"/>
      <c r="UBW724" s="424"/>
      <c r="UBX724" s="424"/>
      <c r="UBY724" s="423" t="s">
        <v>2795</v>
      </c>
      <c r="UBZ724" s="424"/>
      <c r="UCA724" s="424"/>
      <c r="UCB724" s="424"/>
      <c r="UCC724" s="423" t="s">
        <v>2795</v>
      </c>
      <c r="UCD724" s="424"/>
      <c r="UCE724" s="424"/>
      <c r="UCF724" s="424"/>
      <c r="UCG724" s="423" t="s">
        <v>2795</v>
      </c>
      <c r="UCH724" s="424"/>
      <c r="UCI724" s="424"/>
      <c r="UCJ724" s="424"/>
      <c r="UCK724" s="423" t="s">
        <v>2795</v>
      </c>
      <c r="UCL724" s="424"/>
      <c r="UCM724" s="424"/>
      <c r="UCN724" s="424"/>
      <c r="UCO724" s="423" t="s">
        <v>2795</v>
      </c>
      <c r="UCP724" s="424"/>
      <c r="UCQ724" s="424"/>
      <c r="UCR724" s="424"/>
      <c r="UCS724" s="423" t="s">
        <v>2795</v>
      </c>
      <c r="UCT724" s="424"/>
      <c r="UCU724" s="424"/>
      <c r="UCV724" s="424"/>
      <c r="UCW724" s="423" t="s">
        <v>2795</v>
      </c>
      <c r="UCX724" s="424"/>
      <c r="UCY724" s="424"/>
      <c r="UCZ724" s="424"/>
      <c r="UDA724" s="423" t="s">
        <v>2795</v>
      </c>
      <c r="UDB724" s="424"/>
      <c r="UDC724" s="424"/>
      <c r="UDD724" s="424"/>
      <c r="UDE724" s="423" t="s">
        <v>2795</v>
      </c>
      <c r="UDF724" s="424"/>
      <c r="UDG724" s="424"/>
      <c r="UDH724" s="424"/>
      <c r="UDI724" s="423" t="s">
        <v>2795</v>
      </c>
      <c r="UDJ724" s="424"/>
      <c r="UDK724" s="424"/>
      <c r="UDL724" s="424"/>
      <c r="UDM724" s="423" t="s">
        <v>2795</v>
      </c>
      <c r="UDN724" s="424"/>
      <c r="UDO724" s="424"/>
      <c r="UDP724" s="424"/>
      <c r="UDQ724" s="423" t="s">
        <v>2795</v>
      </c>
      <c r="UDR724" s="424"/>
      <c r="UDS724" s="424"/>
      <c r="UDT724" s="424"/>
      <c r="UDU724" s="423" t="s">
        <v>2795</v>
      </c>
      <c r="UDV724" s="424"/>
      <c r="UDW724" s="424"/>
      <c r="UDX724" s="424"/>
      <c r="UDY724" s="423" t="s">
        <v>2795</v>
      </c>
      <c r="UDZ724" s="424"/>
      <c r="UEA724" s="424"/>
      <c r="UEB724" s="424"/>
      <c r="UEC724" s="423" t="s">
        <v>2795</v>
      </c>
      <c r="UED724" s="424"/>
      <c r="UEE724" s="424"/>
      <c r="UEF724" s="424"/>
      <c r="UEG724" s="423" t="s">
        <v>2795</v>
      </c>
      <c r="UEH724" s="424"/>
      <c r="UEI724" s="424"/>
      <c r="UEJ724" s="424"/>
      <c r="UEK724" s="423" t="s">
        <v>2795</v>
      </c>
      <c r="UEL724" s="424"/>
      <c r="UEM724" s="424"/>
      <c r="UEN724" s="424"/>
      <c r="UEO724" s="423" t="s">
        <v>2795</v>
      </c>
      <c r="UEP724" s="424"/>
      <c r="UEQ724" s="424"/>
      <c r="UER724" s="424"/>
      <c r="UES724" s="423" t="s">
        <v>2795</v>
      </c>
      <c r="UET724" s="424"/>
      <c r="UEU724" s="424"/>
      <c r="UEV724" s="424"/>
      <c r="UEW724" s="423" t="s">
        <v>2795</v>
      </c>
      <c r="UEX724" s="424"/>
      <c r="UEY724" s="424"/>
      <c r="UEZ724" s="424"/>
      <c r="UFA724" s="423" t="s">
        <v>2795</v>
      </c>
      <c r="UFB724" s="424"/>
      <c r="UFC724" s="424"/>
      <c r="UFD724" s="424"/>
      <c r="UFE724" s="423" t="s">
        <v>2795</v>
      </c>
      <c r="UFF724" s="424"/>
      <c r="UFG724" s="424"/>
      <c r="UFH724" s="424"/>
      <c r="UFI724" s="423" t="s">
        <v>2795</v>
      </c>
      <c r="UFJ724" s="424"/>
      <c r="UFK724" s="424"/>
      <c r="UFL724" s="424"/>
      <c r="UFM724" s="423" t="s">
        <v>2795</v>
      </c>
      <c r="UFN724" s="424"/>
      <c r="UFO724" s="424"/>
      <c r="UFP724" s="424"/>
      <c r="UFQ724" s="423" t="s">
        <v>2795</v>
      </c>
      <c r="UFR724" s="424"/>
      <c r="UFS724" s="424"/>
      <c r="UFT724" s="424"/>
      <c r="UFU724" s="423" t="s">
        <v>2795</v>
      </c>
      <c r="UFV724" s="424"/>
      <c r="UFW724" s="424"/>
      <c r="UFX724" s="424"/>
      <c r="UFY724" s="423" t="s">
        <v>2795</v>
      </c>
      <c r="UFZ724" s="424"/>
      <c r="UGA724" s="424"/>
      <c r="UGB724" s="424"/>
      <c r="UGC724" s="423" t="s">
        <v>2795</v>
      </c>
      <c r="UGD724" s="424"/>
      <c r="UGE724" s="424"/>
      <c r="UGF724" s="424"/>
      <c r="UGG724" s="423" t="s">
        <v>2795</v>
      </c>
      <c r="UGH724" s="424"/>
      <c r="UGI724" s="424"/>
      <c r="UGJ724" s="424"/>
      <c r="UGK724" s="423" t="s">
        <v>2795</v>
      </c>
      <c r="UGL724" s="424"/>
      <c r="UGM724" s="424"/>
      <c r="UGN724" s="424"/>
      <c r="UGO724" s="423" t="s">
        <v>2795</v>
      </c>
      <c r="UGP724" s="424"/>
      <c r="UGQ724" s="424"/>
      <c r="UGR724" s="424"/>
      <c r="UGS724" s="423" t="s">
        <v>2795</v>
      </c>
      <c r="UGT724" s="424"/>
      <c r="UGU724" s="424"/>
      <c r="UGV724" s="424"/>
      <c r="UGW724" s="423" t="s">
        <v>2795</v>
      </c>
      <c r="UGX724" s="424"/>
      <c r="UGY724" s="424"/>
      <c r="UGZ724" s="424"/>
      <c r="UHA724" s="423" t="s">
        <v>2795</v>
      </c>
      <c r="UHB724" s="424"/>
      <c r="UHC724" s="424"/>
      <c r="UHD724" s="424"/>
      <c r="UHE724" s="423" t="s">
        <v>2795</v>
      </c>
      <c r="UHF724" s="424"/>
      <c r="UHG724" s="424"/>
      <c r="UHH724" s="424"/>
      <c r="UHI724" s="423" t="s">
        <v>2795</v>
      </c>
      <c r="UHJ724" s="424"/>
      <c r="UHK724" s="424"/>
      <c r="UHL724" s="424"/>
      <c r="UHM724" s="423" t="s">
        <v>2795</v>
      </c>
      <c r="UHN724" s="424"/>
      <c r="UHO724" s="424"/>
      <c r="UHP724" s="424"/>
      <c r="UHQ724" s="423" t="s">
        <v>2795</v>
      </c>
      <c r="UHR724" s="424"/>
      <c r="UHS724" s="424"/>
      <c r="UHT724" s="424"/>
      <c r="UHU724" s="423" t="s">
        <v>2795</v>
      </c>
      <c r="UHV724" s="424"/>
      <c r="UHW724" s="424"/>
      <c r="UHX724" s="424"/>
      <c r="UHY724" s="423" t="s">
        <v>2795</v>
      </c>
      <c r="UHZ724" s="424"/>
      <c r="UIA724" s="424"/>
      <c r="UIB724" s="424"/>
      <c r="UIC724" s="423" t="s">
        <v>2795</v>
      </c>
      <c r="UID724" s="424"/>
      <c r="UIE724" s="424"/>
      <c r="UIF724" s="424"/>
      <c r="UIG724" s="423" t="s">
        <v>2795</v>
      </c>
      <c r="UIH724" s="424"/>
      <c r="UII724" s="424"/>
      <c r="UIJ724" s="424"/>
      <c r="UIK724" s="423" t="s">
        <v>2795</v>
      </c>
      <c r="UIL724" s="424"/>
      <c r="UIM724" s="424"/>
      <c r="UIN724" s="424"/>
      <c r="UIO724" s="423" t="s">
        <v>2795</v>
      </c>
      <c r="UIP724" s="424"/>
      <c r="UIQ724" s="424"/>
      <c r="UIR724" s="424"/>
      <c r="UIS724" s="423" t="s">
        <v>2795</v>
      </c>
      <c r="UIT724" s="424"/>
      <c r="UIU724" s="424"/>
      <c r="UIV724" s="424"/>
      <c r="UIW724" s="423" t="s">
        <v>2795</v>
      </c>
      <c r="UIX724" s="424"/>
      <c r="UIY724" s="424"/>
      <c r="UIZ724" s="424"/>
      <c r="UJA724" s="423" t="s">
        <v>2795</v>
      </c>
      <c r="UJB724" s="424"/>
      <c r="UJC724" s="424"/>
      <c r="UJD724" s="424"/>
      <c r="UJE724" s="423" t="s">
        <v>2795</v>
      </c>
      <c r="UJF724" s="424"/>
      <c r="UJG724" s="424"/>
      <c r="UJH724" s="424"/>
      <c r="UJI724" s="423" t="s">
        <v>2795</v>
      </c>
      <c r="UJJ724" s="424"/>
      <c r="UJK724" s="424"/>
      <c r="UJL724" s="424"/>
      <c r="UJM724" s="423" t="s">
        <v>2795</v>
      </c>
      <c r="UJN724" s="424"/>
      <c r="UJO724" s="424"/>
      <c r="UJP724" s="424"/>
      <c r="UJQ724" s="423" t="s">
        <v>2795</v>
      </c>
      <c r="UJR724" s="424"/>
      <c r="UJS724" s="424"/>
      <c r="UJT724" s="424"/>
      <c r="UJU724" s="423" t="s">
        <v>2795</v>
      </c>
      <c r="UJV724" s="424"/>
      <c r="UJW724" s="424"/>
      <c r="UJX724" s="424"/>
      <c r="UJY724" s="423" t="s">
        <v>2795</v>
      </c>
      <c r="UJZ724" s="424"/>
      <c r="UKA724" s="424"/>
      <c r="UKB724" s="424"/>
      <c r="UKC724" s="423" t="s">
        <v>2795</v>
      </c>
      <c r="UKD724" s="424"/>
      <c r="UKE724" s="424"/>
      <c r="UKF724" s="424"/>
      <c r="UKG724" s="423" t="s">
        <v>2795</v>
      </c>
      <c r="UKH724" s="424"/>
      <c r="UKI724" s="424"/>
      <c r="UKJ724" s="424"/>
      <c r="UKK724" s="423" t="s">
        <v>2795</v>
      </c>
      <c r="UKL724" s="424"/>
      <c r="UKM724" s="424"/>
      <c r="UKN724" s="424"/>
      <c r="UKO724" s="423" t="s">
        <v>2795</v>
      </c>
      <c r="UKP724" s="424"/>
      <c r="UKQ724" s="424"/>
      <c r="UKR724" s="424"/>
      <c r="UKS724" s="423" t="s">
        <v>2795</v>
      </c>
      <c r="UKT724" s="424"/>
      <c r="UKU724" s="424"/>
      <c r="UKV724" s="424"/>
      <c r="UKW724" s="423" t="s">
        <v>2795</v>
      </c>
      <c r="UKX724" s="424"/>
      <c r="UKY724" s="424"/>
      <c r="UKZ724" s="424"/>
      <c r="ULA724" s="423" t="s">
        <v>2795</v>
      </c>
      <c r="ULB724" s="424"/>
      <c r="ULC724" s="424"/>
      <c r="ULD724" s="424"/>
      <c r="ULE724" s="423" t="s">
        <v>2795</v>
      </c>
      <c r="ULF724" s="424"/>
      <c r="ULG724" s="424"/>
      <c r="ULH724" s="424"/>
      <c r="ULI724" s="423" t="s">
        <v>2795</v>
      </c>
      <c r="ULJ724" s="424"/>
      <c r="ULK724" s="424"/>
      <c r="ULL724" s="424"/>
      <c r="ULM724" s="423" t="s">
        <v>2795</v>
      </c>
      <c r="ULN724" s="424"/>
      <c r="ULO724" s="424"/>
      <c r="ULP724" s="424"/>
      <c r="ULQ724" s="423" t="s">
        <v>2795</v>
      </c>
      <c r="ULR724" s="424"/>
      <c r="ULS724" s="424"/>
      <c r="ULT724" s="424"/>
      <c r="ULU724" s="423" t="s">
        <v>2795</v>
      </c>
      <c r="ULV724" s="424"/>
      <c r="ULW724" s="424"/>
      <c r="ULX724" s="424"/>
      <c r="ULY724" s="423" t="s">
        <v>2795</v>
      </c>
      <c r="ULZ724" s="424"/>
      <c r="UMA724" s="424"/>
      <c r="UMB724" s="424"/>
      <c r="UMC724" s="423" t="s">
        <v>2795</v>
      </c>
      <c r="UMD724" s="424"/>
      <c r="UME724" s="424"/>
      <c r="UMF724" s="424"/>
      <c r="UMG724" s="423" t="s">
        <v>2795</v>
      </c>
      <c r="UMH724" s="424"/>
      <c r="UMI724" s="424"/>
      <c r="UMJ724" s="424"/>
      <c r="UMK724" s="423" t="s">
        <v>2795</v>
      </c>
      <c r="UML724" s="424"/>
      <c r="UMM724" s="424"/>
      <c r="UMN724" s="424"/>
      <c r="UMO724" s="423" t="s">
        <v>2795</v>
      </c>
      <c r="UMP724" s="424"/>
      <c r="UMQ724" s="424"/>
      <c r="UMR724" s="424"/>
      <c r="UMS724" s="423" t="s">
        <v>2795</v>
      </c>
      <c r="UMT724" s="424"/>
      <c r="UMU724" s="424"/>
      <c r="UMV724" s="424"/>
      <c r="UMW724" s="423" t="s">
        <v>2795</v>
      </c>
      <c r="UMX724" s="424"/>
      <c r="UMY724" s="424"/>
      <c r="UMZ724" s="424"/>
      <c r="UNA724" s="423" t="s">
        <v>2795</v>
      </c>
      <c r="UNB724" s="424"/>
      <c r="UNC724" s="424"/>
      <c r="UND724" s="424"/>
      <c r="UNE724" s="423" t="s">
        <v>2795</v>
      </c>
      <c r="UNF724" s="424"/>
      <c r="UNG724" s="424"/>
      <c r="UNH724" s="424"/>
      <c r="UNI724" s="423" t="s">
        <v>2795</v>
      </c>
      <c r="UNJ724" s="424"/>
      <c r="UNK724" s="424"/>
      <c r="UNL724" s="424"/>
      <c r="UNM724" s="423" t="s">
        <v>2795</v>
      </c>
      <c r="UNN724" s="424"/>
      <c r="UNO724" s="424"/>
      <c r="UNP724" s="424"/>
      <c r="UNQ724" s="423" t="s">
        <v>2795</v>
      </c>
      <c r="UNR724" s="424"/>
      <c r="UNS724" s="424"/>
      <c r="UNT724" s="424"/>
      <c r="UNU724" s="423" t="s">
        <v>2795</v>
      </c>
      <c r="UNV724" s="424"/>
      <c r="UNW724" s="424"/>
      <c r="UNX724" s="424"/>
      <c r="UNY724" s="423" t="s">
        <v>2795</v>
      </c>
      <c r="UNZ724" s="424"/>
      <c r="UOA724" s="424"/>
      <c r="UOB724" s="424"/>
      <c r="UOC724" s="423" t="s">
        <v>2795</v>
      </c>
      <c r="UOD724" s="424"/>
      <c r="UOE724" s="424"/>
      <c r="UOF724" s="424"/>
      <c r="UOG724" s="423" t="s">
        <v>2795</v>
      </c>
      <c r="UOH724" s="424"/>
      <c r="UOI724" s="424"/>
      <c r="UOJ724" s="424"/>
      <c r="UOK724" s="423" t="s">
        <v>2795</v>
      </c>
      <c r="UOL724" s="424"/>
      <c r="UOM724" s="424"/>
      <c r="UON724" s="424"/>
      <c r="UOO724" s="423" t="s">
        <v>2795</v>
      </c>
      <c r="UOP724" s="424"/>
      <c r="UOQ724" s="424"/>
      <c r="UOR724" s="424"/>
      <c r="UOS724" s="423" t="s">
        <v>2795</v>
      </c>
      <c r="UOT724" s="424"/>
      <c r="UOU724" s="424"/>
      <c r="UOV724" s="424"/>
      <c r="UOW724" s="423" t="s">
        <v>2795</v>
      </c>
      <c r="UOX724" s="424"/>
      <c r="UOY724" s="424"/>
      <c r="UOZ724" s="424"/>
      <c r="UPA724" s="423" t="s">
        <v>2795</v>
      </c>
      <c r="UPB724" s="424"/>
      <c r="UPC724" s="424"/>
      <c r="UPD724" s="424"/>
      <c r="UPE724" s="423" t="s">
        <v>2795</v>
      </c>
      <c r="UPF724" s="424"/>
      <c r="UPG724" s="424"/>
      <c r="UPH724" s="424"/>
      <c r="UPI724" s="423" t="s">
        <v>2795</v>
      </c>
      <c r="UPJ724" s="424"/>
      <c r="UPK724" s="424"/>
      <c r="UPL724" s="424"/>
      <c r="UPM724" s="423" t="s">
        <v>2795</v>
      </c>
      <c r="UPN724" s="424"/>
      <c r="UPO724" s="424"/>
      <c r="UPP724" s="424"/>
      <c r="UPQ724" s="423" t="s">
        <v>2795</v>
      </c>
      <c r="UPR724" s="424"/>
      <c r="UPS724" s="424"/>
      <c r="UPT724" s="424"/>
      <c r="UPU724" s="423" t="s">
        <v>2795</v>
      </c>
      <c r="UPV724" s="424"/>
      <c r="UPW724" s="424"/>
      <c r="UPX724" s="424"/>
      <c r="UPY724" s="423" t="s">
        <v>2795</v>
      </c>
      <c r="UPZ724" s="424"/>
      <c r="UQA724" s="424"/>
      <c r="UQB724" s="424"/>
      <c r="UQC724" s="423" t="s">
        <v>2795</v>
      </c>
      <c r="UQD724" s="424"/>
      <c r="UQE724" s="424"/>
      <c r="UQF724" s="424"/>
      <c r="UQG724" s="423" t="s">
        <v>2795</v>
      </c>
      <c r="UQH724" s="424"/>
      <c r="UQI724" s="424"/>
      <c r="UQJ724" s="424"/>
      <c r="UQK724" s="423" t="s">
        <v>2795</v>
      </c>
      <c r="UQL724" s="424"/>
      <c r="UQM724" s="424"/>
      <c r="UQN724" s="424"/>
      <c r="UQO724" s="423" t="s">
        <v>2795</v>
      </c>
      <c r="UQP724" s="424"/>
      <c r="UQQ724" s="424"/>
      <c r="UQR724" s="424"/>
      <c r="UQS724" s="423" t="s">
        <v>2795</v>
      </c>
      <c r="UQT724" s="424"/>
      <c r="UQU724" s="424"/>
      <c r="UQV724" s="424"/>
      <c r="UQW724" s="423" t="s">
        <v>2795</v>
      </c>
      <c r="UQX724" s="424"/>
      <c r="UQY724" s="424"/>
      <c r="UQZ724" s="424"/>
      <c r="URA724" s="423" t="s">
        <v>2795</v>
      </c>
      <c r="URB724" s="424"/>
      <c r="URC724" s="424"/>
      <c r="URD724" s="424"/>
      <c r="URE724" s="423" t="s">
        <v>2795</v>
      </c>
      <c r="URF724" s="424"/>
      <c r="URG724" s="424"/>
      <c r="URH724" s="424"/>
      <c r="URI724" s="423" t="s">
        <v>2795</v>
      </c>
      <c r="URJ724" s="424"/>
      <c r="URK724" s="424"/>
      <c r="URL724" s="424"/>
      <c r="URM724" s="423" t="s">
        <v>2795</v>
      </c>
      <c r="URN724" s="424"/>
      <c r="URO724" s="424"/>
      <c r="URP724" s="424"/>
      <c r="URQ724" s="423" t="s">
        <v>2795</v>
      </c>
      <c r="URR724" s="424"/>
      <c r="URS724" s="424"/>
      <c r="URT724" s="424"/>
      <c r="URU724" s="423" t="s">
        <v>2795</v>
      </c>
      <c r="URV724" s="424"/>
      <c r="URW724" s="424"/>
      <c r="URX724" s="424"/>
      <c r="URY724" s="423" t="s">
        <v>2795</v>
      </c>
      <c r="URZ724" s="424"/>
      <c r="USA724" s="424"/>
      <c r="USB724" s="424"/>
      <c r="USC724" s="423" t="s">
        <v>2795</v>
      </c>
      <c r="USD724" s="424"/>
      <c r="USE724" s="424"/>
      <c r="USF724" s="424"/>
      <c r="USG724" s="423" t="s">
        <v>2795</v>
      </c>
      <c r="USH724" s="424"/>
      <c r="USI724" s="424"/>
      <c r="USJ724" s="424"/>
      <c r="USK724" s="423" t="s">
        <v>2795</v>
      </c>
      <c r="USL724" s="424"/>
      <c r="USM724" s="424"/>
      <c r="USN724" s="424"/>
      <c r="USO724" s="423" t="s">
        <v>2795</v>
      </c>
      <c r="USP724" s="424"/>
      <c r="USQ724" s="424"/>
      <c r="USR724" s="424"/>
      <c r="USS724" s="423" t="s">
        <v>2795</v>
      </c>
      <c r="UST724" s="424"/>
      <c r="USU724" s="424"/>
      <c r="USV724" s="424"/>
      <c r="USW724" s="423" t="s">
        <v>2795</v>
      </c>
      <c r="USX724" s="424"/>
      <c r="USY724" s="424"/>
      <c r="USZ724" s="424"/>
      <c r="UTA724" s="423" t="s">
        <v>2795</v>
      </c>
      <c r="UTB724" s="424"/>
      <c r="UTC724" s="424"/>
      <c r="UTD724" s="424"/>
      <c r="UTE724" s="423" t="s">
        <v>2795</v>
      </c>
      <c r="UTF724" s="424"/>
      <c r="UTG724" s="424"/>
      <c r="UTH724" s="424"/>
      <c r="UTI724" s="423" t="s">
        <v>2795</v>
      </c>
      <c r="UTJ724" s="424"/>
      <c r="UTK724" s="424"/>
      <c r="UTL724" s="424"/>
      <c r="UTM724" s="423" t="s">
        <v>2795</v>
      </c>
      <c r="UTN724" s="424"/>
      <c r="UTO724" s="424"/>
      <c r="UTP724" s="424"/>
      <c r="UTQ724" s="423" t="s">
        <v>2795</v>
      </c>
      <c r="UTR724" s="424"/>
      <c r="UTS724" s="424"/>
      <c r="UTT724" s="424"/>
      <c r="UTU724" s="423" t="s">
        <v>2795</v>
      </c>
      <c r="UTV724" s="424"/>
      <c r="UTW724" s="424"/>
      <c r="UTX724" s="424"/>
      <c r="UTY724" s="423" t="s">
        <v>2795</v>
      </c>
      <c r="UTZ724" s="424"/>
      <c r="UUA724" s="424"/>
      <c r="UUB724" s="424"/>
      <c r="UUC724" s="423" t="s">
        <v>2795</v>
      </c>
      <c r="UUD724" s="424"/>
      <c r="UUE724" s="424"/>
      <c r="UUF724" s="424"/>
      <c r="UUG724" s="423" t="s">
        <v>2795</v>
      </c>
      <c r="UUH724" s="424"/>
      <c r="UUI724" s="424"/>
      <c r="UUJ724" s="424"/>
      <c r="UUK724" s="423" t="s">
        <v>2795</v>
      </c>
      <c r="UUL724" s="424"/>
      <c r="UUM724" s="424"/>
      <c r="UUN724" s="424"/>
      <c r="UUO724" s="423" t="s">
        <v>2795</v>
      </c>
      <c r="UUP724" s="424"/>
      <c r="UUQ724" s="424"/>
      <c r="UUR724" s="424"/>
      <c r="UUS724" s="423" t="s">
        <v>2795</v>
      </c>
      <c r="UUT724" s="424"/>
      <c r="UUU724" s="424"/>
      <c r="UUV724" s="424"/>
      <c r="UUW724" s="423" t="s">
        <v>2795</v>
      </c>
      <c r="UUX724" s="424"/>
      <c r="UUY724" s="424"/>
      <c r="UUZ724" s="424"/>
      <c r="UVA724" s="423" t="s">
        <v>2795</v>
      </c>
      <c r="UVB724" s="424"/>
      <c r="UVC724" s="424"/>
      <c r="UVD724" s="424"/>
      <c r="UVE724" s="423" t="s">
        <v>2795</v>
      </c>
      <c r="UVF724" s="424"/>
      <c r="UVG724" s="424"/>
      <c r="UVH724" s="424"/>
      <c r="UVI724" s="423" t="s">
        <v>2795</v>
      </c>
      <c r="UVJ724" s="424"/>
      <c r="UVK724" s="424"/>
      <c r="UVL724" s="424"/>
      <c r="UVM724" s="423" t="s">
        <v>2795</v>
      </c>
      <c r="UVN724" s="424"/>
      <c r="UVO724" s="424"/>
      <c r="UVP724" s="424"/>
      <c r="UVQ724" s="423" t="s">
        <v>2795</v>
      </c>
      <c r="UVR724" s="424"/>
      <c r="UVS724" s="424"/>
      <c r="UVT724" s="424"/>
      <c r="UVU724" s="423" t="s">
        <v>2795</v>
      </c>
      <c r="UVV724" s="424"/>
      <c r="UVW724" s="424"/>
      <c r="UVX724" s="424"/>
      <c r="UVY724" s="423" t="s">
        <v>2795</v>
      </c>
      <c r="UVZ724" s="424"/>
      <c r="UWA724" s="424"/>
      <c r="UWB724" s="424"/>
      <c r="UWC724" s="423" t="s">
        <v>2795</v>
      </c>
      <c r="UWD724" s="424"/>
      <c r="UWE724" s="424"/>
      <c r="UWF724" s="424"/>
      <c r="UWG724" s="423" t="s">
        <v>2795</v>
      </c>
      <c r="UWH724" s="424"/>
      <c r="UWI724" s="424"/>
      <c r="UWJ724" s="424"/>
      <c r="UWK724" s="423" t="s">
        <v>2795</v>
      </c>
      <c r="UWL724" s="424"/>
      <c r="UWM724" s="424"/>
      <c r="UWN724" s="424"/>
      <c r="UWO724" s="423" t="s">
        <v>2795</v>
      </c>
      <c r="UWP724" s="424"/>
      <c r="UWQ724" s="424"/>
      <c r="UWR724" s="424"/>
      <c r="UWS724" s="423" t="s">
        <v>2795</v>
      </c>
      <c r="UWT724" s="424"/>
      <c r="UWU724" s="424"/>
      <c r="UWV724" s="424"/>
      <c r="UWW724" s="423" t="s">
        <v>2795</v>
      </c>
      <c r="UWX724" s="424"/>
      <c r="UWY724" s="424"/>
      <c r="UWZ724" s="424"/>
      <c r="UXA724" s="423" t="s">
        <v>2795</v>
      </c>
      <c r="UXB724" s="424"/>
      <c r="UXC724" s="424"/>
      <c r="UXD724" s="424"/>
      <c r="UXE724" s="423" t="s">
        <v>2795</v>
      </c>
      <c r="UXF724" s="424"/>
      <c r="UXG724" s="424"/>
      <c r="UXH724" s="424"/>
      <c r="UXI724" s="423" t="s">
        <v>2795</v>
      </c>
      <c r="UXJ724" s="424"/>
      <c r="UXK724" s="424"/>
      <c r="UXL724" s="424"/>
      <c r="UXM724" s="423" t="s">
        <v>2795</v>
      </c>
      <c r="UXN724" s="424"/>
      <c r="UXO724" s="424"/>
      <c r="UXP724" s="424"/>
      <c r="UXQ724" s="423" t="s">
        <v>2795</v>
      </c>
      <c r="UXR724" s="424"/>
      <c r="UXS724" s="424"/>
      <c r="UXT724" s="424"/>
      <c r="UXU724" s="423" t="s">
        <v>2795</v>
      </c>
      <c r="UXV724" s="424"/>
      <c r="UXW724" s="424"/>
      <c r="UXX724" s="424"/>
      <c r="UXY724" s="423" t="s">
        <v>2795</v>
      </c>
      <c r="UXZ724" s="424"/>
      <c r="UYA724" s="424"/>
      <c r="UYB724" s="424"/>
      <c r="UYC724" s="423" t="s">
        <v>2795</v>
      </c>
      <c r="UYD724" s="424"/>
      <c r="UYE724" s="424"/>
      <c r="UYF724" s="424"/>
      <c r="UYG724" s="423" t="s">
        <v>2795</v>
      </c>
      <c r="UYH724" s="424"/>
      <c r="UYI724" s="424"/>
      <c r="UYJ724" s="424"/>
      <c r="UYK724" s="423" t="s">
        <v>2795</v>
      </c>
      <c r="UYL724" s="424"/>
      <c r="UYM724" s="424"/>
      <c r="UYN724" s="424"/>
      <c r="UYO724" s="423" t="s">
        <v>2795</v>
      </c>
      <c r="UYP724" s="424"/>
      <c r="UYQ724" s="424"/>
      <c r="UYR724" s="424"/>
      <c r="UYS724" s="423" t="s">
        <v>2795</v>
      </c>
      <c r="UYT724" s="424"/>
      <c r="UYU724" s="424"/>
      <c r="UYV724" s="424"/>
      <c r="UYW724" s="423" t="s">
        <v>2795</v>
      </c>
      <c r="UYX724" s="424"/>
      <c r="UYY724" s="424"/>
      <c r="UYZ724" s="424"/>
      <c r="UZA724" s="423" t="s">
        <v>2795</v>
      </c>
      <c r="UZB724" s="424"/>
      <c r="UZC724" s="424"/>
      <c r="UZD724" s="424"/>
      <c r="UZE724" s="423" t="s">
        <v>2795</v>
      </c>
      <c r="UZF724" s="424"/>
      <c r="UZG724" s="424"/>
      <c r="UZH724" s="424"/>
      <c r="UZI724" s="423" t="s">
        <v>2795</v>
      </c>
      <c r="UZJ724" s="424"/>
      <c r="UZK724" s="424"/>
      <c r="UZL724" s="424"/>
      <c r="UZM724" s="423" t="s">
        <v>2795</v>
      </c>
      <c r="UZN724" s="424"/>
      <c r="UZO724" s="424"/>
      <c r="UZP724" s="424"/>
      <c r="UZQ724" s="423" t="s">
        <v>2795</v>
      </c>
      <c r="UZR724" s="424"/>
      <c r="UZS724" s="424"/>
      <c r="UZT724" s="424"/>
      <c r="UZU724" s="423" t="s">
        <v>2795</v>
      </c>
      <c r="UZV724" s="424"/>
      <c r="UZW724" s="424"/>
      <c r="UZX724" s="424"/>
      <c r="UZY724" s="423" t="s">
        <v>2795</v>
      </c>
      <c r="UZZ724" s="424"/>
      <c r="VAA724" s="424"/>
      <c r="VAB724" s="424"/>
      <c r="VAC724" s="423" t="s">
        <v>2795</v>
      </c>
      <c r="VAD724" s="424"/>
      <c r="VAE724" s="424"/>
      <c r="VAF724" s="424"/>
      <c r="VAG724" s="423" t="s">
        <v>2795</v>
      </c>
      <c r="VAH724" s="424"/>
      <c r="VAI724" s="424"/>
      <c r="VAJ724" s="424"/>
      <c r="VAK724" s="423" t="s">
        <v>2795</v>
      </c>
      <c r="VAL724" s="424"/>
      <c r="VAM724" s="424"/>
      <c r="VAN724" s="424"/>
      <c r="VAO724" s="423" t="s">
        <v>2795</v>
      </c>
      <c r="VAP724" s="424"/>
      <c r="VAQ724" s="424"/>
      <c r="VAR724" s="424"/>
      <c r="VAS724" s="423" t="s">
        <v>2795</v>
      </c>
      <c r="VAT724" s="424"/>
      <c r="VAU724" s="424"/>
      <c r="VAV724" s="424"/>
      <c r="VAW724" s="423" t="s">
        <v>2795</v>
      </c>
      <c r="VAX724" s="424"/>
      <c r="VAY724" s="424"/>
      <c r="VAZ724" s="424"/>
      <c r="VBA724" s="423" t="s">
        <v>2795</v>
      </c>
      <c r="VBB724" s="424"/>
      <c r="VBC724" s="424"/>
      <c r="VBD724" s="424"/>
      <c r="VBE724" s="423" t="s">
        <v>2795</v>
      </c>
      <c r="VBF724" s="424"/>
      <c r="VBG724" s="424"/>
      <c r="VBH724" s="424"/>
      <c r="VBI724" s="423" t="s">
        <v>2795</v>
      </c>
      <c r="VBJ724" s="424"/>
      <c r="VBK724" s="424"/>
      <c r="VBL724" s="424"/>
      <c r="VBM724" s="423" t="s">
        <v>2795</v>
      </c>
      <c r="VBN724" s="424"/>
      <c r="VBO724" s="424"/>
      <c r="VBP724" s="424"/>
      <c r="VBQ724" s="423" t="s">
        <v>2795</v>
      </c>
      <c r="VBR724" s="424"/>
      <c r="VBS724" s="424"/>
      <c r="VBT724" s="424"/>
      <c r="VBU724" s="423" t="s">
        <v>2795</v>
      </c>
      <c r="VBV724" s="424"/>
      <c r="VBW724" s="424"/>
      <c r="VBX724" s="424"/>
      <c r="VBY724" s="423" t="s">
        <v>2795</v>
      </c>
      <c r="VBZ724" s="424"/>
      <c r="VCA724" s="424"/>
      <c r="VCB724" s="424"/>
      <c r="VCC724" s="423" t="s">
        <v>2795</v>
      </c>
      <c r="VCD724" s="424"/>
      <c r="VCE724" s="424"/>
      <c r="VCF724" s="424"/>
      <c r="VCG724" s="423" t="s">
        <v>2795</v>
      </c>
      <c r="VCH724" s="424"/>
      <c r="VCI724" s="424"/>
      <c r="VCJ724" s="424"/>
      <c r="VCK724" s="423" t="s">
        <v>2795</v>
      </c>
      <c r="VCL724" s="424"/>
      <c r="VCM724" s="424"/>
      <c r="VCN724" s="424"/>
      <c r="VCO724" s="423" t="s">
        <v>2795</v>
      </c>
      <c r="VCP724" s="424"/>
      <c r="VCQ724" s="424"/>
      <c r="VCR724" s="424"/>
      <c r="VCS724" s="423" t="s">
        <v>2795</v>
      </c>
      <c r="VCT724" s="424"/>
      <c r="VCU724" s="424"/>
      <c r="VCV724" s="424"/>
      <c r="VCW724" s="423" t="s">
        <v>2795</v>
      </c>
      <c r="VCX724" s="424"/>
      <c r="VCY724" s="424"/>
      <c r="VCZ724" s="424"/>
      <c r="VDA724" s="423" t="s">
        <v>2795</v>
      </c>
      <c r="VDB724" s="424"/>
      <c r="VDC724" s="424"/>
      <c r="VDD724" s="424"/>
      <c r="VDE724" s="423" t="s">
        <v>2795</v>
      </c>
      <c r="VDF724" s="424"/>
      <c r="VDG724" s="424"/>
      <c r="VDH724" s="424"/>
      <c r="VDI724" s="423" t="s">
        <v>2795</v>
      </c>
      <c r="VDJ724" s="424"/>
      <c r="VDK724" s="424"/>
      <c r="VDL724" s="424"/>
      <c r="VDM724" s="423" t="s">
        <v>2795</v>
      </c>
      <c r="VDN724" s="424"/>
      <c r="VDO724" s="424"/>
      <c r="VDP724" s="424"/>
      <c r="VDQ724" s="423" t="s">
        <v>2795</v>
      </c>
      <c r="VDR724" s="424"/>
      <c r="VDS724" s="424"/>
      <c r="VDT724" s="424"/>
      <c r="VDU724" s="423" t="s">
        <v>2795</v>
      </c>
      <c r="VDV724" s="424"/>
      <c r="VDW724" s="424"/>
      <c r="VDX724" s="424"/>
      <c r="VDY724" s="423" t="s">
        <v>2795</v>
      </c>
      <c r="VDZ724" s="424"/>
      <c r="VEA724" s="424"/>
      <c r="VEB724" s="424"/>
      <c r="VEC724" s="423" t="s">
        <v>2795</v>
      </c>
      <c r="VED724" s="424"/>
      <c r="VEE724" s="424"/>
      <c r="VEF724" s="424"/>
      <c r="VEG724" s="423" t="s">
        <v>2795</v>
      </c>
      <c r="VEH724" s="424"/>
      <c r="VEI724" s="424"/>
      <c r="VEJ724" s="424"/>
      <c r="VEK724" s="423" t="s">
        <v>2795</v>
      </c>
      <c r="VEL724" s="424"/>
      <c r="VEM724" s="424"/>
      <c r="VEN724" s="424"/>
      <c r="VEO724" s="423" t="s">
        <v>2795</v>
      </c>
      <c r="VEP724" s="424"/>
      <c r="VEQ724" s="424"/>
      <c r="VER724" s="424"/>
      <c r="VES724" s="423" t="s">
        <v>2795</v>
      </c>
      <c r="VET724" s="424"/>
      <c r="VEU724" s="424"/>
      <c r="VEV724" s="424"/>
      <c r="VEW724" s="423" t="s">
        <v>2795</v>
      </c>
      <c r="VEX724" s="424"/>
      <c r="VEY724" s="424"/>
      <c r="VEZ724" s="424"/>
      <c r="VFA724" s="423" t="s">
        <v>2795</v>
      </c>
      <c r="VFB724" s="424"/>
      <c r="VFC724" s="424"/>
      <c r="VFD724" s="424"/>
      <c r="VFE724" s="423" t="s">
        <v>2795</v>
      </c>
      <c r="VFF724" s="424"/>
      <c r="VFG724" s="424"/>
      <c r="VFH724" s="424"/>
      <c r="VFI724" s="423" t="s">
        <v>2795</v>
      </c>
      <c r="VFJ724" s="424"/>
      <c r="VFK724" s="424"/>
      <c r="VFL724" s="424"/>
      <c r="VFM724" s="423" t="s">
        <v>2795</v>
      </c>
      <c r="VFN724" s="424"/>
      <c r="VFO724" s="424"/>
      <c r="VFP724" s="424"/>
      <c r="VFQ724" s="423" t="s">
        <v>2795</v>
      </c>
      <c r="VFR724" s="424"/>
      <c r="VFS724" s="424"/>
      <c r="VFT724" s="424"/>
      <c r="VFU724" s="423" t="s">
        <v>2795</v>
      </c>
      <c r="VFV724" s="424"/>
      <c r="VFW724" s="424"/>
      <c r="VFX724" s="424"/>
      <c r="VFY724" s="423" t="s">
        <v>2795</v>
      </c>
      <c r="VFZ724" s="424"/>
      <c r="VGA724" s="424"/>
      <c r="VGB724" s="424"/>
      <c r="VGC724" s="423" t="s">
        <v>2795</v>
      </c>
      <c r="VGD724" s="424"/>
      <c r="VGE724" s="424"/>
      <c r="VGF724" s="424"/>
      <c r="VGG724" s="423" t="s">
        <v>2795</v>
      </c>
      <c r="VGH724" s="424"/>
      <c r="VGI724" s="424"/>
      <c r="VGJ724" s="424"/>
      <c r="VGK724" s="423" t="s">
        <v>2795</v>
      </c>
      <c r="VGL724" s="424"/>
      <c r="VGM724" s="424"/>
      <c r="VGN724" s="424"/>
      <c r="VGO724" s="423" t="s">
        <v>2795</v>
      </c>
      <c r="VGP724" s="424"/>
      <c r="VGQ724" s="424"/>
      <c r="VGR724" s="424"/>
      <c r="VGS724" s="423" t="s">
        <v>2795</v>
      </c>
      <c r="VGT724" s="424"/>
      <c r="VGU724" s="424"/>
      <c r="VGV724" s="424"/>
      <c r="VGW724" s="423" t="s">
        <v>2795</v>
      </c>
      <c r="VGX724" s="424"/>
      <c r="VGY724" s="424"/>
      <c r="VGZ724" s="424"/>
      <c r="VHA724" s="423" t="s">
        <v>2795</v>
      </c>
      <c r="VHB724" s="424"/>
      <c r="VHC724" s="424"/>
      <c r="VHD724" s="424"/>
      <c r="VHE724" s="423" t="s">
        <v>2795</v>
      </c>
      <c r="VHF724" s="424"/>
      <c r="VHG724" s="424"/>
      <c r="VHH724" s="424"/>
      <c r="VHI724" s="423" t="s">
        <v>2795</v>
      </c>
      <c r="VHJ724" s="424"/>
      <c r="VHK724" s="424"/>
      <c r="VHL724" s="424"/>
      <c r="VHM724" s="423" t="s">
        <v>2795</v>
      </c>
      <c r="VHN724" s="424"/>
      <c r="VHO724" s="424"/>
      <c r="VHP724" s="424"/>
      <c r="VHQ724" s="423" t="s">
        <v>2795</v>
      </c>
      <c r="VHR724" s="424"/>
      <c r="VHS724" s="424"/>
      <c r="VHT724" s="424"/>
      <c r="VHU724" s="423" t="s">
        <v>2795</v>
      </c>
      <c r="VHV724" s="424"/>
      <c r="VHW724" s="424"/>
      <c r="VHX724" s="424"/>
      <c r="VHY724" s="423" t="s">
        <v>2795</v>
      </c>
      <c r="VHZ724" s="424"/>
      <c r="VIA724" s="424"/>
      <c r="VIB724" s="424"/>
      <c r="VIC724" s="423" t="s">
        <v>2795</v>
      </c>
      <c r="VID724" s="424"/>
      <c r="VIE724" s="424"/>
      <c r="VIF724" s="424"/>
      <c r="VIG724" s="423" t="s">
        <v>2795</v>
      </c>
      <c r="VIH724" s="424"/>
      <c r="VII724" s="424"/>
      <c r="VIJ724" s="424"/>
      <c r="VIK724" s="423" t="s">
        <v>2795</v>
      </c>
      <c r="VIL724" s="424"/>
      <c r="VIM724" s="424"/>
      <c r="VIN724" s="424"/>
      <c r="VIO724" s="423" t="s">
        <v>2795</v>
      </c>
      <c r="VIP724" s="424"/>
      <c r="VIQ724" s="424"/>
      <c r="VIR724" s="424"/>
      <c r="VIS724" s="423" t="s">
        <v>2795</v>
      </c>
      <c r="VIT724" s="424"/>
      <c r="VIU724" s="424"/>
      <c r="VIV724" s="424"/>
      <c r="VIW724" s="423" t="s">
        <v>2795</v>
      </c>
      <c r="VIX724" s="424"/>
      <c r="VIY724" s="424"/>
      <c r="VIZ724" s="424"/>
      <c r="VJA724" s="423" t="s">
        <v>2795</v>
      </c>
      <c r="VJB724" s="424"/>
      <c r="VJC724" s="424"/>
      <c r="VJD724" s="424"/>
      <c r="VJE724" s="423" t="s">
        <v>2795</v>
      </c>
      <c r="VJF724" s="424"/>
      <c r="VJG724" s="424"/>
      <c r="VJH724" s="424"/>
      <c r="VJI724" s="423" t="s">
        <v>2795</v>
      </c>
      <c r="VJJ724" s="424"/>
      <c r="VJK724" s="424"/>
      <c r="VJL724" s="424"/>
      <c r="VJM724" s="423" t="s">
        <v>2795</v>
      </c>
      <c r="VJN724" s="424"/>
      <c r="VJO724" s="424"/>
      <c r="VJP724" s="424"/>
      <c r="VJQ724" s="423" t="s">
        <v>2795</v>
      </c>
      <c r="VJR724" s="424"/>
      <c r="VJS724" s="424"/>
      <c r="VJT724" s="424"/>
      <c r="VJU724" s="423" t="s">
        <v>2795</v>
      </c>
      <c r="VJV724" s="424"/>
      <c r="VJW724" s="424"/>
      <c r="VJX724" s="424"/>
      <c r="VJY724" s="423" t="s">
        <v>2795</v>
      </c>
      <c r="VJZ724" s="424"/>
      <c r="VKA724" s="424"/>
      <c r="VKB724" s="424"/>
      <c r="VKC724" s="423" t="s">
        <v>2795</v>
      </c>
      <c r="VKD724" s="424"/>
      <c r="VKE724" s="424"/>
      <c r="VKF724" s="424"/>
      <c r="VKG724" s="423" t="s">
        <v>2795</v>
      </c>
      <c r="VKH724" s="424"/>
      <c r="VKI724" s="424"/>
      <c r="VKJ724" s="424"/>
      <c r="VKK724" s="423" t="s">
        <v>2795</v>
      </c>
      <c r="VKL724" s="424"/>
      <c r="VKM724" s="424"/>
      <c r="VKN724" s="424"/>
      <c r="VKO724" s="423" t="s">
        <v>2795</v>
      </c>
      <c r="VKP724" s="424"/>
      <c r="VKQ724" s="424"/>
      <c r="VKR724" s="424"/>
      <c r="VKS724" s="423" t="s">
        <v>2795</v>
      </c>
      <c r="VKT724" s="424"/>
      <c r="VKU724" s="424"/>
      <c r="VKV724" s="424"/>
      <c r="VKW724" s="423" t="s">
        <v>2795</v>
      </c>
      <c r="VKX724" s="424"/>
      <c r="VKY724" s="424"/>
      <c r="VKZ724" s="424"/>
      <c r="VLA724" s="423" t="s">
        <v>2795</v>
      </c>
      <c r="VLB724" s="424"/>
      <c r="VLC724" s="424"/>
      <c r="VLD724" s="424"/>
      <c r="VLE724" s="423" t="s">
        <v>2795</v>
      </c>
      <c r="VLF724" s="424"/>
      <c r="VLG724" s="424"/>
      <c r="VLH724" s="424"/>
      <c r="VLI724" s="423" t="s">
        <v>2795</v>
      </c>
      <c r="VLJ724" s="424"/>
      <c r="VLK724" s="424"/>
      <c r="VLL724" s="424"/>
      <c r="VLM724" s="423" t="s">
        <v>2795</v>
      </c>
      <c r="VLN724" s="424"/>
      <c r="VLO724" s="424"/>
      <c r="VLP724" s="424"/>
      <c r="VLQ724" s="423" t="s">
        <v>2795</v>
      </c>
      <c r="VLR724" s="424"/>
      <c r="VLS724" s="424"/>
      <c r="VLT724" s="424"/>
      <c r="VLU724" s="423" t="s">
        <v>2795</v>
      </c>
      <c r="VLV724" s="424"/>
      <c r="VLW724" s="424"/>
      <c r="VLX724" s="424"/>
      <c r="VLY724" s="423" t="s">
        <v>2795</v>
      </c>
      <c r="VLZ724" s="424"/>
      <c r="VMA724" s="424"/>
      <c r="VMB724" s="424"/>
      <c r="VMC724" s="423" t="s">
        <v>2795</v>
      </c>
      <c r="VMD724" s="424"/>
      <c r="VME724" s="424"/>
      <c r="VMF724" s="424"/>
      <c r="VMG724" s="423" t="s">
        <v>2795</v>
      </c>
      <c r="VMH724" s="424"/>
      <c r="VMI724" s="424"/>
      <c r="VMJ724" s="424"/>
      <c r="VMK724" s="423" t="s">
        <v>2795</v>
      </c>
      <c r="VML724" s="424"/>
      <c r="VMM724" s="424"/>
      <c r="VMN724" s="424"/>
      <c r="VMO724" s="423" t="s">
        <v>2795</v>
      </c>
      <c r="VMP724" s="424"/>
      <c r="VMQ724" s="424"/>
      <c r="VMR724" s="424"/>
      <c r="VMS724" s="423" t="s">
        <v>2795</v>
      </c>
      <c r="VMT724" s="424"/>
      <c r="VMU724" s="424"/>
      <c r="VMV724" s="424"/>
      <c r="VMW724" s="423" t="s">
        <v>2795</v>
      </c>
      <c r="VMX724" s="424"/>
      <c r="VMY724" s="424"/>
      <c r="VMZ724" s="424"/>
      <c r="VNA724" s="423" t="s">
        <v>2795</v>
      </c>
      <c r="VNB724" s="424"/>
      <c r="VNC724" s="424"/>
      <c r="VND724" s="424"/>
      <c r="VNE724" s="423" t="s">
        <v>2795</v>
      </c>
      <c r="VNF724" s="424"/>
      <c r="VNG724" s="424"/>
      <c r="VNH724" s="424"/>
      <c r="VNI724" s="423" t="s">
        <v>2795</v>
      </c>
      <c r="VNJ724" s="424"/>
      <c r="VNK724" s="424"/>
      <c r="VNL724" s="424"/>
      <c r="VNM724" s="423" t="s">
        <v>2795</v>
      </c>
      <c r="VNN724" s="424"/>
      <c r="VNO724" s="424"/>
      <c r="VNP724" s="424"/>
      <c r="VNQ724" s="423" t="s">
        <v>2795</v>
      </c>
      <c r="VNR724" s="424"/>
      <c r="VNS724" s="424"/>
      <c r="VNT724" s="424"/>
      <c r="VNU724" s="423" t="s">
        <v>2795</v>
      </c>
      <c r="VNV724" s="424"/>
      <c r="VNW724" s="424"/>
      <c r="VNX724" s="424"/>
      <c r="VNY724" s="423" t="s">
        <v>2795</v>
      </c>
      <c r="VNZ724" s="424"/>
      <c r="VOA724" s="424"/>
      <c r="VOB724" s="424"/>
      <c r="VOC724" s="423" t="s">
        <v>2795</v>
      </c>
      <c r="VOD724" s="424"/>
      <c r="VOE724" s="424"/>
      <c r="VOF724" s="424"/>
      <c r="VOG724" s="423" t="s">
        <v>2795</v>
      </c>
      <c r="VOH724" s="424"/>
      <c r="VOI724" s="424"/>
      <c r="VOJ724" s="424"/>
      <c r="VOK724" s="423" t="s">
        <v>2795</v>
      </c>
      <c r="VOL724" s="424"/>
      <c r="VOM724" s="424"/>
      <c r="VON724" s="424"/>
      <c r="VOO724" s="423" t="s">
        <v>2795</v>
      </c>
      <c r="VOP724" s="424"/>
      <c r="VOQ724" s="424"/>
      <c r="VOR724" s="424"/>
      <c r="VOS724" s="423" t="s">
        <v>2795</v>
      </c>
      <c r="VOT724" s="424"/>
      <c r="VOU724" s="424"/>
      <c r="VOV724" s="424"/>
      <c r="VOW724" s="423" t="s">
        <v>2795</v>
      </c>
      <c r="VOX724" s="424"/>
      <c r="VOY724" s="424"/>
      <c r="VOZ724" s="424"/>
      <c r="VPA724" s="423" t="s">
        <v>2795</v>
      </c>
      <c r="VPB724" s="424"/>
      <c r="VPC724" s="424"/>
      <c r="VPD724" s="424"/>
      <c r="VPE724" s="423" t="s">
        <v>2795</v>
      </c>
      <c r="VPF724" s="424"/>
      <c r="VPG724" s="424"/>
      <c r="VPH724" s="424"/>
      <c r="VPI724" s="423" t="s">
        <v>2795</v>
      </c>
      <c r="VPJ724" s="424"/>
      <c r="VPK724" s="424"/>
      <c r="VPL724" s="424"/>
      <c r="VPM724" s="423" t="s">
        <v>2795</v>
      </c>
      <c r="VPN724" s="424"/>
      <c r="VPO724" s="424"/>
      <c r="VPP724" s="424"/>
      <c r="VPQ724" s="423" t="s">
        <v>2795</v>
      </c>
      <c r="VPR724" s="424"/>
      <c r="VPS724" s="424"/>
      <c r="VPT724" s="424"/>
      <c r="VPU724" s="423" t="s">
        <v>2795</v>
      </c>
      <c r="VPV724" s="424"/>
      <c r="VPW724" s="424"/>
      <c r="VPX724" s="424"/>
      <c r="VPY724" s="423" t="s">
        <v>2795</v>
      </c>
      <c r="VPZ724" s="424"/>
      <c r="VQA724" s="424"/>
      <c r="VQB724" s="424"/>
      <c r="VQC724" s="423" t="s">
        <v>2795</v>
      </c>
      <c r="VQD724" s="424"/>
      <c r="VQE724" s="424"/>
      <c r="VQF724" s="424"/>
      <c r="VQG724" s="423" t="s">
        <v>2795</v>
      </c>
      <c r="VQH724" s="424"/>
      <c r="VQI724" s="424"/>
      <c r="VQJ724" s="424"/>
      <c r="VQK724" s="423" t="s">
        <v>2795</v>
      </c>
      <c r="VQL724" s="424"/>
      <c r="VQM724" s="424"/>
      <c r="VQN724" s="424"/>
      <c r="VQO724" s="423" t="s">
        <v>2795</v>
      </c>
      <c r="VQP724" s="424"/>
      <c r="VQQ724" s="424"/>
      <c r="VQR724" s="424"/>
      <c r="VQS724" s="423" t="s">
        <v>2795</v>
      </c>
      <c r="VQT724" s="424"/>
      <c r="VQU724" s="424"/>
      <c r="VQV724" s="424"/>
      <c r="VQW724" s="423" t="s">
        <v>2795</v>
      </c>
      <c r="VQX724" s="424"/>
      <c r="VQY724" s="424"/>
      <c r="VQZ724" s="424"/>
      <c r="VRA724" s="423" t="s">
        <v>2795</v>
      </c>
      <c r="VRB724" s="424"/>
      <c r="VRC724" s="424"/>
      <c r="VRD724" s="424"/>
      <c r="VRE724" s="423" t="s">
        <v>2795</v>
      </c>
      <c r="VRF724" s="424"/>
      <c r="VRG724" s="424"/>
      <c r="VRH724" s="424"/>
      <c r="VRI724" s="423" t="s">
        <v>2795</v>
      </c>
      <c r="VRJ724" s="424"/>
      <c r="VRK724" s="424"/>
      <c r="VRL724" s="424"/>
      <c r="VRM724" s="423" t="s">
        <v>2795</v>
      </c>
      <c r="VRN724" s="424"/>
      <c r="VRO724" s="424"/>
      <c r="VRP724" s="424"/>
      <c r="VRQ724" s="423" t="s">
        <v>2795</v>
      </c>
      <c r="VRR724" s="424"/>
      <c r="VRS724" s="424"/>
      <c r="VRT724" s="424"/>
      <c r="VRU724" s="423" t="s">
        <v>2795</v>
      </c>
      <c r="VRV724" s="424"/>
      <c r="VRW724" s="424"/>
      <c r="VRX724" s="424"/>
      <c r="VRY724" s="423" t="s">
        <v>2795</v>
      </c>
      <c r="VRZ724" s="424"/>
      <c r="VSA724" s="424"/>
      <c r="VSB724" s="424"/>
      <c r="VSC724" s="423" t="s">
        <v>2795</v>
      </c>
      <c r="VSD724" s="424"/>
      <c r="VSE724" s="424"/>
      <c r="VSF724" s="424"/>
      <c r="VSG724" s="423" t="s">
        <v>2795</v>
      </c>
      <c r="VSH724" s="424"/>
      <c r="VSI724" s="424"/>
      <c r="VSJ724" s="424"/>
      <c r="VSK724" s="423" t="s">
        <v>2795</v>
      </c>
      <c r="VSL724" s="424"/>
      <c r="VSM724" s="424"/>
      <c r="VSN724" s="424"/>
      <c r="VSO724" s="423" t="s">
        <v>2795</v>
      </c>
      <c r="VSP724" s="424"/>
      <c r="VSQ724" s="424"/>
      <c r="VSR724" s="424"/>
      <c r="VSS724" s="423" t="s">
        <v>2795</v>
      </c>
      <c r="VST724" s="424"/>
      <c r="VSU724" s="424"/>
      <c r="VSV724" s="424"/>
      <c r="VSW724" s="423" t="s">
        <v>2795</v>
      </c>
      <c r="VSX724" s="424"/>
      <c r="VSY724" s="424"/>
      <c r="VSZ724" s="424"/>
      <c r="VTA724" s="423" t="s">
        <v>2795</v>
      </c>
      <c r="VTB724" s="424"/>
      <c r="VTC724" s="424"/>
      <c r="VTD724" s="424"/>
      <c r="VTE724" s="423" t="s">
        <v>2795</v>
      </c>
      <c r="VTF724" s="424"/>
      <c r="VTG724" s="424"/>
      <c r="VTH724" s="424"/>
      <c r="VTI724" s="423" t="s">
        <v>2795</v>
      </c>
      <c r="VTJ724" s="424"/>
      <c r="VTK724" s="424"/>
      <c r="VTL724" s="424"/>
      <c r="VTM724" s="423" t="s">
        <v>2795</v>
      </c>
      <c r="VTN724" s="424"/>
      <c r="VTO724" s="424"/>
      <c r="VTP724" s="424"/>
      <c r="VTQ724" s="423" t="s">
        <v>2795</v>
      </c>
      <c r="VTR724" s="424"/>
      <c r="VTS724" s="424"/>
      <c r="VTT724" s="424"/>
      <c r="VTU724" s="423" t="s">
        <v>2795</v>
      </c>
      <c r="VTV724" s="424"/>
      <c r="VTW724" s="424"/>
      <c r="VTX724" s="424"/>
      <c r="VTY724" s="423" t="s">
        <v>2795</v>
      </c>
      <c r="VTZ724" s="424"/>
      <c r="VUA724" s="424"/>
      <c r="VUB724" s="424"/>
      <c r="VUC724" s="423" t="s">
        <v>2795</v>
      </c>
      <c r="VUD724" s="424"/>
      <c r="VUE724" s="424"/>
      <c r="VUF724" s="424"/>
      <c r="VUG724" s="423" t="s">
        <v>2795</v>
      </c>
      <c r="VUH724" s="424"/>
      <c r="VUI724" s="424"/>
      <c r="VUJ724" s="424"/>
      <c r="VUK724" s="423" t="s">
        <v>2795</v>
      </c>
      <c r="VUL724" s="424"/>
      <c r="VUM724" s="424"/>
      <c r="VUN724" s="424"/>
      <c r="VUO724" s="423" t="s">
        <v>2795</v>
      </c>
      <c r="VUP724" s="424"/>
      <c r="VUQ724" s="424"/>
      <c r="VUR724" s="424"/>
      <c r="VUS724" s="423" t="s">
        <v>2795</v>
      </c>
      <c r="VUT724" s="424"/>
      <c r="VUU724" s="424"/>
      <c r="VUV724" s="424"/>
      <c r="VUW724" s="423" t="s">
        <v>2795</v>
      </c>
      <c r="VUX724" s="424"/>
      <c r="VUY724" s="424"/>
      <c r="VUZ724" s="424"/>
      <c r="VVA724" s="423" t="s">
        <v>2795</v>
      </c>
      <c r="VVB724" s="424"/>
      <c r="VVC724" s="424"/>
      <c r="VVD724" s="424"/>
      <c r="VVE724" s="423" t="s">
        <v>2795</v>
      </c>
      <c r="VVF724" s="424"/>
      <c r="VVG724" s="424"/>
      <c r="VVH724" s="424"/>
      <c r="VVI724" s="423" t="s">
        <v>2795</v>
      </c>
      <c r="VVJ724" s="424"/>
      <c r="VVK724" s="424"/>
      <c r="VVL724" s="424"/>
      <c r="VVM724" s="423" t="s">
        <v>2795</v>
      </c>
      <c r="VVN724" s="424"/>
      <c r="VVO724" s="424"/>
      <c r="VVP724" s="424"/>
      <c r="VVQ724" s="423" t="s">
        <v>2795</v>
      </c>
      <c r="VVR724" s="424"/>
      <c r="VVS724" s="424"/>
      <c r="VVT724" s="424"/>
      <c r="VVU724" s="423" t="s">
        <v>2795</v>
      </c>
      <c r="VVV724" s="424"/>
      <c r="VVW724" s="424"/>
      <c r="VVX724" s="424"/>
      <c r="VVY724" s="423" t="s">
        <v>2795</v>
      </c>
      <c r="VVZ724" s="424"/>
      <c r="VWA724" s="424"/>
      <c r="VWB724" s="424"/>
      <c r="VWC724" s="423" t="s">
        <v>2795</v>
      </c>
      <c r="VWD724" s="424"/>
      <c r="VWE724" s="424"/>
      <c r="VWF724" s="424"/>
      <c r="VWG724" s="423" t="s">
        <v>2795</v>
      </c>
      <c r="VWH724" s="424"/>
      <c r="VWI724" s="424"/>
      <c r="VWJ724" s="424"/>
      <c r="VWK724" s="423" t="s">
        <v>2795</v>
      </c>
      <c r="VWL724" s="424"/>
      <c r="VWM724" s="424"/>
      <c r="VWN724" s="424"/>
      <c r="VWO724" s="423" t="s">
        <v>2795</v>
      </c>
      <c r="VWP724" s="424"/>
      <c r="VWQ724" s="424"/>
      <c r="VWR724" s="424"/>
      <c r="VWS724" s="423" t="s">
        <v>2795</v>
      </c>
      <c r="VWT724" s="424"/>
      <c r="VWU724" s="424"/>
      <c r="VWV724" s="424"/>
      <c r="VWW724" s="423" t="s">
        <v>2795</v>
      </c>
      <c r="VWX724" s="424"/>
      <c r="VWY724" s="424"/>
      <c r="VWZ724" s="424"/>
      <c r="VXA724" s="423" t="s">
        <v>2795</v>
      </c>
      <c r="VXB724" s="424"/>
      <c r="VXC724" s="424"/>
      <c r="VXD724" s="424"/>
      <c r="VXE724" s="423" t="s">
        <v>2795</v>
      </c>
      <c r="VXF724" s="424"/>
      <c r="VXG724" s="424"/>
      <c r="VXH724" s="424"/>
      <c r="VXI724" s="423" t="s">
        <v>2795</v>
      </c>
      <c r="VXJ724" s="424"/>
      <c r="VXK724" s="424"/>
      <c r="VXL724" s="424"/>
      <c r="VXM724" s="423" t="s">
        <v>2795</v>
      </c>
      <c r="VXN724" s="424"/>
      <c r="VXO724" s="424"/>
      <c r="VXP724" s="424"/>
      <c r="VXQ724" s="423" t="s">
        <v>2795</v>
      </c>
      <c r="VXR724" s="424"/>
      <c r="VXS724" s="424"/>
      <c r="VXT724" s="424"/>
      <c r="VXU724" s="423" t="s">
        <v>2795</v>
      </c>
      <c r="VXV724" s="424"/>
      <c r="VXW724" s="424"/>
      <c r="VXX724" s="424"/>
      <c r="VXY724" s="423" t="s">
        <v>2795</v>
      </c>
      <c r="VXZ724" s="424"/>
      <c r="VYA724" s="424"/>
      <c r="VYB724" s="424"/>
      <c r="VYC724" s="423" t="s">
        <v>2795</v>
      </c>
      <c r="VYD724" s="424"/>
      <c r="VYE724" s="424"/>
      <c r="VYF724" s="424"/>
      <c r="VYG724" s="423" t="s">
        <v>2795</v>
      </c>
      <c r="VYH724" s="424"/>
      <c r="VYI724" s="424"/>
      <c r="VYJ724" s="424"/>
      <c r="VYK724" s="423" t="s">
        <v>2795</v>
      </c>
      <c r="VYL724" s="424"/>
      <c r="VYM724" s="424"/>
      <c r="VYN724" s="424"/>
      <c r="VYO724" s="423" t="s">
        <v>2795</v>
      </c>
      <c r="VYP724" s="424"/>
      <c r="VYQ724" s="424"/>
      <c r="VYR724" s="424"/>
      <c r="VYS724" s="423" t="s">
        <v>2795</v>
      </c>
      <c r="VYT724" s="424"/>
      <c r="VYU724" s="424"/>
      <c r="VYV724" s="424"/>
      <c r="VYW724" s="423" t="s">
        <v>2795</v>
      </c>
      <c r="VYX724" s="424"/>
      <c r="VYY724" s="424"/>
      <c r="VYZ724" s="424"/>
      <c r="VZA724" s="423" t="s">
        <v>2795</v>
      </c>
      <c r="VZB724" s="424"/>
      <c r="VZC724" s="424"/>
      <c r="VZD724" s="424"/>
      <c r="VZE724" s="423" t="s">
        <v>2795</v>
      </c>
      <c r="VZF724" s="424"/>
      <c r="VZG724" s="424"/>
      <c r="VZH724" s="424"/>
      <c r="VZI724" s="423" t="s">
        <v>2795</v>
      </c>
      <c r="VZJ724" s="424"/>
      <c r="VZK724" s="424"/>
      <c r="VZL724" s="424"/>
      <c r="VZM724" s="423" t="s">
        <v>2795</v>
      </c>
      <c r="VZN724" s="424"/>
      <c r="VZO724" s="424"/>
      <c r="VZP724" s="424"/>
      <c r="VZQ724" s="423" t="s">
        <v>2795</v>
      </c>
      <c r="VZR724" s="424"/>
      <c r="VZS724" s="424"/>
      <c r="VZT724" s="424"/>
      <c r="VZU724" s="423" t="s">
        <v>2795</v>
      </c>
      <c r="VZV724" s="424"/>
      <c r="VZW724" s="424"/>
      <c r="VZX724" s="424"/>
      <c r="VZY724" s="423" t="s">
        <v>2795</v>
      </c>
      <c r="VZZ724" s="424"/>
      <c r="WAA724" s="424"/>
      <c r="WAB724" s="424"/>
      <c r="WAC724" s="423" t="s">
        <v>2795</v>
      </c>
      <c r="WAD724" s="424"/>
      <c r="WAE724" s="424"/>
      <c r="WAF724" s="424"/>
      <c r="WAG724" s="423" t="s">
        <v>2795</v>
      </c>
      <c r="WAH724" s="424"/>
      <c r="WAI724" s="424"/>
      <c r="WAJ724" s="424"/>
      <c r="WAK724" s="423" t="s">
        <v>2795</v>
      </c>
      <c r="WAL724" s="424"/>
      <c r="WAM724" s="424"/>
      <c r="WAN724" s="424"/>
      <c r="WAO724" s="423" t="s">
        <v>2795</v>
      </c>
      <c r="WAP724" s="424"/>
      <c r="WAQ724" s="424"/>
      <c r="WAR724" s="424"/>
      <c r="WAS724" s="423" t="s">
        <v>2795</v>
      </c>
      <c r="WAT724" s="424"/>
      <c r="WAU724" s="424"/>
      <c r="WAV724" s="424"/>
      <c r="WAW724" s="423" t="s">
        <v>2795</v>
      </c>
      <c r="WAX724" s="424"/>
      <c r="WAY724" s="424"/>
      <c r="WAZ724" s="424"/>
      <c r="WBA724" s="423" t="s">
        <v>2795</v>
      </c>
      <c r="WBB724" s="424"/>
      <c r="WBC724" s="424"/>
      <c r="WBD724" s="424"/>
      <c r="WBE724" s="423" t="s">
        <v>2795</v>
      </c>
      <c r="WBF724" s="424"/>
      <c r="WBG724" s="424"/>
      <c r="WBH724" s="424"/>
      <c r="WBI724" s="423" t="s">
        <v>2795</v>
      </c>
      <c r="WBJ724" s="424"/>
      <c r="WBK724" s="424"/>
      <c r="WBL724" s="424"/>
      <c r="WBM724" s="423" t="s">
        <v>2795</v>
      </c>
      <c r="WBN724" s="424"/>
      <c r="WBO724" s="424"/>
      <c r="WBP724" s="424"/>
      <c r="WBQ724" s="423" t="s">
        <v>2795</v>
      </c>
      <c r="WBR724" s="424"/>
      <c r="WBS724" s="424"/>
      <c r="WBT724" s="424"/>
      <c r="WBU724" s="423" t="s">
        <v>2795</v>
      </c>
      <c r="WBV724" s="424"/>
      <c r="WBW724" s="424"/>
      <c r="WBX724" s="424"/>
      <c r="WBY724" s="423" t="s">
        <v>2795</v>
      </c>
      <c r="WBZ724" s="424"/>
      <c r="WCA724" s="424"/>
      <c r="WCB724" s="424"/>
      <c r="WCC724" s="423" t="s">
        <v>2795</v>
      </c>
      <c r="WCD724" s="424"/>
      <c r="WCE724" s="424"/>
      <c r="WCF724" s="424"/>
      <c r="WCG724" s="423" t="s">
        <v>2795</v>
      </c>
      <c r="WCH724" s="424"/>
      <c r="WCI724" s="424"/>
      <c r="WCJ724" s="424"/>
      <c r="WCK724" s="423" t="s">
        <v>2795</v>
      </c>
      <c r="WCL724" s="424"/>
      <c r="WCM724" s="424"/>
      <c r="WCN724" s="424"/>
      <c r="WCO724" s="423" t="s">
        <v>2795</v>
      </c>
      <c r="WCP724" s="424"/>
      <c r="WCQ724" s="424"/>
      <c r="WCR724" s="424"/>
      <c r="WCS724" s="423" t="s">
        <v>2795</v>
      </c>
      <c r="WCT724" s="424"/>
      <c r="WCU724" s="424"/>
      <c r="WCV724" s="424"/>
      <c r="WCW724" s="423" t="s">
        <v>2795</v>
      </c>
      <c r="WCX724" s="424"/>
      <c r="WCY724" s="424"/>
      <c r="WCZ724" s="424"/>
      <c r="WDA724" s="423" t="s">
        <v>2795</v>
      </c>
      <c r="WDB724" s="424"/>
      <c r="WDC724" s="424"/>
      <c r="WDD724" s="424"/>
      <c r="WDE724" s="423" t="s">
        <v>2795</v>
      </c>
      <c r="WDF724" s="424"/>
      <c r="WDG724" s="424"/>
      <c r="WDH724" s="424"/>
      <c r="WDI724" s="423" t="s">
        <v>2795</v>
      </c>
      <c r="WDJ724" s="424"/>
      <c r="WDK724" s="424"/>
      <c r="WDL724" s="424"/>
      <c r="WDM724" s="423" t="s">
        <v>2795</v>
      </c>
      <c r="WDN724" s="424"/>
      <c r="WDO724" s="424"/>
      <c r="WDP724" s="424"/>
      <c r="WDQ724" s="423" t="s">
        <v>2795</v>
      </c>
      <c r="WDR724" s="424"/>
      <c r="WDS724" s="424"/>
      <c r="WDT724" s="424"/>
      <c r="WDU724" s="423" t="s">
        <v>2795</v>
      </c>
      <c r="WDV724" s="424"/>
      <c r="WDW724" s="424"/>
      <c r="WDX724" s="424"/>
      <c r="WDY724" s="423" t="s">
        <v>2795</v>
      </c>
      <c r="WDZ724" s="424"/>
      <c r="WEA724" s="424"/>
      <c r="WEB724" s="424"/>
      <c r="WEC724" s="423" t="s">
        <v>2795</v>
      </c>
      <c r="WED724" s="424"/>
      <c r="WEE724" s="424"/>
      <c r="WEF724" s="424"/>
      <c r="WEG724" s="423" t="s">
        <v>2795</v>
      </c>
      <c r="WEH724" s="424"/>
      <c r="WEI724" s="424"/>
      <c r="WEJ724" s="424"/>
      <c r="WEK724" s="423" t="s">
        <v>2795</v>
      </c>
      <c r="WEL724" s="424"/>
      <c r="WEM724" s="424"/>
      <c r="WEN724" s="424"/>
      <c r="WEO724" s="423" t="s">
        <v>2795</v>
      </c>
      <c r="WEP724" s="424"/>
      <c r="WEQ724" s="424"/>
      <c r="WER724" s="424"/>
      <c r="WES724" s="423" t="s">
        <v>2795</v>
      </c>
      <c r="WET724" s="424"/>
      <c r="WEU724" s="424"/>
      <c r="WEV724" s="424"/>
      <c r="WEW724" s="423" t="s">
        <v>2795</v>
      </c>
      <c r="WEX724" s="424"/>
      <c r="WEY724" s="424"/>
      <c r="WEZ724" s="424"/>
      <c r="WFA724" s="423" t="s">
        <v>2795</v>
      </c>
      <c r="WFB724" s="424"/>
      <c r="WFC724" s="424"/>
      <c r="WFD724" s="424"/>
      <c r="WFE724" s="423" t="s">
        <v>2795</v>
      </c>
      <c r="WFF724" s="424"/>
      <c r="WFG724" s="424"/>
      <c r="WFH724" s="424"/>
      <c r="WFI724" s="423" t="s">
        <v>2795</v>
      </c>
      <c r="WFJ724" s="424"/>
      <c r="WFK724" s="424"/>
      <c r="WFL724" s="424"/>
      <c r="WFM724" s="423" t="s">
        <v>2795</v>
      </c>
      <c r="WFN724" s="424"/>
      <c r="WFO724" s="424"/>
      <c r="WFP724" s="424"/>
      <c r="WFQ724" s="423" t="s">
        <v>2795</v>
      </c>
      <c r="WFR724" s="424"/>
      <c r="WFS724" s="424"/>
      <c r="WFT724" s="424"/>
      <c r="WFU724" s="423" t="s">
        <v>2795</v>
      </c>
      <c r="WFV724" s="424"/>
      <c r="WFW724" s="424"/>
      <c r="WFX724" s="424"/>
      <c r="WFY724" s="423" t="s">
        <v>2795</v>
      </c>
      <c r="WFZ724" s="424"/>
      <c r="WGA724" s="424"/>
      <c r="WGB724" s="424"/>
      <c r="WGC724" s="423" t="s">
        <v>2795</v>
      </c>
      <c r="WGD724" s="424"/>
      <c r="WGE724" s="424"/>
      <c r="WGF724" s="424"/>
      <c r="WGG724" s="423" t="s">
        <v>2795</v>
      </c>
      <c r="WGH724" s="424"/>
      <c r="WGI724" s="424"/>
      <c r="WGJ724" s="424"/>
      <c r="WGK724" s="423" t="s">
        <v>2795</v>
      </c>
      <c r="WGL724" s="424"/>
      <c r="WGM724" s="424"/>
      <c r="WGN724" s="424"/>
      <c r="WGO724" s="423" t="s">
        <v>2795</v>
      </c>
      <c r="WGP724" s="424"/>
      <c r="WGQ724" s="424"/>
      <c r="WGR724" s="424"/>
      <c r="WGS724" s="423" t="s">
        <v>2795</v>
      </c>
      <c r="WGT724" s="424"/>
      <c r="WGU724" s="424"/>
      <c r="WGV724" s="424"/>
      <c r="WGW724" s="423" t="s">
        <v>2795</v>
      </c>
      <c r="WGX724" s="424"/>
      <c r="WGY724" s="424"/>
      <c r="WGZ724" s="424"/>
      <c r="WHA724" s="423" t="s">
        <v>2795</v>
      </c>
      <c r="WHB724" s="424"/>
      <c r="WHC724" s="424"/>
      <c r="WHD724" s="424"/>
      <c r="WHE724" s="423" t="s">
        <v>2795</v>
      </c>
      <c r="WHF724" s="424"/>
      <c r="WHG724" s="424"/>
      <c r="WHH724" s="424"/>
      <c r="WHI724" s="423" t="s">
        <v>2795</v>
      </c>
      <c r="WHJ724" s="424"/>
      <c r="WHK724" s="424"/>
      <c r="WHL724" s="424"/>
      <c r="WHM724" s="423" t="s">
        <v>2795</v>
      </c>
      <c r="WHN724" s="424"/>
      <c r="WHO724" s="424"/>
      <c r="WHP724" s="424"/>
      <c r="WHQ724" s="423" t="s">
        <v>2795</v>
      </c>
      <c r="WHR724" s="424"/>
      <c r="WHS724" s="424"/>
      <c r="WHT724" s="424"/>
      <c r="WHU724" s="423" t="s">
        <v>2795</v>
      </c>
      <c r="WHV724" s="424"/>
      <c r="WHW724" s="424"/>
      <c r="WHX724" s="424"/>
      <c r="WHY724" s="423" t="s">
        <v>2795</v>
      </c>
      <c r="WHZ724" s="424"/>
      <c r="WIA724" s="424"/>
      <c r="WIB724" s="424"/>
      <c r="WIC724" s="423" t="s">
        <v>2795</v>
      </c>
      <c r="WID724" s="424"/>
      <c r="WIE724" s="424"/>
      <c r="WIF724" s="424"/>
      <c r="WIG724" s="423" t="s">
        <v>2795</v>
      </c>
      <c r="WIH724" s="424"/>
      <c r="WII724" s="424"/>
      <c r="WIJ724" s="424"/>
      <c r="WIK724" s="423" t="s">
        <v>2795</v>
      </c>
      <c r="WIL724" s="424"/>
      <c r="WIM724" s="424"/>
      <c r="WIN724" s="424"/>
      <c r="WIO724" s="423" t="s">
        <v>2795</v>
      </c>
      <c r="WIP724" s="424"/>
      <c r="WIQ724" s="424"/>
      <c r="WIR724" s="424"/>
      <c r="WIS724" s="423" t="s">
        <v>2795</v>
      </c>
      <c r="WIT724" s="424"/>
      <c r="WIU724" s="424"/>
      <c r="WIV724" s="424"/>
      <c r="WIW724" s="423" t="s">
        <v>2795</v>
      </c>
      <c r="WIX724" s="424"/>
      <c r="WIY724" s="424"/>
      <c r="WIZ724" s="424"/>
      <c r="WJA724" s="423" t="s">
        <v>2795</v>
      </c>
      <c r="WJB724" s="424"/>
      <c r="WJC724" s="424"/>
      <c r="WJD724" s="424"/>
      <c r="WJE724" s="423" t="s">
        <v>2795</v>
      </c>
      <c r="WJF724" s="424"/>
      <c r="WJG724" s="424"/>
      <c r="WJH724" s="424"/>
      <c r="WJI724" s="423" t="s">
        <v>2795</v>
      </c>
      <c r="WJJ724" s="424"/>
      <c r="WJK724" s="424"/>
      <c r="WJL724" s="424"/>
      <c r="WJM724" s="423" t="s">
        <v>2795</v>
      </c>
      <c r="WJN724" s="424"/>
      <c r="WJO724" s="424"/>
      <c r="WJP724" s="424"/>
      <c r="WJQ724" s="423" t="s">
        <v>2795</v>
      </c>
      <c r="WJR724" s="424"/>
      <c r="WJS724" s="424"/>
      <c r="WJT724" s="424"/>
      <c r="WJU724" s="423" t="s">
        <v>2795</v>
      </c>
      <c r="WJV724" s="424"/>
      <c r="WJW724" s="424"/>
      <c r="WJX724" s="424"/>
      <c r="WJY724" s="423" t="s">
        <v>2795</v>
      </c>
      <c r="WJZ724" s="424"/>
      <c r="WKA724" s="424"/>
      <c r="WKB724" s="424"/>
      <c r="WKC724" s="423" t="s">
        <v>2795</v>
      </c>
      <c r="WKD724" s="424"/>
      <c r="WKE724" s="424"/>
      <c r="WKF724" s="424"/>
      <c r="WKG724" s="423" t="s">
        <v>2795</v>
      </c>
      <c r="WKH724" s="424"/>
      <c r="WKI724" s="424"/>
      <c r="WKJ724" s="424"/>
      <c r="WKK724" s="423" t="s">
        <v>2795</v>
      </c>
      <c r="WKL724" s="424"/>
      <c r="WKM724" s="424"/>
      <c r="WKN724" s="424"/>
      <c r="WKO724" s="423" t="s">
        <v>2795</v>
      </c>
      <c r="WKP724" s="424"/>
      <c r="WKQ724" s="424"/>
      <c r="WKR724" s="424"/>
      <c r="WKS724" s="423" t="s">
        <v>2795</v>
      </c>
      <c r="WKT724" s="424"/>
      <c r="WKU724" s="424"/>
      <c r="WKV724" s="424"/>
      <c r="WKW724" s="423" t="s">
        <v>2795</v>
      </c>
      <c r="WKX724" s="424"/>
      <c r="WKY724" s="424"/>
      <c r="WKZ724" s="424"/>
      <c r="WLA724" s="423" t="s">
        <v>2795</v>
      </c>
      <c r="WLB724" s="424"/>
      <c r="WLC724" s="424"/>
      <c r="WLD724" s="424"/>
      <c r="WLE724" s="423" t="s">
        <v>2795</v>
      </c>
      <c r="WLF724" s="424"/>
      <c r="WLG724" s="424"/>
      <c r="WLH724" s="424"/>
      <c r="WLI724" s="423" t="s">
        <v>2795</v>
      </c>
      <c r="WLJ724" s="424"/>
      <c r="WLK724" s="424"/>
      <c r="WLL724" s="424"/>
      <c r="WLM724" s="423" t="s">
        <v>2795</v>
      </c>
      <c r="WLN724" s="424"/>
      <c r="WLO724" s="424"/>
      <c r="WLP724" s="424"/>
      <c r="WLQ724" s="423" t="s">
        <v>2795</v>
      </c>
      <c r="WLR724" s="424"/>
      <c r="WLS724" s="424"/>
      <c r="WLT724" s="424"/>
      <c r="WLU724" s="423" t="s">
        <v>2795</v>
      </c>
      <c r="WLV724" s="424"/>
      <c r="WLW724" s="424"/>
      <c r="WLX724" s="424"/>
      <c r="WLY724" s="423" t="s">
        <v>2795</v>
      </c>
      <c r="WLZ724" s="424"/>
      <c r="WMA724" s="424"/>
      <c r="WMB724" s="424"/>
      <c r="WMC724" s="423" t="s">
        <v>2795</v>
      </c>
      <c r="WMD724" s="424"/>
      <c r="WME724" s="424"/>
      <c r="WMF724" s="424"/>
      <c r="WMG724" s="423" t="s">
        <v>2795</v>
      </c>
      <c r="WMH724" s="424"/>
      <c r="WMI724" s="424"/>
      <c r="WMJ724" s="424"/>
      <c r="WMK724" s="423" t="s">
        <v>2795</v>
      </c>
      <c r="WML724" s="424"/>
      <c r="WMM724" s="424"/>
      <c r="WMN724" s="424"/>
      <c r="WMO724" s="423" t="s">
        <v>2795</v>
      </c>
      <c r="WMP724" s="424"/>
      <c r="WMQ724" s="424"/>
      <c r="WMR724" s="424"/>
      <c r="WMS724" s="423" t="s">
        <v>2795</v>
      </c>
      <c r="WMT724" s="424"/>
      <c r="WMU724" s="424"/>
      <c r="WMV724" s="424"/>
      <c r="WMW724" s="423" t="s">
        <v>2795</v>
      </c>
      <c r="WMX724" s="424"/>
      <c r="WMY724" s="424"/>
      <c r="WMZ724" s="424"/>
      <c r="WNA724" s="423" t="s">
        <v>2795</v>
      </c>
      <c r="WNB724" s="424"/>
      <c r="WNC724" s="424"/>
      <c r="WND724" s="424"/>
      <c r="WNE724" s="423" t="s">
        <v>2795</v>
      </c>
      <c r="WNF724" s="424"/>
      <c r="WNG724" s="424"/>
      <c r="WNH724" s="424"/>
      <c r="WNI724" s="423" t="s">
        <v>2795</v>
      </c>
      <c r="WNJ724" s="424"/>
      <c r="WNK724" s="424"/>
      <c r="WNL724" s="424"/>
      <c r="WNM724" s="423" t="s">
        <v>2795</v>
      </c>
      <c r="WNN724" s="424"/>
      <c r="WNO724" s="424"/>
      <c r="WNP724" s="424"/>
      <c r="WNQ724" s="423" t="s">
        <v>2795</v>
      </c>
      <c r="WNR724" s="424"/>
      <c r="WNS724" s="424"/>
      <c r="WNT724" s="424"/>
      <c r="WNU724" s="423" t="s">
        <v>2795</v>
      </c>
      <c r="WNV724" s="424"/>
      <c r="WNW724" s="424"/>
      <c r="WNX724" s="424"/>
      <c r="WNY724" s="423" t="s">
        <v>2795</v>
      </c>
      <c r="WNZ724" s="424"/>
      <c r="WOA724" s="424"/>
      <c r="WOB724" s="424"/>
      <c r="WOC724" s="423" t="s">
        <v>2795</v>
      </c>
      <c r="WOD724" s="424"/>
      <c r="WOE724" s="424"/>
      <c r="WOF724" s="424"/>
      <c r="WOG724" s="423" t="s">
        <v>2795</v>
      </c>
      <c r="WOH724" s="424"/>
      <c r="WOI724" s="424"/>
      <c r="WOJ724" s="424"/>
      <c r="WOK724" s="423" t="s">
        <v>2795</v>
      </c>
      <c r="WOL724" s="424"/>
      <c r="WOM724" s="424"/>
      <c r="WON724" s="424"/>
      <c r="WOO724" s="423" t="s">
        <v>2795</v>
      </c>
      <c r="WOP724" s="424"/>
      <c r="WOQ724" s="424"/>
      <c r="WOR724" s="424"/>
      <c r="WOS724" s="423" t="s">
        <v>2795</v>
      </c>
      <c r="WOT724" s="424"/>
      <c r="WOU724" s="424"/>
      <c r="WOV724" s="424"/>
      <c r="WOW724" s="423" t="s">
        <v>2795</v>
      </c>
      <c r="WOX724" s="424"/>
      <c r="WOY724" s="424"/>
      <c r="WOZ724" s="424"/>
      <c r="WPA724" s="423" t="s">
        <v>2795</v>
      </c>
      <c r="WPB724" s="424"/>
      <c r="WPC724" s="424"/>
      <c r="WPD724" s="424"/>
      <c r="WPE724" s="423" t="s">
        <v>2795</v>
      </c>
      <c r="WPF724" s="424"/>
      <c r="WPG724" s="424"/>
      <c r="WPH724" s="424"/>
      <c r="WPI724" s="423" t="s">
        <v>2795</v>
      </c>
      <c r="WPJ724" s="424"/>
      <c r="WPK724" s="424"/>
      <c r="WPL724" s="424"/>
      <c r="WPM724" s="423" t="s">
        <v>2795</v>
      </c>
      <c r="WPN724" s="424"/>
      <c r="WPO724" s="424"/>
      <c r="WPP724" s="424"/>
      <c r="WPQ724" s="423" t="s">
        <v>2795</v>
      </c>
      <c r="WPR724" s="424"/>
      <c r="WPS724" s="424"/>
      <c r="WPT724" s="424"/>
      <c r="WPU724" s="423" t="s">
        <v>2795</v>
      </c>
      <c r="WPV724" s="424"/>
      <c r="WPW724" s="424"/>
      <c r="WPX724" s="424"/>
      <c r="WPY724" s="423" t="s">
        <v>2795</v>
      </c>
      <c r="WPZ724" s="424"/>
      <c r="WQA724" s="424"/>
      <c r="WQB724" s="424"/>
      <c r="WQC724" s="423" t="s">
        <v>2795</v>
      </c>
      <c r="WQD724" s="424"/>
      <c r="WQE724" s="424"/>
      <c r="WQF724" s="424"/>
      <c r="WQG724" s="423" t="s">
        <v>2795</v>
      </c>
      <c r="WQH724" s="424"/>
      <c r="WQI724" s="424"/>
      <c r="WQJ724" s="424"/>
      <c r="WQK724" s="423" t="s">
        <v>2795</v>
      </c>
      <c r="WQL724" s="424"/>
      <c r="WQM724" s="424"/>
      <c r="WQN724" s="424"/>
      <c r="WQO724" s="423" t="s">
        <v>2795</v>
      </c>
      <c r="WQP724" s="424"/>
      <c r="WQQ724" s="424"/>
      <c r="WQR724" s="424"/>
      <c r="WQS724" s="423" t="s">
        <v>2795</v>
      </c>
      <c r="WQT724" s="424"/>
      <c r="WQU724" s="424"/>
      <c r="WQV724" s="424"/>
      <c r="WQW724" s="423" t="s">
        <v>2795</v>
      </c>
      <c r="WQX724" s="424"/>
      <c r="WQY724" s="424"/>
      <c r="WQZ724" s="424"/>
      <c r="WRA724" s="423" t="s">
        <v>2795</v>
      </c>
      <c r="WRB724" s="424"/>
      <c r="WRC724" s="424"/>
      <c r="WRD724" s="424"/>
      <c r="WRE724" s="423" t="s">
        <v>2795</v>
      </c>
      <c r="WRF724" s="424"/>
      <c r="WRG724" s="424"/>
      <c r="WRH724" s="424"/>
      <c r="WRI724" s="423" t="s">
        <v>2795</v>
      </c>
      <c r="WRJ724" s="424"/>
      <c r="WRK724" s="424"/>
      <c r="WRL724" s="424"/>
      <c r="WRM724" s="423" t="s">
        <v>2795</v>
      </c>
      <c r="WRN724" s="424"/>
      <c r="WRO724" s="424"/>
      <c r="WRP724" s="424"/>
      <c r="WRQ724" s="423" t="s">
        <v>2795</v>
      </c>
      <c r="WRR724" s="424"/>
      <c r="WRS724" s="424"/>
      <c r="WRT724" s="424"/>
      <c r="WRU724" s="423" t="s">
        <v>2795</v>
      </c>
      <c r="WRV724" s="424"/>
      <c r="WRW724" s="424"/>
      <c r="WRX724" s="424"/>
      <c r="WRY724" s="423" t="s">
        <v>2795</v>
      </c>
      <c r="WRZ724" s="424"/>
      <c r="WSA724" s="424"/>
      <c r="WSB724" s="424"/>
      <c r="WSC724" s="423" t="s">
        <v>2795</v>
      </c>
      <c r="WSD724" s="424"/>
      <c r="WSE724" s="424"/>
      <c r="WSF724" s="424"/>
      <c r="WSG724" s="423" t="s">
        <v>2795</v>
      </c>
      <c r="WSH724" s="424"/>
      <c r="WSI724" s="424"/>
      <c r="WSJ724" s="424"/>
      <c r="WSK724" s="423" t="s">
        <v>2795</v>
      </c>
      <c r="WSL724" s="424"/>
      <c r="WSM724" s="424"/>
      <c r="WSN724" s="424"/>
      <c r="WSO724" s="423" t="s">
        <v>2795</v>
      </c>
      <c r="WSP724" s="424"/>
      <c r="WSQ724" s="424"/>
      <c r="WSR724" s="424"/>
      <c r="WSS724" s="423" t="s">
        <v>2795</v>
      </c>
      <c r="WST724" s="424"/>
      <c r="WSU724" s="424"/>
      <c r="WSV724" s="424"/>
      <c r="WSW724" s="423" t="s">
        <v>2795</v>
      </c>
      <c r="WSX724" s="424"/>
      <c r="WSY724" s="424"/>
      <c r="WSZ724" s="424"/>
      <c r="WTA724" s="423" t="s">
        <v>2795</v>
      </c>
      <c r="WTB724" s="424"/>
      <c r="WTC724" s="424"/>
      <c r="WTD724" s="424"/>
      <c r="WTE724" s="423" t="s">
        <v>2795</v>
      </c>
      <c r="WTF724" s="424"/>
      <c r="WTG724" s="424"/>
      <c r="WTH724" s="424"/>
      <c r="WTI724" s="423" t="s">
        <v>2795</v>
      </c>
      <c r="WTJ724" s="424"/>
      <c r="WTK724" s="424"/>
      <c r="WTL724" s="424"/>
      <c r="WTM724" s="423" t="s">
        <v>2795</v>
      </c>
      <c r="WTN724" s="424"/>
      <c r="WTO724" s="424"/>
      <c r="WTP724" s="424"/>
      <c r="WTQ724" s="423" t="s">
        <v>2795</v>
      </c>
      <c r="WTR724" s="424"/>
      <c r="WTS724" s="424"/>
      <c r="WTT724" s="424"/>
      <c r="WTU724" s="423" t="s">
        <v>2795</v>
      </c>
      <c r="WTV724" s="424"/>
      <c r="WTW724" s="424"/>
      <c r="WTX724" s="424"/>
      <c r="WTY724" s="423" t="s">
        <v>2795</v>
      </c>
      <c r="WTZ724" s="424"/>
      <c r="WUA724" s="424"/>
      <c r="WUB724" s="424"/>
      <c r="WUC724" s="423" t="s">
        <v>2795</v>
      </c>
      <c r="WUD724" s="424"/>
      <c r="WUE724" s="424"/>
      <c r="WUF724" s="424"/>
      <c r="WUG724" s="423" t="s">
        <v>2795</v>
      </c>
      <c r="WUH724" s="424"/>
      <c r="WUI724" s="424"/>
      <c r="WUJ724" s="424"/>
      <c r="WUK724" s="423" t="s">
        <v>2795</v>
      </c>
      <c r="WUL724" s="424"/>
      <c r="WUM724" s="424"/>
      <c r="WUN724" s="424"/>
      <c r="WUO724" s="423" t="s">
        <v>2795</v>
      </c>
      <c r="WUP724" s="424"/>
      <c r="WUQ724" s="424"/>
      <c r="WUR724" s="424"/>
      <c r="WUS724" s="423" t="s">
        <v>2795</v>
      </c>
      <c r="WUT724" s="424"/>
      <c r="WUU724" s="424"/>
      <c r="WUV724" s="424"/>
      <c r="WUW724" s="423" t="s">
        <v>2795</v>
      </c>
      <c r="WUX724" s="424"/>
      <c r="WUY724" s="424"/>
      <c r="WUZ724" s="424"/>
      <c r="WVA724" s="423" t="s">
        <v>2795</v>
      </c>
      <c r="WVB724" s="424"/>
      <c r="WVC724" s="424"/>
      <c r="WVD724" s="424"/>
      <c r="WVE724" s="423" t="s">
        <v>2795</v>
      </c>
      <c r="WVF724" s="424"/>
      <c r="WVG724" s="424"/>
      <c r="WVH724" s="424"/>
      <c r="WVI724" s="423" t="s">
        <v>2795</v>
      </c>
      <c r="WVJ724" s="424"/>
      <c r="WVK724" s="424"/>
      <c r="WVL724" s="424"/>
      <c r="WVM724" s="423" t="s">
        <v>2795</v>
      </c>
      <c r="WVN724" s="424"/>
      <c r="WVO724" s="424"/>
      <c r="WVP724" s="424"/>
      <c r="WVQ724" s="423" t="s">
        <v>2795</v>
      </c>
      <c r="WVR724" s="424"/>
      <c r="WVS724" s="424"/>
      <c r="WVT724" s="424"/>
      <c r="WVU724" s="423" t="s">
        <v>2795</v>
      </c>
      <c r="WVV724" s="424"/>
      <c r="WVW724" s="424"/>
      <c r="WVX724" s="424"/>
      <c r="WVY724" s="423" t="s">
        <v>2795</v>
      </c>
      <c r="WVZ724" s="424"/>
      <c r="WWA724" s="424"/>
      <c r="WWB724" s="424"/>
      <c r="WWC724" s="423" t="s">
        <v>2795</v>
      </c>
      <c r="WWD724" s="424"/>
      <c r="WWE724" s="424"/>
      <c r="WWF724" s="424"/>
      <c r="WWG724" s="423" t="s">
        <v>2795</v>
      </c>
      <c r="WWH724" s="424"/>
      <c r="WWI724" s="424"/>
      <c r="WWJ724" s="424"/>
      <c r="WWK724" s="423" t="s">
        <v>2795</v>
      </c>
      <c r="WWL724" s="424"/>
      <c r="WWM724" s="424"/>
      <c r="WWN724" s="424"/>
      <c r="WWO724" s="423" t="s">
        <v>2795</v>
      </c>
      <c r="WWP724" s="424"/>
      <c r="WWQ724" s="424"/>
      <c r="WWR724" s="424"/>
      <c r="WWS724" s="423" t="s">
        <v>2795</v>
      </c>
      <c r="WWT724" s="424"/>
      <c r="WWU724" s="424"/>
      <c r="WWV724" s="424"/>
      <c r="WWW724" s="423" t="s">
        <v>2795</v>
      </c>
      <c r="WWX724" s="424"/>
      <c r="WWY724" s="424"/>
      <c r="WWZ724" s="424"/>
      <c r="WXA724" s="423" t="s">
        <v>2795</v>
      </c>
      <c r="WXB724" s="424"/>
      <c r="WXC724" s="424"/>
      <c r="WXD724" s="424"/>
      <c r="WXE724" s="423" t="s">
        <v>2795</v>
      </c>
      <c r="WXF724" s="424"/>
      <c r="WXG724" s="424"/>
      <c r="WXH724" s="424"/>
      <c r="WXI724" s="423" t="s">
        <v>2795</v>
      </c>
      <c r="WXJ724" s="424"/>
      <c r="WXK724" s="424"/>
      <c r="WXL724" s="424"/>
      <c r="WXM724" s="423" t="s">
        <v>2795</v>
      </c>
      <c r="WXN724" s="424"/>
      <c r="WXO724" s="424"/>
      <c r="WXP724" s="424"/>
      <c r="WXQ724" s="423" t="s">
        <v>2795</v>
      </c>
      <c r="WXR724" s="424"/>
      <c r="WXS724" s="424"/>
      <c r="WXT724" s="424"/>
      <c r="WXU724" s="423" t="s">
        <v>2795</v>
      </c>
      <c r="WXV724" s="424"/>
      <c r="WXW724" s="424"/>
      <c r="WXX724" s="424"/>
      <c r="WXY724" s="423" t="s">
        <v>2795</v>
      </c>
      <c r="WXZ724" s="424"/>
      <c r="WYA724" s="424"/>
      <c r="WYB724" s="424"/>
      <c r="WYC724" s="423" t="s">
        <v>2795</v>
      </c>
      <c r="WYD724" s="424"/>
      <c r="WYE724" s="424"/>
      <c r="WYF724" s="424"/>
      <c r="WYG724" s="423" t="s">
        <v>2795</v>
      </c>
      <c r="WYH724" s="424"/>
      <c r="WYI724" s="424"/>
      <c r="WYJ724" s="424"/>
      <c r="WYK724" s="423" t="s">
        <v>2795</v>
      </c>
      <c r="WYL724" s="424"/>
      <c r="WYM724" s="424"/>
      <c r="WYN724" s="424"/>
      <c r="WYO724" s="423" t="s">
        <v>2795</v>
      </c>
      <c r="WYP724" s="424"/>
      <c r="WYQ724" s="424"/>
      <c r="WYR724" s="424"/>
      <c r="WYS724" s="423" t="s">
        <v>2795</v>
      </c>
      <c r="WYT724" s="424"/>
      <c r="WYU724" s="424"/>
      <c r="WYV724" s="424"/>
      <c r="WYW724" s="423" t="s">
        <v>2795</v>
      </c>
      <c r="WYX724" s="424"/>
      <c r="WYY724" s="424"/>
      <c r="WYZ724" s="424"/>
      <c r="WZA724" s="423" t="s">
        <v>2795</v>
      </c>
      <c r="WZB724" s="424"/>
      <c r="WZC724" s="424"/>
      <c r="WZD724" s="424"/>
      <c r="WZE724" s="423" t="s">
        <v>2795</v>
      </c>
      <c r="WZF724" s="424"/>
      <c r="WZG724" s="424"/>
      <c r="WZH724" s="424"/>
      <c r="WZI724" s="423" t="s">
        <v>2795</v>
      </c>
      <c r="WZJ724" s="424"/>
      <c r="WZK724" s="424"/>
      <c r="WZL724" s="424"/>
      <c r="WZM724" s="423" t="s">
        <v>2795</v>
      </c>
      <c r="WZN724" s="424"/>
      <c r="WZO724" s="424"/>
      <c r="WZP724" s="424"/>
      <c r="WZQ724" s="423" t="s">
        <v>2795</v>
      </c>
      <c r="WZR724" s="424"/>
      <c r="WZS724" s="424"/>
      <c r="WZT724" s="424"/>
      <c r="WZU724" s="423" t="s">
        <v>2795</v>
      </c>
      <c r="WZV724" s="424"/>
      <c r="WZW724" s="424"/>
      <c r="WZX724" s="424"/>
      <c r="WZY724" s="423" t="s">
        <v>2795</v>
      </c>
      <c r="WZZ724" s="424"/>
      <c r="XAA724" s="424"/>
      <c r="XAB724" s="424"/>
      <c r="XAC724" s="423" t="s">
        <v>2795</v>
      </c>
      <c r="XAD724" s="424"/>
      <c r="XAE724" s="424"/>
      <c r="XAF724" s="424"/>
      <c r="XAG724" s="423" t="s">
        <v>2795</v>
      </c>
      <c r="XAH724" s="424"/>
      <c r="XAI724" s="424"/>
      <c r="XAJ724" s="424"/>
      <c r="XAK724" s="423" t="s">
        <v>2795</v>
      </c>
      <c r="XAL724" s="424"/>
      <c r="XAM724" s="424"/>
      <c r="XAN724" s="424"/>
      <c r="XAO724" s="423" t="s">
        <v>2795</v>
      </c>
      <c r="XAP724" s="424"/>
      <c r="XAQ724" s="424"/>
      <c r="XAR724" s="424"/>
      <c r="XAS724" s="423" t="s">
        <v>2795</v>
      </c>
      <c r="XAT724" s="424"/>
      <c r="XAU724" s="424"/>
      <c r="XAV724" s="424"/>
      <c r="XAW724" s="423" t="s">
        <v>2795</v>
      </c>
      <c r="XAX724" s="424"/>
      <c r="XAY724" s="424"/>
      <c r="XAZ724" s="424"/>
      <c r="XBA724" s="423" t="s">
        <v>2795</v>
      </c>
      <c r="XBB724" s="424"/>
      <c r="XBC724" s="424"/>
      <c r="XBD724" s="424"/>
      <c r="XBE724" s="423" t="s">
        <v>2795</v>
      </c>
      <c r="XBF724" s="424"/>
      <c r="XBG724" s="424"/>
      <c r="XBH724" s="424"/>
      <c r="XBI724" s="423" t="s">
        <v>2795</v>
      </c>
      <c r="XBJ724" s="424"/>
      <c r="XBK724" s="424"/>
      <c r="XBL724" s="424"/>
      <c r="XBM724" s="423" t="s">
        <v>2795</v>
      </c>
      <c r="XBN724" s="424"/>
      <c r="XBO724" s="424"/>
      <c r="XBP724" s="424"/>
      <c r="XBQ724" s="423" t="s">
        <v>2795</v>
      </c>
      <c r="XBR724" s="424"/>
      <c r="XBS724" s="424"/>
      <c r="XBT724" s="424"/>
      <c r="XBU724" s="423" t="s">
        <v>2795</v>
      </c>
      <c r="XBV724" s="424"/>
      <c r="XBW724" s="424"/>
      <c r="XBX724" s="424"/>
      <c r="XBY724" s="423" t="s">
        <v>2795</v>
      </c>
      <c r="XBZ724" s="424"/>
      <c r="XCA724" s="424"/>
      <c r="XCB724" s="424"/>
      <c r="XCC724" s="423" t="s">
        <v>2795</v>
      </c>
      <c r="XCD724" s="424"/>
      <c r="XCE724" s="424"/>
      <c r="XCF724" s="424"/>
      <c r="XCG724" s="423" t="s">
        <v>2795</v>
      </c>
      <c r="XCH724" s="424"/>
      <c r="XCI724" s="424"/>
      <c r="XCJ724" s="424"/>
      <c r="XCK724" s="423" t="s">
        <v>2795</v>
      </c>
      <c r="XCL724" s="424"/>
      <c r="XCM724" s="424"/>
      <c r="XCN724" s="424"/>
      <c r="XCO724" s="423" t="s">
        <v>2795</v>
      </c>
      <c r="XCP724" s="424"/>
      <c r="XCQ724" s="424"/>
      <c r="XCR724" s="424"/>
      <c r="XCS724" s="423" t="s">
        <v>2795</v>
      </c>
      <c r="XCT724" s="424"/>
      <c r="XCU724" s="424"/>
      <c r="XCV724" s="424"/>
      <c r="XCW724" s="423" t="s">
        <v>2795</v>
      </c>
      <c r="XCX724" s="424"/>
      <c r="XCY724" s="424"/>
      <c r="XCZ724" s="424"/>
      <c r="XDA724" s="423" t="s">
        <v>2795</v>
      </c>
      <c r="XDB724" s="424"/>
      <c r="XDC724" s="424"/>
      <c r="XDD724" s="424"/>
      <c r="XDE724" s="423" t="s">
        <v>2795</v>
      </c>
      <c r="XDF724" s="424"/>
      <c r="XDG724" s="424"/>
      <c r="XDH724" s="424"/>
      <c r="XDI724" s="423" t="s">
        <v>2795</v>
      </c>
      <c r="XDJ724" s="424"/>
      <c r="XDK724" s="424"/>
      <c r="XDL724" s="424"/>
      <c r="XDM724" s="423" t="s">
        <v>2795</v>
      </c>
      <c r="XDN724" s="424"/>
      <c r="XDO724" s="424"/>
      <c r="XDP724" s="424"/>
      <c r="XDQ724" s="423" t="s">
        <v>2795</v>
      </c>
      <c r="XDR724" s="424"/>
      <c r="XDS724" s="424"/>
      <c r="XDT724" s="424"/>
      <c r="XDU724" s="423" t="s">
        <v>2795</v>
      </c>
      <c r="XDV724" s="424"/>
      <c r="XDW724" s="424"/>
      <c r="XDX724" s="424"/>
      <c r="XDY724" s="423" t="s">
        <v>2795</v>
      </c>
      <c r="XDZ724" s="424"/>
      <c r="XEA724" s="424"/>
      <c r="XEB724" s="424"/>
      <c r="XEC724" s="423" t="s">
        <v>2795</v>
      </c>
      <c r="XED724" s="424"/>
      <c r="XEE724" s="424"/>
      <c r="XEF724" s="424"/>
      <c r="XEG724" s="423" t="s">
        <v>2795</v>
      </c>
      <c r="XEH724" s="424"/>
      <c r="XEI724" s="424"/>
      <c r="XEJ724" s="424"/>
      <c r="XEK724" s="423" t="s">
        <v>2795</v>
      </c>
      <c r="XEL724" s="424"/>
      <c r="XEM724" s="424"/>
      <c r="XEN724" s="424"/>
      <c r="XEO724" s="423" t="s">
        <v>2795</v>
      </c>
      <c r="XEP724" s="424"/>
      <c r="XEQ724" s="424"/>
      <c r="XER724" s="424"/>
      <c r="XES724" s="423" t="s">
        <v>2795</v>
      </c>
      <c r="XET724" s="424"/>
      <c r="XEU724" s="424"/>
      <c r="XEV724" s="424"/>
      <c r="XEW724" s="423" t="s">
        <v>2795</v>
      </c>
      <c r="XEX724" s="424"/>
      <c r="XEY724" s="424"/>
      <c r="XEZ724" s="424"/>
      <c r="XFA724" s="423" t="s">
        <v>2795</v>
      </c>
      <c r="XFB724" s="424"/>
      <c r="XFC724" s="424"/>
      <c r="XFD724" s="424"/>
    </row>
    <row r="725" spans="1:16384" s="8" customFormat="1" ht="20" hidden="1">
      <c r="A725" s="423" t="s">
        <v>2795</v>
      </c>
      <c r="B725" s="424"/>
      <c r="C725" s="424"/>
      <c r="D725" s="424"/>
      <c r="E725" s="423" t="s">
        <v>2795</v>
      </c>
      <c r="F725" s="424"/>
      <c r="G725" s="424"/>
      <c r="H725" s="424"/>
      <c r="I725" s="423" t="s">
        <v>2795</v>
      </c>
      <c r="J725" s="424"/>
      <c r="K725" s="424"/>
      <c r="L725" s="424"/>
      <c r="M725" s="423" t="s">
        <v>2795</v>
      </c>
      <c r="N725" s="424"/>
      <c r="O725" s="424"/>
      <c r="P725" s="424"/>
      <c r="Q725" s="426" t="s">
        <v>2795</v>
      </c>
      <c r="R725" s="427"/>
      <c r="S725" s="427"/>
      <c r="T725" s="427"/>
      <c r="U725" s="423" t="s">
        <v>2795</v>
      </c>
      <c r="V725" s="424"/>
      <c r="W725" s="424"/>
      <c r="X725" s="424"/>
      <c r="Y725" s="423" t="s">
        <v>2795</v>
      </c>
      <c r="Z725" s="424"/>
      <c r="AA725" s="424"/>
      <c r="AB725" s="424"/>
      <c r="AC725" s="423" t="s">
        <v>2795</v>
      </c>
      <c r="AD725" s="424"/>
      <c r="AE725" s="424"/>
      <c r="AF725" s="424"/>
      <c r="AG725" s="423" t="s">
        <v>2795</v>
      </c>
      <c r="AH725" s="424"/>
      <c r="AI725" s="424"/>
      <c r="AJ725" s="424"/>
      <c r="AK725" s="423" t="s">
        <v>2795</v>
      </c>
      <c r="AL725" s="424"/>
      <c r="AM725" s="424"/>
      <c r="AN725" s="424"/>
      <c r="AO725" s="423" t="s">
        <v>2795</v>
      </c>
      <c r="AP725" s="424"/>
      <c r="AQ725" s="424"/>
      <c r="AR725" s="424"/>
      <c r="AS725" s="423" t="s">
        <v>2795</v>
      </c>
      <c r="AT725" s="424"/>
      <c r="AU725" s="424"/>
      <c r="AV725" s="424"/>
      <c r="AW725" s="423" t="s">
        <v>2795</v>
      </c>
      <c r="AX725" s="424"/>
      <c r="AY725" s="424"/>
      <c r="AZ725" s="424"/>
      <c r="BA725" s="423" t="s">
        <v>2795</v>
      </c>
      <c r="BB725" s="424"/>
      <c r="BC725" s="424"/>
      <c r="BD725" s="424"/>
      <c r="BE725" s="423" t="s">
        <v>2795</v>
      </c>
      <c r="BF725" s="424"/>
      <c r="BG725" s="424"/>
      <c r="BH725" s="424"/>
      <c r="BI725" s="423" t="s">
        <v>2795</v>
      </c>
      <c r="BJ725" s="424"/>
      <c r="BK725" s="424"/>
      <c r="BL725" s="424"/>
      <c r="BM725" s="423" t="s">
        <v>2795</v>
      </c>
      <c r="BN725" s="424"/>
      <c r="BO725" s="424"/>
      <c r="BP725" s="424"/>
      <c r="BQ725" s="423" t="s">
        <v>2795</v>
      </c>
      <c r="BR725" s="424"/>
      <c r="BS725" s="424"/>
      <c r="BT725" s="424"/>
      <c r="BU725" s="423" t="s">
        <v>2795</v>
      </c>
      <c r="BV725" s="424"/>
      <c r="BW725" s="424"/>
      <c r="BX725" s="424"/>
      <c r="BY725" s="423" t="s">
        <v>2795</v>
      </c>
      <c r="BZ725" s="424"/>
      <c r="CA725" s="424"/>
      <c r="CB725" s="424"/>
      <c r="CC725" s="423" t="s">
        <v>2795</v>
      </c>
      <c r="CD725" s="424"/>
      <c r="CE725" s="424"/>
      <c r="CF725" s="424"/>
      <c r="CG725" s="423" t="s">
        <v>2795</v>
      </c>
      <c r="CH725" s="424"/>
      <c r="CI725" s="424"/>
      <c r="CJ725" s="424"/>
      <c r="CK725" s="423" t="s">
        <v>2795</v>
      </c>
      <c r="CL725" s="424"/>
      <c r="CM725" s="424"/>
      <c r="CN725" s="424"/>
      <c r="CO725" s="423" t="s">
        <v>2795</v>
      </c>
      <c r="CP725" s="424"/>
      <c r="CQ725" s="424"/>
      <c r="CR725" s="424"/>
      <c r="CS725" s="423" t="s">
        <v>2795</v>
      </c>
      <c r="CT725" s="424"/>
      <c r="CU725" s="424"/>
      <c r="CV725" s="424"/>
      <c r="CW725" s="423" t="s">
        <v>2795</v>
      </c>
      <c r="CX725" s="424"/>
      <c r="CY725" s="424"/>
      <c r="CZ725" s="424"/>
      <c r="DA725" s="423" t="s">
        <v>2795</v>
      </c>
      <c r="DB725" s="424"/>
      <c r="DC725" s="424"/>
      <c r="DD725" s="424"/>
      <c r="DE725" s="423" t="s">
        <v>2795</v>
      </c>
      <c r="DF725" s="424"/>
      <c r="DG725" s="424"/>
      <c r="DH725" s="424"/>
      <c r="DI725" s="423" t="s">
        <v>2795</v>
      </c>
      <c r="DJ725" s="424"/>
      <c r="DK725" s="424"/>
      <c r="DL725" s="424"/>
      <c r="DM725" s="423" t="s">
        <v>2795</v>
      </c>
      <c r="DN725" s="424"/>
      <c r="DO725" s="424"/>
      <c r="DP725" s="424"/>
      <c r="DQ725" s="423" t="s">
        <v>2795</v>
      </c>
      <c r="DR725" s="424"/>
      <c r="DS725" s="424"/>
      <c r="DT725" s="424"/>
      <c r="DU725" s="423" t="s">
        <v>2795</v>
      </c>
      <c r="DV725" s="424"/>
      <c r="DW725" s="424"/>
      <c r="DX725" s="424"/>
      <c r="DY725" s="423" t="s">
        <v>2795</v>
      </c>
      <c r="DZ725" s="424"/>
      <c r="EA725" s="424"/>
      <c r="EB725" s="424"/>
      <c r="EC725" s="423" t="s">
        <v>2795</v>
      </c>
      <c r="ED725" s="424"/>
      <c r="EE725" s="424"/>
      <c r="EF725" s="424"/>
      <c r="EG725" s="423" t="s">
        <v>2795</v>
      </c>
      <c r="EH725" s="424"/>
      <c r="EI725" s="424"/>
      <c r="EJ725" s="424"/>
      <c r="EK725" s="423" t="s">
        <v>2795</v>
      </c>
      <c r="EL725" s="424"/>
      <c r="EM725" s="424"/>
      <c r="EN725" s="424"/>
      <c r="EO725" s="423" t="s">
        <v>2795</v>
      </c>
      <c r="EP725" s="424"/>
      <c r="EQ725" s="424"/>
      <c r="ER725" s="424"/>
      <c r="ES725" s="423" t="s">
        <v>2795</v>
      </c>
      <c r="ET725" s="424"/>
      <c r="EU725" s="424"/>
      <c r="EV725" s="424"/>
      <c r="EW725" s="423" t="s">
        <v>2795</v>
      </c>
      <c r="EX725" s="424"/>
      <c r="EY725" s="424"/>
      <c r="EZ725" s="424"/>
      <c r="FA725" s="423" t="s">
        <v>2795</v>
      </c>
      <c r="FB725" s="424"/>
      <c r="FC725" s="424"/>
      <c r="FD725" s="424"/>
      <c r="FE725" s="423" t="s">
        <v>2795</v>
      </c>
      <c r="FF725" s="424"/>
      <c r="FG725" s="424"/>
      <c r="FH725" s="424"/>
      <c r="FI725" s="423" t="s">
        <v>2795</v>
      </c>
      <c r="FJ725" s="424"/>
      <c r="FK725" s="424"/>
      <c r="FL725" s="424"/>
      <c r="FM725" s="423" t="s">
        <v>2795</v>
      </c>
      <c r="FN725" s="424"/>
      <c r="FO725" s="424"/>
      <c r="FP725" s="424"/>
      <c r="FQ725" s="423" t="s">
        <v>2795</v>
      </c>
      <c r="FR725" s="424"/>
      <c r="FS725" s="424"/>
      <c r="FT725" s="424"/>
      <c r="FU725" s="423" t="s">
        <v>2795</v>
      </c>
      <c r="FV725" s="424"/>
      <c r="FW725" s="424"/>
      <c r="FX725" s="424"/>
      <c r="FY725" s="423" t="s">
        <v>2795</v>
      </c>
      <c r="FZ725" s="424"/>
      <c r="GA725" s="424"/>
      <c r="GB725" s="424"/>
      <c r="GC725" s="423" t="s">
        <v>2795</v>
      </c>
      <c r="GD725" s="424"/>
      <c r="GE725" s="424"/>
      <c r="GF725" s="424"/>
      <c r="GG725" s="423" t="s">
        <v>2795</v>
      </c>
      <c r="GH725" s="424"/>
      <c r="GI725" s="424"/>
      <c r="GJ725" s="424"/>
      <c r="GK725" s="423" t="s">
        <v>2795</v>
      </c>
      <c r="GL725" s="424"/>
      <c r="GM725" s="424"/>
      <c r="GN725" s="424"/>
      <c r="GO725" s="423" t="s">
        <v>2795</v>
      </c>
      <c r="GP725" s="424"/>
      <c r="GQ725" s="424"/>
      <c r="GR725" s="424"/>
      <c r="GS725" s="423" t="s">
        <v>2795</v>
      </c>
      <c r="GT725" s="424"/>
      <c r="GU725" s="424"/>
      <c r="GV725" s="424"/>
      <c r="GW725" s="423" t="s">
        <v>2795</v>
      </c>
      <c r="GX725" s="424"/>
      <c r="GY725" s="424"/>
      <c r="GZ725" s="424"/>
      <c r="HA725" s="423" t="s">
        <v>2795</v>
      </c>
      <c r="HB725" s="424"/>
      <c r="HC725" s="424"/>
      <c r="HD725" s="424"/>
      <c r="HE725" s="423" t="s">
        <v>2795</v>
      </c>
      <c r="HF725" s="424"/>
      <c r="HG725" s="424"/>
      <c r="HH725" s="424"/>
      <c r="HI725" s="423" t="s">
        <v>2795</v>
      </c>
      <c r="HJ725" s="424"/>
      <c r="HK725" s="424"/>
      <c r="HL725" s="424"/>
      <c r="HM725" s="423" t="s">
        <v>2795</v>
      </c>
      <c r="HN725" s="424"/>
      <c r="HO725" s="424"/>
      <c r="HP725" s="424"/>
      <c r="HQ725" s="423" t="s">
        <v>2795</v>
      </c>
      <c r="HR725" s="424"/>
      <c r="HS725" s="424"/>
      <c r="HT725" s="424"/>
      <c r="HU725" s="423" t="s">
        <v>2795</v>
      </c>
      <c r="HV725" s="424"/>
      <c r="HW725" s="424"/>
      <c r="HX725" s="424"/>
      <c r="HY725" s="423" t="s">
        <v>2795</v>
      </c>
      <c r="HZ725" s="424"/>
      <c r="IA725" s="424"/>
      <c r="IB725" s="424"/>
      <c r="IC725" s="423" t="s">
        <v>2795</v>
      </c>
      <c r="ID725" s="424"/>
      <c r="IE725" s="424"/>
      <c r="IF725" s="424"/>
      <c r="IG725" s="423" t="s">
        <v>2795</v>
      </c>
      <c r="IH725" s="424"/>
      <c r="II725" s="424"/>
      <c r="IJ725" s="424"/>
      <c r="IK725" s="423" t="s">
        <v>2795</v>
      </c>
      <c r="IL725" s="424"/>
      <c r="IM725" s="424"/>
      <c r="IN725" s="424"/>
      <c r="IO725" s="423" t="s">
        <v>2795</v>
      </c>
      <c r="IP725" s="424"/>
      <c r="IQ725" s="424"/>
      <c r="IR725" s="424"/>
      <c r="IS725" s="423" t="s">
        <v>2795</v>
      </c>
      <c r="IT725" s="424"/>
      <c r="IU725" s="424"/>
      <c r="IV725" s="424"/>
      <c r="IW725" s="423" t="s">
        <v>2795</v>
      </c>
      <c r="IX725" s="424"/>
      <c r="IY725" s="424"/>
      <c r="IZ725" s="424"/>
      <c r="JA725" s="423" t="s">
        <v>2795</v>
      </c>
      <c r="JB725" s="424"/>
      <c r="JC725" s="424"/>
      <c r="JD725" s="424"/>
      <c r="JE725" s="423" t="s">
        <v>2795</v>
      </c>
      <c r="JF725" s="424"/>
      <c r="JG725" s="424"/>
      <c r="JH725" s="424"/>
      <c r="JI725" s="423" t="s">
        <v>2795</v>
      </c>
      <c r="JJ725" s="424"/>
      <c r="JK725" s="424"/>
      <c r="JL725" s="424"/>
      <c r="JM725" s="423" t="s">
        <v>2795</v>
      </c>
      <c r="JN725" s="424"/>
      <c r="JO725" s="424"/>
      <c r="JP725" s="424"/>
      <c r="JQ725" s="423" t="s">
        <v>2795</v>
      </c>
      <c r="JR725" s="424"/>
      <c r="JS725" s="424"/>
      <c r="JT725" s="424"/>
      <c r="JU725" s="423" t="s">
        <v>2795</v>
      </c>
      <c r="JV725" s="424"/>
      <c r="JW725" s="424"/>
      <c r="JX725" s="424"/>
      <c r="JY725" s="423" t="s">
        <v>2795</v>
      </c>
      <c r="JZ725" s="424"/>
      <c r="KA725" s="424"/>
      <c r="KB725" s="424"/>
      <c r="KC725" s="423" t="s">
        <v>2795</v>
      </c>
      <c r="KD725" s="424"/>
      <c r="KE725" s="424"/>
      <c r="KF725" s="424"/>
      <c r="KG725" s="423" t="s">
        <v>2795</v>
      </c>
      <c r="KH725" s="424"/>
      <c r="KI725" s="424"/>
      <c r="KJ725" s="424"/>
      <c r="KK725" s="423" t="s">
        <v>2795</v>
      </c>
      <c r="KL725" s="424"/>
      <c r="KM725" s="424"/>
      <c r="KN725" s="424"/>
      <c r="KO725" s="423" t="s">
        <v>2795</v>
      </c>
      <c r="KP725" s="424"/>
      <c r="KQ725" s="424"/>
      <c r="KR725" s="424"/>
      <c r="KS725" s="423" t="s">
        <v>2795</v>
      </c>
      <c r="KT725" s="424"/>
      <c r="KU725" s="424"/>
      <c r="KV725" s="424"/>
      <c r="KW725" s="423" t="s">
        <v>2795</v>
      </c>
      <c r="KX725" s="424"/>
      <c r="KY725" s="424"/>
      <c r="KZ725" s="424"/>
      <c r="LA725" s="423" t="s">
        <v>2795</v>
      </c>
      <c r="LB725" s="424"/>
      <c r="LC725" s="424"/>
      <c r="LD725" s="424"/>
      <c r="LE725" s="423" t="s">
        <v>2795</v>
      </c>
      <c r="LF725" s="424"/>
      <c r="LG725" s="424"/>
      <c r="LH725" s="424"/>
      <c r="LI725" s="423" t="s">
        <v>2795</v>
      </c>
      <c r="LJ725" s="424"/>
      <c r="LK725" s="424"/>
      <c r="LL725" s="424"/>
      <c r="LM725" s="423" t="s">
        <v>2795</v>
      </c>
      <c r="LN725" s="424"/>
      <c r="LO725" s="424"/>
      <c r="LP725" s="424"/>
      <c r="LQ725" s="423" t="s">
        <v>2795</v>
      </c>
      <c r="LR725" s="424"/>
      <c r="LS725" s="424"/>
      <c r="LT725" s="424"/>
      <c r="LU725" s="423" t="s">
        <v>2795</v>
      </c>
      <c r="LV725" s="424"/>
      <c r="LW725" s="424"/>
      <c r="LX725" s="424"/>
      <c r="LY725" s="423" t="s">
        <v>2795</v>
      </c>
      <c r="LZ725" s="424"/>
      <c r="MA725" s="424"/>
      <c r="MB725" s="424"/>
      <c r="MC725" s="423" t="s">
        <v>2795</v>
      </c>
      <c r="MD725" s="424"/>
      <c r="ME725" s="424"/>
      <c r="MF725" s="424"/>
      <c r="MG725" s="423" t="s">
        <v>2795</v>
      </c>
      <c r="MH725" s="424"/>
      <c r="MI725" s="424"/>
      <c r="MJ725" s="424"/>
      <c r="MK725" s="423" t="s">
        <v>2795</v>
      </c>
      <c r="ML725" s="424"/>
      <c r="MM725" s="424"/>
      <c r="MN725" s="424"/>
      <c r="MO725" s="423" t="s">
        <v>2795</v>
      </c>
      <c r="MP725" s="424"/>
      <c r="MQ725" s="424"/>
      <c r="MR725" s="424"/>
      <c r="MS725" s="423" t="s">
        <v>2795</v>
      </c>
      <c r="MT725" s="424"/>
      <c r="MU725" s="424"/>
      <c r="MV725" s="424"/>
      <c r="MW725" s="423" t="s">
        <v>2795</v>
      </c>
      <c r="MX725" s="424"/>
      <c r="MY725" s="424"/>
      <c r="MZ725" s="424"/>
      <c r="NA725" s="423" t="s">
        <v>2795</v>
      </c>
      <c r="NB725" s="424"/>
      <c r="NC725" s="424"/>
      <c r="ND725" s="424"/>
      <c r="NE725" s="423" t="s">
        <v>2795</v>
      </c>
      <c r="NF725" s="424"/>
      <c r="NG725" s="424"/>
      <c r="NH725" s="424"/>
      <c r="NI725" s="423" t="s">
        <v>2795</v>
      </c>
      <c r="NJ725" s="424"/>
      <c r="NK725" s="424"/>
      <c r="NL725" s="424"/>
      <c r="NM725" s="423" t="s">
        <v>2795</v>
      </c>
      <c r="NN725" s="424"/>
      <c r="NO725" s="424"/>
      <c r="NP725" s="424"/>
      <c r="NQ725" s="423" t="s">
        <v>2795</v>
      </c>
      <c r="NR725" s="424"/>
      <c r="NS725" s="424"/>
      <c r="NT725" s="424"/>
      <c r="NU725" s="423" t="s">
        <v>2795</v>
      </c>
      <c r="NV725" s="424"/>
      <c r="NW725" s="424"/>
      <c r="NX725" s="424"/>
      <c r="NY725" s="423" t="s">
        <v>2795</v>
      </c>
      <c r="NZ725" s="424"/>
      <c r="OA725" s="424"/>
      <c r="OB725" s="424"/>
      <c r="OC725" s="423" t="s">
        <v>2795</v>
      </c>
      <c r="OD725" s="424"/>
      <c r="OE725" s="424"/>
      <c r="OF725" s="424"/>
      <c r="OG725" s="423" t="s">
        <v>2795</v>
      </c>
      <c r="OH725" s="424"/>
      <c r="OI725" s="424"/>
      <c r="OJ725" s="424"/>
      <c r="OK725" s="423" t="s">
        <v>2795</v>
      </c>
      <c r="OL725" s="424"/>
      <c r="OM725" s="424"/>
      <c r="ON725" s="424"/>
      <c r="OO725" s="423" t="s">
        <v>2795</v>
      </c>
      <c r="OP725" s="424"/>
      <c r="OQ725" s="424"/>
      <c r="OR725" s="424"/>
      <c r="OS725" s="423" t="s">
        <v>2795</v>
      </c>
      <c r="OT725" s="424"/>
      <c r="OU725" s="424"/>
      <c r="OV725" s="424"/>
      <c r="OW725" s="423" t="s">
        <v>2795</v>
      </c>
      <c r="OX725" s="424"/>
      <c r="OY725" s="424"/>
      <c r="OZ725" s="424"/>
      <c r="PA725" s="423" t="s">
        <v>2795</v>
      </c>
      <c r="PB725" s="424"/>
      <c r="PC725" s="424"/>
      <c r="PD725" s="424"/>
      <c r="PE725" s="423" t="s">
        <v>2795</v>
      </c>
      <c r="PF725" s="424"/>
      <c r="PG725" s="424"/>
      <c r="PH725" s="424"/>
      <c r="PI725" s="423" t="s">
        <v>2795</v>
      </c>
      <c r="PJ725" s="424"/>
      <c r="PK725" s="424"/>
      <c r="PL725" s="424"/>
      <c r="PM725" s="423" t="s">
        <v>2795</v>
      </c>
      <c r="PN725" s="424"/>
      <c r="PO725" s="424"/>
      <c r="PP725" s="424"/>
      <c r="PQ725" s="423" t="s">
        <v>2795</v>
      </c>
      <c r="PR725" s="424"/>
      <c r="PS725" s="424"/>
      <c r="PT725" s="424"/>
      <c r="PU725" s="423" t="s">
        <v>2795</v>
      </c>
      <c r="PV725" s="424"/>
      <c r="PW725" s="424"/>
      <c r="PX725" s="424"/>
      <c r="PY725" s="423" t="s">
        <v>2795</v>
      </c>
      <c r="PZ725" s="424"/>
      <c r="QA725" s="424"/>
      <c r="QB725" s="424"/>
      <c r="QC725" s="423" t="s">
        <v>2795</v>
      </c>
      <c r="QD725" s="424"/>
      <c r="QE725" s="424"/>
      <c r="QF725" s="424"/>
      <c r="QG725" s="423" t="s">
        <v>2795</v>
      </c>
      <c r="QH725" s="424"/>
      <c r="QI725" s="424"/>
      <c r="QJ725" s="424"/>
      <c r="QK725" s="423" t="s">
        <v>2795</v>
      </c>
      <c r="QL725" s="424"/>
      <c r="QM725" s="424"/>
      <c r="QN725" s="424"/>
      <c r="QO725" s="423" t="s">
        <v>2795</v>
      </c>
      <c r="QP725" s="424"/>
      <c r="QQ725" s="424"/>
      <c r="QR725" s="424"/>
      <c r="QS725" s="423" t="s">
        <v>2795</v>
      </c>
      <c r="QT725" s="424"/>
      <c r="QU725" s="424"/>
      <c r="QV725" s="424"/>
      <c r="QW725" s="423" t="s">
        <v>2795</v>
      </c>
      <c r="QX725" s="424"/>
      <c r="QY725" s="424"/>
      <c r="QZ725" s="424"/>
      <c r="RA725" s="423" t="s">
        <v>2795</v>
      </c>
      <c r="RB725" s="424"/>
      <c r="RC725" s="424"/>
      <c r="RD725" s="424"/>
      <c r="RE725" s="423" t="s">
        <v>2795</v>
      </c>
      <c r="RF725" s="424"/>
      <c r="RG725" s="424"/>
      <c r="RH725" s="424"/>
      <c r="RI725" s="423" t="s">
        <v>2795</v>
      </c>
      <c r="RJ725" s="424"/>
      <c r="RK725" s="424"/>
      <c r="RL725" s="424"/>
      <c r="RM725" s="423" t="s">
        <v>2795</v>
      </c>
      <c r="RN725" s="424"/>
      <c r="RO725" s="424"/>
      <c r="RP725" s="424"/>
      <c r="RQ725" s="423" t="s">
        <v>2795</v>
      </c>
      <c r="RR725" s="424"/>
      <c r="RS725" s="424"/>
      <c r="RT725" s="424"/>
      <c r="RU725" s="423" t="s">
        <v>2795</v>
      </c>
      <c r="RV725" s="424"/>
      <c r="RW725" s="424"/>
      <c r="RX725" s="424"/>
      <c r="RY725" s="423" t="s">
        <v>2795</v>
      </c>
      <c r="RZ725" s="424"/>
      <c r="SA725" s="424"/>
      <c r="SB725" s="424"/>
      <c r="SC725" s="423" t="s">
        <v>2795</v>
      </c>
      <c r="SD725" s="424"/>
      <c r="SE725" s="424"/>
      <c r="SF725" s="424"/>
      <c r="SG725" s="423" t="s">
        <v>2795</v>
      </c>
      <c r="SH725" s="424"/>
      <c r="SI725" s="424"/>
      <c r="SJ725" s="424"/>
      <c r="SK725" s="423" t="s">
        <v>2795</v>
      </c>
      <c r="SL725" s="424"/>
      <c r="SM725" s="424"/>
      <c r="SN725" s="424"/>
      <c r="SO725" s="423" t="s">
        <v>2795</v>
      </c>
      <c r="SP725" s="424"/>
      <c r="SQ725" s="424"/>
      <c r="SR725" s="424"/>
      <c r="SS725" s="423" t="s">
        <v>2795</v>
      </c>
      <c r="ST725" s="424"/>
      <c r="SU725" s="424"/>
      <c r="SV725" s="424"/>
      <c r="SW725" s="423" t="s">
        <v>2795</v>
      </c>
      <c r="SX725" s="424"/>
      <c r="SY725" s="424"/>
      <c r="SZ725" s="424"/>
      <c r="TA725" s="423" t="s">
        <v>2795</v>
      </c>
      <c r="TB725" s="424"/>
      <c r="TC725" s="424"/>
      <c r="TD725" s="424"/>
      <c r="TE725" s="423" t="s">
        <v>2795</v>
      </c>
      <c r="TF725" s="424"/>
      <c r="TG725" s="424"/>
      <c r="TH725" s="424"/>
      <c r="TI725" s="423" t="s">
        <v>2795</v>
      </c>
      <c r="TJ725" s="424"/>
      <c r="TK725" s="424"/>
      <c r="TL725" s="424"/>
      <c r="TM725" s="423" t="s">
        <v>2795</v>
      </c>
      <c r="TN725" s="424"/>
      <c r="TO725" s="424"/>
      <c r="TP725" s="424"/>
      <c r="TQ725" s="423" t="s">
        <v>2795</v>
      </c>
      <c r="TR725" s="424"/>
      <c r="TS725" s="424"/>
      <c r="TT725" s="424"/>
      <c r="TU725" s="423" t="s">
        <v>2795</v>
      </c>
      <c r="TV725" s="424"/>
      <c r="TW725" s="424"/>
      <c r="TX725" s="424"/>
      <c r="TY725" s="423" t="s">
        <v>2795</v>
      </c>
      <c r="TZ725" s="424"/>
      <c r="UA725" s="424"/>
      <c r="UB725" s="424"/>
      <c r="UC725" s="423" t="s">
        <v>2795</v>
      </c>
      <c r="UD725" s="424"/>
      <c r="UE725" s="424"/>
      <c r="UF725" s="424"/>
      <c r="UG725" s="423" t="s">
        <v>2795</v>
      </c>
      <c r="UH725" s="424"/>
      <c r="UI725" s="424"/>
      <c r="UJ725" s="424"/>
      <c r="UK725" s="423" t="s">
        <v>2795</v>
      </c>
      <c r="UL725" s="424"/>
      <c r="UM725" s="424"/>
      <c r="UN725" s="424"/>
      <c r="UO725" s="423" t="s">
        <v>2795</v>
      </c>
      <c r="UP725" s="424"/>
      <c r="UQ725" s="424"/>
      <c r="UR725" s="424"/>
      <c r="US725" s="423" t="s">
        <v>2795</v>
      </c>
      <c r="UT725" s="424"/>
      <c r="UU725" s="424"/>
      <c r="UV725" s="424"/>
      <c r="UW725" s="423" t="s">
        <v>2795</v>
      </c>
      <c r="UX725" s="424"/>
      <c r="UY725" s="424"/>
      <c r="UZ725" s="424"/>
      <c r="VA725" s="423" t="s">
        <v>2795</v>
      </c>
      <c r="VB725" s="424"/>
      <c r="VC725" s="424"/>
      <c r="VD725" s="424"/>
      <c r="VE725" s="423" t="s">
        <v>2795</v>
      </c>
      <c r="VF725" s="424"/>
      <c r="VG725" s="424"/>
      <c r="VH725" s="424"/>
      <c r="VI725" s="423" t="s">
        <v>2795</v>
      </c>
      <c r="VJ725" s="424"/>
      <c r="VK725" s="424"/>
      <c r="VL725" s="424"/>
      <c r="VM725" s="423" t="s">
        <v>2795</v>
      </c>
      <c r="VN725" s="424"/>
      <c r="VO725" s="424"/>
      <c r="VP725" s="424"/>
      <c r="VQ725" s="423" t="s">
        <v>2795</v>
      </c>
      <c r="VR725" s="424"/>
      <c r="VS725" s="424"/>
      <c r="VT725" s="424"/>
      <c r="VU725" s="423" t="s">
        <v>2795</v>
      </c>
      <c r="VV725" s="424"/>
      <c r="VW725" s="424"/>
      <c r="VX725" s="424"/>
      <c r="VY725" s="423" t="s">
        <v>2795</v>
      </c>
      <c r="VZ725" s="424"/>
      <c r="WA725" s="424"/>
      <c r="WB725" s="424"/>
      <c r="WC725" s="423" t="s">
        <v>2795</v>
      </c>
      <c r="WD725" s="424"/>
      <c r="WE725" s="424"/>
      <c r="WF725" s="424"/>
      <c r="WG725" s="423" t="s">
        <v>2795</v>
      </c>
      <c r="WH725" s="424"/>
      <c r="WI725" s="424"/>
      <c r="WJ725" s="424"/>
      <c r="WK725" s="423" t="s">
        <v>2795</v>
      </c>
      <c r="WL725" s="424"/>
      <c r="WM725" s="424"/>
      <c r="WN725" s="424"/>
      <c r="WO725" s="423" t="s">
        <v>2795</v>
      </c>
      <c r="WP725" s="424"/>
      <c r="WQ725" s="424"/>
      <c r="WR725" s="424"/>
      <c r="WS725" s="423" t="s">
        <v>2795</v>
      </c>
      <c r="WT725" s="424"/>
      <c r="WU725" s="424"/>
      <c r="WV725" s="424"/>
      <c r="WW725" s="423" t="s">
        <v>2795</v>
      </c>
      <c r="WX725" s="424"/>
      <c r="WY725" s="424"/>
      <c r="WZ725" s="424"/>
      <c r="XA725" s="423" t="s">
        <v>2795</v>
      </c>
      <c r="XB725" s="424"/>
      <c r="XC725" s="424"/>
      <c r="XD725" s="424"/>
      <c r="XE725" s="423" t="s">
        <v>2795</v>
      </c>
      <c r="XF725" s="424"/>
      <c r="XG725" s="424"/>
      <c r="XH725" s="424"/>
      <c r="XI725" s="423" t="s">
        <v>2795</v>
      </c>
      <c r="XJ725" s="424"/>
      <c r="XK725" s="424"/>
      <c r="XL725" s="424"/>
      <c r="XM725" s="423" t="s">
        <v>2795</v>
      </c>
      <c r="XN725" s="424"/>
      <c r="XO725" s="424"/>
      <c r="XP725" s="424"/>
      <c r="XQ725" s="423" t="s">
        <v>2795</v>
      </c>
      <c r="XR725" s="424"/>
      <c r="XS725" s="424"/>
      <c r="XT725" s="424"/>
      <c r="XU725" s="423" t="s">
        <v>2795</v>
      </c>
      <c r="XV725" s="424"/>
      <c r="XW725" s="424"/>
      <c r="XX725" s="424"/>
      <c r="XY725" s="423" t="s">
        <v>2795</v>
      </c>
      <c r="XZ725" s="424"/>
      <c r="YA725" s="424"/>
      <c r="YB725" s="424"/>
      <c r="YC725" s="423" t="s">
        <v>2795</v>
      </c>
      <c r="YD725" s="424"/>
      <c r="YE725" s="424"/>
      <c r="YF725" s="424"/>
      <c r="YG725" s="423" t="s">
        <v>2795</v>
      </c>
      <c r="YH725" s="424"/>
      <c r="YI725" s="424"/>
      <c r="YJ725" s="424"/>
      <c r="YK725" s="423" t="s">
        <v>2795</v>
      </c>
      <c r="YL725" s="424"/>
      <c r="YM725" s="424"/>
      <c r="YN725" s="424"/>
      <c r="YO725" s="423" t="s">
        <v>2795</v>
      </c>
      <c r="YP725" s="424"/>
      <c r="YQ725" s="424"/>
      <c r="YR725" s="424"/>
      <c r="YS725" s="423" t="s">
        <v>2795</v>
      </c>
      <c r="YT725" s="424"/>
      <c r="YU725" s="424"/>
      <c r="YV725" s="424"/>
      <c r="YW725" s="423" t="s">
        <v>2795</v>
      </c>
      <c r="YX725" s="424"/>
      <c r="YY725" s="424"/>
      <c r="YZ725" s="424"/>
      <c r="ZA725" s="423" t="s">
        <v>2795</v>
      </c>
      <c r="ZB725" s="424"/>
      <c r="ZC725" s="424"/>
      <c r="ZD725" s="424"/>
      <c r="ZE725" s="423" t="s">
        <v>2795</v>
      </c>
      <c r="ZF725" s="424"/>
      <c r="ZG725" s="424"/>
      <c r="ZH725" s="424"/>
      <c r="ZI725" s="423" t="s">
        <v>2795</v>
      </c>
      <c r="ZJ725" s="424"/>
      <c r="ZK725" s="424"/>
      <c r="ZL725" s="424"/>
      <c r="ZM725" s="423" t="s">
        <v>2795</v>
      </c>
      <c r="ZN725" s="424"/>
      <c r="ZO725" s="424"/>
      <c r="ZP725" s="424"/>
      <c r="ZQ725" s="423" t="s">
        <v>2795</v>
      </c>
      <c r="ZR725" s="424"/>
      <c r="ZS725" s="424"/>
      <c r="ZT725" s="424"/>
      <c r="ZU725" s="423" t="s">
        <v>2795</v>
      </c>
      <c r="ZV725" s="424"/>
      <c r="ZW725" s="424"/>
      <c r="ZX725" s="424"/>
      <c r="ZY725" s="423" t="s">
        <v>2795</v>
      </c>
      <c r="ZZ725" s="424"/>
      <c r="AAA725" s="424"/>
      <c r="AAB725" s="424"/>
      <c r="AAC725" s="423" t="s">
        <v>2795</v>
      </c>
      <c r="AAD725" s="424"/>
      <c r="AAE725" s="424"/>
      <c r="AAF725" s="424"/>
      <c r="AAG725" s="423" t="s">
        <v>2795</v>
      </c>
      <c r="AAH725" s="424"/>
      <c r="AAI725" s="424"/>
      <c r="AAJ725" s="424"/>
      <c r="AAK725" s="423" t="s">
        <v>2795</v>
      </c>
      <c r="AAL725" s="424"/>
      <c r="AAM725" s="424"/>
      <c r="AAN725" s="424"/>
      <c r="AAO725" s="423" t="s">
        <v>2795</v>
      </c>
      <c r="AAP725" s="424"/>
      <c r="AAQ725" s="424"/>
      <c r="AAR725" s="424"/>
      <c r="AAS725" s="423" t="s">
        <v>2795</v>
      </c>
      <c r="AAT725" s="424"/>
      <c r="AAU725" s="424"/>
      <c r="AAV725" s="424"/>
      <c r="AAW725" s="423" t="s">
        <v>2795</v>
      </c>
      <c r="AAX725" s="424"/>
      <c r="AAY725" s="424"/>
      <c r="AAZ725" s="424"/>
      <c r="ABA725" s="423" t="s">
        <v>2795</v>
      </c>
      <c r="ABB725" s="424"/>
      <c r="ABC725" s="424"/>
      <c r="ABD725" s="424"/>
      <c r="ABE725" s="423" t="s">
        <v>2795</v>
      </c>
      <c r="ABF725" s="424"/>
      <c r="ABG725" s="424"/>
      <c r="ABH725" s="424"/>
      <c r="ABI725" s="423" t="s">
        <v>2795</v>
      </c>
      <c r="ABJ725" s="424"/>
      <c r="ABK725" s="424"/>
      <c r="ABL725" s="424"/>
      <c r="ABM725" s="423" t="s">
        <v>2795</v>
      </c>
      <c r="ABN725" s="424"/>
      <c r="ABO725" s="424"/>
      <c r="ABP725" s="424"/>
      <c r="ABQ725" s="423" t="s">
        <v>2795</v>
      </c>
      <c r="ABR725" s="424"/>
      <c r="ABS725" s="424"/>
      <c r="ABT725" s="424"/>
      <c r="ABU725" s="423" t="s">
        <v>2795</v>
      </c>
      <c r="ABV725" s="424"/>
      <c r="ABW725" s="424"/>
      <c r="ABX725" s="424"/>
      <c r="ABY725" s="423" t="s">
        <v>2795</v>
      </c>
      <c r="ABZ725" s="424"/>
      <c r="ACA725" s="424"/>
      <c r="ACB725" s="424"/>
      <c r="ACC725" s="423" t="s">
        <v>2795</v>
      </c>
      <c r="ACD725" s="424"/>
      <c r="ACE725" s="424"/>
      <c r="ACF725" s="424"/>
      <c r="ACG725" s="423" t="s">
        <v>2795</v>
      </c>
      <c r="ACH725" s="424"/>
      <c r="ACI725" s="424"/>
      <c r="ACJ725" s="424"/>
      <c r="ACK725" s="423" t="s">
        <v>2795</v>
      </c>
      <c r="ACL725" s="424"/>
      <c r="ACM725" s="424"/>
      <c r="ACN725" s="424"/>
      <c r="ACO725" s="423" t="s">
        <v>2795</v>
      </c>
      <c r="ACP725" s="424"/>
      <c r="ACQ725" s="424"/>
      <c r="ACR725" s="424"/>
      <c r="ACS725" s="423" t="s">
        <v>2795</v>
      </c>
      <c r="ACT725" s="424"/>
      <c r="ACU725" s="424"/>
      <c r="ACV725" s="424"/>
      <c r="ACW725" s="423" t="s">
        <v>2795</v>
      </c>
      <c r="ACX725" s="424"/>
      <c r="ACY725" s="424"/>
      <c r="ACZ725" s="424"/>
      <c r="ADA725" s="423" t="s">
        <v>2795</v>
      </c>
      <c r="ADB725" s="424"/>
      <c r="ADC725" s="424"/>
      <c r="ADD725" s="424"/>
      <c r="ADE725" s="423" t="s">
        <v>2795</v>
      </c>
      <c r="ADF725" s="424"/>
      <c r="ADG725" s="424"/>
      <c r="ADH725" s="424"/>
      <c r="ADI725" s="423" t="s">
        <v>2795</v>
      </c>
      <c r="ADJ725" s="424"/>
      <c r="ADK725" s="424"/>
      <c r="ADL725" s="424"/>
      <c r="ADM725" s="423" t="s">
        <v>2795</v>
      </c>
      <c r="ADN725" s="424"/>
      <c r="ADO725" s="424"/>
      <c r="ADP725" s="424"/>
      <c r="ADQ725" s="423" t="s">
        <v>2795</v>
      </c>
      <c r="ADR725" s="424"/>
      <c r="ADS725" s="424"/>
      <c r="ADT725" s="424"/>
      <c r="ADU725" s="423" t="s">
        <v>2795</v>
      </c>
      <c r="ADV725" s="424"/>
      <c r="ADW725" s="424"/>
      <c r="ADX725" s="424"/>
      <c r="ADY725" s="423" t="s">
        <v>2795</v>
      </c>
      <c r="ADZ725" s="424"/>
      <c r="AEA725" s="424"/>
      <c r="AEB725" s="424"/>
      <c r="AEC725" s="423" t="s">
        <v>2795</v>
      </c>
      <c r="AED725" s="424"/>
      <c r="AEE725" s="424"/>
      <c r="AEF725" s="424"/>
      <c r="AEG725" s="423" t="s">
        <v>2795</v>
      </c>
      <c r="AEH725" s="424"/>
      <c r="AEI725" s="424"/>
      <c r="AEJ725" s="424"/>
      <c r="AEK725" s="423" t="s">
        <v>2795</v>
      </c>
      <c r="AEL725" s="424"/>
      <c r="AEM725" s="424"/>
      <c r="AEN725" s="424"/>
      <c r="AEO725" s="423" t="s">
        <v>2795</v>
      </c>
      <c r="AEP725" s="424"/>
      <c r="AEQ725" s="424"/>
      <c r="AER725" s="424"/>
      <c r="AES725" s="423" t="s">
        <v>2795</v>
      </c>
      <c r="AET725" s="424"/>
      <c r="AEU725" s="424"/>
      <c r="AEV725" s="424"/>
      <c r="AEW725" s="423" t="s">
        <v>2795</v>
      </c>
      <c r="AEX725" s="424"/>
      <c r="AEY725" s="424"/>
      <c r="AEZ725" s="424"/>
      <c r="AFA725" s="423" t="s">
        <v>2795</v>
      </c>
      <c r="AFB725" s="424"/>
      <c r="AFC725" s="424"/>
      <c r="AFD725" s="424"/>
      <c r="AFE725" s="423" t="s">
        <v>2795</v>
      </c>
      <c r="AFF725" s="424"/>
      <c r="AFG725" s="424"/>
      <c r="AFH725" s="424"/>
      <c r="AFI725" s="423" t="s">
        <v>2795</v>
      </c>
      <c r="AFJ725" s="424"/>
      <c r="AFK725" s="424"/>
      <c r="AFL725" s="424"/>
      <c r="AFM725" s="423" t="s">
        <v>2795</v>
      </c>
      <c r="AFN725" s="424"/>
      <c r="AFO725" s="424"/>
      <c r="AFP725" s="424"/>
      <c r="AFQ725" s="423" t="s">
        <v>2795</v>
      </c>
      <c r="AFR725" s="424"/>
      <c r="AFS725" s="424"/>
      <c r="AFT725" s="424"/>
      <c r="AFU725" s="423" t="s">
        <v>2795</v>
      </c>
      <c r="AFV725" s="424"/>
      <c r="AFW725" s="424"/>
      <c r="AFX725" s="424"/>
      <c r="AFY725" s="423" t="s">
        <v>2795</v>
      </c>
      <c r="AFZ725" s="424"/>
      <c r="AGA725" s="424"/>
      <c r="AGB725" s="424"/>
      <c r="AGC725" s="423" t="s">
        <v>2795</v>
      </c>
      <c r="AGD725" s="424"/>
      <c r="AGE725" s="424"/>
      <c r="AGF725" s="424"/>
      <c r="AGG725" s="423" t="s">
        <v>2795</v>
      </c>
      <c r="AGH725" s="424"/>
      <c r="AGI725" s="424"/>
      <c r="AGJ725" s="424"/>
      <c r="AGK725" s="423" t="s">
        <v>2795</v>
      </c>
      <c r="AGL725" s="424"/>
      <c r="AGM725" s="424"/>
      <c r="AGN725" s="424"/>
      <c r="AGO725" s="423" t="s">
        <v>2795</v>
      </c>
      <c r="AGP725" s="424"/>
      <c r="AGQ725" s="424"/>
      <c r="AGR725" s="424"/>
      <c r="AGS725" s="423" t="s">
        <v>2795</v>
      </c>
      <c r="AGT725" s="424"/>
      <c r="AGU725" s="424"/>
      <c r="AGV725" s="424"/>
      <c r="AGW725" s="423" t="s">
        <v>2795</v>
      </c>
      <c r="AGX725" s="424"/>
      <c r="AGY725" s="424"/>
      <c r="AGZ725" s="424"/>
      <c r="AHA725" s="423" t="s">
        <v>2795</v>
      </c>
      <c r="AHB725" s="424"/>
      <c r="AHC725" s="424"/>
      <c r="AHD725" s="424"/>
      <c r="AHE725" s="423" t="s">
        <v>2795</v>
      </c>
      <c r="AHF725" s="424"/>
      <c r="AHG725" s="424"/>
      <c r="AHH725" s="424"/>
      <c r="AHI725" s="423" t="s">
        <v>2795</v>
      </c>
      <c r="AHJ725" s="424"/>
      <c r="AHK725" s="424"/>
      <c r="AHL725" s="424"/>
      <c r="AHM725" s="423" t="s">
        <v>2795</v>
      </c>
      <c r="AHN725" s="424"/>
      <c r="AHO725" s="424"/>
      <c r="AHP725" s="424"/>
      <c r="AHQ725" s="423" t="s">
        <v>2795</v>
      </c>
      <c r="AHR725" s="424"/>
      <c r="AHS725" s="424"/>
      <c r="AHT725" s="424"/>
      <c r="AHU725" s="423" t="s">
        <v>2795</v>
      </c>
      <c r="AHV725" s="424"/>
      <c r="AHW725" s="424"/>
      <c r="AHX725" s="424"/>
      <c r="AHY725" s="423" t="s">
        <v>2795</v>
      </c>
      <c r="AHZ725" s="424"/>
      <c r="AIA725" s="424"/>
      <c r="AIB725" s="424"/>
      <c r="AIC725" s="423" t="s">
        <v>2795</v>
      </c>
      <c r="AID725" s="424"/>
      <c r="AIE725" s="424"/>
      <c r="AIF725" s="424"/>
      <c r="AIG725" s="423" t="s">
        <v>2795</v>
      </c>
      <c r="AIH725" s="424"/>
      <c r="AII725" s="424"/>
      <c r="AIJ725" s="424"/>
      <c r="AIK725" s="423" t="s">
        <v>2795</v>
      </c>
      <c r="AIL725" s="424"/>
      <c r="AIM725" s="424"/>
      <c r="AIN725" s="424"/>
      <c r="AIO725" s="423" t="s">
        <v>2795</v>
      </c>
      <c r="AIP725" s="424"/>
      <c r="AIQ725" s="424"/>
      <c r="AIR725" s="424"/>
      <c r="AIS725" s="423" t="s">
        <v>2795</v>
      </c>
      <c r="AIT725" s="424"/>
      <c r="AIU725" s="424"/>
      <c r="AIV725" s="424"/>
      <c r="AIW725" s="423" t="s">
        <v>2795</v>
      </c>
      <c r="AIX725" s="424"/>
      <c r="AIY725" s="424"/>
      <c r="AIZ725" s="424"/>
      <c r="AJA725" s="423" t="s">
        <v>2795</v>
      </c>
      <c r="AJB725" s="424"/>
      <c r="AJC725" s="424"/>
      <c r="AJD725" s="424"/>
      <c r="AJE725" s="423" t="s">
        <v>2795</v>
      </c>
      <c r="AJF725" s="424"/>
      <c r="AJG725" s="424"/>
      <c r="AJH725" s="424"/>
      <c r="AJI725" s="423" t="s">
        <v>2795</v>
      </c>
      <c r="AJJ725" s="424"/>
      <c r="AJK725" s="424"/>
      <c r="AJL725" s="424"/>
      <c r="AJM725" s="423" t="s">
        <v>2795</v>
      </c>
      <c r="AJN725" s="424"/>
      <c r="AJO725" s="424"/>
      <c r="AJP725" s="424"/>
      <c r="AJQ725" s="423" t="s">
        <v>2795</v>
      </c>
      <c r="AJR725" s="424"/>
      <c r="AJS725" s="424"/>
      <c r="AJT725" s="424"/>
      <c r="AJU725" s="423" t="s">
        <v>2795</v>
      </c>
      <c r="AJV725" s="424"/>
      <c r="AJW725" s="424"/>
      <c r="AJX725" s="424"/>
      <c r="AJY725" s="423" t="s">
        <v>2795</v>
      </c>
      <c r="AJZ725" s="424"/>
      <c r="AKA725" s="424"/>
      <c r="AKB725" s="424"/>
      <c r="AKC725" s="423" t="s">
        <v>2795</v>
      </c>
      <c r="AKD725" s="424"/>
      <c r="AKE725" s="424"/>
      <c r="AKF725" s="424"/>
      <c r="AKG725" s="423" t="s">
        <v>2795</v>
      </c>
      <c r="AKH725" s="424"/>
      <c r="AKI725" s="424"/>
      <c r="AKJ725" s="424"/>
      <c r="AKK725" s="423" t="s">
        <v>2795</v>
      </c>
      <c r="AKL725" s="424"/>
      <c r="AKM725" s="424"/>
      <c r="AKN725" s="424"/>
      <c r="AKO725" s="423" t="s">
        <v>2795</v>
      </c>
      <c r="AKP725" s="424"/>
      <c r="AKQ725" s="424"/>
      <c r="AKR725" s="424"/>
      <c r="AKS725" s="423" t="s">
        <v>2795</v>
      </c>
      <c r="AKT725" s="424"/>
      <c r="AKU725" s="424"/>
      <c r="AKV725" s="424"/>
      <c r="AKW725" s="423" t="s">
        <v>2795</v>
      </c>
      <c r="AKX725" s="424"/>
      <c r="AKY725" s="424"/>
      <c r="AKZ725" s="424"/>
      <c r="ALA725" s="423" t="s">
        <v>2795</v>
      </c>
      <c r="ALB725" s="424"/>
      <c r="ALC725" s="424"/>
      <c r="ALD725" s="424"/>
      <c r="ALE725" s="423" t="s">
        <v>2795</v>
      </c>
      <c r="ALF725" s="424"/>
      <c r="ALG725" s="424"/>
      <c r="ALH725" s="424"/>
      <c r="ALI725" s="423" t="s">
        <v>2795</v>
      </c>
      <c r="ALJ725" s="424"/>
      <c r="ALK725" s="424"/>
      <c r="ALL725" s="424"/>
      <c r="ALM725" s="423" t="s">
        <v>2795</v>
      </c>
      <c r="ALN725" s="424"/>
      <c r="ALO725" s="424"/>
      <c r="ALP725" s="424"/>
      <c r="ALQ725" s="423" t="s">
        <v>2795</v>
      </c>
      <c r="ALR725" s="424"/>
      <c r="ALS725" s="424"/>
      <c r="ALT725" s="424"/>
      <c r="ALU725" s="423" t="s">
        <v>2795</v>
      </c>
      <c r="ALV725" s="424"/>
      <c r="ALW725" s="424"/>
      <c r="ALX725" s="424"/>
      <c r="ALY725" s="423" t="s">
        <v>2795</v>
      </c>
      <c r="ALZ725" s="424"/>
      <c r="AMA725" s="424"/>
      <c r="AMB725" s="424"/>
      <c r="AMC725" s="423" t="s">
        <v>2795</v>
      </c>
      <c r="AMD725" s="424"/>
      <c r="AME725" s="424"/>
      <c r="AMF725" s="424"/>
      <c r="AMG725" s="423" t="s">
        <v>2795</v>
      </c>
      <c r="AMH725" s="424"/>
      <c r="AMI725" s="424"/>
      <c r="AMJ725" s="424"/>
      <c r="AMK725" s="423" t="s">
        <v>2795</v>
      </c>
      <c r="AML725" s="424"/>
      <c r="AMM725" s="424"/>
      <c r="AMN725" s="424"/>
      <c r="AMO725" s="423" t="s">
        <v>2795</v>
      </c>
      <c r="AMP725" s="424"/>
      <c r="AMQ725" s="424"/>
      <c r="AMR725" s="424"/>
      <c r="AMS725" s="423" t="s">
        <v>2795</v>
      </c>
      <c r="AMT725" s="424"/>
      <c r="AMU725" s="424"/>
      <c r="AMV725" s="424"/>
      <c r="AMW725" s="423" t="s">
        <v>2795</v>
      </c>
      <c r="AMX725" s="424"/>
      <c r="AMY725" s="424"/>
      <c r="AMZ725" s="424"/>
      <c r="ANA725" s="423" t="s">
        <v>2795</v>
      </c>
      <c r="ANB725" s="424"/>
      <c r="ANC725" s="424"/>
      <c r="AND725" s="424"/>
      <c r="ANE725" s="423" t="s">
        <v>2795</v>
      </c>
      <c r="ANF725" s="424"/>
      <c r="ANG725" s="424"/>
      <c r="ANH725" s="424"/>
      <c r="ANI725" s="423" t="s">
        <v>2795</v>
      </c>
      <c r="ANJ725" s="424"/>
      <c r="ANK725" s="424"/>
      <c r="ANL725" s="424"/>
      <c r="ANM725" s="423" t="s">
        <v>2795</v>
      </c>
      <c r="ANN725" s="424"/>
      <c r="ANO725" s="424"/>
      <c r="ANP725" s="424"/>
      <c r="ANQ725" s="423" t="s">
        <v>2795</v>
      </c>
      <c r="ANR725" s="424"/>
      <c r="ANS725" s="424"/>
      <c r="ANT725" s="424"/>
      <c r="ANU725" s="423" t="s">
        <v>2795</v>
      </c>
      <c r="ANV725" s="424"/>
      <c r="ANW725" s="424"/>
      <c r="ANX725" s="424"/>
      <c r="ANY725" s="423" t="s">
        <v>2795</v>
      </c>
      <c r="ANZ725" s="424"/>
      <c r="AOA725" s="424"/>
      <c r="AOB725" s="424"/>
      <c r="AOC725" s="423" t="s">
        <v>2795</v>
      </c>
      <c r="AOD725" s="424"/>
      <c r="AOE725" s="424"/>
      <c r="AOF725" s="424"/>
      <c r="AOG725" s="423" t="s">
        <v>2795</v>
      </c>
      <c r="AOH725" s="424"/>
      <c r="AOI725" s="424"/>
      <c r="AOJ725" s="424"/>
      <c r="AOK725" s="423" t="s">
        <v>2795</v>
      </c>
      <c r="AOL725" s="424"/>
      <c r="AOM725" s="424"/>
      <c r="AON725" s="424"/>
      <c r="AOO725" s="423" t="s">
        <v>2795</v>
      </c>
      <c r="AOP725" s="424"/>
      <c r="AOQ725" s="424"/>
      <c r="AOR725" s="424"/>
      <c r="AOS725" s="423" t="s">
        <v>2795</v>
      </c>
      <c r="AOT725" s="424"/>
      <c r="AOU725" s="424"/>
      <c r="AOV725" s="424"/>
      <c r="AOW725" s="423" t="s">
        <v>2795</v>
      </c>
      <c r="AOX725" s="424"/>
      <c r="AOY725" s="424"/>
      <c r="AOZ725" s="424"/>
      <c r="APA725" s="423" t="s">
        <v>2795</v>
      </c>
      <c r="APB725" s="424"/>
      <c r="APC725" s="424"/>
      <c r="APD725" s="424"/>
      <c r="APE725" s="423" t="s">
        <v>2795</v>
      </c>
      <c r="APF725" s="424"/>
      <c r="APG725" s="424"/>
      <c r="APH725" s="424"/>
      <c r="API725" s="423" t="s">
        <v>2795</v>
      </c>
      <c r="APJ725" s="424"/>
      <c r="APK725" s="424"/>
      <c r="APL725" s="424"/>
      <c r="APM725" s="423" t="s">
        <v>2795</v>
      </c>
      <c r="APN725" s="424"/>
      <c r="APO725" s="424"/>
      <c r="APP725" s="424"/>
      <c r="APQ725" s="423" t="s">
        <v>2795</v>
      </c>
      <c r="APR725" s="424"/>
      <c r="APS725" s="424"/>
      <c r="APT725" s="424"/>
      <c r="APU725" s="423" t="s">
        <v>2795</v>
      </c>
      <c r="APV725" s="424"/>
      <c r="APW725" s="424"/>
      <c r="APX725" s="424"/>
      <c r="APY725" s="423" t="s">
        <v>2795</v>
      </c>
      <c r="APZ725" s="424"/>
      <c r="AQA725" s="424"/>
      <c r="AQB725" s="424"/>
      <c r="AQC725" s="423" t="s">
        <v>2795</v>
      </c>
      <c r="AQD725" s="424"/>
      <c r="AQE725" s="424"/>
      <c r="AQF725" s="424"/>
      <c r="AQG725" s="423" t="s">
        <v>2795</v>
      </c>
      <c r="AQH725" s="424"/>
      <c r="AQI725" s="424"/>
      <c r="AQJ725" s="424"/>
      <c r="AQK725" s="423" t="s">
        <v>2795</v>
      </c>
      <c r="AQL725" s="424"/>
      <c r="AQM725" s="424"/>
      <c r="AQN725" s="424"/>
      <c r="AQO725" s="423" t="s">
        <v>2795</v>
      </c>
      <c r="AQP725" s="424"/>
      <c r="AQQ725" s="424"/>
      <c r="AQR725" s="424"/>
      <c r="AQS725" s="423" t="s">
        <v>2795</v>
      </c>
      <c r="AQT725" s="424"/>
      <c r="AQU725" s="424"/>
      <c r="AQV725" s="424"/>
      <c r="AQW725" s="423" t="s">
        <v>2795</v>
      </c>
      <c r="AQX725" s="424"/>
      <c r="AQY725" s="424"/>
      <c r="AQZ725" s="424"/>
      <c r="ARA725" s="423" t="s">
        <v>2795</v>
      </c>
      <c r="ARB725" s="424"/>
      <c r="ARC725" s="424"/>
      <c r="ARD725" s="424"/>
      <c r="ARE725" s="423" t="s">
        <v>2795</v>
      </c>
      <c r="ARF725" s="424"/>
      <c r="ARG725" s="424"/>
      <c r="ARH725" s="424"/>
      <c r="ARI725" s="423" t="s">
        <v>2795</v>
      </c>
      <c r="ARJ725" s="424"/>
      <c r="ARK725" s="424"/>
      <c r="ARL725" s="424"/>
      <c r="ARM725" s="423" t="s">
        <v>2795</v>
      </c>
      <c r="ARN725" s="424"/>
      <c r="ARO725" s="424"/>
      <c r="ARP725" s="424"/>
      <c r="ARQ725" s="423" t="s">
        <v>2795</v>
      </c>
      <c r="ARR725" s="424"/>
      <c r="ARS725" s="424"/>
      <c r="ART725" s="424"/>
      <c r="ARU725" s="423" t="s">
        <v>2795</v>
      </c>
      <c r="ARV725" s="424"/>
      <c r="ARW725" s="424"/>
      <c r="ARX725" s="424"/>
      <c r="ARY725" s="423" t="s">
        <v>2795</v>
      </c>
      <c r="ARZ725" s="424"/>
      <c r="ASA725" s="424"/>
      <c r="ASB725" s="424"/>
      <c r="ASC725" s="423" t="s">
        <v>2795</v>
      </c>
      <c r="ASD725" s="424"/>
      <c r="ASE725" s="424"/>
      <c r="ASF725" s="424"/>
      <c r="ASG725" s="423" t="s">
        <v>2795</v>
      </c>
      <c r="ASH725" s="424"/>
      <c r="ASI725" s="424"/>
      <c r="ASJ725" s="424"/>
      <c r="ASK725" s="423" t="s">
        <v>2795</v>
      </c>
      <c r="ASL725" s="424"/>
      <c r="ASM725" s="424"/>
      <c r="ASN725" s="424"/>
      <c r="ASO725" s="423" t="s">
        <v>2795</v>
      </c>
      <c r="ASP725" s="424"/>
      <c r="ASQ725" s="424"/>
      <c r="ASR725" s="424"/>
      <c r="ASS725" s="423" t="s">
        <v>2795</v>
      </c>
      <c r="AST725" s="424"/>
      <c r="ASU725" s="424"/>
      <c r="ASV725" s="424"/>
      <c r="ASW725" s="423" t="s">
        <v>2795</v>
      </c>
      <c r="ASX725" s="424"/>
      <c r="ASY725" s="424"/>
      <c r="ASZ725" s="424"/>
      <c r="ATA725" s="423" t="s">
        <v>2795</v>
      </c>
      <c r="ATB725" s="424"/>
      <c r="ATC725" s="424"/>
      <c r="ATD725" s="424"/>
      <c r="ATE725" s="423" t="s">
        <v>2795</v>
      </c>
      <c r="ATF725" s="424"/>
      <c r="ATG725" s="424"/>
      <c r="ATH725" s="424"/>
      <c r="ATI725" s="423" t="s">
        <v>2795</v>
      </c>
      <c r="ATJ725" s="424"/>
      <c r="ATK725" s="424"/>
      <c r="ATL725" s="424"/>
      <c r="ATM725" s="423" t="s">
        <v>2795</v>
      </c>
      <c r="ATN725" s="424"/>
      <c r="ATO725" s="424"/>
      <c r="ATP725" s="424"/>
      <c r="ATQ725" s="423" t="s">
        <v>2795</v>
      </c>
      <c r="ATR725" s="424"/>
      <c r="ATS725" s="424"/>
      <c r="ATT725" s="424"/>
      <c r="ATU725" s="423" t="s">
        <v>2795</v>
      </c>
      <c r="ATV725" s="424"/>
      <c r="ATW725" s="424"/>
      <c r="ATX725" s="424"/>
      <c r="ATY725" s="423" t="s">
        <v>2795</v>
      </c>
      <c r="ATZ725" s="424"/>
      <c r="AUA725" s="424"/>
      <c r="AUB725" s="424"/>
      <c r="AUC725" s="423" t="s">
        <v>2795</v>
      </c>
      <c r="AUD725" s="424"/>
      <c r="AUE725" s="424"/>
      <c r="AUF725" s="424"/>
      <c r="AUG725" s="423" t="s">
        <v>2795</v>
      </c>
      <c r="AUH725" s="424"/>
      <c r="AUI725" s="424"/>
      <c r="AUJ725" s="424"/>
      <c r="AUK725" s="423" t="s">
        <v>2795</v>
      </c>
      <c r="AUL725" s="424"/>
      <c r="AUM725" s="424"/>
      <c r="AUN725" s="424"/>
      <c r="AUO725" s="423" t="s">
        <v>2795</v>
      </c>
      <c r="AUP725" s="424"/>
      <c r="AUQ725" s="424"/>
      <c r="AUR725" s="424"/>
      <c r="AUS725" s="423" t="s">
        <v>2795</v>
      </c>
      <c r="AUT725" s="424"/>
      <c r="AUU725" s="424"/>
      <c r="AUV725" s="424"/>
      <c r="AUW725" s="423" t="s">
        <v>2795</v>
      </c>
      <c r="AUX725" s="424"/>
      <c r="AUY725" s="424"/>
      <c r="AUZ725" s="424"/>
      <c r="AVA725" s="423" t="s">
        <v>2795</v>
      </c>
      <c r="AVB725" s="424"/>
      <c r="AVC725" s="424"/>
      <c r="AVD725" s="424"/>
      <c r="AVE725" s="423" t="s">
        <v>2795</v>
      </c>
      <c r="AVF725" s="424"/>
      <c r="AVG725" s="424"/>
      <c r="AVH725" s="424"/>
      <c r="AVI725" s="423" t="s">
        <v>2795</v>
      </c>
      <c r="AVJ725" s="424"/>
      <c r="AVK725" s="424"/>
      <c r="AVL725" s="424"/>
      <c r="AVM725" s="423" t="s">
        <v>2795</v>
      </c>
      <c r="AVN725" s="424"/>
      <c r="AVO725" s="424"/>
      <c r="AVP725" s="424"/>
      <c r="AVQ725" s="423" t="s">
        <v>2795</v>
      </c>
      <c r="AVR725" s="424"/>
      <c r="AVS725" s="424"/>
      <c r="AVT725" s="424"/>
      <c r="AVU725" s="423" t="s">
        <v>2795</v>
      </c>
      <c r="AVV725" s="424"/>
      <c r="AVW725" s="424"/>
      <c r="AVX725" s="424"/>
      <c r="AVY725" s="423" t="s">
        <v>2795</v>
      </c>
      <c r="AVZ725" s="424"/>
      <c r="AWA725" s="424"/>
      <c r="AWB725" s="424"/>
      <c r="AWC725" s="423" t="s">
        <v>2795</v>
      </c>
      <c r="AWD725" s="424"/>
      <c r="AWE725" s="424"/>
      <c r="AWF725" s="424"/>
      <c r="AWG725" s="423" t="s">
        <v>2795</v>
      </c>
      <c r="AWH725" s="424"/>
      <c r="AWI725" s="424"/>
      <c r="AWJ725" s="424"/>
      <c r="AWK725" s="423" t="s">
        <v>2795</v>
      </c>
      <c r="AWL725" s="424"/>
      <c r="AWM725" s="424"/>
      <c r="AWN725" s="424"/>
      <c r="AWO725" s="423" t="s">
        <v>2795</v>
      </c>
      <c r="AWP725" s="424"/>
      <c r="AWQ725" s="424"/>
      <c r="AWR725" s="424"/>
      <c r="AWS725" s="423" t="s">
        <v>2795</v>
      </c>
      <c r="AWT725" s="424"/>
      <c r="AWU725" s="424"/>
      <c r="AWV725" s="424"/>
      <c r="AWW725" s="423" t="s">
        <v>2795</v>
      </c>
      <c r="AWX725" s="424"/>
      <c r="AWY725" s="424"/>
      <c r="AWZ725" s="424"/>
      <c r="AXA725" s="423" t="s">
        <v>2795</v>
      </c>
      <c r="AXB725" s="424"/>
      <c r="AXC725" s="424"/>
      <c r="AXD725" s="424"/>
      <c r="AXE725" s="423" t="s">
        <v>2795</v>
      </c>
      <c r="AXF725" s="424"/>
      <c r="AXG725" s="424"/>
      <c r="AXH725" s="424"/>
      <c r="AXI725" s="423" t="s">
        <v>2795</v>
      </c>
      <c r="AXJ725" s="424"/>
      <c r="AXK725" s="424"/>
      <c r="AXL725" s="424"/>
      <c r="AXM725" s="423" t="s">
        <v>2795</v>
      </c>
      <c r="AXN725" s="424"/>
      <c r="AXO725" s="424"/>
      <c r="AXP725" s="424"/>
      <c r="AXQ725" s="423" t="s">
        <v>2795</v>
      </c>
      <c r="AXR725" s="424"/>
      <c r="AXS725" s="424"/>
      <c r="AXT725" s="424"/>
      <c r="AXU725" s="423" t="s">
        <v>2795</v>
      </c>
      <c r="AXV725" s="424"/>
      <c r="AXW725" s="424"/>
      <c r="AXX725" s="424"/>
      <c r="AXY725" s="423" t="s">
        <v>2795</v>
      </c>
      <c r="AXZ725" s="424"/>
      <c r="AYA725" s="424"/>
      <c r="AYB725" s="424"/>
      <c r="AYC725" s="423" t="s">
        <v>2795</v>
      </c>
      <c r="AYD725" s="424"/>
      <c r="AYE725" s="424"/>
      <c r="AYF725" s="424"/>
      <c r="AYG725" s="423" t="s">
        <v>2795</v>
      </c>
      <c r="AYH725" s="424"/>
      <c r="AYI725" s="424"/>
      <c r="AYJ725" s="424"/>
      <c r="AYK725" s="423" t="s">
        <v>2795</v>
      </c>
      <c r="AYL725" s="424"/>
      <c r="AYM725" s="424"/>
      <c r="AYN725" s="424"/>
      <c r="AYO725" s="423" t="s">
        <v>2795</v>
      </c>
      <c r="AYP725" s="424"/>
      <c r="AYQ725" s="424"/>
      <c r="AYR725" s="424"/>
      <c r="AYS725" s="423" t="s">
        <v>2795</v>
      </c>
      <c r="AYT725" s="424"/>
      <c r="AYU725" s="424"/>
      <c r="AYV725" s="424"/>
      <c r="AYW725" s="423" t="s">
        <v>2795</v>
      </c>
      <c r="AYX725" s="424"/>
      <c r="AYY725" s="424"/>
      <c r="AYZ725" s="424"/>
      <c r="AZA725" s="423" t="s">
        <v>2795</v>
      </c>
      <c r="AZB725" s="424"/>
      <c r="AZC725" s="424"/>
      <c r="AZD725" s="424"/>
      <c r="AZE725" s="423" t="s">
        <v>2795</v>
      </c>
      <c r="AZF725" s="424"/>
      <c r="AZG725" s="424"/>
      <c r="AZH725" s="424"/>
      <c r="AZI725" s="423" t="s">
        <v>2795</v>
      </c>
      <c r="AZJ725" s="424"/>
      <c r="AZK725" s="424"/>
      <c r="AZL725" s="424"/>
      <c r="AZM725" s="423" t="s">
        <v>2795</v>
      </c>
      <c r="AZN725" s="424"/>
      <c r="AZO725" s="424"/>
      <c r="AZP725" s="424"/>
      <c r="AZQ725" s="423" t="s">
        <v>2795</v>
      </c>
      <c r="AZR725" s="424"/>
      <c r="AZS725" s="424"/>
      <c r="AZT725" s="424"/>
      <c r="AZU725" s="423" t="s">
        <v>2795</v>
      </c>
      <c r="AZV725" s="424"/>
      <c r="AZW725" s="424"/>
      <c r="AZX725" s="424"/>
      <c r="AZY725" s="423" t="s">
        <v>2795</v>
      </c>
      <c r="AZZ725" s="424"/>
      <c r="BAA725" s="424"/>
      <c r="BAB725" s="424"/>
      <c r="BAC725" s="423" t="s">
        <v>2795</v>
      </c>
      <c r="BAD725" s="424"/>
      <c r="BAE725" s="424"/>
      <c r="BAF725" s="424"/>
      <c r="BAG725" s="423" t="s">
        <v>2795</v>
      </c>
      <c r="BAH725" s="424"/>
      <c r="BAI725" s="424"/>
      <c r="BAJ725" s="424"/>
      <c r="BAK725" s="423" t="s">
        <v>2795</v>
      </c>
      <c r="BAL725" s="424"/>
      <c r="BAM725" s="424"/>
      <c r="BAN725" s="424"/>
      <c r="BAO725" s="423" t="s">
        <v>2795</v>
      </c>
      <c r="BAP725" s="424"/>
      <c r="BAQ725" s="424"/>
      <c r="BAR725" s="424"/>
      <c r="BAS725" s="423" t="s">
        <v>2795</v>
      </c>
      <c r="BAT725" s="424"/>
      <c r="BAU725" s="424"/>
      <c r="BAV725" s="424"/>
      <c r="BAW725" s="423" t="s">
        <v>2795</v>
      </c>
      <c r="BAX725" s="424"/>
      <c r="BAY725" s="424"/>
      <c r="BAZ725" s="424"/>
      <c r="BBA725" s="423" t="s">
        <v>2795</v>
      </c>
      <c r="BBB725" s="424"/>
      <c r="BBC725" s="424"/>
      <c r="BBD725" s="424"/>
      <c r="BBE725" s="423" t="s">
        <v>2795</v>
      </c>
      <c r="BBF725" s="424"/>
      <c r="BBG725" s="424"/>
      <c r="BBH725" s="424"/>
      <c r="BBI725" s="423" t="s">
        <v>2795</v>
      </c>
      <c r="BBJ725" s="424"/>
      <c r="BBK725" s="424"/>
      <c r="BBL725" s="424"/>
      <c r="BBM725" s="423" t="s">
        <v>2795</v>
      </c>
      <c r="BBN725" s="424"/>
      <c r="BBO725" s="424"/>
      <c r="BBP725" s="424"/>
      <c r="BBQ725" s="423" t="s">
        <v>2795</v>
      </c>
      <c r="BBR725" s="424"/>
      <c r="BBS725" s="424"/>
      <c r="BBT725" s="424"/>
      <c r="BBU725" s="423" t="s">
        <v>2795</v>
      </c>
      <c r="BBV725" s="424"/>
      <c r="BBW725" s="424"/>
      <c r="BBX725" s="424"/>
      <c r="BBY725" s="423" t="s">
        <v>2795</v>
      </c>
      <c r="BBZ725" s="424"/>
      <c r="BCA725" s="424"/>
      <c r="BCB725" s="424"/>
      <c r="BCC725" s="423" t="s">
        <v>2795</v>
      </c>
      <c r="BCD725" s="424"/>
      <c r="BCE725" s="424"/>
      <c r="BCF725" s="424"/>
      <c r="BCG725" s="423" t="s">
        <v>2795</v>
      </c>
      <c r="BCH725" s="424"/>
      <c r="BCI725" s="424"/>
      <c r="BCJ725" s="424"/>
      <c r="BCK725" s="423" t="s">
        <v>2795</v>
      </c>
      <c r="BCL725" s="424"/>
      <c r="BCM725" s="424"/>
      <c r="BCN725" s="424"/>
      <c r="BCO725" s="423" t="s">
        <v>2795</v>
      </c>
      <c r="BCP725" s="424"/>
      <c r="BCQ725" s="424"/>
      <c r="BCR725" s="424"/>
      <c r="BCS725" s="423" t="s">
        <v>2795</v>
      </c>
      <c r="BCT725" s="424"/>
      <c r="BCU725" s="424"/>
      <c r="BCV725" s="424"/>
      <c r="BCW725" s="423" t="s">
        <v>2795</v>
      </c>
      <c r="BCX725" s="424"/>
      <c r="BCY725" s="424"/>
      <c r="BCZ725" s="424"/>
      <c r="BDA725" s="423" t="s">
        <v>2795</v>
      </c>
      <c r="BDB725" s="424"/>
      <c r="BDC725" s="424"/>
      <c r="BDD725" s="424"/>
      <c r="BDE725" s="423" t="s">
        <v>2795</v>
      </c>
      <c r="BDF725" s="424"/>
      <c r="BDG725" s="424"/>
      <c r="BDH725" s="424"/>
      <c r="BDI725" s="423" t="s">
        <v>2795</v>
      </c>
      <c r="BDJ725" s="424"/>
      <c r="BDK725" s="424"/>
      <c r="BDL725" s="424"/>
      <c r="BDM725" s="423" t="s">
        <v>2795</v>
      </c>
      <c r="BDN725" s="424"/>
      <c r="BDO725" s="424"/>
      <c r="BDP725" s="424"/>
      <c r="BDQ725" s="423" t="s">
        <v>2795</v>
      </c>
      <c r="BDR725" s="424"/>
      <c r="BDS725" s="424"/>
      <c r="BDT725" s="424"/>
      <c r="BDU725" s="423" t="s">
        <v>2795</v>
      </c>
      <c r="BDV725" s="424"/>
      <c r="BDW725" s="424"/>
      <c r="BDX725" s="424"/>
      <c r="BDY725" s="423" t="s">
        <v>2795</v>
      </c>
      <c r="BDZ725" s="424"/>
      <c r="BEA725" s="424"/>
      <c r="BEB725" s="424"/>
      <c r="BEC725" s="423" t="s">
        <v>2795</v>
      </c>
      <c r="BED725" s="424"/>
      <c r="BEE725" s="424"/>
      <c r="BEF725" s="424"/>
      <c r="BEG725" s="423" t="s">
        <v>2795</v>
      </c>
      <c r="BEH725" s="424"/>
      <c r="BEI725" s="424"/>
      <c r="BEJ725" s="424"/>
      <c r="BEK725" s="423" t="s">
        <v>2795</v>
      </c>
      <c r="BEL725" s="424"/>
      <c r="BEM725" s="424"/>
      <c r="BEN725" s="424"/>
      <c r="BEO725" s="423" t="s">
        <v>2795</v>
      </c>
      <c r="BEP725" s="424"/>
      <c r="BEQ725" s="424"/>
      <c r="BER725" s="424"/>
      <c r="BES725" s="423" t="s">
        <v>2795</v>
      </c>
      <c r="BET725" s="424"/>
      <c r="BEU725" s="424"/>
      <c r="BEV725" s="424"/>
      <c r="BEW725" s="423" t="s">
        <v>2795</v>
      </c>
      <c r="BEX725" s="424"/>
      <c r="BEY725" s="424"/>
      <c r="BEZ725" s="424"/>
      <c r="BFA725" s="423" t="s">
        <v>2795</v>
      </c>
      <c r="BFB725" s="424"/>
      <c r="BFC725" s="424"/>
      <c r="BFD725" s="424"/>
      <c r="BFE725" s="423" t="s">
        <v>2795</v>
      </c>
      <c r="BFF725" s="424"/>
      <c r="BFG725" s="424"/>
      <c r="BFH725" s="424"/>
      <c r="BFI725" s="423" t="s">
        <v>2795</v>
      </c>
      <c r="BFJ725" s="424"/>
      <c r="BFK725" s="424"/>
      <c r="BFL725" s="424"/>
      <c r="BFM725" s="423" t="s">
        <v>2795</v>
      </c>
      <c r="BFN725" s="424"/>
      <c r="BFO725" s="424"/>
      <c r="BFP725" s="424"/>
      <c r="BFQ725" s="423" t="s">
        <v>2795</v>
      </c>
      <c r="BFR725" s="424"/>
      <c r="BFS725" s="424"/>
      <c r="BFT725" s="424"/>
      <c r="BFU725" s="423" t="s">
        <v>2795</v>
      </c>
      <c r="BFV725" s="424"/>
      <c r="BFW725" s="424"/>
      <c r="BFX725" s="424"/>
      <c r="BFY725" s="423" t="s">
        <v>2795</v>
      </c>
      <c r="BFZ725" s="424"/>
      <c r="BGA725" s="424"/>
      <c r="BGB725" s="424"/>
      <c r="BGC725" s="423" t="s">
        <v>2795</v>
      </c>
      <c r="BGD725" s="424"/>
      <c r="BGE725" s="424"/>
      <c r="BGF725" s="424"/>
      <c r="BGG725" s="423" t="s">
        <v>2795</v>
      </c>
      <c r="BGH725" s="424"/>
      <c r="BGI725" s="424"/>
      <c r="BGJ725" s="424"/>
      <c r="BGK725" s="423" t="s">
        <v>2795</v>
      </c>
      <c r="BGL725" s="424"/>
      <c r="BGM725" s="424"/>
      <c r="BGN725" s="424"/>
      <c r="BGO725" s="423" t="s">
        <v>2795</v>
      </c>
      <c r="BGP725" s="424"/>
      <c r="BGQ725" s="424"/>
      <c r="BGR725" s="424"/>
      <c r="BGS725" s="423" t="s">
        <v>2795</v>
      </c>
      <c r="BGT725" s="424"/>
      <c r="BGU725" s="424"/>
      <c r="BGV725" s="424"/>
      <c r="BGW725" s="423" t="s">
        <v>2795</v>
      </c>
      <c r="BGX725" s="424"/>
      <c r="BGY725" s="424"/>
      <c r="BGZ725" s="424"/>
      <c r="BHA725" s="423" t="s">
        <v>2795</v>
      </c>
      <c r="BHB725" s="424"/>
      <c r="BHC725" s="424"/>
      <c r="BHD725" s="424"/>
      <c r="BHE725" s="423" t="s">
        <v>2795</v>
      </c>
      <c r="BHF725" s="424"/>
      <c r="BHG725" s="424"/>
      <c r="BHH725" s="424"/>
      <c r="BHI725" s="423" t="s">
        <v>2795</v>
      </c>
      <c r="BHJ725" s="424"/>
      <c r="BHK725" s="424"/>
      <c r="BHL725" s="424"/>
      <c r="BHM725" s="423" t="s">
        <v>2795</v>
      </c>
      <c r="BHN725" s="424"/>
      <c r="BHO725" s="424"/>
      <c r="BHP725" s="424"/>
      <c r="BHQ725" s="423" t="s">
        <v>2795</v>
      </c>
      <c r="BHR725" s="424"/>
      <c r="BHS725" s="424"/>
      <c r="BHT725" s="424"/>
      <c r="BHU725" s="423" t="s">
        <v>2795</v>
      </c>
      <c r="BHV725" s="424"/>
      <c r="BHW725" s="424"/>
      <c r="BHX725" s="424"/>
      <c r="BHY725" s="423" t="s">
        <v>2795</v>
      </c>
      <c r="BHZ725" s="424"/>
      <c r="BIA725" s="424"/>
      <c r="BIB725" s="424"/>
      <c r="BIC725" s="423" t="s">
        <v>2795</v>
      </c>
      <c r="BID725" s="424"/>
      <c r="BIE725" s="424"/>
      <c r="BIF725" s="424"/>
      <c r="BIG725" s="423" t="s">
        <v>2795</v>
      </c>
      <c r="BIH725" s="424"/>
      <c r="BII725" s="424"/>
      <c r="BIJ725" s="424"/>
      <c r="BIK725" s="423" t="s">
        <v>2795</v>
      </c>
      <c r="BIL725" s="424"/>
      <c r="BIM725" s="424"/>
      <c r="BIN725" s="424"/>
      <c r="BIO725" s="423" t="s">
        <v>2795</v>
      </c>
      <c r="BIP725" s="424"/>
      <c r="BIQ725" s="424"/>
      <c r="BIR725" s="424"/>
      <c r="BIS725" s="423" t="s">
        <v>2795</v>
      </c>
      <c r="BIT725" s="424"/>
      <c r="BIU725" s="424"/>
      <c r="BIV725" s="424"/>
      <c r="BIW725" s="423" t="s">
        <v>2795</v>
      </c>
      <c r="BIX725" s="424"/>
      <c r="BIY725" s="424"/>
      <c r="BIZ725" s="424"/>
      <c r="BJA725" s="423" t="s">
        <v>2795</v>
      </c>
      <c r="BJB725" s="424"/>
      <c r="BJC725" s="424"/>
      <c r="BJD725" s="424"/>
      <c r="BJE725" s="423" t="s">
        <v>2795</v>
      </c>
      <c r="BJF725" s="424"/>
      <c r="BJG725" s="424"/>
      <c r="BJH725" s="424"/>
      <c r="BJI725" s="423" t="s">
        <v>2795</v>
      </c>
      <c r="BJJ725" s="424"/>
      <c r="BJK725" s="424"/>
      <c r="BJL725" s="424"/>
      <c r="BJM725" s="423" t="s">
        <v>2795</v>
      </c>
      <c r="BJN725" s="424"/>
      <c r="BJO725" s="424"/>
      <c r="BJP725" s="424"/>
      <c r="BJQ725" s="423" t="s">
        <v>2795</v>
      </c>
      <c r="BJR725" s="424"/>
      <c r="BJS725" s="424"/>
      <c r="BJT725" s="424"/>
      <c r="BJU725" s="423" t="s">
        <v>2795</v>
      </c>
      <c r="BJV725" s="424"/>
      <c r="BJW725" s="424"/>
      <c r="BJX725" s="424"/>
      <c r="BJY725" s="423" t="s">
        <v>2795</v>
      </c>
      <c r="BJZ725" s="424"/>
      <c r="BKA725" s="424"/>
      <c r="BKB725" s="424"/>
      <c r="BKC725" s="423" t="s">
        <v>2795</v>
      </c>
      <c r="BKD725" s="424"/>
      <c r="BKE725" s="424"/>
      <c r="BKF725" s="424"/>
      <c r="BKG725" s="423" t="s">
        <v>2795</v>
      </c>
      <c r="BKH725" s="424"/>
      <c r="BKI725" s="424"/>
      <c r="BKJ725" s="424"/>
      <c r="BKK725" s="423" t="s">
        <v>2795</v>
      </c>
      <c r="BKL725" s="424"/>
      <c r="BKM725" s="424"/>
      <c r="BKN725" s="424"/>
      <c r="BKO725" s="423" t="s">
        <v>2795</v>
      </c>
      <c r="BKP725" s="424"/>
      <c r="BKQ725" s="424"/>
      <c r="BKR725" s="424"/>
      <c r="BKS725" s="423" t="s">
        <v>2795</v>
      </c>
      <c r="BKT725" s="424"/>
      <c r="BKU725" s="424"/>
      <c r="BKV725" s="424"/>
      <c r="BKW725" s="423" t="s">
        <v>2795</v>
      </c>
      <c r="BKX725" s="424"/>
      <c r="BKY725" s="424"/>
      <c r="BKZ725" s="424"/>
      <c r="BLA725" s="423" t="s">
        <v>2795</v>
      </c>
      <c r="BLB725" s="424"/>
      <c r="BLC725" s="424"/>
      <c r="BLD725" s="424"/>
      <c r="BLE725" s="423" t="s">
        <v>2795</v>
      </c>
      <c r="BLF725" s="424"/>
      <c r="BLG725" s="424"/>
      <c r="BLH725" s="424"/>
      <c r="BLI725" s="423" t="s">
        <v>2795</v>
      </c>
      <c r="BLJ725" s="424"/>
      <c r="BLK725" s="424"/>
      <c r="BLL725" s="424"/>
      <c r="BLM725" s="423" t="s">
        <v>2795</v>
      </c>
      <c r="BLN725" s="424"/>
      <c r="BLO725" s="424"/>
      <c r="BLP725" s="424"/>
      <c r="BLQ725" s="423" t="s">
        <v>2795</v>
      </c>
      <c r="BLR725" s="424"/>
      <c r="BLS725" s="424"/>
      <c r="BLT725" s="424"/>
      <c r="BLU725" s="423" t="s">
        <v>2795</v>
      </c>
      <c r="BLV725" s="424"/>
      <c r="BLW725" s="424"/>
      <c r="BLX725" s="424"/>
      <c r="BLY725" s="423" t="s">
        <v>2795</v>
      </c>
      <c r="BLZ725" s="424"/>
      <c r="BMA725" s="424"/>
      <c r="BMB725" s="424"/>
      <c r="BMC725" s="423" t="s">
        <v>2795</v>
      </c>
      <c r="BMD725" s="424"/>
      <c r="BME725" s="424"/>
      <c r="BMF725" s="424"/>
      <c r="BMG725" s="423" t="s">
        <v>2795</v>
      </c>
      <c r="BMH725" s="424"/>
      <c r="BMI725" s="424"/>
      <c r="BMJ725" s="424"/>
      <c r="BMK725" s="423" t="s">
        <v>2795</v>
      </c>
      <c r="BML725" s="424"/>
      <c r="BMM725" s="424"/>
      <c r="BMN725" s="424"/>
      <c r="BMO725" s="423" t="s">
        <v>2795</v>
      </c>
      <c r="BMP725" s="424"/>
      <c r="BMQ725" s="424"/>
      <c r="BMR725" s="424"/>
      <c r="BMS725" s="423" t="s">
        <v>2795</v>
      </c>
      <c r="BMT725" s="424"/>
      <c r="BMU725" s="424"/>
      <c r="BMV725" s="424"/>
      <c r="BMW725" s="423" t="s">
        <v>2795</v>
      </c>
      <c r="BMX725" s="424"/>
      <c r="BMY725" s="424"/>
      <c r="BMZ725" s="424"/>
      <c r="BNA725" s="423" t="s">
        <v>2795</v>
      </c>
      <c r="BNB725" s="424"/>
      <c r="BNC725" s="424"/>
      <c r="BND725" s="424"/>
      <c r="BNE725" s="423" t="s">
        <v>2795</v>
      </c>
      <c r="BNF725" s="424"/>
      <c r="BNG725" s="424"/>
      <c r="BNH725" s="424"/>
      <c r="BNI725" s="423" t="s">
        <v>2795</v>
      </c>
      <c r="BNJ725" s="424"/>
      <c r="BNK725" s="424"/>
      <c r="BNL725" s="424"/>
      <c r="BNM725" s="423" t="s">
        <v>2795</v>
      </c>
      <c r="BNN725" s="424"/>
      <c r="BNO725" s="424"/>
      <c r="BNP725" s="424"/>
      <c r="BNQ725" s="423" t="s">
        <v>2795</v>
      </c>
      <c r="BNR725" s="424"/>
      <c r="BNS725" s="424"/>
      <c r="BNT725" s="424"/>
      <c r="BNU725" s="423" t="s">
        <v>2795</v>
      </c>
      <c r="BNV725" s="424"/>
      <c r="BNW725" s="424"/>
      <c r="BNX725" s="424"/>
      <c r="BNY725" s="423" t="s">
        <v>2795</v>
      </c>
      <c r="BNZ725" s="424"/>
      <c r="BOA725" s="424"/>
      <c r="BOB725" s="424"/>
      <c r="BOC725" s="423" t="s">
        <v>2795</v>
      </c>
      <c r="BOD725" s="424"/>
      <c r="BOE725" s="424"/>
      <c r="BOF725" s="424"/>
      <c r="BOG725" s="423" t="s">
        <v>2795</v>
      </c>
      <c r="BOH725" s="424"/>
      <c r="BOI725" s="424"/>
      <c r="BOJ725" s="424"/>
      <c r="BOK725" s="423" t="s">
        <v>2795</v>
      </c>
      <c r="BOL725" s="424"/>
      <c r="BOM725" s="424"/>
      <c r="BON725" s="424"/>
      <c r="BOO725" s="423" t="s">
        <v>2795</v>
      </c>
      <c r="BOP725" s="424"/>
      <c r="BOQ725" s="424"/>
      <c r="BOR725" s="424"/>
      <c r="BOS725" s="423" t="s">
        <v>2795</v>
      </c>
      <c r="BOT725" s="424"/>
      <c r="BOU725" s="424"/>
      <c r="BOV725" s="424"/>
      <c r="BOW725" s="423" t="s">
        <v>2795</v>
      </c>
      <c r="BOX725" s="424"/>
      <c r="BOY725" s="424"/>
      <c r="BOZ725" s="424"/>
      <c r="BPA725" s="423" t="s">
        <v>2795</v>
      </c>
      <c r="BPB725" s="424"/>
      <c r="BPC725" s="424"/>
      <c r="BPD725" s="424"/>
      <c r="BPE725" s="423" t="s">
        <v>2795</v>
      </c>
      <c r="BPF725" s="424"/>
      <c r="BPG725" s="424"/>
      <c r="BPH725" s="424"/>
      <c r="BPI725" s="423" t="s">
        <v>2795</v>
      </c>
      <c r="BPJ725" s="424"/>
      <c r="BPK725" s="424"/>
      <c r="BPL725" s="424"/>
      <c r="BPM725" s="423" t="s">
        <v>2795</v>
      </c>
      <c r="BPN725" s="424"/>
      <c r="BPO725" s="424"/>
      <c r="BPP725" s="424"/>
      <c r="BPQ725" s="423" t="s">
        <v>2795</v>
      </c>
      <c r="BPR725" s="424"/>
      <c r="BPS725" s="424"/>
      <c r="BPT725" s="424"/>
      <c r="BPU725" s="423" t="s">
        <v>2795</v>
      </c>
      <c r="BPV725" s="424"/>
      <c r="BPW725" s="424"/>
      <c r="BPX725" s="424"/>
      <c r="BPY725" s="423" t="s">
        <v>2795</v>
      </c>
      <c r="BPZ725" s="424"/>
      <c r="BQA725" s="424"/>
      <c r="BQB725" s="424"/>
      <c r="BQC725" s="423" t="s">
        <v>2795</v>
      </c>
      <c r="BQD725" s="424"/>
      <c r="BQE725" s="424"/>
      <c r="BQF725" s="424"/>
      <c r="BQG725" s="423" t="s">
        <v>2795</v>
      </c>
      <c r="BQH725" s="424"/>
      <c r="BQI725" s="424"/>
      <c r="BQJ725" s="424"/>
      <c r="BQK725" s="423" t="s">
        <v>2795</v>
      </c>
      <c r="BQL725" s="424"/>
      <c r="BQM725" s="424"/>
      <c r="BQN725" s="424"/>
      <c r="BQO725" s="423" t="s">
        <v>2795</v>
      </c>
      <c r="BQP725" s="424"/>
      <c r="BQQ725" s="424"/>
      <c r="BQR725" s="424"/>
      <c r="BQS725" s="423" t="s">
        <v>2795</v>
      </c>
      <c r="BQT725" s="424"/>
      <c r="BQU725" s="424"/>
      <c r="BQV725" s="424"/>
      <c r="BQW725" s="423" t="s">
        <v>2795</v>
      </c>
      <c r="BQX725" s="424"/>
      <c r="BQY725" s="424"/>
      <c r="BQZ725" s="424"/>
      <c r="BRA725" s="423" t="s">
        <v>2795</v>
      </c>
      <c r="BRB725" s="424"/>
      <c r="BRC725" s="424"/>
      <c r="BRD725" s="424"/>
      <c r="BRE725" s="423" t="s">
        <v>2795</v>
      </c>
      <c r="BRF725" s="424"/>
      <c r="BRG725" s="424"/>
      <c r="BRH725" s="424"/>
      <c r="BRI725" s="423" t="s">
        <v>2795</v>
      </c>
      <c r="BRJ725" s="424"/>
      <c r="BRK725" s="424"/>
      <c r="BRL725" s="424"/>
      <c r="BRM725" s="423" t="s">
        <v>2795</v>
      </c>
      <c r="BRN725" s="424"/>
      <c r="BRO725" s="424"/>
      <c r="BRP725" s="424"/>
      <c r="BRQ725" s="423" t="s">
        <v>2795</v>
      </c>
      <c r="BRR725" s="424"/>
      <c r="BRS725" s="424"/>
      <c r="BRT725" s="424"/>
      <c r="BRU725" s="423" t="s">
        <v>2795</v>
      </c>
      <c r="BRV725" s="424"/>
      <c r="BRW725" s="424"/>
      <c r="BRX725" s="424"/>
      <c r="BRY725" s="423" t="s">
        <v>2795</v>
      </c>
      <c r="BRZ725" s="424"/>
      <c r="BSA725" s="424"/>
      <c r="BSB725" s="424"/>
      <c r="BSC725" s="423" t="s">
        <v>2795</v>
      </c>
      <c r="BSD725" s="424"/>
      <c r="BSE725" s="424"/>
      <c r="BSF725" s="424"/>
      <c r="BSG725" s="423" t="s">
        <v>2795</v>
      </c>
      <c r="BSH725" s="424"/>
      <c r="BSI725" s="424"/>
      <c r="BSJ725" s="424"/>
      <c r="BSK725" s="423" t="s">
        <v>2795</v>
      </c>
      <c r="BSL725" s="424"/>
      <c r="BSM725" s="424"/>
      <c r="BSN725" s="424"/>
      <c r="BSO725" s="423" t="s">
        <v>2795</v>
      </c>
      <c r="BSP725" s="424"/>
      <c r="BSQ725" s="424"/>
      <c r="BSR725" s="424"/>
      <c r="BSS725" s="423" t="s">
        <v>2795</v>
      </c>
      <c r="BST725" s="424"/>
      <c r="BSU725" s="424"/>
      <c r="BSV725" s="424"/>
      <c r="BSW725" s="423" t="s">
        <v>2795</v>
      </c>
      <c r="BSX725" s="424"/>
      <c r="BSY725" s="424"/>
      <c r="BSZ725" s="424"/>
      <c r="BTA725" s="423" t="s">
        <v>2795</v>
      </c>
      <c r="BTB725" s="424"/>
      <c r="BTC725" s="424"/>
      <c r="BTD725" s="424"/>
      <c r="BTE725" s="423" t="s">
        <v>2795</v>
      </c>
      <c r="BTF725" s="424"/>
      <c r="BTG725" s="424"/>
      <c r="BTH725" s="424"/>
      <c r="BTI725" s="423" t="s">
        <v>2795</v>
      </c>
      <c r="BTJ725" s="424"/>
      <c r="BTK725" s="424"/>
      <c r="BTL725" s="424"/>
      <c r="BTM725" s="423" t="s">
        <v>2795</v>
      </c>
      <c r="BTN725" s="424"/>
      <c r="BTO725" s="424"/>
      <c r="BTP725" s="424"/>
      <c r="BTQ725" s="423" t="s">
        <v>2795</v>
      </c>
      <c r="BTR725" s="424"/>
      <c r="BTS725" s="424"/>
      <c r="BTT725" s="424"/>
      <c r="BTU725" s="423" t="s">
        <v>2795</v>
      </c>
      <c r="BTV725" s="424"/>
      <c r="BTW725" s="424"/>
      <c r="BTX725" s="424"/>
      <c r="BTY725" s="423" t="s">
        <v>2795</v>
      </c>
      <c r="BTZ725" s="424"/>
      <c r="BUA725" s="424"/>
      <c r="BUB725" s="424"/>
      <c r="BUC725" s="423" t="s">
        <v>2795</v>
      </c>
      <c r="BUD725" s="424"/>
      <c r="BUE725" s="424"/>
      <c r="BUF725" s="424"/>
      <c r="BUG725" s="423" t="s">
        <v>2795</v>
      </c>
      <c r="BUH725" s="424"/>
      <c r="BUI725" s="424"/>
      <c r="BUJ725" s="424"/>
      <c r="BUK725" s="423" t="s">
        <v>2795</v>
      </c>
      <c r="BUL725" s="424"/>
      <c r="BUM725" s="424"/>
      <c r="BUN725" s="424"/>
      <c r="BUO725" s="423" t="s">
        <v>2795</v>
      </c>
      <c r="BUP725" s="424"/>
      <c r="BUQ725" s="424"/>
      <c r="BUR725" s="424"/>
      <c r="BUS725" s="423" t="s">
        <v>2795</v>
      </c>
      <c r="BUT725" s="424"/>
      <c r="BUU725" s="424"/>
      <c r="BUV725" s="424"/>
      <c r="BUW725" s="423" t="s">
        <v>2795</v>
      </c>
      <c r="BUX725" s="424"/>
      <c r="BUY725" s="424"/>
      <c r="BUZ725" s="424"/>
      <c r="BVA725" s="423" t="s">
        <v>2795</v>
      </c>
      <c r="BVB725" s="424"/>
      <c r="BVC725" s="424"/>
      <c r="BVD725" s="424"/>
      <c r="BVE725" s="423" t="s">
        <v>2795</v>
      </c>
      <c r="BVF725" s="424"/>
      <c r="BVG725" s="424"/>
      <c r="BVH725" s="424"/>
      <c r="BVI725" s="423" t="s">
        <v>2795</v>
      </c>
      <c r="BVJ725" s="424"/>
      <c r="BVK725" s="424"/>
      <c r="BVL725" s="424"/>
      <c r="BVM725" s="423" t="s">
        <v>2795</v>
      </c>
      <c r="BVN725" s="424"/>
      <c r="BVO725" s="424"/>
      <c r="BVP725" s="424"/>
      <c r="BVQ725" s="423" t="s">
        <v>2795</v>
      </c>
      <c r="BVR725" s="424"/>
      <c r="BVS725" s="424"/>
      <c r="BVT725" s="424"/>
      <c r="BVU725" s="423" t="s">
        <v>2795</v>
      </c>
      <c r="BVV725" s="424"/>
      <c r="BVW725" s="424"/>
      <c r="BVX725" s="424"/>
      <c r="BVY725" s="423" t="s">
        <v>2795</v>
      </c>
      <c r="BVZ725" s="424"/>
      <c r="BWA725" s="424"/>
      <c r="BWB725" s="424"/>
      <c r="BWC725" s="423" t="s">
        <v>2795</v>
      </c>
      <c r="BWD725" s="424"/>
      <c r="BWE725" s="424"/>
      <c r="BWF725" s="424"/>
      <c r="BWG725" s="423" t="s">
        <v>2795</v>
      </c>
      <c r="BWH725" s="424"/>
      <c r="BWI725" s="424"/>
      <c r="BWJ725" s="424"/>
      <c r="BWK725" s="423" t="s">
        <v>2795</v>
      </c>
      <c r="BWL725" s="424"/>
      <c r="BWM725" s="424"/>
      <c r="BWN725" s="424"/>
      <c r="BWO725" s="423" t="s">
        <v>2795</v>
      </c>
      <c r="BWP725" s="424"/>
      <c r="BWQ725" s="424"/>
      <c r="BWR725" s="424"/>
      <c r="BWS725" s="423" t="s">
        <v>2795</v>
      </c>
      <c r="BWT725" s="424"/>
      <c r="BWU725" s="424"/>
      <c r="BWV725" s="424"/>
      <c r="BWW725" s="423" t="s">
        <v>2795</v>
      </c>
      <c r="BWX725" s="424"/>
      <c r="BWY725" s="424"/>
      <c r="BWZ725" s="424"/>
      <c r="BXA725" s="423" t="s">
        <v>2795</v>
      </c>
      <c r="BXB725" s="424"/>
      <c r="BXC725" s="424"/>
      <c r="BXD725" s="424"/>
      <c r="BXE725" s="423" t="s">
        <v>2795</v>
      </c>
      <c r="BXF725" s="424"/>
      <c r="BXG725" s="424"/>
      <c r="BXH725" s="424"/>
      <c r="BXI725" s="423" t="s">
        <v>2795</v>
      </c>
      <c r="BXJ725" s="424"/>
      <c r="BXK725" s="424"/>
      <c r="BXL725" s="424"/>
      <c r="BXM725" s="423" t="s">
        <v>2795</v>
      </c>
      <c r="BXN725" s="424"/>
      <c r="BXO725" s="424"/>
      <c r="BXP725" s="424"/>
      <c r="BXQ725" s="423" t="s">
        <v>2795</v>
      </c>
      <c r="BXR725" s="424"/>
      <c r="BXS725" s="424"/>
      <c r="BXT725" s="424"/>
      <c r="BXU725" s="423" t="s">
        <v>2795</v>
      </c>
      <c r="BXV725" s="424"/>
      <c r="BXW725" s="424"/>
      <c r="BXX725" s="424"/>
      <c r="BXY725" s="423" t="s">
        <v>2795</v>
      </c>
      <c r="BXZ725" s="424"/>
      <c r="BYA725" s="424"/>
      <c r="BYB725" s="424"/>
      <c r="BYC725" s="423" t="s">
        <v>2795</v>
      </c>
      <c r="BYD725" s="424"/>
      <c r="BYE725" s="424"/>
      <c r="BYF725" s="424"/>
      <c r="BYG725" s="423" t="s">
        <v>2795</v>
      </c>
      <c r="BYH725" s="424"/>
      <c r="BYI725" s="424"/>
      <c r="BYJ725" s="424"/>
      <c r="BYK725" s="423" t="s">
        <v>2795</v>
      </c>
      <c r="BYL725" s="424"/>
      <c r="BYM725" s="424"/>
      <c r="BYN725" s="424"/>
      <c r="BYO725" s="423" t="s">
        <v>2795</v>
      </c>
      <c r="BYP725" s="424"/>
      <c r="BYQ725" s="424"/>
      <c r="BYR725" s="424"/>
      <c r="BYS725" s="423" t="s">
        <v>2795</v>
      </c>
      <c r="BYT725" s="424"/>
      <c r="BYU725" s="424"/>
      <c r="BYV725" s="424"/>
      <c r="BYW725" s="423" t="s">
        <v>2795</v>
      </c>
      <c r="BYX725" s="424"/>
      <c r="BYY725" s="424"/>
      <c r="BYZ725" s="424"/>
      <c r="BZA725" s="423" t="s">
        <v>2795</v>
      </c>
      <c r="BZB725" s="424"/>
      <c r="BZC725" s="424"/>
      <c r="BZD725" s="424"/>
      <c r="BZE725" s="423" t="s">
        <v>2795</v>
      </c>
      <c r="BZF725" s="424"/>
      <c r="BZG725" s="424"/>
      <c r="BZH725" s="424"/>
      <c r="BZI725" s="423" t="s">
        <v>2795</v>
      </c>
      <c r="BZJ725" s="424"/>
      <c r="BZK725" s="424"/>
      <c r="BZL725" s="424"/>
      <c r="BZM725" s="423" t="s">
        <v>2795</v>
      </c>
      <c r="BZN725" s="424"/>
      <c r="BZO725" s="424"/>
      <c r="BZP725" s="424"/>
      <c r="BZQ725" s="423" t="s">
        <v>2795</v>
      </c>
      <c r="BZR725" s="424"/>
      <c r="BZS725" s="424"/>
      <c r="BZT725" s="424"/>
      <c r="BZU725" s="423" t="s">
        <v>2795</v>
      </c>
      <c r="BZV725" s="424"/>
      <c r="BZW725" s="424"/>
      <c r="BZX725" s="424"/>
      <c r="BZY725" s="423" t="s">
        <v>2795</v>
      </c>
      <c r="BZZ725" s="424"/>
      <c r="CAA725" s="424"/>
      <c r="CAB725" s="424"/>
      <c r="CAC725" s="423" t="s">
        <v>2795</v>
      </c>
      <c r="CAD725" s="424"/>
      <c r="CAE725" s="424"/>
      <c r="CAF725" s="424"/>
      <c r="CAG725" s="423" t="s">
        <v>2795</v>
      </c>
      <c r="CAH725" s="424"/>
      <c r="CAI725" s="424"/>
      <c r="CAJ725" s="424"/>
      <c r="CAK725" s="423" t="s">
        <v>2795</v>
      </c>
      <c r="CAL725" s="424"/>
      <c r="CAM725" s="424"/>
      <c r="CAN725" s="424"/>
      <c r="CAO725" s="423" t="s">
        <v>2795</v>
      </c>
      <c r="CAP725" s="424"/>
      <c r="CAQ725" s="424"/>
      <c r="CAR725" s="424"/>
      <c r="CAS725" s="423" t="s">
        <v>2795</v>
      </c>
      <c r="CAT725" s="424"/>
      <c r="CAU725" s="424"/>
      <c r="CAV725" s="424"/>
      <c r="CAW725" s="423" t="s">
        <v>2795</v>
      </c>
      <c r="CAX725" s="424"/>
      <c r="CAY725" s="424"/>
      <c r="CAZ725" s="424"/>
      <c r="CBA725" s="423" t="s">
        <v>2795</v>
      </c>
      <c r="CBB725" s="424"/>
      <c r="CBC725" s="424"/>
      <c r="CBD725" s="424"/>
      <c r="CBE725" s="423" t="s">
        <v>2795</v>
      </c>
      <c r="CBF725" s="424"/>
      <c r="CBG725" s="424"/>
      <c r="CBH725" s="424"/>
      <c r="CBI725" s="423" t="s">
        <v>2795</v>
      </c>
      <c r="CBJ725" s="424"/>
      <c r="CBK725" s="424"/>
      <c r="CBL725" s="424"/>
      <c r="CBM725" s="423" t="s">
        <v>2795</v>
      </c>
      <c r="CBN725" s="424"/>
      <c r="CBO725" s="424"/>
      <c r="CBP725" s="424"/>
      <c r="CBQ725" s="423" t="s">
        <v>2795</v>
      </c>
      <c r="CBR725" s="424"/>
      <c r="CBS725" s="424"/>
      <c r="CBT725" s="424"/>
      <c r="CBU725" s="423" t="s">
        <v>2795</v>
      </c>
      <c r="CBV725" s="424"/>
      <c r="CBW725" s="424"/>
      <c r="CBX725" s="424"/>
      <c r="CBY725" s="423" t="s">
        <v>2795</v>
      </c>
      <c r="CBZ725" s="424"/>
      <c r="CCA725" s="424"/>
      <c r="CCB725" s="424"/>
      <c r="CCC725" s="423" t="s">
        <v>2795</v>
      </c>
      <c r="CCD725" s="424"/>
      <c r="CCE725" s="424"/>
      <c r="CCF725" s="424"/>
      <c r="CCG725" s="423" t="s">
        <v>2795</v>
      </c>
      <c r="CCH725" s="424"/>
      <c r="CCI725" s="424"/>
      <c r="CCJ725" s="424"/>
      <c r="CCK725" s="423" t="s">
        <v>2795</v>
      </c>
      <c r="CCL725" s="424"/>
      <c r="CCM725" s="424"/>
      <c r="CCN725" s="424"/>
      <c r="CCO725" s="423" t="s">
        <v>2795</v>
      </c>
      <c r="CCP725" s="424"/>
      <c r="CCQ725" s="424"/>
      <c r="CCR725" s="424"/>
      <c r="CCS725" s="423" t="s">
        <v>2795</v>
      </c>
      <c r="CCT725" s="424"/>
      <c r="CCU725" s="424"/>
      <c r="CCV725" s="424"/>
      <c r="CCW725" s="423" t="s">
        <v>2795</v>
      </c>
      <c r="CCX725" s="424"/>
      <c r="CCY725" s="424"/>
      <c r="CCZ725" s="424"/>
      <c r="CDA725" s="423" t="s">
        <v>2795</v>
      </c>
      <c r="CDB725" s="424"/>
      <c r="CDC725" s="424"/>
      <c r="CDD725" s="424"/>
      <c r="CDE725" s="423" t="s">
        <v>2795</v>
      </c>
      <c r="CDF725" s="424"/>
      <c r="CDG725" s="424"/>
      <c r="CDH725" s="424"/>
      <c r="CDI725" s="423" t="s">
        <v>2795</v>
      </c>
      <c r="CDJ725" s="424"/>
      <c r="CDK725" s="424"/>
      <c r="CDL725" s="424"/>
      <c r="CDM725" s="423" t="s">
        <v>2795</v>
      </c>
      <c r="CDN725" s="424"/>
      <c r="CDO725" s="424"/>
      <c r="CDP725" s="424"/>
      <c r="CDQ725" s="423" t="s">
        <v>2795</v>
      </c>
      <c r="CDR725" s="424"/>
      <c r="CDS725" s="424"/>
      <c r="CDT725" s="424"/>
      <c r="CDU725" s="423" t="s">
        <v>2795</v>
      </c>
      <c r="CDV725" s="424"/>
      <c r="CDW725" s="424"/>
      <c r="CDX725" s="424"/>
      <c r="CDY725" s="423" t="s">
        <v>2795</v>
      </c>
      <c r="CDZ725" s="424"/>
      <c r="CEA725" s="424"/>
      <c r="CEB725" s="424"/>
      <c r="CEC725" s="423" t="s">
        <v>2795</v>
      </c>
      <c r="CED725" s="424"/>
      <c r="CEE725" s="424"/>
      <c r="CEF725" s="424"/>
      <c r="CEG725" s="423" t="s">
        <v>2795</v>
      </c>
      <c r="CEH725" s="424"/>
      <c r="CEI725" s="424"/>
      <c r="CEJ725" s="424"/>
      <c r="CEK725" s="423" t="s">
        <v>2795</v>
      </c>
      <c r="CEL725" s="424"/>
      <c r="CEM725" s="424"/>
      <c r="CEN725" s="424"/>
      <c r="CEO725" s="423" t="s">
        <v>2795</v>
      </c>
      <c r="CEP725" s="424"/>
      <c r="CEQ725" s="424"/>
      <c r="CER725" s="424"/>
      <c r="CES725" s="423" t="s">
        <v>2795</v>
      </c>
      <c r="CET725" s="424"/>
      <c r="CEU725" s="424"/>
      <c r="CEV725" s="424"/>
      <c r="CEW725" s="423" t="s">
        <v>2795</v>
      </c>
      <c r="CEX725" s="424"/>
      <c r="CEY725" s="424"/>
      <c r="CEZ725" s="424"/>
      <c r="CFA725" s="423" t="s">
        <v>2795</v>
      </c>
      <c r="CFB725" s="424"/>
      <c r="CFC725" s="424"/>
      <c r="CFD725" s="424"/>
      <c r="CFE725" s="423" t="s">
        <v>2795</v>
      </c>
      <c r="CFF725" s="424"/>
      <c r="CFG725" s="424"/>
      <c r="CFH725" s="424"/>
      <c r="CFI725" s="423" t="s">
        <v>2795</v>
      </c>
      <c r="CFJ725" s="424"/>
      <c r="CFK725" s="424"/>
      <c r="CFL725" s="424"/>
      <c r="CFM725" s="423" t="s">
        <v>2795</v>
      </c>
      <c r="CFN725" s="424"/>
      <c r="CFO725" s="424"/>
      <c r="CFP725" s="424"/>
      <c r="CFQ725" s="423" t="s">
        <v>2795</v>
      </c>
      <c r="CFR725" s="424"/>
      <c r="CFS725" s="424"/>
      <c r="CFT725" s="424"/>
      <c r="CFU725" s="423" t="s">
        <v>2795</v>
      </c>
      <c r="CFV725" s="424"/>
      <c r="CFW725" s="424"/>
      <c r="CFX725" s="424"/>
      <c r="CFY725" s="423" t="s">
        <v>2795</v>
      </c>
      <c r="CFZ725" s="424"/>
      <c r="CGA725" s="424"/>
      <c r="CGB725" s="424"/>
      <c r="CGC725" s="423" t="s">
        <v>2795</v>
      </c>
      <c r="CGD725" s="424"/>
      <c r="CGE725" s="424"/>
      <c r="CGF725" s="424"/>
      <c r="CGG725" s="423" t="s">
        <v>2795</v>
      </c>
      <c r="CGH725" s="424"/>
      <c r="CGI725" s="424"/>
      <c r="CGJ725" s="424"/>
      <c r="CGK725" s="423" t="s">
        <v>2795</v>
      </c>
      <c r="CGL725" s="424"/>
      <c r="CGM725" s="424"/>
      <c r="CGN725" s="424"/>
      <c r="CGO725" s="423" t="s">
        <v>2795</v>
      </c>
      <c r="CGP725" s="424"/>
      <c r="CGQ725" s="424"/>
      <c r="CGR725" s="424"/>
      <c r="CGS725" s="423" t="s">
        <v>2795</v>
      </c>
      <c r="CGT725" s="424"/>
      <c r="CGU725" s="424"/>
      <c r="CGV725" s="424"/>
      <c r="CGW725" s="423" t="s">
        <v>2795</v>
      </c>
      <c r="CGX725" s="424"/>
      <c r="CGY725" s="424"/>
      <c r="CGZ725" s="424"/>
      <c r="CHA725" s="423" t="s">
        <v>2795</v>
      </c>
      <c r="CHB725" s="424"/>
      <c r="CHC725" s="424"/>
      <c r="CHD725" s="424"/>
      <c r="CHE725" s="423" t="s">
        <v>2795</v>
      </c>
      <c r="CHF725" s="424"/>
      <c r="CHG725" s="424"/>
      <c r="CHH725" s="424"/>
      <c r="CHI725" s="423" t="s">
        <v>2795</v>
      </c>
      <c r="CHJ725" s="424"/>
      <c r="CHK725" s="424"/>
      <c r="CHL725" s="424"/>
      <c r="CHM725" s="423" t="s">
        <v>2795</v>
      </c>
      <c r="CHN725" s="424"/>
      <c r="CHO725" s="424"/>
      <c r="CHP725" s="424"/>
      <c r="CHQ725" s="423" t="s">
        <v>2795</v>
      </c>
      <c r="CHR725" s="424"/>
      <c r="CHS725" s="424"/>
      <c r="CHT725" s="424"/>
      <c r="CHU725" s="423" t="s">
        <v>2795</v>
      </c>
      <c r="CHV725" s="424"/>
      <c r="CHW725" s="424"/>
      <c r="CHX725" s="424"/>
      <c r="CHY725" s="423" t="s">
        <v>2795</v>
      </c>
      <c r="CHZ725" s="424"/>
      <c r="CIA725" s="424"/>
      <c r="CIB725" s="424"/>
      <c r="CIC725" s="423" t="s">
        <v>2795</v>
      </c>
      <c r="CID725" s="424"/>
      <c r="CIE725" s="424"/>
      <c r="CIF725" s="424"/>
      <c r="CIG725" s="423" t="s">
        <v>2795</v>
      </c>
      <c r="CIH725" s="424"/>
      <c r="CII725" s="424"/>
      <c r="CIJ725" s="424"/>
      <c r="CIK725" s="423" t="s">
        <v>2795</v>
      </c>
      <c r="CIL725" s="424"/>
      <c r="CIM725" s="424"/>
      <c r="CIN725" s="424"/>
      <c r="CIO725" s="423" t="s">
        <v>2795</v>
      </c>
      <c r="CIP725" s="424"/>
      <c r="CIQ725" s="424"/>
      <c r="CIR725" s="424"/>
      <c r="CIS725" s="423" t="s">
        <v>2795</v>
      </c>
      <c r="CIT725" s="424"/>
      <c r="CIU725" s="424"/>
      <c r="CIV725" s="424"/>
      <c r="CIW725" s="423" t="s">
        <v>2795</v>
      </c>
      <c r="CIX725" s="424"/>
      <c r="CIY725" s="424"/>
      <c r="CIZ725" s="424"/>
      <c r="CJA725" s="423" t="s">
        <v>2795</v>
      </c>
      <c r="CJB725" s="424"/>
      <c r="CJC725" s="424"/>
      <c r="CJD725" s="424"/>
      <c r="CJE725" s="423" t="s">
        <v>2795</v>
      </c>
      <c r="CJF725" s="424"/>
      <c r="CJG725" s="424"/>
      <c r="CJH725" s="424"/>
      <c r="CJI725" s="423" t="s">
        <v>2795</v>
      </c>
      <c r="CJJ725" s="424"/>
      <c r="CJK725" s="424"/>
      <c r="CJL725" s="424"/>
      <c r="CJM725" s="423" t="s">
        <v>2795</v>
      </c>
      <c r="CJN725" s="424"/>
      <c r="CJO725" s="424"/>
      <c r="CJP725" s="424"/>
      <c r="CJQ725" s="423" t="s">
        <v>2795</v>
      </c>
      <c r="CJR725" s="424"/>
      <c r="CJS725" s="424"/>
      <c r="CJT725" s="424"/>
      <c r="CJU725" s="423" t="s">
        <v>2795</v>
      </c>
      <c r="CJV725" s="424"/>
      <c r="CJW725" s="424"/>
      <c r="CJX725" s="424"/>
      <c r="CJY725" s="423" t="s">
        <v>2795</v>
      </c>
      <c r="CJZ725" s="424"/>
      <c r="CKA725" s="424"/>
      <c r="CKB725" s="424"/>
      <c r="CKC725" s="423" t="s">
        <v>2795</v>
      </c>
      <c r="CKD725" s="424"/>
      <c r="CKE725" s="424"/>
      <c r="CKF725" s="424"/>
      <c r="CKG725" s="423" t="s">
        <v>2795</v>
      </c>
      <c r="CKH725" s="424"/>
      <c r="CKI725" s="424"/>
      <c r="CKJ725" s="424"/>
      <c r="CKK725" s="423" t="s">
        <v>2795</v>
      </c>
      <c r="CKL725" s="424"/>
      <c r="CKM725" s="424"/>
      <c r="CKN725" s="424"/>
      <c r="CKO725" s="423" t="s">
        <v>2795</v>
      </c>
      <c r="CKP725" s="424"/>
      <c r="CKQ725" s="424"/>
      <c r="CKR725" s="424"/>
      <c r="CKS725" s="423" t="s">
        <v>2795</v>
      </c>
      <c r="CKT725" s="424"/>
      <c r="CKU725" s="424"/>
      <c r="CKV725" s="424"/>
      <c r="CKW725" s="423" t="s">
        <v>2795</v>
      </c>
      <c r="CKX725" s="424"/>
      <c r="CKY725" s="424"/>
      <c r="CKZ725" s="424"/>
      <c r="CLA725" s="423" t="s">
        <v>2795</v>
      </c>
      <c r="CLB725" s="424"/>
      <c r="CLC725" s="424"/>
      <c r="CLD725" s="424"/>
      <c r="CLE725" s="423" t="s">
        <v>2795</v>
      </c>
      <c r="CLF725" s="424"/>
      <c r="CLG725" s="424"/>
      <c r="CLH725" s="424"/>
      <c r="CLI725" s="423" t="s">
        <v>2795</v>
      </c>
      <c r="CLJ725" s="424"/>
      <c r="CLK725" s="424"/>
      <c r="CLL725" s="424"/>
      <c r="CLM725" s="423" t="s">
        <v>2795</v>
      </c>
      <c r="CLN725" s="424"/>
      <c r="CLO725" s="424"/>
      <c r="CLP725" s="424"/>
      <c r="CLQ725" s="423" t="s">
        <v>2795</v>
      </c>
      <c r="CLR725" s="424"/>
      <c r="CLS725" s="424"/>
      <c r="CLT725" s="424"/>
      <c r="CLU725" s="423" t="s">
        <v>2795</v>
      </c>
      <c r="CLV725" s="424"/>
      <c r="CLW725" s="424"/>
      <c r="CLX725" s="424"/>
      <c r="CLY725" s="423" t="s">
        <v>2795</v>
      </c>
      <c r="CLZ725" s="424"/>
      <c r="CMA725" s="424"/>
      <c r="CMB725" s="424"/>
      <c r="CMC725" s="423" t="s">
        <v>2795</v>
      </c>
      <c r="CMD725" s="424"/>
      <c r="CME725" s="424"/>
      <c r="CMF725" s="424"/>
      <c r="CMG725" s="423" t="s">
        <v>2795</v>
      </c>
      <c r="CMH725" s="424"/>
      <c r="CMI725" s="424"/>
      <c r="CMJ725" s="424"/>
      <c r="CMK725" s="423" t="s">
        <v>2795</v>
      </c>
      <c r="CML725" s="424"/>
      <c r="CMM725" s="424"/>
      <c r="CMN725" s="424"/>
      <c r="CMO725" s="423" t="s">
        <v>2795</v>
      </c>
      <c r="CMP725" s="424"/>
      <c r="CMQ725" s="424"/>
      <c r="CMR725" s="424"/>
      <c r="CMS725" s="423" t="s">
        <v>2795</v>
      </c>
      <c r="CMT725" s="424"/>
      <c r="CMU725" s="424"/>
      <c r="CMV725" s="424"/>
      <c r="CMW725" s="423" t="s">
        <v>2795</v>
      </c>
      <c r="CMX725" s="424"/>
      <c r="CMY725" s="424"/>
      <c r="CMZ725" s="424"/>
      <c r="CNA725" s="423" t="s">
        <v>2795</v>
      </c>
      <c r="CNB725" s="424"/>
      <c r="CNC725" s="424"/>
      <c r="CND725" s="424"/>
      <c r="CNE725" s="423" t="s">
        <v>2795</v>
      </c>
      <c r="CNF725" s="424"/>
      <c r="CNG725" s="424"/>
      <c r="CNH725" s="424"/>
      <c r="CNI725" s="423" t="s">
        <v>2795</v>
      </c>
      <c r="CNJ725" s="424"/>
      <c r="CNK725" s="424"/>
      <c r="CNL725" s="424"/>
      <c r="CNM725" s="423" t="s">
        <v>2795</v>
      </c>
      <c r="CNN725" s="424"/>
      <c r="CNO725" s="424"/>
      <c r="CNP725" s="424"/>
      <c r="CNQ725" s="423" t="s">
        <v>2795</v>
      </c>
      <c r="CNR725" s="424"/>
      <c r="CNS725" s="424"/>
      <c r="CNT725" s="424"/>
      <c r="CNU725" s="423" t="s">
        <v>2795</v>
      </c>
      <c r="CNV725" s="424"/>
      <c r="CNW725" s="424"/>
      <c r="CNX725" s="424"/>
      <c r="CNY725" s="423" t="s">
        <v>2795</v>
      </c>
      <c r="CNZ725" s="424"/>
      <c r="COA725" s="424"/>
      <c r="COB725" s="424"/>
      <c r="COC725" s="423" t="s">
        <v>2795</v>
      </c>
      <c r="COD725" s="424"/>
      <c r="COE725" s="424"/>
      <c r="COF725" s="424"/>
      <c r="COG725" s="423" t="s">
        <v>2795</v>
      </c>
      <c r="COH725" s="424"/>
      <c r="COI725" s="424"/>
      <c r="COJ725" s="424"/>
      <c r="COK725" s="423" t="s">
        <v>2795</v>
      </c>
      <c r="COL725" s="424"/>
      <c r="COM725" s="424"/>
      <c r="CON725" s="424"/>
      <c r="COO725" s="423" t="s">
        <v>2795</v>
      </c>
      <c r="COP725" s="424"/>
      <c r="COQ725" s="424"/>
      <c r="COR725" s="424"/>
      <c r="COS725" s="423" t="s">
        <v>2795</v>
      </c>
      <c r="COT725" s="424"/>
      <c r="COU725" s="424"/>
      <c r="COV725" s="424"/>
      <c r="COW725" s="423" t="s">
        <v>2795</v>
      </c>
      <c r="COX725" s="424"/>
      <c r="COY725" s="424"/>
      <c r="COZ725" s="424"/>
      <c r="CPA725" s="423" t="s">
        <v>2795</v>
      </c>
      <c r="CPB725" s="424"/>
      <c r="CPC725" s="424"/>
      <c r="CPD725" s="424"/>
      <c r="CPE725" s="423" t="s">
        <v>2795</v>
      </c>
      <c r="CPF725" s="424"/>
      <c r="CPG725" s="424"/>
      <c r="CPH725" s="424"/>
      <c r="CPI725" s="423" t="s">
        <v>2795</v>
      </c>
      <c r="CPJ725" s="424"/>
      <c r="CPK725" s="424"/>
      <c r="CPL725" s="424"/>
      <c r="CPM725" s="423" t="s">
        <v>2795</v>
      </c>
      <c r="CPN725" s="424"/>
      <c r="CPO725" s="424"/>
      <c r="CPP725" s="424"/>
      <c r="CPQ725" s="423" t="s">
        <v>2795</v>
      </c>
      <c r="CPR725" s="424"/>
      <c r="CPS725" s="424"/>
      <c r="CPT725" s="424"/>
      <c r="CPU725" s="423" t="s">
        <v>2795</v>
      </c>
      <c r="CPV725" s="424"/>
      <c r="CPW725" s="424"/>
      <c r="CPX725" s="424"/>
      <c r="CPY725" s="423" t="s">
        <v>2795</v>
      </c>
      <c r="CPZ725" s="424"/>
      <c r="CQA725" s="424"/>
      <c r="CQB725" s="424"/>
      <c r="CQC725" s="423" t="s">
        <v>2795</v>
      </c>
      <c r="CQD725" s="424"/>
      <c r="CQE725" s="424"/>
      <c r="CQF725" s="424"/>
      <c r="CQG725" s="423" t="s">
        <v>2795</v>
      </c>
      <c r="CQH725" s="424"/>
      <c r="CQI725" s="424"/>
      <c r="CQJ725" s="424"/>
      <c r="CQK725" s="423" t="s">
        <v>2795</v>
      </c>
      <c r="CQL725" s="424"/>
      <c r="CQM725" s="424"/>
      <c r="CQN725" s="424"/>
      <c r="CQO725" s="423" t="s">
        <v>2795</v>
      </c>
      <c r="CQP725" s="424"/>
      <c r="CQQ725" s="424"/>
      <c r="CQR725" s="424"/>
      <c r="CQS725" s="423" t="s">
        <v>2795</v>
      </c>
      <c r="CQT725" s="424"/>
      <c r="CQU725" s="424"/>
      <c r="CQV725" s="424"/>
      <c r="CQW725" s="423" t="s">
        <v>2795</v>
      </c>
      <c r="CQX725" s="424"/>
      <c r="CQY725" s="424"/>
      <c r="CQZ725" s="424"/>
      <c r="CRA725" s="423" t="s">
        <v>2795</v>
      </c>
      <c r="CRB725" s="424"/>
      <c r="CRC725" s="424"/>
      <c r="CRD725" s="424"/>
      <c r="CRE725" s="423" t="s">
        <v>2795</v>
      </c>
      <c r="CRF725" s="424"/>
      <c r="CRG725" s="424"/>
      <c r="CRH725" s="424"/>
      <c r="CRI725" s="423" t="s">
        <v>2795</v>
      </c>
      <c r="CRJ725" s="424"/>
      <c r="CRK725" s="424"/>
      <c r="CRL725" s="424"/>
      <c r="CRM725" s="423" t="s">
        <v>2795</v>
      </c>
      <c r="CRN725" s="424"/>
      <c r="CRO725" s="424"/>
      <c r="CRP725" s="424"/>
      <c r="CRQ725" s="423" t="s">
        <v>2795</v>
      </c>
      <c r="CRR725" s="424"/>
      <c r="CRS725" s="424"/>
      <c r="CRT725" s="424"/>
      <c r="CRU725" s="423" t="s">
        <v>2795</v>
      </c>
      <c r="CRV725" s="424"/>
      <c r="CRW725" s="424"/>
      <c r="CRX725" s="424"/>
      <c r="CRY725" s="423" t="s">
        <v>2795</v>
      </c>
      <c r="CRZ725" s="424"/>
      <c r="CSA725" s="424"/>
      <c r="CSB725" s="424"/>
      <c r="CSC725" s="423" t="s">
        <v>2795</v>
      </c>
      <c r="CSD725" s="424"/>
      <c r="CSE725" s="424"/>
      <c r="CSF725" s="424"/>
      <c r="CSG725" s="423" t="s">
        <v>2795</v>
      </c>
      <c r="CSH725" s="424"/>
      <c r="CSI725" s="424"/>
      <c r="CSJ725" s="424"/>
      <c r="CSK725" s="423" t="s">
        <v>2795</v>
      </c>
      <c r="CSL725" s="424"/>
      <c r="CSM725" s="424"/>
      <c r="CSN725" s="424"/>
      <c r="CSO725" s="423" t="s">
        <v>2795</v>
      </c>
      <c r="CSP725" s="424"/>
      <c r="CSQ725" s="424"/>
      <c r="CSR725" s="424"/>
      <c r="CSS725" s="423" t="s">
        <v>2795</v>
      </c>
      <c r="CST725" s="424"/>
      <c r="CSU725" s="424"/>
      <c r="CSV725" s="424"/>
      <c r="CSW725" s="423" t="s">
        <v>2795</v>
      </c>
      <c r="CSX725" s="424"/>
      <c r="CSY725" s="424"/>
      <c r="CSZ725" s="424"/>
      <c r="CTA725" s="423" t="s">
        <v>2795</v>
      </c>
      <c r="CTB725" s="424"/>
      <c r="CTC725" s="424"/>
      <c r="CTD725" s="424"/>
      <c r="CTE725" s="423" t="s">
        <v>2795</v>
      </c>
      <c r="CTF725" s="424"/>
      <c r="CTG725" s="424"/>
      <c r="CTH725" s="424"/>
      <c r="CTI725" s="423" t="s">
        <v>2795</v>
      </c>
      <c r="CTJ725" s="424"/>
      <c r="CTK725" s="424"/>
      <c r="CTL725" s="424"/>
      <c r="CTM725" s="423" t="s">
        <v>2795</v>
      </c>
      <c r="CTN725" s="424"/>
      <c r="CTO725" s="424"/>
      <c r="CTP725" s="424"/>
      <c r="CTQ725" s="423" t="s">
        <v>2795</v>
      </c>
      <c r="CTR725" s="424"/>
      <c r="CTS725" s="424"/>
      <c r="CTT725" s="424"/>
      <c r="CTU725" s="423" t="s">
        <v>2795</v>
      </c>
      <c r="CTV725" s="424"/>
      <c r="CTW725" s="424"/>
      <c r="CTX725" s="424"/>
      <c r="CTY725" s="423" t="s">
        <v>2795</v>
      </c>
      <c r="CTZ725" s="424"/>
      <c r="CUA725" s="424"/>
      <c r="CUB725" s="424"/>
      <c r="CUC725" s="423" t="s">
        <v>2795</v>
      </c>
      <c r="CUD725" s="424"/>
      <c r="CUE725" s="424"/>
      <c r="CUF725" s="424"/>
      <c r="CUG725" s="423" t="s">
        <v>2795</v>
      </c>
      <c r="CUH725" s="424"/>
      <c r="CUI725" s="424"/>
      <c r="CUJ725" s="424"/>
      <c r="CUK725" s="423" t="s">
        <v>2795</v>
      </c>
      <c r="CUL725" s="424"/>
      <c r="CUM725" s="424"/>
      <c r="CUN725" s="424"/>
      <c r="CUO725" s="423" t="s">
        <v>2795</v>
      </c>
      <c r="CUP725" s="424"/>
      <c r="CUQ725" s="424"/>
      <c r="CUR725" s="424"/>
      <c r="CUS725" s="423" t="s">
        <v>2795</v>
      </c>
      <c r="CUT725" s="424"/>
      <c r="CUU725" s="424"/>
      <c r="CUV725" s="424"/>
      <c r="CUW725" s="423" t="s">
        <v>2795</v>
      </c>
      <c r="CUX725" s="424"/>
      <c r="CUY725" s="424"/>
      <c r="CUZ725" s="424"/>
      <c r="CVA725" s="423" t="s">
        <v>2795</v>
      </c>
      <c r="CVB725" s="424"/>
      <c r="CVC725" s="424"/>
      <c r="CVD725" s="424"/>
      <c r="CVE725" s="423" t="s">
        <v>2795</v>
      </c>
      <c r="CVF725" s="424"/>
      <c r="CVG725" s="424"/>
      <c r="CVH725" s="424"/>
      <c r="CVI725" s="423" t="s">
        <v>2795</v>
      </c>
      <c r="CVJ725" s="424"/>
      <c r="CVK725" s="424"/>
      <c r="CVL725" s="424"/>
      <c r="CVM725" s="423" t="s">
        <v>2795</v>
      </c>
      <c r="CVN725" s="424"/>
      <c r="CVO725" s="424"/>
      <c r="CVP725" s="424"/>
      <c r="CVQ725" s="423" t="s">
        <v>2795</v>
      </c>
      <c r="CVR725" s="424"/>
      <c r="CVS725" s="424"/>
      <c r="CVT725" s="424"/>
      <c r="CVU725" s="423" t="s">
        <v>2795</v>
      </c>
      <c r="CVV725" s="424"/>
      <c r="CVW725" s="424"/>
      <c r="CVX725" s="424"/>
      <c r="CVY725" s="423" t="s">
        <v>2795</v>
      </c>
      <c r="CVZ725" s="424"/>
      <c r="CWA725" s="424"/>
      <c r="CWB725" s="424"/>
      <c r="CWC725" s="423" t="s">
        <v>2795</v>
      </c>
      <c r="CWD725" s="424"/>
      <c r="CWE725" s="424"/>
      <c r="CWF725" s="424"/>
      <c r="CWG725" s="423" t="s">
        <v>2795</v>
      </c>
      <c r="CWH725" s="424"/>
      <c r="CWI725" s="424"/>
      <c r="CWJ725" s="424"/>
      <c r="CWK725" s="423" t="s">
        <v>2795</v>
      </c>
      <c r="CWL725" s="424"/>
      <c r="CWM725" s="424"/>
      <c r="CWN725" s="424"/>
      <c r="CWO725" s="423" t="s">
        <v>2795</v>
      </c>
      <c r="CWP725" s="424"/>
      <c r="CWQ725" s="424"/>
      <c r="CWR725" s="424"/>
      <c r="CWS725" s="423" t="s">
        <v>2795</v>
      </c>
      <c r="CWT725" s="424"/>
      <c r="CWU725" s="424"/>
      <c r="CWV725" s="424"/>
      <c r="CWW725" s="423" t="s">
        <v>2795</v>
      </c>
      <c r="CWX725" s="424"/>
      <c r="CWY725" s="424"/>
      <c r="CWZ725" s="424"/>
      <c r="CXA725" s="423" t="s">
        <v>2795</v>
      </c>
      <c r="CXB725" s="424"/>
      <c r="CXC725" s="424"/>
      <c r="CXD725" s="424"/>
      <c r="CXE725" s="423" t="s">
        <v>2795</v>
      </c>
      <c r="CXF725" s="424"/>
      <c r="CXG725" s="424"/>
      <c r="CXH725" s="424"/>
      <c r="CXI725" s="423" t="s">
        <v>2795</v>
      </c>
      <c r="CXJ725" s="424"/>
      <c r="CXK725" s="424"/>
      <c r="CXL725" s="424"/>
      <c r="CXM725" s="423" t="s">
        <v>2795</v>
      </c>
      <c r="CXN725" s="424"/>
      <c r="CXO725" s="424"/>
      <c r="CXP725" s="424"/>
      <c r="CXQ725" s="423" t="s">
        <v>2795</v>
      </c>
      <c r="CXR725" s="424"/>
      <c r="CXS725" s="424"/>
      <c r="CXT725" s="424"/>
      <c r="CXU725" s="423" t="s">
        <v>2795</v>
      </c>
      <c r="CXV725" s="424"/>
      <c r="CXW725" s="424"/>
      <c r="CXX725" s="424"/>
      <c r="CXY725" s="423" t="s">
        <v>2795</v>
      </c>
      <c r="CXZ725" s="424"/>
      <c r="CYA725" s="424"/>
      <c r="CYB725" s="424"/>
      <c r="CYC725" s="423" t="s">
        <v>2795</v>
      </c>
      <c r="CYD725" s="424"/>
      <c r="CYE725" s="424"/>
      <c r="CYF725" s="424"/>
      <c r="CYG725" s="423" t="s">
        <v>2795</v>
      </c>
      <c r="CYH725" s="424"/>
      <c r="CYI725" s="424"/>
      <c r="CYJ725" s="424"/>
      <c r="CYK725" s="423" t="s">
        <v>2795</v>
      </c>
      <c r="CYL725" s="424"/>
      <c r="CYM725" s="424"/>
      <c r="CYN725" s="424"/>
      <c r="CYO725" s="423" t="s">
        <v>2795</v>
      </c>
      <c r="CYP725" s="424"/>
      <c r="CYQ725" s="424"/>
      <c r="CYR725" s="424"/>
      <c r="CYS725" s="423" t="s">
        <v>2795</v>
      </c>
      <c r="CYT725" s="424"/>
      <c r="CYU725" s="424"/>
      <c r="CYV725" s="424"/>
      <c r="CYW725" s="423" t="s">
        <v>2795</v>
      </c>
      <c r="CYX725" s="424"/>
      <c r="CYY725" s="424"/>
      <c r="CYZ725" s="424"/>
      <c r="CZA725" s="423" t="s">
        <v>2795</v>
      </c>
      <c r="CZB725" s="424"/>
      <c r="CZC725" s="424"/>
      <c r="CZD725" s="424"/>
      <c r="CZE725" s="423" t="s">
        <v>2795</v>
      </c>
      <c r="CZF725" s="424"/>
      <c r="CZG725" s="424"/>
      <c r="CZH725" s="424"/>
      <c r="CZI725" s="423" t="s">
        <v>2795</v>
      </c>
      <c r="CZJ725" s="424"/>
      <c r="CZK725" s="424"/>
      <c r="CZL725" s="424"/>
      <c r="CZM725" s="423" t="s">
        <v>2795</v>
      </c>
      <c r="CZN725" s="424"/>
      <c r="CZO725" s="424"/>
      <c r="CZP725" s="424"/>
      <c r="CZQ725" s="423" t="s">
        <v>2795</v>
      </c>
      <c r="CZR725" s="424"/>
      <c r="CZS725" s="424"/>
      <c r="CZT725" s="424"/>
      <c r="CZU725" s="423" t="s">
        <v>2795</v>
      </c>
      <c r="CZV725" s="424"/>
      <c r="CZW725" s="424"/>
      <c r="CZX725" s="424"/>
      <c r="CZY725" s="423" t="s">
        <v>2795</v>
      </c>
      <c r="CZZ725" s="424"/>
      <c r="DAA725" s="424"/>
      <c r="DAB725" s="424"/>
      <c r="DAC725" s="423" t="s">
        <v>2795</v>
      </c>
      <c r="DAD725" s="424"/>
      <c r="DAE725" s="424"/>
      <c r="DAF725" s="424"/>
      <c r="DAG725" s="423" t="s">
        <v>2795</v>
      </c>
      <c r="DAH725" s="424"/>
      <c r="DAI725" s="424"/>
      <c r="DAJ725" s="424"/>
      <c r="DAK725" s="423" t="s">
        <v>2795</v>
      </c>
      <c r="DAL725" s="424"/>
      <c r="DAM725" s="424"/>
      <c r="DAN725" s="424"/>
      <c r="DAO725" s="423" t="s">
        <v>2795</v>
      </c>
      <c r="DAP725" s="424"/>
      <c r="DAQ725" s="424"/>
      <c r="DAR725" s="424"/>
      <c r="DAS725" s="423" t="s">
        <v>2795</v>
      </c>
      <c r="DAT725" s="424"/>
      <c r="DAU725" s="424"/>
      <c r="DAV725" s="424"/>
      <c r="DAW725" s="423" t="s">
        <v>2795</v>
      </c>
      <c r="DAX725" s="424"/>
      <c r="DAY725" s="424"/>
      <c r="DAZ725" s="424"/>
      <c r="DBA725" s="423" t="s">
        <v>2795</v>
      </c>
      <c r="DBB725" s="424"/>
      <c r="DBC725" s="424"/>
      <c r="DBD725" s="424"/>
      <c r="DBE725" s="423" t="s">
        <v>2795</v>
      </c>
      <c r="DBF725" s="424"/>
      <c r="DBG725" s="424"/>
      <c r="DBH725" s="424"/>
      <c r="DBI725" s="423" t="s">
        <v>2795</v>
      </c>
      <c r="DBJ725" s="424"/>
      <c r="DBK725" s="424"/>
      <c r="DBL725" s="424"/>
      <c r="DBM725" s="423" t="s">
        <v>2795</v>
      </c>
      <c r="DBN725" s="424"/>
      <c r="DBO725" s="424"/>
      <c r="DBP725" s="424"/>
      <c r="DBQ725" s="423" t="s">
        <v>2795</v>
      </c>
      <c r="DBR725" s="424"/>
      <c r="DBS725" s="424"/>
      <c r="DBT725" s="424"/>
      <c r="DBU725" s="423" t="s">
        <v>2795</v>
      </c>
      <c r="DBV725" s="424"/>
      <c r="DBW725" s="424"/>
      <c r="DBX725" s="424"/>
      <c r="DBY725" s="423" t="s">
        <v>2795</v>
      </c>
      <c r="DBZ725" s="424"/>
      <c r="DCA725" s="424"/>
      <c r="DCB725" s="424"/>
      <c r="DCC725" s="423" t="s">
        <v>2795</v>
      </c>
      <c r="DCD725" s="424"/>
      <c r="DCE725" s="424"/>
      <c r="DCF725" s="424"/>
      <c r="DCG725" s="423" t="s">
        <v>2795</v>
      </c>
      <c r="DCH725" s="424"/>
      <c r="DCI725" s="424"/>
      <c r="DCJ725" s="424"/>
      <c r="DCK725" s="423" t="s">
        <v>2795</v>
      </c>
      <c r="DCL725" s="424"/>
      <c r="DCM725" s="424"/>
      <c r="DCN725" s="424"/>
      <c r="DCO725" s="423" t="s">
        <v>2795</v>
      </c>
      <c r="DCP725" s="424"/>
      <c r="DCQ725" s="424"/>
      <c r="DCR725" s="424"/>
      <c r="DCS725" s="423" t="s">
        <v>2795</v>
      </c>
      <c r="DCT725" s="424"/>
      <c r="DCU725" s="424"/>
      <c r="DCV725" s="424"/>
      <c r="DCW725" s="423" t="s">
        <v>2795</v>
      </c>
      <c r="DCX725" s="424"/>
      <c r="DCY725" s="424"/>
      <c r="DCZ725" s="424"/>
      <c r="DDA725" s="423" t="s">
        <v>2795</v>
      </c>
      <c r="DDB725" s="424"/>
      <c r="DDC725" s="424"/>
      <c r="DDD725" s="424"/>
      <c r="DDE725" s="423" t="s">
        <v>2795</v>
      </c>
      <c r="DDF725" s="424"/>
      <c r="DDG725" s="424"/>
      <c r="DDH725" s="424"/>
      <c r="DDI725" s="423" t="s">
        <v>2795</v>
      </c>
      <c r="DDJ725" s="424"/>
      <c r="DDK725" s="424"/>
      <c r="DDL725" s="424"/>
      <c r="DDM725" s="423" t="s">
        <v>2795</v>
      </c>
      <c r="DDN725" s="424"/>
      <c r="DDO725" s="424"/>
      <c r="DDP725" s="424"/>
      <c r="DDQ725" s="423" t="s">
        <v>2795</v>
      </c>
      <c r="DDR725" s="424"/>
      <c r="DDS725" s="424"/>
      <c r="DDT725" s="424"/>
      <c r="DDU725" s="423" t="s">
        <v>2795</v>
      </c>
      <c r="DDV725" s="424"/>
      <c r="DDW725" s="424"/>
      <c r="DDX725" s="424"/>
      <c r="DDY725" s="423" t="s">
        <v>2795</v>
      </c>
      <c r="DDZ725" s="424"/>
      <c r="DEA725" s="424"/>
      <c r="DEB725" s="424"/>
      <c r="DEC725" s="423" t="s">
        <v>2795</v>
      </c>
      <c r="DED725" s="424"/>
      <c r="DEE725" s="424"/>
      <c r="DEF725" s="424"/>
      <c r="DEG725" s="423" t="s">
        <v>2795</v>
      </c>
      <c r="DEH725" s="424"/>
      <c r="DEI725" s="424"/>
      <c r="DEJ725" s="424"/>
      <c r="DEK725" s="423" t="s">
        <v>2795</v>
      </c>
      <c r="DEL725" s="424"/>
      <c r="DEM725" s="424"/>
      <c r="DEN725" s="424"/>
      <c r="DEO725" s="423" t="s">
        <v>2795</v>
      </c>
      <c r="DEP725" s="424"/>
      <c r="DEQ725" s="424"/>
      <c r="DER725" s="424"/>
      <c r="DES725" s="423" t="s">
        <v>2795</v>
      </c>
      <c r="DET725" s="424"/>
      <c r="DEU725" s="424"/>
      <c r="DEV725" s="424"/>
      <c r="DEW725" s="423" t="s">
        <v>2795</v>
      </c>
      <c r="DEX725" s="424"/>
      <c r="DEY725" s="424"/>
      <c r="DEZ725" s="424"/>
      <c r="DFA725" s="423" t="s">
        <v>2795</v>
      </c>
      <c r="DFB725" s="424"/>
      <c r="DFC725" s="424"/>
      <c r="DFD725" s="424"/>
      <c r="DFE725" s="423" t="s">
        <v>2795</v>
      </c>
      <c r="DFF725" s="424"/>
      <c r="DFG725" s="424"/>
      <c r="DFH725" s="424"/>
      <c r="DFI725" s="423" t="s">
        <v>2795</v>
      </c>
      <c r="DFJ725" s="424"/>
      <c r="DFK725" s="424"/>
      <c r="DFL725" s="424"/>
      <c r="DFM725" s="423" t="s">
        <v>2795</v>
      </c>
      <c r="DFN725" s="424"/>
      <c r="DFO725" s="424"/>
      <c r="DFP725" s="424"/>
      <c r="DFQ725" s="423" t="s">
        <v>2795</v>
      </c>
      <c r="DFR725" s="424"/>
      <c r="DFS725" s="424"/>
      <c r="DFT725" s="424"/>
      <c r="DFU725" s="423" t="s">
        <v>2795</v>
      </c>
      <c r="DFV725" s="424"/>
      <c r="DFW725" s="424"/>
      <c r="DFX725" s="424"/>
      <c r="DFY725" s="423" t="s">
        <v>2795</v>
      </c>
      <c r="DFZ725" s="424"/>
      <c r="DGA725" s="424"/>
      <c r="DGB725" s="424"/>
      <c r="DGC725" s="423" t="s">
        <v>2795</v>
      </c>
      <c r="DGD725" s="424"/>
      <c r="DGE725" s="424"/>
      <c r="DGF725" s="424"/>
      <c r="DGG725" s="423" t="s">
        <v>2795</v>
      </c>
      <c r="DGH725" s="424"/>
      <c r="DGI725" s="424"/>
      <c r="DGJ725" s="424"/>
      <c r="DGK725" s="423" t="s">
        <v>2795</v>
      </c>
      <c r="DGL725" s="424"/>
      <c r="DGM725" s="424"/>
      <c r="DGN725" s="424"/>
      <c r="DGO725" s="423" t="s">
        <v>2795</v>
      </c>
      <c r="DGP725" s="424"/>
      <c r="DGQ725" s="424"/>
      <c r="DGR725" s="424"/>
      <c r="DGS725" s="423" t="s">
        <v>2795</v>
      </c>
      <c r="DGT725" s="424"/>
      <c r="DGU725" s="424"/>
      <c r="DGV725" s="424"/>
      <c r="DGW725" s="423" t="s">
        <v>2795</v>
      </c>
      <c r="DGX725" s="424"/>
      <c r="DGY725" s="424"/>
      <c r="DGZ725" s="424"/>
      <c r="DHA725" s="423" t="s">
        <v>2795</v>
      </c>
      <c r="DHB725" s="424"/>
      <c r="DHC725" s="424"/>
      <c r="DHD725" s="424"/>
      <c r="DHE725" s="423" t="s">
        <v>2795</v>
      </c>
      <c r="DHF725" s="424"/>
      <c r="DHG725" s="424"/>
      <c r="DHH725" s="424"/>
      <c r="DHI725" s="423" t="s">
        <v>2795</v>
      </c>
      <c r="DHJ725" s="424"/>
      <c r="DHK725" s="424"/>
      <c r="DHL725" s="424"/>
      <c r="DHM725" s="423" t="s">
        <v>2795</v>
      </c>
      <c r="DHN725" s="424"/>
      <c r="DHO725" s="424"/>
      <c r="DHP725" s="424"/>
      <c r="DHQ725" s="423" t="s">
        <v>2795</v>
      </c>
      <c r="DHR725" s="424"/>
      <c r="DHS725" s="424"/>
      <c r="DHT725" s="424"/>
      <c r="DHU725" s="423" t="s">
        <v>2795</v>
      </c>
      <c r="DHV725" s="424"/>
      <c r="DHW725" s="424"/>
      <c r="DHX725" s="424"/>
      <c r="DHY725" s="423" t="s">
        <v>2795</v>
      </c>
      <c r="DHZ725" s="424"/>
      <c r="DIA725" s="424"/>
      <c r="DIB725" s="424"/>
      <c r="DIC725" s="423" t="s">
        <v>2795</v>
      </c>
      <c r="DID725" s="424"/>
      <c r="DIE725" s="424"/>
      <c r="DIF725" s="424"/>
      <c r="DIG725" s="423" t="s">
        <v>2795</v>
      </c>
      <c r="DIH725" s="424"/>
      <c r="DII725" s="424"/>
      <c r="DIJ725" s="424"/>
      <c r="DIK725" s="423" t="s">
        <v>2795</v>
      </c>
      <c r="DIL725" s="424"/>
      <c r="DIM725" s="424"/>
      <c r="DIN725" s="424"/>
      <c r="DIO725" s="423" t="s">
        <v>2795</v>
      </c>
      <c r="DIP725" s="424"/>
      <c r="DIQ725" s="424"/>
      <c r="DIR725" s="424"/>
      <c r="DIS725" s="423" t="s">
        <v>2795</v>
      </c>
      <c r="DIT725" s="424"/>
      <c r="DIU725" s="424"/>
      <c r="DIV725" s="424"/>
      <c r="DIW725" s="423" t="s">
        <v>2795</v>
      </c>
      <c r="DIX725" s="424"/>
      <c r="DIY725" s="424"/>
      <c r="DIZ725" s="424"/>
      <c r="DJA725" s="423" t="s">
        <v>2795</v>
      </c>
      <c r="DJB725" s="424"/>
      <c r="DJC725" s="424"/>
      <c r="DJD725" s="424"/>
      <c r="DJE725" s="423" t="s">
        <v>2795</v>
      </c>
      <c r="DJF725" s="424"/>
      <c r="DJG725" s="424"/>
      <c r="DJH725" s="424"/>
      <c r="DJI725" s="423" t="s">
        <v>2795</v>
      </c>
      <c r="DJJ725" s="424"/>
      <c r="DJK725" s="424"/>
      <c r="DJL725" s="424"/>
      <c r="DJM725" s="423" t="s">
        <v>2795</v>
      </c>
      <c r="DJN725" s="424"/>
      <c r="DJO725" s="424"/>
      <c r="DJP725" s="424"/>
      <c r="DJQ725" s="423" t="s">
        <v>2795</v>
      </c>
      <c r="DJR725" s="424"/>
      <c r="DJS725" s="424"/>
      <c r="DJT725" s="424"/>
      <c r="DJU725" s="423" t="s">
        <v>2795</v>
      </c>
      <c r="DJV725" s="424"/>
      <c r="DJW725" s="424"/>
      <c r="DJX725" s="424"/>
      <c r="DJY725" s="423" t="s">
        <v>2795</v>
      </c>
      <c r="DJZ725" s="424"/>
      <c r="DKA725" s="424"/>
      <c r="DKB725" s="424"/>
      <c r="DKC725" s="423" t="s">
        <v>2795</v>
      </c>
      <c r="DKD725" s="424"/>
      <c r="DKE725" s="424"/>
      <c r="DKF725" s="424"/>
      <c r="DKG725" s="423" t="s">
        <v>2795</v>
      </c>
      <c r="DKH725" s="424"/>
      <c r="DKI725" s="424"/>
      <c r="DKJ725" s="424"/>
      <c r="DKK725" s="423" t="s">
        <v>2795</v>
      </c>
      <c r="DKL725" s="424"/>
      <c r="DKM725" s="424"/>
      <c r="DKN725" s="424"/>
      <c r="DKO725" s="423" t="s">
        <v>2795</v>
      </c>
      <c r="DKP725" s="424"/>
      <c r="DKQ725" s="424"/>
      <c r="DKR725" s="424"/>
      <c r="DKS725" s="423" t="s">
        <v>2795</v>
      </c>
      <c r="DKT725" s="424"/>
      <c r="DKU725" s="424"/>
      <c r="DKV725" s="424"/>
      <c r="DKW725" s="423" t="s">
        <v>2795</v>
      </c>
      <c r="DKX725" s="424"/>
      <c r="DKY725" s="424"/>
      <c r="DKZ725" s="424"/>
      <c r="DLA725" s="423" t="s">
        <v>2795</v>
      </c>
      <c r="DLB725" s="424"/>
      <c r="DLC725" s="424"/>
      <c r="DLD725" s="424"/>
      <c r="DLE725" s="423" t="s">
        <v>2795</v>
      </c>
      <c r="DLF725" s="424"/>
      <c r="DLG725" s="424"/>
      <c r="DLH725" s="424"/>
      <c r="DLI725" s="423" t="s">
        <v>2795</v>
      </c>
      <c r="DLJ725" s="424"/>
      <c r="DLK725" s="424"/>
      <c r="DLL725" s="424"/>
      <c r="DLM725" s="423" t="s">
        <v>2795</v>
      </c>
      <c r="DLN725" s="424"/>
      <c r="DLO725" s="424"/>
      <c r="DLP725" s="424"/>
      <c r="DLQ725" s="423" t="s">
        <v>2795</v>
      </c>
      <c r="DLR725" s="424"/>
      <c r="DLS725" s="424"/>
      <c r="DLT725" s="424"/>
      <c r="DLU725" s="423" t="s">
        <v>2795</v>
      </c>
      <c r="DLV725" s="424"/>
      <c r="DLW725" s="424"/>
      <c r="DLX725" s="424"/>
      <c r="DLY725" s="423" t="s">
        <v>2795</v>
      </c>
      <c r="DLZ725" s="424"/>
      <c r="DMA725" s="424"/>
      <c r="DMB725" s="424"/>
      <c r="DMC725" s="423" t="s">
        <v>2795</v>
      </c>
      <c r="DMD725" s="424"/>
      <c r="DME725" s="424"/>
      <c r="DMF725" s="424"/>
      <c r="DMG725" s="423" t="s">
        <v>2795</v>
      </c>
      <c r="DMH725" s="424"/>
      <c r="DMI725" s="424"/>
      <c r="DMJ725" s="424"/>
      <c r="DMK725" s="423" t="s">
        <v>2795</v>
      </c>
      <c r="DML725" s="424"/>
      <c r="DMM725" s="424"/>
      <c r="DMN725" s="424"/>
      <c r="DMO725" s="423" t="s">
        <v>2795</v>
      </c>
      <c r="DMP725" s="424"/>
      <c r="DMQ725" s="424"/>
      <c r="DMR725" s="424"/>
      <c r="DMS725" s="423" t="s">
        <v>2795</v>
      </c>
      <c r="DMT725" s="424"/>
      <c r="DMU725" s="424"/>
      <c r="DMV725" s="424"/>
      <c r="DMW725" s="423" t="s">
        <v>2795</v>
      </c>
      <c r="DMX725" s="424"/>
      <c r="DMY725" s="424"/>
      <c r="DMZ725" s="424"/>
      <c r="DNA725" s="423" t="s">
        <v>2795</v>
      </c>
      <c r="DNB725" s="424"/>
      <c r="DNC725" s="424"/>
      <c r="DND725" s="424"/>
      <c r="DNE725" s="423" t="s">
        <v>2795</v>
      </c>
      <c r="DNF725" s="424"/>
      <c r="DNG725" s="424"/>
      <c r="DNH725" s="424"/>
      <c r="DNI725" s="423" t="s">
        <v>2795</v>
      </c>
      <c r="DNJ725" s="424"/>
      <c r="DNK725" s="424"/>
      <c r="DNL725" s="424"/>
      <c r="DNM725" s="423" t="s">
        <v>2795</v>
      </c>
      <c r="DNN725" s="424"/>
      <c r="DNO725" s="424"/>
      <c r="DNP725" s="424"/>
      <c r="DNQ725" s="423" t="s">
        <v>2795</v>
      </c>
      <c r="DNR725" s="424"/>
      <c r="DNS725" s="424"/>
      <c r="DNT725" s="424"/>
      <c r="DNU725" s="423" t="s">
        <v>2795</v>
      </c>
      <c r="DNV725" s="424"/>
      <c r="DNW725" s="424"/>
      <c r="DNX725" s="424"/>
      <c r="DNY725" s="423" t="s">
        <v>2795</v>
      </c>
      <c r="DNZ725" s="424"/>
      <c r="DOA725" s="424"/>
      <c r="DOB725" s="424"/>
      <c r="DOC725" s="423" t="s">
        <v>2795</v>
      </c>
      <c r="DOD725" s="424"/>
      <c r="DOE725" s="424"/>
      <c r="DOF725" s="424"/>
      <c r="DOG725" s="423" t="s">
        <v>2795</v>
      </c>
      <c r="DOH725" s="424"/>
      <c r="DOI725" s="424"/>
      <c r="DOJ725" s="424"/>
      <c r="DOK725" s="423" t="s">
        <v>2795</v>
      </c>
      <c r="DOL725" s="424"/>
      <c r="DOM725" s="424"/>
      <c r="DON725" s="424"/>
      <c r="DOO725" s="423" t="s">
        <v>2795</v>
      </c>
      <c r="DOP725" s="424"/>
      <c r="DOQ725" s="424"/>
      <c r="DOR725" s="424"/>
      <c r="DOS725" s="423" t="s">
        <v>2795</v>
      </c>
      <c r="DOT725" s="424"/>
      <c r="DOU725" s="424"/>
      <c r="DOV725" s="424"/>
      <c r="DOW725" s="423" t="s">
        <v>2795</v>
      </c>
      <c r="DOX725" s="424"/>
      <c r="DOY725" s="424"/>
      <c r="DOZ725" s="424"/>
      <c r="DPA725" s="423" t="s">
        <v>2795</v>
      </c>
      <c r="DPB725" s="424"/>
      <c r="DPC725" s="424"/>
      <c r="DPD725" s="424"/>
      <c r="DPE725" s="423" t="s">
        <v>2795</v>
      </c>
      <c r="DPF725" s="424"/>
      <c r="DPG725" s="424"/>
      <c r="DPH725" s="424"/>
      <c r="DPI725" s="423" t="s">
        <v>2795</v>
      </c>
      <c r="DPJ725" s="424"/>
      <c r="DPK725" s="424"/>
      <c r="DPL725" s="424"/>
      <c r="DPM725" s="423" t="s">
        <v>2795</v>
      </c>
      <c r="DPN725" s="424"/>
      <c r="DPO725" s="424"/>
      <c r="DPP725" s="424"/>
      <c r="DPQ725" s="423" t="s">
        <v>2795</v>
      </c>
      <c r="DPR725" s="424"/>
      <c r="DPS725" s="424"/>
      <c r="DPT725" s="424"/>
      <c r="DPU725" s="423" t="s">
        <v>2795</v>
      </c>
      <c r="DPV725" s="424"/>
      <c r="DPW725" s="424"/>
      <c r="DPX725" s="424"/>
      <c r="DPY725" s="423" t="s">
        <v>2795</v>
      </c>
      <c r="DPZ725" s="424"/>
      <c r="DQA725" s="424"/>
      <c r="DQB725" s="424"/>
      <c r="DQC725" s="423" t="s">
        <v>2795</v>
      </c>
      <c r="DQD725" s="424"/>
      <c r="DQE725" s="424"/>
      <c r="DQF725" s="424"/>
      <c r="DQG725" s="423" t="s">
        <v>2795</v>
      </c>
      <c r="DQH725" s="424"/>
      <c r="DQI725" s="424"/>
      <c r="DQJ725" s="424"/>
      <c r="DQK725" s="423" t="s">
        <v>2795</v>
      </c>
      <c r="DQL725" s="424"/>
      <c r="DQM725" s="424"/>
      <c r="DQN725" s="424"/>
      <c r="DQO725" s="423" t="s">
        <v>2795</v>
      </c>
      <c r="DQP725" s="424"/>
      <c r="DQQ725" s="424"/>
      <c r="DQR725" s="424"/>
      <c r="DQS725" s="423" t="s">
        <v>2795</v>
      </c>
      <c r="DQT725" s="424"/>
      <c r="DQU725" s="424"/>
      <c r="DQV725" s="424"/>
      <c r="DQW725" s="423" t="s">
        <v>2795</v>
      </c>
      <c r="DQX725" s="424"/>
      <c r="DQY725" s="424"/>
      <c r="DQZ725" s="424"/>
      <c r="DRA725" s="423" t="s">
        <v>2795</v>
      </c>
      <c r="DRB725" s="424"/>
      <c r="DRC725" s="424"/>
      <c r="DRD725" s="424"/>
      <c r="DRE725" s="423" t="s">
        <v>2795</v>
      </c>
      <c r="DRF725" s="424"/>
      <c r="DRG725" s="424"/>
      <c r="DRH725" s="424"/>
      <c r="DRI725" s="423" t="s">
        <v>2795</v>
      </c>
      <c r="DRJ725" s="424"/>
      <c r="DRK725" s="424"/>
      <c r="DRL725" s="424"/>
      <c r="DRM725" s="423" t="s">
        <v>2795</v>
      </c>
      <c r="DRN725" s="424"/>
      <c r="DRO725" s="424"/>
      <c r="DRP725" s="424"/>
      <c r="DRQ725" s="423" t="s">
        <v>2795</v>
      </c>
      <c r="DRR725" s="424"/>
      <c r="DRS725" s="424"/>
      <c r="DRT725" s="424"/>
      <c r="DRU725" s="423" t="s">
        <v>2795</v>
      </c>
      <c r="DRV725" s="424"/>
      <c r="DRW725" s="424"/>
      <c r="DRX725" s="424"/>
      <c r="DRY725" s="423" t="s">
        <v>2795</v>
      </c>
      <c r="DRZ725" s="424"/>
      <c r="DSA725" s="424"/>
      <c r="DSB725" s="424"/>
      <c r="DSC725" s="423" t="s">
        <v>2795</v>
      </c>
      <c r="DSD725" s="424"/>
      <c r="DSE725" s="424"/>
      <c r="DSF725" s="424"/>
      <c r="DSG725" s="423" t="s">
        <v>2795</v>
      </c>
      <c r="DSH725" s="424"/>
      <c r="DSI725" s="424"/>
      <c r="DSJ725" s="424"/>
      <c r="DSK725" s="423" t="s">
        <v>2795</v>
      </c>
      <c r="DSL725" s="424"/>
      <c r="DSM725" s="424"/>
      <c r="DSN725" s="424"/>
      <c r="DSO725" s="423" t="s">
        <v>2795</v>
      </c>
      <c r="DSP725" s="424"/>
      <c r="DSQ725" s="424"/>
      <c r="DSR725" s="424"/>
      <c r="DSS725" s="423" t="s">
        <v>2795</v>
      </c>
      <c r="DST725" s="424"/>
      <c r="DSU725" s="424"/>
      <c r="DSV725" s="424"/>
      <c r="DSW725" s="423" t="s">
        <v>2795</v>
      </c>
      <c r="DSX725" s="424"/>
      <c r="DSY725" s="424"/>
      <c r="DSZ725" s="424"/>
      <c r="DTA725" s="423" t="s">
        <v>2795</v>
      </c>
      <c r="DTB725" s="424"/>
      <c r="DTC725" s="424"/>
      <c r="DTD725" s="424"/>
      <c r="DTE725" s="423" t="s">
        <v>2795</v>
      </c>
      <c r="DTF725" s="424"/>
      <c r="DTG725" s="424"/>
      <c r="DTH725" s="424"/>
      <c r="DTI725" s="423" t="s">
        <v>2795</v>
      </c>
      <c r="DTJ725" s="424"/>
      <c r="DTK725" s="424"/>
      <c r="DTL725" s="424"/>
      <c r="DTM725" s="423" t="s">
        <v>2795</v>
      </c>
      <c r="DTN725" s="424"/>
      <c r="DTO725" s="424"/>
      <c r="DTP725" s="424"/>
      <c r="DTQ725" s="423" t="s">
        <v>2795</v>
      </c>
      <c r="DTR725" s="424"/>
      <c r="DTS725" s="424"/>
      <c r="DTT725" s="424"/>
      <c r="DTU725" s="423" t="s">
        <v>2795</v>
      </c>
      <c r="DTV725" s="424"/>
      <c r="DTW725" s="424"/>
      <c r="DTX725" s="424"/>
      <c r="DTY725" s="423" t="s">
        <v>2795</v>
      </c>
      <c r="DTZ725" s="424"/>
      <c r="DUA725" s="424"/>
      <c r="DUB725" s="424"/>
      <c r="DUC725" s="423" t="s">
        <v>2795</v>
      </c>
      <c r="DUD725" s="424"/>
      <c r="DUE725" s="424"/>
      <c r="DUF725" s="424"/>
      <c r="DUG725" s="423" t="s">
        <v>2795</v>
      </c>
      <c r="DUH725" s="424"/>
      <c r="DUI725" s="424"/>
      <c r="DUJ725" s="424"/>
      <c r="DUK725" s="423" t="s">
        <v>2795</v>
      </c>
      <c r="DUL725" s="424"/>
      <c r="DUM725" s="424"/>
      <c r="DUN725" s="424"/>
      <c r="DUO725" s="423" t="s">
        <v>2795</v>
      </c>
      <c r="DUP725" s="424"/>
      <c r="DUQ725" s="424"/>
      <c r="DUR725" s="424"/>
      <c r="DUS725" s="423" t="s">
        <v>2795</v>
      </c>
      <c r="DUT725" s="424"/>
      <c r="DUU725" s="424"/>
      <c r="DUV725" s="424"/>
      <c r="DUW725" s="423" t="s">
        <v>2795</v>
      </c>
      <c r="DUX725" s="424"/>
      <c r="DUY725" s="424"/>
      <c r="DUZ725" s="424"/>
      <c r="DVA725" s="423" t="s">
        <v>2795</v>
      </c>
      <c r="DVB725" s="424"/>
      <c r="DVC725" s="424"/>
      <c r="DVD725" s="424"/>
      <c r="DVE725" s="423" t="s">
        <v>2795</v>
      </c>
      <c r="DVF725" s="424"/>
      <c r="DVG725" s="424"/>
      <c r="DVH725" s="424"/>
      <c r="DVI725" s="423" t="s">
        <v>2795</v>
      </c>
      <c r="DVJ725" s="424"/>
      <c r="DVK725" s="424"/>
      <c r="DVL725" s="424"/>
      <c r="DVM725" s="423" t="s">
        <v>2795</v>
      </c>
      <c r="DVN725" s="424"/>
      <c r="DVO725" s="424"/>
      <c r="DVP725" s="424"/>
      <c r="DVQ725" s="423" t="s">
        <v>2795</v>
      </c>
      <c r="DVR725" s="424"/>
      <c r="DVS725" s="424"/>
      <c r="DVT725" s="424"/>
      <c r="DVU725" s="423" t="s">
        <v>2795</v>
      </c>
      <c r="DVV725" s="424"/>
      <c r="DVW725" s="424"/>
      <c r="DVX725" s="424"/>
      <c r="DVY725" s="423" t="s">
        <v>2795</v>
      </c>
      <c r="DVZ725" s="424"/>
      <c r="DWA725" s="424"/>
      <c r="DWB725" s="424"/>
      <c r="DWC725" s="423" t="s">
        <v>2795</v>
      </c>
      <c r="DWD725" s="424"/>
      <c r="DWE725" s="424"/>
      <c r="DWF725" s="424"/>
      <c r="DWG725" s="423" t="s">
        <v>2795</v>
      </c>
      <c r="DWH725" s="424"/>
      <c r="DWI725" s="424"/>
      <c r="DWJ725" s="424"/>
      <c r="DWK725" s="423" t="s">
        <v>2795</v>
      </c>
      <c r="DWL725" s="424"/>
      <c r="DWM725" s="424"/>
      <c r="DWN725" s="424"/>
      <c r="DWO725" s="423" t="s">
        <v>2795</v>
      </c>
      <c r="DWP725" s="424"/>
      <c r="DWQ725" s="424"/>
      <c r="DWR725" s="424"/>
      <c r="DWS725" s="423" t="s">
        <v>2795</v>
      </c>
      <c r="DWT725" s="424"/>
      <c r="DWU725" s="424"/>
      <c r="DWV725" s="424"/>
      <c r="DWW725" s="423" t="s">
        <v>2795</v>
      </c>
      <c r="DWX725" s="424"/>
      <c r="DWY725" s="424"/>
      <c r="DWZ725" s="424"/>
      <c r="DXA725" s="423" t="s">
        <v>2795</v>
      </c>
      <c r="DXB725" s="424"/>
      <c r="DXC725" s="424"/>
      <c r="DXD725" s="424"/>
      <c r="DXE725" s="423" t="s">
        <v>2795</v>
      </c>
      <c r="DXF725" s="424"/>
      <c r="DXG725" s="424"/>
      <c r="DXH725" s="424"/>
      <c r="DXI725" s="423" t="s">
        <v>2795</v>
      </c>
      <c r="DXJ725" s="424"/>
      <c r="DXK725" s="424"/>
      <c r="DXL725" s="424"/>
      <c r="DXM725" s="423" t="s">
        <v>2795</v>
      </c>
      <c r="DXN725" s="424"/>
      <c r="DXO725" s="424"/>
      <c r="DXP725" s="424"/>
      <c r="DXQ725" s="423" t="s">
        <v>2795</v>
      </c>
      <c r="DXR725" s="424"/>
      <c r="DXS725" s="424"/>
      <c r="DXT725" s="424"/>
      <c r="DXU725" s="423" t="s">
        <v>2795</v>
      </c>
      <c r="DXV725" s="424"/>
      <c r="DXW725" s="424"/>
      <c r="DXX725" s="424"/>
      <c r="DXY725" s="423" t="s">
        <v>2795</v>
      </c>
      <c r="DXZ725" s="424"/>
      <c r="DYA725" s="424"/>
      <c r="DYB725" s="424"/>
      <c r="DYC725" s="423" t="s">
        <v>2795</v>
      </c>
      <c r="DYD725" s="424"/>
      <c r="DYE725" s="424"/>
      <c r="DYF725" s="424"/>
      <c r="DYG725" s="423" t="s">
        <v>2795</v>
      </c>
      <c r="DYH725" s="424"/>
      <c r="DYI725" s="424"/>
      <c r="DYJ725" s="424"/>
      <c r="DYK725" s="423" t="s">
        <v>2795</v>
      </c>
      <c r="DYL725" s="424"/>
      <c r="DYM725" s="424"/>
      <c r="DYN725" s="424"/>
      <c r="DYO725" s="423" t="s">
        <v>2795</v>
      </c>
      <c r="DYP725" s="424"/>
      <c r="DYQ725" s="424"/>
      <c r="DYR725" s="424"/>
      <c r="DYS725" s="423" t="s">
        <v>2795</v>
      </c>
      <c r="DYT725" s="424"/>
      <c r="DYU725" s="424"/>
      <c r="DYV725" s="424"/>
      <c r="DYW725" s="423" t="s">
        <v>2795</v>
      </c>
      <c r="DYX725" s="424"/>
      <c r="DYY725" s="424"/>
      <c r="DYZ725" s="424"/>
      <c r="DZA725" s="423" t="s">
        <v>2795</v>
      </c>
      <c r="DZB725" s="424"/>
      <c r="DZC725" s="424"/>
      <c r="DZD725" s="424"/>
      <c r="DZE725" s="423" t="s">
        <v>2795</v>
      </c>
      <c r="DZF725" s="424"/>
      <c r="DZG725" s="424"/>
      <c r="DZH725" s="424"/>
      <c r="DZI725" s="423" t="s">
        <v>2795</v>
      </c>
      <c r="DZJ725" s="424"/>
      <c r="DZK725" s="424"/>
      <c r="DZL725" s="424"/>
      <c r="DZM725" s="423" t="s">
        <v>2795</v>
      </c>
      <c r="DZN725" s="424"/>
      <c r="DZO725" s="424"/>
      <c r="DZP725" s="424"/>
      <c r="DZQ725" s="423" t="s">
        <v>2795</v>
      </c>
      <c r="DZR725" s="424"/>
      <c r="DZS725" s="424"/>
      <c r="DZT725" s="424"/>
      <c r="DZU725" s="423" t="s">
        <v>2795</v>
      </c>
      <c r="DZV725" s="424"/>
      <c r="DZW725" s="424"/>
      <c r="DZX725" s="424"/>
      <c r="DZY725" s="423" t="s">
        <v>2795</v>
      </c>
      <c r="DZZ725" s="424"/>
      <c r="EAA725" s="424"/>
      <c r="EAB725" s="424"/>
      <c r="EAC725" s="423" t="s">
        <v>2795</v>
      </c>
      <c r="EAD725" s="424"/>
      <c r="EAE725" s="424"/>
      <c r="EAF725" s="424"/>
      <c r="EAG725" s="423" t="s">
        <v>2795</v>
      </c>
      <c r="EAH725" s="424"/>
      <c r="EAI725" s="424"/>
      <c r="EAJ725" s="424"/>
      <c r="EAK725" s="423" t="s">
        <v>2795</v>
      </c>
      <c r="EAL725" s="424"/>
      <c r="EAM725" s="424"/>
      <c r="EAN725" s="424"/>
      <c r="EAO725" s="423" t="s">
        <v>2795</v>
      </c>
      <c r="EAP725" s="424"/>
      <c r="EAQ725" s="424"/>
      <c r="EAR725" s="424"/>
      <c r="EAS725" s="423" t="s">
        <v>2795</v>
      </c>
      <c r="EAT725" s="424"/>
      <c r="EAU725" s="424"/>
      <c r="EAV725" s="424"/>
      <c r="EAW725" s="423" t="s">
        <v>2795</v>
      </c>
      <c r="EAX725" s="424"/>
      <c r="EAY725" s="424"/>
      <c r="EAZ725" s="424"/>
      <c r="EBA725" s="423" t="s">
        <v>2795</v>
      </c>
      <c r="EBB725" s="424"/>
      <c r="EBC725" s="424"/>
      <c r="EBD725" s="424"/>
      <c r="EBE725" s="423" t="s">
        <v>2795</v>
      </c>
      <c r="EBF725" s="424"/>
      <c r="EBG725" s="424"/>
      <c r="EBH725" s="424"/>
      <c r="EBI725" s="423" t="s">
        <v>2795</v>
      </c>
      <c r="EBJ725" s="424"/>
      <c r="EBK725" s="424"/>
      <c r="EBL725" s="424"/>
      <c r="EBM725" s="423" t="s">
        <v>2795</v>
      </c>
      <c r="EBN725" s="424"/>
      <c r="EBO725" s="424"/>
      <c r="EBP725" s="424"/>
      <c r="EBQ725" s="423" t="s">
        <v>2795</v>
      </c>
      <c r="EBR725" s="424"/>
      <c r="EBS725" s="424"/>
      <c r="EBT725" s="424"/>
      <c r="EBU725" s="423" t="s">
        <v>2795</v>
      </c>
      <c r="EBV725" s="424"/>
      <c r="EBW725" s="424"/>
      <c r="EBX725" s="424"/>
      <c r="EBY725" s="423" t="s">
        <v>2795</v>
      </c>
      <c r="EBZ725" s="424"/>
      <c r="ECA725" s="424"/>
      <c r="ECB725" s="424"/>
      <c r="ECC725" s="423" t="s">
        <v>2795</v>
      </c>
      <c r="ECD725" s="424"/>
      <c r="ECE725" s="424"/>
      <c r="ECF725" s="424"/>
      <c r="ECG725" s="423" t="s">
        <v>2795</v>
      </c>
      <c r="ECH725" s="424"/>
      <c r="ECI725" s="424"/>
      <c r="ECJ725" s="424"/>
      <c r="ECK725" s="423" t="s">
        <v>2795</v>
      </c>
      <c r="ECL725" s="424"/>
      <c r="ECM725" s="424"/>
      <c r="ECN725" s="424"/>
      <c r="ECO725" s="423" t="s">
        <v>2795</v>
      </c>
      <c r="ECP725" s="424"/>
      <c r="ECQ725" s="424"/>
      <c r="ECR725" s="424"/>
      <c r="ECS725" s="423" t="s">
        <v>2795</v>
      </c>
      <c r="ECT725" s="424"/>
      <c r="ECU725" s="424"/>
      <c r="ECV725" s="424"/>
      <c r="ECW725" s="423" t="s">
        <v>2795</v>
      </c>
      <c r="ECX725" s="424"/>
      <c r="ECY725" s="424"/>
      <c r="ECZ725" s="424"/>
      <c r="EDA725" s="423" t="s">
        <v>2795</v>
      </c>
      <c r="EDB725" s="424"/>
      <c r="EDC725" s="424"/>
      <c r="EDD725" s="424"/>
      <c r="EDE725" s="423" t="s">
        <v>2795</v>
      </c>
      <c r="EDF725" s="424"/>
      <c r="EDG725" s="424"/>
      <c r="EDH725" s="424"/>
      <c r="EDI725" s="423" t="s">
        <v>2795</v>
      </c>
      <c r="EDJ725" s="424"/>
      <c r="EDK725" s="424"/>
      <c r="EDL725" s="424"/>
      <c r="EDM725" s="423" t="s">
        <v>2795</v>
      </c>
      <c r="EDN725" s="424"/>
      <c r="EDO725" s="424"/>
      <c r="EDP725" s="424"/>
      <c r="EDQ725" s="423" t="s">
        <v>2795</v>
      </c>
      <c r="EDR725" s="424"/>
      <c r="EDS725" s="424"/>
      <c r="EDT725" s="424"/>
      <c r="EDU725" s="423" t="s">
        <v>2795</v>
      </c>
      <c r="EDV725" s="424"/>
      <c r="EDW725" s="424"/>
      <c r="EDX725" s="424"/>
      <c r="EDY725" s="423" t="s">
        <v>2795</v>
      </c>
      <c r="EDZ725" s="424"/>
      <c r="EEA725" s="424"/>
      <c r="EEB725" s="424"/>
      <c r="EEC725" s="423" t="s">
        <v>2795</v>
      </c>
      <c r="EED725" s="424"/>
      <c r="EEE725" s="424"/>
      <c r="EEF725" s="424"/>
      <c r="EEG725" s="423" t="s">
        <v>2795</v>
      </c>
      <c r="EEH725" s="424"/>
      <c r="EEI725" s="424"/>
      <c r="EEJ725" s="424"/>
      <c r="EEK725" s="423" t="s">
        <v>2795</v>
      </c>
      <c r="EEL725" s="424"/>
      <c r="EEM725" s="424"/>
      <c r="EEN725" s="424"/>
      <c r="EEO725" s="423" t="s">
        <v>2795</v>
      </c>
      <c r="EEP725" s="424"/>
      <c r="EEQ725" s="424"/>
      <c r="EER725" s="424"/>
      <c r="EES725" s="423" t="s">
        <v>2795</v>
      </c>
      <c r="EET725" s="424"/>
      <c r="EEU725" s="424"/>
      <c r="EEV725" s="424"/>
      <c r="EEW725" s="423" t="s">
        <v>2795</v>
      </c>
      <c r="EEX725" s="424"/>
      <c r="EEY725" s="424"/>
      <c r="EEZ725" s="424"/>
      <c r="EFA725" s="423" t="s">
        <v>2795</v>
      </c>
      <c r="EFB725" s="424"/>
      <c r="EFC725" s="424"/>
      <c r="EFD725" s="424"/>
      <c r="EFE725" s="423" t="s">
        <v>2795</v>
      </c>
      <c r="EFF725" s="424"/>
      <c r="EFG725" s="424"/>
      <c r="EFH725" s="424"/>
      <c r="EFI725" s="423" t="s">
        <v>2795</v>
      </c>
      <c r="EFJ725" s="424"/>
      <c r="EFK725" s="424"/>
      <c r="EFL725" s="424"/>
      <c r="EFM725" s="423" t="s">
        <v>2795</v>
      </c>
      <c r="EFN725" s="424"/>
      <c r="EFO725" s="424"/>
      <c r="EFP725" s="424"/>
      <c r="EFQ725" s="423" t="s">
        <v>2795</v>
      </c>
      <c r="EFR725" s="424"/>
      <c r="EFS725" s="424"/>
      <c r="EFT725" s="424"/>
      <c r="EFU725" s="423" t="s">
        <v>2795</v>
      </c>
      <c r="EFV725" s="424"/>
      <c r="EFW725" s="424"/>
      <c r="EFX725" s="424"/>
      <c r="EFY725" s="423" t="s">
        <v>2795</v>
      </c>
      <c r="EFZ725" s="424"/>
      <c r="EGA725" s="424"/>
      <c r="EGB725" s="424"/>
      <c r="EGC725" s="423" t="s">
        <v>2795</v>
      </c>
      <c r="EGD725" s="424"/>
      <c r="EGE725" s="424"/>
      <c r="EGF725" s="424"/>
      <c r="EGG725" s="423" t="s">
        <v>2795</v>
      </c>
      <c r="EGH725" s="424"/>
      <c r="EGI725" s="424"/>
      <c r="EGJ725" s="424"/>
      <c r="EGK725" s="423" t="s">
        <v>2795</v>
      </c>
      <c r="EGL725" s="424"/>
      <c r="EGM725" s="424"/>
      <c r="EGN725" s="424"/>
      <c r="EGO725" s="423" t="s">
        <v>2795</v>
      </c>
      <c r="EGP725" s="424"/>
      <c r="EGQ725" s="424"/>
      <c r="EGR725" s="424"/>
      <c r="EGS725" s="423" t="s">
        <v>2795</v>
      </c>
      <c r="EGT725" s="424"/>
      <c r="EGU725" s="424"/>
      <c r="EGV725" s="424"/>
      <c r="EGW725" s="423" t="s">
        <v>2795</v>
      </c>
      <c r="EGX725" s="424"/>
      <c r="EGY725" s="424"/>
      <c r="EGZ725" s="424"/>
      <c r="EHA725" s="423" t="s">
        <v>2795</v>
      </c>
      <c r="EHB725" s="424"/>
      <c r="EHC725" s="424"/>
      <c r="EHD725" s="424"/>
      <c r="EHE725" s="423" t="s">
        <v>2795</v>
      </c>
      <c r="EHF725" s="424"/>
      <c r="EHG725" s="424"/>
      <c r="EHH725" s="424"/>
      <c r="EHI725" s="423" t="s">
        <v>2795</v>
      </c>
      <c r="EHJ725" s="424"/>
      <c r="EHK725" s="424"/>
      <c r="EHL725" s="424"/>
      <c r="EHM725" s="423" t="s">
        <v>2795</v>
      </c>
      <c r="EHN725" s="424"/>
      <c r="EHO725" s="424"/>
      <c r="EHP725" s="424"/>
      <c r="EHQ725" s="423" t="s">
        <v>2795</v>
      </c>
      <c r="EHR725" s="424"/>
      <c r="EHS725" s="424"/>
      <c r="EHT725" s="424"/>
      <c r="EHU725" s="423" t="s">
        <v>2795</v>
      </c>
      <c r="EHV725" s="424"/>
      <c r="EHW725" s="424"/>
      <c r="EHX725" s="424"/>
      <c r="EHY725" s="423" t="s">
        <v>2795</v>
      </c>
      <c r="EHZ725" s="424"/>
      <c r="EIA725" s="424"/>
      <c r="EIB725" s="424"/>
      <c r="EIC725" s="423" t="s">
        <v>2795</v>
      </c>
      <c r="EID725" s="424"/>
      <c r="EIE725" s="424"/>
      <c r="EIF725" s="424"/>
      <c r="EIG725" s="423" t="s">
        <v>2795</v>
      </c>
      <c r="EIH725" s="424"/>
      <c r="EII725" s="424"/>
      <c r="EIJ725" s="424"/>
      <c r="EIK725" s="423" t="s">
        <v>2795</v>
      </c>
      <c r="EIL725" s="424"/>
      <c r="EIM725" s="424"/>
      <c r="EIN725" s="424"/>
      <c r="EIO725" s="423" t="s">
        <v>2795</v>
      </c>
      <c r="EIP725" s="424"/>
      <c r="EIQ725" s="424"/>
      <c r="EIR725" s="424"/>
      <c r="EIS725" s="423" t="s">
        <v>2795</v>
      </c>
      <c r="EIT725" s="424"/>
      <c r="EIU725" s="424"/>
      <c r="EIV725" s="424"/>
      <c r="EIW725" s="423" t="s">
        <v>2795</v>
      </c>
      <c r="EIX725" s="424"/>
      <c r="EIY725" s="424"/>
      <c r="EIZ725" s="424"/>
      <c r="EJA725" s="423" t="s">
        <v>2795</v>
      </c>
      <c r="EJB725" s="424"/>
      <c r="EJC725" s="424"/>
      <c r="EJD725" s="424"/>
      <c r="EJE725" s="423" t="s">
        <v>2795</v>
      </c>
      <c r="EJF725" s="424"/>
      <c r="EJG725" s="424"/>
      <c r="EJH725" s="424"/>
      <c r="EJI725" s="423" t="s">
        <v>2795</v>
      </c>
      <c r="EJJ725" s="424"/>
      <c r="EJK725" s="424"/>
      <c r="EJL725" s="424"/>
      <c r="EJM725" s="423" t="s">
        <v>2795</v>
      </c>
      <c r="EJN725" s="424"/>
      <c r="EJO725" s="424"/>
      <c r="EJP725" s="424"/>
      <c r="EJQ725" s="423" t="s">
        <v>2795</v>
      </c>
      <c r="EJR725" s="424"/>
      <c r="EJS725" s="424"/>
      <c r="EJT725" s="424"/>
      <c r="EJU725" s="423" t="s">
        <v>2795</v>
      </c>
      <c r="EJV725" s="424"/>
      <c r="EJW725" s="424"/>
      <c r="EJX725" s="424"/>
      <c r="EJY725" s="423" t="s">
        <v>2795</v>
      </c>
      <c r="EJZ725" s="424"/>
      <c r="EKA725" s="424"/>
      <c r="EKB725" s="424"/>
      <c r="EKC725" s="423" t="s">
        <v>2795</v>
      </c>
      <c r="EKD725" s="424"/>
      <c r="EKE725" s="424"/>
      <c r="EKF725" s="424"/>
      <c r="EKG725" s="423" t="s">
        <v>2795</v>
      </c>
      <c r="EKH725" s="424"/>
      <c r="EKI725" s="424"/>
      <c r="EKJ725" s="424"/>
      <c r="EKK725" s="423" t="s">
        <v>2795</v>
      </c>
      <c r="EKL725" s="424"/>
      <c r="EKM725" s="424"/>
      <c r="EKN725" s="424"/>
      <c r="EKO725" s="423" t="s">
        <v>2795</v>
      </c>
      <c r="EKP725" s="424"/>
      <c r="EKQ725" s="424"/>
      <c r="EKR725" s="424"/>
      <c r="EKS725" s="423" t="s">
        <v>2795</v>
      </c>
      <c r="EKT725" s="424"/>
      <c r="EKU725" s="424"/>
      <c r="EKV725" s="424"/>
      <c r="EKW725" s="423" t="s">
        <v>2795</v>
      </c>
      <c r="EKX725" s="424"/>
      <c r="EKY725" s="424"/>
      <c r="EKZ725" s="424"/>
      <c r="ELA725" s="423" t="s">
        <v>2795</v>
      </c>
      <c r="ELB725" s="424"/>
      <c r="ELC725" s="424"/>
      <c r="ELD725" s="424"/>
      <c r="ELE725" s="423" t="s">
        <v>2795</v>
      </c>
      <c r="ELF725" s="424"/>
      <c r="ELG725" s="424"/>
      <c r="ELH725" s="424"/>
      <c r="ELI725" s="423" t="s">
        <v>2795</v>
      </c>
      <c r="ELJ725" s="424"/>
      <c r="ELK725" s="424"/>
      <c r="ELL725" s="424"/>
      <c r="ELM725" s="423" t="s">
        <v>2795</v>
      </c>
      <c r="ELN725" s="424"/>
      <c r="ELO725" s="424"/>
      <c r="ELP725" s="424"/>
      <c r="ELQ725" s="423" t="s">
        <v>2795</v>
      </c>
      <c r="ELR725" s="424"/>
      <c r="ELS725" s="424"/>
      <c r="ELT725" s="424"/>
      <c r="ELU725" s="423" t="s">
        <v>2795</v>
      </c>
      <c r="ELV725" s="424"/>
      <c r="ELW725" s="424"/>
      <c r="ELX725" s="424"/>
      <c r="ELY725" s="423" t="s">
        <v>2795</v>
      </c>
      <c r="ELZ725" s="424"/>
      <c r="EMA725" s="424"/>
      <c r="EMB725" s="424"/>
      <c r="EMC725" s="423" t="s">
        <v>2795</v>
      </c>
      <c r="EMD725" s="424"/>
      <c r="EME725" s="424"/>
      <c r="EMF725" s="424"/>
      <c r="EMG725" s="423" t="s">
        <v>2795</v>
      </c>
      <c r="EMH725" s="424"/>
      <c r="EMI725" s="424"/>
      <c r="EMJ725" s="424"/>
      <c r="EMK725" s="423" t="s">
        <v>2795</v>
      </c>
      <c r="EML725" s="424"/>
      <c r="EMM725" s="424"/>
      <c r="EMN725" s="424"/>
      <c r="EMO725" s="423" t="s">
        <v>2795</v>
      </c>
      <c r="EMP725" s="424"/>
      <c r="EMQ725" s="424"/>
      <c r="EMR725" s="424"/>
      <c r="EMS725" s="423" t="s">
        <v>2795</v>
      </c>
      <c r="EMT725" s="424"/>
      <c r="EMU725" s="424"/>
      <c r="EMV725" s="424"/>
      <c r="EMW725" s="423" t="s">
        <v>2795</v>
      </c>
      <c r="EMX725" s="424"/>
      <c r="EMY725" s="424"/>
      <c r="EMZ725" s="424"/>
      <c r="ENA725" s="423" t="s">
        <v>2795</v>
      </c>
      <c r="ENB725" s="424"/>
      <c r="ENC725" s="424"/>
      <c r="END725" s="424"/>
      <c r="ENE725" s="423" t="s">
        <v>2795</v>
      </c>
      <c r="ENF725" s="424"/>
      <c r="ENG725" s="424"/>
      <c r="ENH725" s="424"/>
      <c r="ENI725" s="423" t="s">
        <v>2795</v>
      </c>
      <c r="ENJ725" s="424"/>
      <c r="ENK725" s="424"/>
      <c r="ENL725" s="424"/>
      <c r="ENM725" s="423" t="s">
        <v>2795</v>
      </c>
      <c r="ENN725" s="424"/>
      <c r="ENO725" s="424"/>
      <c r="ENP725" s="424"/>
      <c r="ENQ725" s="423" t="s">
        <v>2795</v>
      </c>
      <c r="ENR725" s="424"/>
      <c r="ENS725" s="424"/>
      <c r="ENT725" s="424"/>
      <c r="ENU725" s="423" t="s">
        <v>2795</v>
      </c>
      <c r="ENV725" s="424"/>
      <c r="ENW725" s="424"/>
      <c r="ENX725" s="424"/>
      <c r="ENY725" s="423" t="s">
        <v>2795</v>
      </c>
      <c r="ENZ725" s="424"/>
      <c r="EOA725" s="424"/>
      <c r="EOB725" s="424"/>
      <c r="EOC725" s="423" t="s">
        <v>2795</v>
      </c>
      <c r="EOD725" s="424"/>
      <c r="EOE725" s="424"/>
      <c r="EOF725" s="424"/>
      <c r="EOG725" s="423" t="s">
        <v>2795</v>
      </c>
      <c r="EOH725" s="424"/>
      <c r="EOI725" s="424"/>
      <c r="EOJ725" s="424"/>
      <c r="EOK725" s="423" t="s">
        <v>2795</v>
      </c>
      <c r="EOL725" s="424"/>
      <c r="EOM725" s="424"/>
      <c r="EON725" s="424"/>
      <c r="EOO725" s="423" t="s">
        <v>2795</v>
      </c>
      <c r="EOP725" s="424"/>
      <c r="EOQ725" s="424"/>
      <c r="EOR725" s="424"/>
      <c r="EOS725" s="423" t="s">
        <v>2795</v>
      </c>
      <c r="EOT725" s="424"/>
      <c r="EOU725" s="424"/>
      <c r="EOV725" s="424"/>
      <c r="EOW725" s="423" t="s">
        <v>2795</v>
      </c>
      <c r="EOX725" s="424"/>
      <c r="EOY725" s="424"/>
      <c r="EOZ725" s="424"/>
      <c r="EPA725" s="423" t="s">
        <v>2795</v>
      </c>
      <c r="EPB725" s="424"/>
      <c r="EPC725" s="424"/>
      <c r="EPD725" s="424"/>
      <c r="EPE725" s="423" t="s">
        <v>2795</v>
      </c>
      <c r="EPF725" s="424"/>
      <c r="EPG725" s="424"/>
      <c r="EPH725" s="424"/>
      <c r="EPI725" s="423" t="s">
        <v>2795</v>
      </c>
      <c r="EPJ725" s="424"/>
      <c r="EPK725" s="424"/>
      <c r="EPL725" s="424"/>
      <c r="EPM725" s="423" t="s">
        <v>2795</v>
      </c>
      <c r="EPN725" s="424"/>
      <c r="EPO725" s="424"/>
      <c r="EPP725" s="424"/>
      <c r="EPQ725" s="423" t="s">
        <v>2795</v>
      </c>
      <c r="EPR725" s="424"/>
      <c r="EPS725" s="424"/>
      <c r="EPT725" s="424"/>
      <c r="EPU725" s="423" t="s">
        <v>2795</v>
      </c>
      <c r="EPV725" s="424"/>
      <c r="EPW725" s="424"/>
      <c r="EPX725" s="424"/>
      <c r="EPY725" s="423" t="s">
        <v>2795</v>
      </c>
      <c r="EPZ725" s="424"/>
      <c r="EQA725" s="424"/>
      <c r="EQB725" s="424"/>
      <c r="EQC725" s="423" t="s">
        <v>2795</v>
      </c>
      <c r="EQD725" s="424"/>
      <c r="EQE725" s="424"/>
      <c r="EQF725" s="424"/>
      <c r="EQG725" s="423" t="s">
        <v>2795</v>
      </c>
      <c r="EQH725" s="424"/>
      <c r="EQI725" s="424"/>
      <c r="EQJ725" s="424"/>
      <c r="EQK725" s="423" t="s">
        <v>2795</v>
      </c>
      <c r="EQL725" s="424"/>
      <c r="EQM725" s="424"/>
      <c r="EQN725" s="424"/>
      <c r="EQO725" s="423" t="s">
        <v>2795</v>
      </c>
      <c r="EQP725" s="424"/>
      <c r="EQQ725" s="424"/>
      <c r="EQR725" s="424"/>
      <c r="EQS725" s="423" t="s">
        <v>2795</v>
      </c>
      <c r="EQT725" s="424"/>
      <c r="EQU725" s="424"/>
      <c r="EQV725" s="424"/>
      <c r="EQW725" s="423" t="s">
        <v>2795</v>
      </c>
      <c r="EQX725" s="424"/>
      <c r="EQY725" s="424"/>
      <c r="EQZ725" s="424"/>
      <c r="ERA725" s="423" t="s">
        <v>2795</v>
      </c>
      <c r="ERB725" s="424"/>
      <c r="ERC725" s="424"/>
      <c r="ERD725" s="424"/>
      <c r="ERE725" s="423" t="s">
        <v>2795</v>
      </c>
      <c r="ERF725" s="424"/>
      <c r="ERG725" s="424"/>
      <c r="ERH725" s="424"/>
      <c r="ERI725" s="423" t="s">
        <v>2795</v>
      </c>
      <c r="ERJ725" s="424"/>
      <c r="ERK725" s="424"/>
      <c r="ERL725" s="424"/>
      <c r="ERM725" s="423" t="s">
        <v>2795</v>
      </c>
      <c r="ERN725" s="424"/>
      <c r="ERO725" s="424"/>
      <c r="ERP725" s="424"/>
      <c r="ERQ725" s="423" t="s">
        <v>2795</v>
      </c>
      <c r="ERR725" s="424"/>
      <c r="ERS725" s="424"/>
      <c r="ERT725" s="424"/>
      <c r="ERU725" s="423" t="s">
        <v>2795</v>
      </c>
      <c r="ERV725" s="424"/>
      <c r="ERW725" s="424"/>
      <c r="ERX725" s="424"/>
      <c r="ERY725" s="423" t="s">
        <v>2795</v>
      </c>
      <c r="ERZ725" s="424"/>
      <c r="ESA725" s="424"/>
      <c r="ESB725" s="424"/>
      <c r="ESC725" s="423" t="s">
        <v>2795</v>
      </c>
      <c r="ESD725" s="424"/>
      <c r="ESE725" s="424"/>
      <c r="ESF725" s="424"/>
      <c r="ESG725" s="423" t="s">
        <v>2795</v>
      </c>
      <c r="ESH725" s="424"/>
      <c r="ESI725" s="424"/>
      <c r="ESJ725" s="424"/>
      <c r="ESK725" s="423" t="s">
        <v>2795</v>
      </c>
      <c r="ESL725" s="424"/>
      <c r="ESM725" s="424"/>
      <c r="ESN725" s="424"/>
      <c r="ESO725" s="423" t="s">
        <v>2795</v>
      </c>
      <c r="ESP725" s="424"/>
      <c r="ESQ725" s="424"/>
      <c r="ESR725" s="424"/>
      <c r="ESS725" s="423" t="s">
        <v>2795</v>
      </c>
      <c r="EST725" s="424"/>
      <c r="ESU725" s="424"/>
      <c r="ESV725" s="424"/>
      <c r="ESW725" s="423" t="s">
        <v>2795</v>
      </c>
      <c r="ESX725" s="424"/>
      <c r="ESY725" s="424"/>
      <c r="ESZ725" s="424"/>
      <c r="ETA725" s="423" t="s">
        <v>2795</v>
      </c>
      <c r="ETB725" s="424"/>
      <c r="ETC725" s="424"/>
      <c r="ETD725" s="424"/>
      <c r="ETE725" s="423" t="s">
        <v>2795</v>
      </c>
      <c r="ETF725" s="424"/>
      <c r="ETG725" s="424"/>
      <c r="ETH725" s="424"/>
      <c r="ETI725" s="423" t="s">
        <v>2795</v>
      </c>
      <c r="ETJ725" s="424"/>
      <c r="ETK725" s="424"/>
      <c r="ETL725" s="424"/>
      <c r="ETM725" s="423" t="s">
        <v>2795</v>
      </c>
      <c r="ETN725" s="424"/>
      <c r="ETO725" s="424"/>
      <c r="ETP725" s="424"/>
      <c r="ETQ725" s="423" t="s">
        <v>2795</v>
      </c>
      <c r="ETR725" s="424"/>
      <c r="ETS725" s="424"/>
      <c r="ETT725" s="424"/>
      <c r="ETU725" s="423" t="s">
        <v>2795</v>
      </c>
      <c r="ETV725" s="424"/>
      <c r="ETW725" s="424"/>
      <c r="ETX725" s="424"/>
      <c r="ETY725" s="423" t="s">
        <v>2795</v>
      </c>
      <c r="ETZ725" s="424"/>
      <c r="EUA725" s="424"/>
      <c r="EUB725" s="424"/>
      <c r="EUC725" s="423" t="s">
        <v>2795</v>
      </c>
      <c r="EUD725" s="424"/>
      <c r="EUE725" s="424"/>
      <c r="EUF725" s="424"/>
      <c r="EUG725" s="423" t="s">
        <v>2795</v>
      </c>
      <c r="EUH725" s="424"/>
      <c r="EUI725" s="424"/>
      <c r="EUJ725" s="424"/>
      <c r="EUK725" s="423" t="s">
        <v>2795</v>
      </c>
      <c r="EUL725" s="424"/>
      <c r="EUM725" s="424"/>
      <c r="EUN725" s="424"/>
      <c r="EUO725" s="423" t="s">
        <v>2795</v>
      </c>
      <c r="EUP725" s="424"/>
      <c r="EUQ725" s="424"/>
      <c r="EUR725" s="424"/>
      <c r="EUS725" s="423" t="s">
        <v>2795</v>
      </c>
      <c r="EUT725" s="424"/>
      <c r="EUU725" s="424"/>
      <c r="EUV725" s="424"/>
      <c r="EUW725" s="423" t="s">
        <v>2795</v>
      </c>
      <c r="EUX725" s="424"/>
      <c r="EUY725" s="424"/>
      <c r="EUZ725" s="424"/>
      <c r="EVA725" s="423" t="s">
        <v>2795</v>
      </c>
      <c r="EVB725" s="424"/>
      <c r="EVC725" s="424"/>
      <c r="EVD725" s="424"/>
      <c r="EVE725" s="423" t="s">
        <v>2795</v>
      </c>
      <c r="EVF725" s="424"/>
      <c r="EVG725" s="424"/>
      <c r="EVH725" s="424"/>
      <c r="EVI725" s="423" t="s">
        <v>2795</v>
      </c>
      <c r="EVJ725" s="424"/>
      <c r="EVK725" s="424"/>
      <c r="EVL725" s="424"/>
      <c r="EVM725" s="423" t="s">
        <v>2795</v>
      </c>
      <c r="EVN725" s="424"/>
      <c r="EVO725" s="424"/>
      <c r="EVP725" s="424"/>
      <c r="EVQ725" s="423" t="s">
        <v>2795</v>
      </c>
      <c r="EVR725" s="424"/>
      <c r="EVS725" s="424"/>
      <c r="EVT725" s="424"/>
      <c r="EVU725" s="423" t="s">
        <v>2795</v>
      </c>
      <c r="EVV725" s="424"/>
      <c r="EVW725" s="424"/>
      <c r="EVX725" s="424"/>
      <c r="EVY725" s="423" t="s">
        <v>2795</v>
      </c>
      <c r="EVZ725" s="424"/>
      <c r="EWA725" s="424"/>
      <c r="EWB725" s="424"/>
      <c r="EWC725" s="423" t="s">
        <v>2795</v>
      </c>
      <c r="EWD725" s="424"/>
      <c r="EWE725" s="424"/>
      <c r="EWF725" s="424"/>
      <c r="EWG725" s="423" t="s">
        <v>2795</v>
      </c>
      <c r="EWH725" s="424"/>
      <c r="EWI725" s="424"/>
      <c r="EWJ725" s="424"/>
      <c r="EWK725" s="423" t="s">
        <v>2795</v>
      </c>
      <c r="EWL725" s="424"/>
      <c r="EWM725" s="424"/>
      <c r="EWN725" s="424"/>
      <c r="EWO725" s="423" t="s">
        <v>2795</v>
      </c>
      <c r="EWP725" s="424"/>
      <c r="EWQ725" s="424"/>
      <c r="EWR725" s="424"/>
      <c r="EWS725" s="423" t="s">
        <v>2795</v>
      </c>
      <c r="EWT725" s="424"/>
      <c r="EWU725" s="424"/>
      <c r="EWV725" s="424"/>
      <c r="EWW725" s="423" t="s">
        <v>2795</v>
      </c>
      <c r="EWX725" s="424"/>
      <c r="EWY725" s="424"/>
      <c r="EWZ725" s="424"/>
      <c r="EXA725" s="423" t="s">
        <v>2795</v>
      </c>
      <c r="EXB725" s="424"/>
      <c r="EXC725" s="424"/>
      <c r="EXD725" s="424"/>
      <c r="EXE725" s="423" t="s">
        <v>2795</v>
      </c>
      <c r="EXF725" s="424"/>
      <c r="EXG725" s="424"/>
      <c r="EXH725" s="424"/>
      <c r="EXI725" s="423" t="s">
        <v>2795</v>
      </c>
      <c r="EXJ725" s="424"/>
      <c r="EXK725" s="424"/>
      <c r="EXL725" s="424"/>
      <c r="EXM725" s="423" t="s">
        <v>2795</v>
      </c>
      <c r="EXN725" s="424"/>
      <c r="EXO725" s="424"/>
      <c r="EXP725" s="424"/>
      <c r="EXQ725" s="423" t="s">
        <v>2795</v>
      </c>
      <c r="EXR725" s="424"/>
      <c r="EXS725" s="424"/>
      <c r="EXT725" s="424"/>
      <c r="EXU725" s="423" t="s">
        <v>2795</v>
      </c>
      <c r="EXV725" s="424"/>
      <c r="EXW725" s="424"/>
      <c r="EXX725" s="424"/>
      <c r="EXY725" s="423" t="s">
        <v>2795</v>
      </c>
      <c r="EXZ725" s="424"/>
      <c r="EYA725" s="424"/>
      <c r="EYB725" s="424"/>
      <c r="EYC725" s="423" t="s">
        <v>2795</v>
      </c>
      <c r="EYD725" s="424"/>
      <c r="EYE725" s="424"/>
      <c r="EYF725" s="424"/>
      <c r="EYG725" s="423" t="s">
        <v>2795</v>
      </c>
      <c r="EYH725" s="424"/>
      <c r="EYI725" s="424"/>
      <c r="EYJ725" s="424"/>
      <c r="EYK725" s="423" t="s">
        <v>2795</v>
      </c>
      <c r="EYL725" s="424"/>
      <c r="EYM725" s="424"/>
      <c r="EYN725" s="424"/>
      <c r="EYO725" s="423" t="s">
        <v>2795</v>
      </c>
      <c r="EYP725" s="424"/>
      <c r="EYQ725" s="424"/>
      <c r="EYR725" s="424"/>
      <c r="EYS725" s="423" t="s">
        <v>2795</v>
      </c>
      <c r="EYT725" s="424"/>
      <c r="EYU725" s="424"/>
      <c r="EYV725" s="424"/>
      <c r="EYW725" s="423" t="s">
        <v>2795</v>
      </c>
      <c r="EYX725" s="424"/>
      <c r="EYY725" s="424"/>
      <c r="EYZ725" s="424"/>
      <c r="EZA725" s="423" t="s">
        <v>2795</v>
      </c>
      <c r="EZB725" s="424"/>
      <c r="EZC725" s="424"/>
      <c r="EZD725" s="424"/>
      <c r="EZE725" s="423" t="s">
        <v>2795</v>
      </c>
      <c r="EZF725" s="424"/>
      <c r="EZG725" s="424"/>
      <c r="EZH725" s="424"/>
      <c r="EZI725" s="423" t="s">
        <v>2795</v>
      </c>
      <c r="EZJ725" s="424"/>
      <c r="EZK725" s="424"/>
      <c r="EZL725" s="424"/>
      <c r="EZM725" s="423" t="s">
        <v>2795</v>
      </c>
      <c r="EZN725" s="424"/>
      <c r="EZO725" s="424"/>
      <c r="EZP725" s="424"/>
      <c r="EZQ725" s="423" t="s">
        <v>2795</v>
      </c>
      <c r="EZR725" s="424"/>
      <c r="EZS725" s="424"/>
      <c r="EZT725" s="424"/>
      <c r="EZU725" s="423" t="s">
        <v>2795</v>
      </c>
      <c r="EZV725" s="424"/>
      <c r="EZW725" s="424"/>
      <c r="EZX725" s="424"/>
      <c r="EZY725" s="423" t="s">
        <v>2795</v>
      </c>
      <c r="EZZ725" s="424"/>
      <c r="FAA725" s="424"/>
      <c r="FAB725" s="424"/>
      <c r="FAC725" s="423" t="s">
        <v>2795</v>
      </c>
      <c r="FAD725" s="424"/>
      <c r="FAE725" s="424"/>
      <c r="FAF725" s="424"/>
      <c r="FAG725" s="423" t="s">
        <v>2795</v>
      </c>
      <c r="FAH725" s="424"/>
      <c r="FAI725" s="424"/>
      <c r="FAJ725" s="424"/>
      <c r="FAK725" s="423" t="s">
        <v>2795</v>
      </c>
      <c r="FAL725" s="424"/>
      <c r="FAM725" s="424"/>
      <c r="FAN725" s="424"/>
      <c r="FAO725" s="423" t="s">
        <v>2795</v>
      </c>
      <c r="FAP725" s="424"/>
      <c r="FAQ725" s="424"/>
      <c r="FAR725" s="424"/>
      <c r="FAS725" s="423" t="s">
        <v>2795</v>
      </c>
      <c r="FAT725" s="424"/>
      <c r="FAU725" s="424"/>
      <c r="FAV725" s="424"/>
      <c r="FAW725" s="423" t="s">
        <v>2795</v>
      </c>
      <c r="FAX725" s="424"/>
      <c r="FAY725" s="424"/>
      <c r="FAZ725" s="424"/>
      <c r="FBA725" s="423" t="s">
        <v>2795</v>
      </c>
      <c r="FBB725" s="424"/>
      <c r="FBC725" s="424"/>
      <c r="FBD725" s="424"/>
      <c r="FBE725" s="423" t="s">
        <v>2795</v>
      </c>
      <c r="FBF725" s="424"/>
      <c r="FBG725" s="424"/>
      <c r="FBH725" s="424"/>
      <c r="FBI725" s="423" t="s">
        <v>2795</v>
      </c>
      <c r="FBJ725" s="424"/>
      <c r="FBK725" s="424"/>
      <c r="FBL725" s="424"/>
      <c r="FBM725" s="423" t="s">
        <v>2795</v>
      </c>
      <c r="FBN725" s="424"/>
      <c r="FBO725" s="424"/>
      <c r="FBP725" s="424"/>
      <c r="FBQ725" s="423" t="s">
        <v>2795</v>
      </c>
      <c r="FBR725" s="424"/>
      <c r="FBS725" s="424"/>
      <c r="FBT725" s="424"/>
      <c r="FBU725" s="423" t="s">
        <v>2795</v>
      </c>
      <c r="FBV725" s="424"/>
      <c r="FBW725" s="424"/>
      <c r="FBX725" s="424"/>
      <c r="FBY725" s="423" t="s">
        <v>2795</v>
      </c>
      <c r="FBZ725" s="424"/>
      <c r="FCA725" s="424"/>
      <c r="FCB725" s="424"/>
      <c r="FCC725" s="423" t="s">
        <v>2795</v>
      </c>
      <c r="FCD725" s="424"/>
      <c r="FCE725" s="424"/>
      <c r="FCF725" s="424"/>
      <c r="FCG725" s="423" t="s">
        <v>2795</v>
      </c>
      <c r="FCH725" s="424"/>
      <c r="FCI725" s="424"/>
      <c r="FCJ725" s="424"/>
      <c r="FCK725" s="423" t="s">
        <v>2795</v>
      </c>
      <c r="FCL725" s="424"/>
      <c r="FCM725" s="424"/>
      <c r="FCN725" s="424"/>
      <c r="FCO725" s="423" t="s">
        <v>2795</v>
      </c>
      <c r="FCP725" s="424"/>
      <c r="FCQ725" s="424"/>
      <c r="FCR725" s="424"/>
      <c r="FCS725" s="423" t="s">
        <v>2795</v>
      </c>
      <c r="FCT725" s="424"/>
      <c r="FCU725" s="424"/>
      <c r="FCV725" s="424"/>
      <c r="FCW725" s="423" t="s">
        <v>2795</v>
      </c>
      <c r="FCX725" s="424"/>
      <c r="FCY725" s="424"/>
      <c r="FCZ725" s="424"/>
      <c r="FDA725" s="423" t="s">
        <v>2795</v>
      </c>
      <c r="FDB725" s="424"/>
      <c r="FDC725" s="424"/>
      <c r="FDD725" s="424"/>
      <c r="FDE725" s="423" t="s">
        <v>2795</v>
      </c>
      <c r="FDF725" s="424"/>
      <c r="FDG725" s="424"/>
      <c r="FDH725" s="424"/>
      <c r="FDI725" s="423" t="s">
        <v>2795</v>
      </c>
      <c r="FDJ725" s="424"/>
      <c r="FDK725" s="424"/>
      <c r="FDL725" s="424"/>
      <c r="FDM725" s="423" t="s">
        <v>2795</v>
      </c>
      <c r="FDN725" s="424"/>
      <c r="FDO725" s="424"/>
      <c r="FDP725" s="424"/>
      <c r="FDQ725" s="423" t="s">
        <v>2795</v>
      </c>
      <c r="FDR725" s="424"/>
      <c r="FDS725" s="424"/>
      <c r="FDT725" s="424"/>
      <c r="FDU725" s="423" t="s">
        <v>2795</v>
      </c>
      <c r="FDV725" s="424"/>
      <c r="FDW725" s="424"/>
      <c r="FDX725" s="424"/>
      <c r="FDY725" s="423" t="s">
        <v>2795</v>
      </c>
      <c r="FDZ725" s="424"/>
      <c r="FEA725" s="424"/>
      <c r="FEB725" s="424"/>
      <c r="FEC725" s="423" t="s">
        <v>2795</v>
      </c>
      <c r="FED725" s="424"/>
      <c r="FEE725" s="424"/>
      <c r="FEF725" s="424"/>
      <c r="FEG725" s="423" t="s">
        <v>2795</v>
      </c>
      <c r="FEH725" s="424"/>
      <c r="FEI725" s="424"/>
      <c r="FEJ725" s="424"/>
      <c r="FEK725" s="423" t="s">
        <v>2795</v>
      </c>
      <c r="FEL725" s="424"/>
      <c r="FEM725" s="424"/>
      <c r="FEN725" s="424"/>
      <c r="FEO725" s="423" t="s">
        <v>2795</v>
      </c>
      <c r="FEP725" s="424"/>
      <c r="FEQ725" s="424"/>
      <c r="FER725" s="424"/>
      <c r="FES725" s="423" t="s">
        <v>2795</v>
      </c>
      <c r="FET725" s="424"/>
      <c r="FEU725" s="424"/>
      <c r="FEV725" s="424"/>
      <c r="FEW725" s="423" t="s">
        <v>2795</v>
      </c>
      <c r="FEX725" s="424"/>
      <c r="FEY725" s="424"/>
      <c r="FEZ725" s="424"/>
      <c r="FFA725" s="423" t="s">
        <v>2795</v>
      </c>
      <c r="FFB725" s="424"/>
      <c r="FFC725" s="424"/>
      <c r="FFD725" s="424"/>
      <c r="FFE725" s="423" t="s">
        <v>2795</v>
      </c>
      <c r="FFF725" s="424"/>
      <c r="FFG725" s="424"/>
      <c r="FFH725" s="424"/>
      <c r="FFI725" s="423" t="s">
        <v>2795</v>
      </c>
      <c r="FFJ725" s="424"/>
      <c r="FFK725" s="424"/>
      <c r="FFL725" s="424"/>
      <c r="FFM725" s="423" t="s">
        <v>2795</v>
      </c>
      <c r="FFN725" s="424"/>
      <c r="FFO725" s="424"/>
      <c r="FFP725" s="424"/>
      <c r="FFQ725" s="423" t="s">
        <v>2795</v>
      </c>
      <c r="FFR725" s="424"/>
      <c r="FFS725" s="424"/>
      <c r="FFT725" s="424"/>
      <c r="FFU725" s="423" t="s">
        <v>2795</v>
      </c>
      <c r="FFV725" s="424"/>
      <c r="FFW725" s="424"/>
      <c r="FFX725" s="424"/>
      <c r="FFY725" s="423" t="s">
        <v>2795</v>
      </c>
      <c r="FFZ725" s="424"/>
      <c r="FGA725" s="424"/>
      <c r="FGB725" s="424"/>
      <c r="FGC725" s="423" t="s">
        <v>2795</v>
      </c>
      <c r="FGD725" s="424"/>
      <c r="FGE725" s="424"/>
      <c r="FGF725" s="424"/>
      <c r="FGG725" s="423" t="s">
        <v>2795</v>
      </c>
      <c r="FGH725" s="424"/>
      <c r="FGI725" s="424"/>
      <c r="FGJ725" s="424"/>
      <c r="FGK725" s="423" t="s">
        <v>2795</v>
      </c>
      <c r="FGL725" s="424"/>
      <c r="FGM725" s="424"/>
      <c r="FGN725" s="424"/>
      <c r="FGO725" s="423" t="s">
        <v>2795</v>
      </c>
      <c r="FGP725" s="424"/>
      <c r="FGQ725" s="424"/>
      <c r="FGR725" s="424"/>
      <c r="FGS725" s="423" t="s">
        <v>2795</v>
      </c>
      <c r="FGT725" s="424"/>
      <c r="FGU725" s="424"/>
      <c r="FGV725" s="424"/>
      <c r="FGW725" s="423" t="s">
        <v>2795</v>
      </c>
      <c r="FGX725" s="424"/>
      <c r="FGY725" s="424"/>
      <c r="FGZ725" s="424"/>
      <c r="FHA725" s="423" t="s">
        <v>2795</v>
      </c>
      <c r="FHB725" s="424"/>
      <c r="FHC725" s="424"/>
      <c r="FHD725" s="424"/>
      <c r="FHE725" s="423" t="s">
        <v>2795</v>
      </c>
      <c r="FHF725" s="424"/>
      <c r="FHG725" s="424"/>
      <c r="FHH725" s="424"/>
      <c r="FHI725" s="423" t="s">
        <v>2795</v>
      </c>
      <c r="FHJ725" s="424"/>
      <c r="FHK725" s="424"/>
      <c r="FHL725" s="424"/>
      <c r="FHM725" s="423" t="s">
        <v>2795</v>
      </c>
      <c r="FHN725" s="424"/>
      <c r="FHO725" s="424"/>
      <c r="FHP725" s="424"/>
      <c r="FHQ725" s="423" t="s">
        <v>2795</v>
      </c>
      <c r="FHR725" s="424"/>
      <c r="FHS725" s="424"/>
      <c r="FHT725" s="424"/>
      <c r="FHU725" s="423" t="s">
        <v>2795</v>
      </c>
      <c r="FHV725" s="424"/>
      <c r="FHW725" s="424"/>
      <c r="FHX725" s="424"/>
      <c r="FHY725" s="423" t="s">
        <v>2795</v>
      </c>
      <c r="FHZ725" s="424"/>
      <c r="FIA725" s="424"/>
      <c r="FIB725" s="424"/>
      <c r="FIC725" s="423" t="s">
        <v>2795</v>
      </c>
      <c r="FID725" s="424"/>
      <c r="FIE725" s="424"/>
      <c r="FIF725" s="424"/>
      <c r="FIG725" s="423" t="s">
        <v>2795</v>
      </c>
      <c r="FIH725" s="424"/>
      <c r="FII725" s="424"/>
      <c r="FIJ725" s="424"/>
      <c r="FIK725" s="423" t="s">
        <v>2795</v>
      </c>
      <c r="FIL725" s="424"/>
      <c r="FIM725" s="424"/>
      <c r="FIN725" s="424"/>
      <c r="FIO725" s="423" t="s">
        <v>2795</v>
      </c>
      <c r="FIP725" s="424"/>
      <c r="FIQ725" s="424"/>
      <c r="FIR725" s="424"/>
      <c r="FIS725" s="423" t="s">
        <v>2795</v>
      </c>
      <c r="FIT725" s="424"/>
      <c r="FIU725" s="424"/>
      <c r="FIV725" s="424"/>
      <c r="FIW725" s="423" t="s">
        <v>2795</v>
      </c>
      <c r="FIX725" s="424"/>
      <c r="FIY725" s="424"/>
      <c r="FIZ725" s="424"/>
      <c r="FJA725" s="423" t="s">
        <v>2795</v>
      </c>
      <c r="FJB725" s="424"/>
      <c r="FJC725" s="424"/>
      <c r="FJD725" s="424"/>
      <c r="FJE725" s="423" t="s">
        <v>2795</v>
      </c>
      <c r="FJF725" s="424"/>
      <c r="FJG725" s="424"/>
      <c r="FJH725" s="424"/>
      <c r="FJI725" s="423" t="s">
        <v>2795</v>
      </c>
      <c r="FJJ725" s="424"/>
      <c r="FJK725" s="424"/>
      <c r="FJL725" s="424"/>
      <c r="FJM725" s="423" t="s">
        <v>2795</v>
      </c>
      <c r="FJN725" s="424"/>
      <c r="FJO725" s="424"/>
      <c r="FJP725" s="424"/>
      <c r="FJQ725" s="423" t="s">
        <v>2795</v>
      </c>
      <c r="FJR725" s="424"/>
      <c r="FJS725" s="424"/>
      <c r="FJT725" s="424"/>
      <c r="FJU725" s="423" t="s">
        <v>2795</v>
      </c>
      <c r="FJV725" s="424"/>
      <c r="FJW725" s="424"/>
      <c r="FJX725" s="424"/>
      <c r="FJY725" s="423" t="s">
        <v>2795</v>
      </c>
      <c r="FJZ725" s="424"/>
      <c r="FKA725" s="424"/>
      <c r="FKB725" s="424"/>
      <c r="FKC725" s="423" t="s">
        <v>2795</v>
      </c>
      <c r="FKD725" s="424"/>
      <c r="FKE725" s="424"/>
      <c r="FKF725" s="424"/>
      <c r="FKG725" s="423" t="s">
        <v>2795</v>
      </c>
      <c r="FKH725" s="424"/>
      <c r="FKI725" s="424"/>
      <c r="FKJ725" s="424"/>
      <c r="FKK725" s="423" t="s">
        <v>2795</v>
      </c>
      <c r="FKL725" s="424"/>
      <c r="FKM725" s="424"/>
      <c r="FKN725" s="424"/>
      <c r="FKO725" s="423" t="s">
        <v>2795</v>
      </c>
      <c r="FKP725" s="424"/>
      <c r="FKQ725" s="424"/>
      <c r="FKR725" s="424"/>
      <c r="FKS725" s="423" t="s">
        <v>2795</v>
      </c>
      <c r="FKT725" s="424"/>
      <c r="FKU725" s="424"/>
      <c r="FKV725" s="424"/>
      <c r="FKW725" s="423" t="s">
        <v>2795</v>
      </c>
      <c r="FKX725" s="424"/>
      <c r="FKY725" s="424"/>
      <c r="FKZ725" s="424"/>
      <c r="FLA725" s="423" t="s">
        <v>2795</v>
      </c>
      <c r="FLB725" s="424"/>
      <c r="FLC725" s="424"/>
      <c r="FLD725" s="424"/>
      <c r="FLE725" s="423" t="s">
        <v>2795</v>
      </c>
      <c r="FLF725" s="424"/>
      <c r="FLG725" s="424"/>
      <c r="FLH725" s="424"/>
      <c r="FLI725" s="423" t="s">
        <v>2795</v>
      </c>
      <c r="FLJ725" s="424"/>
      <c r="FLK725" s="424"/>
      <c r="FLL725" s="424"/>
      <c r="FLM725" s="423" t="s">
        <v>2795</v>
      </c>
      <c r="FLN725" s="424"/>
      <c r="FLO725" s="424"/>
      <c r="FLP725" s="424"/>
      <c r="FLQ725" s="423" t="s">
        <v>2795</v>
      </c>
      <c r="FLR725" s="424"/>
      <c r="FLS725" s="424"/>
      <c r="FLT725" s="424"/>
      <c r="FLU725" s="423" t="s">
        <v>2795</v>
      </c>
      <c r="FLV725" s="424"/>
      <c r="FLW725" s="424"/>
      <c r="FLX725" s="424"/>
      <c r="FLY725" s="423" t="s">
        <v>2795</v>
      </c>
      <c r="FLZ725" s="424"/>
      <c r="FMA725" s="424"/>
      <c r="FMB725" s="424"/>
      <c r="FMC725" s="423" t="s">
        <v>2795</v>
      </c>
      <c r="FMD725" s="424"/>
      <c r="FME725" s="424"/>
      <c r="FMF725" s="424"/>
      <c r="FMG725" s="423" t="s">
        <v>2795</v>
      </c>
      <c r="FMH725" s="424"/>
      <c r="FMI725" s="424"/>
      <c r="FMJ725" s="424"/>
      <c r="FMK725" s="423" t="s">
        <v>2795</v>
      </c>
      <c r="FML725" s="424"/>
      <c r="FMM725" s="424"/>
      <c r="FMN725" s="424"/>
      <c r="FMO725" s="423" t="s">
        <v>2795</v>
      </c>
      <c r="FMP725" s="424"/>
      <c r="FMQ725" s="424"/>
      <c r="FMR725" s="424"/>
      <c r="FMS725" s="423" t="s">
        <v>2795</v>
      </c>
      <c r="FMT725" s="424"/>
      <c r="FMU725" s="424"/>
      <c r="FMV725" s="424"/>
      <c r="FMW725" s="423" t="s">
        <v>2795</v>
      </c>
      <c r="FMX725" s="424"/>
      <c r="FMY725" s="424"/>
      <c r="FMZ725" s="424"/>
      <c r="FNA725" s="423" t="s">
        <v>2795</v>
      </c>
      <c r="FNB725" s="424"/>
      <c r="FNC725" s="424"/>
      <c r="FND725" s="424"/>
      <c r="FNE725" s="423" t="s">
        <v>2795</v>
      </c>
      <c r="FNF725" s="424"/>
      <c r="FNG725" s="424"/>
      <c r="FNH725" s="424"/>
      <c r="FNI725" s="423" t="s">
        <v>2795</v>
      </c>
      <c r="FNJ725" s="424"/>
      <c r="FNK725" s="424"/>
      <c r="FNL725" s="424"/>
      <c r="FNM725" s="423" t="s">
        <v>2795</v>
      </c>
      <c r="FNN725" s="424"/>
      <c r="FNO725" s="424"/>
      <c r="FNP725" s="424"/>
      <c r="FNQ725" s="423" t="s">
        <v>2795</v>
      </c>
      <c r="FNR725" s="424"/>
      <c r="FNS725" s="424"/>
      <c r="FNT725" s="424"/>
      <c r="FNU725" s="423" t="s">
        <v>2795</v>
      </c>
      <c r="FNV725" s="424"/>
      <c r="FNW725" s="424"/>
      <c r="FNX725" s="424"/>
      <c r="FNY725" s="423" t="s">
        <v>2795</v>
      </c>
      <c r="FNZ725" s="424"/>
      <c r="FOA725" s="424"/>
      <c r="FOB725" s="424"/>
      <c r="FOC725" s="423" t="s">
        <v>2795</v>
      </c>
      <c r="FOD725" s="424"/>
      <c r="FOE725" s="424"/>
      <c r="FOF725" s="424"/>
      <c r="FOG725" s="423" t="s">
        <v>2795</v>
      </c>
      <c r="FOH725" s="424"/>
      <c r="FOI725" s="424"/>
      <c r="FOJ725" s="424"/>
      <c r="FOK725" s="423" t="s">
        <v>2795</v>
      </c>
      <c r="FOL725" s="424"/>
      <c r="FOM725" s="424"/>
      <c r="FON725" s="424"/>
      <c r="FOO725" s="423" t="s">
        <v>2795</v>
      </c>
      <c r="FOP725" s="424"/>
      <c r="FOQ725" s="424"/>
      <c r="FOR725" s="424"/>
      <c r="FOS725" s="423" t="s">
        <v>2795</v>
      </c>
      <c r="FOT725" s="424"/>
      <c r="FOU725" s="424"/>
      <c r="FOV725" s="424"/>
      <c r="FOW725" s="423" t="s">
        <v>2795</v>
      </c>
      <c r="FOX725" s="424"/>
      <c r="FOY725" s="424"/>
      <c r="FOZ725" s="424"/>
      <c r="FPA725" s="423" t="s">
        <v>2795</v>
      </c>
      <c r="FPB725" s="424"/>
      <c r="FPC725" s="424"/>
      <c r="FPD725" s="424"/>
      <c r="FPE725" s="423" t="s">
        <v>2795</v>
      </c>
      <c r="FPF725" s="424"/>
      <c r="FPG725" s="424"/>
      <c r="FPH725" s="424"/>
      <c r="FPI725" s="423" t="s">
        <v>2795</v>
      </c>
      <c r="FPJ725" s="424"/>
      <c r="FPK725" s="424"/>
      <c r="FPL725" s="424"/>
      <c r="FPM725" s="423" t="s">
        <v>2795</v>
      </c>
      <c r="FPN725" s="424"/>
      <c r="FPO725" s="424"/>
      <c r="FPP725" s="424"/>
      <c r="FPQ725" s="423" t="s">
        <v>2795</v>
      </c>
      <c r="FPR725" s="424"/>
      <c r="FPS725" s="424"/>
      <c r="FPT725" s="424"/>
      <c r="FPU725" s="423" t="s">
        <v>2795</v>
      </c>
      <c r="FPV725" s="424"/>
      <c r="FPW725" s="424"/>
      <c r="FPX725" s="424"/>
      <c r="FPY725" s="423" t="s">
        <v>2795</v>
      </c>
      <c r="FPZ725" s="424"/>
      <c r="FQA725" s="424"/>
      <c r="FQB725" s="424"/>
      <c r="FQC725" s="423" t="s">
        <v>2795</v>
      </c>
      <c r="FQD725" s="424"/>
      <c r="FQE725" s="424"/>
      <c r="FQF725" s="424"/>
      <c r="FQG725" s="423" t="s">
        <v>2795</v>
      </c>
      <c r="FQH725" s="424"/>
      <c r="FQI725" s="424"/>
      <c r="FQJ725" s="424"/>
      <c r="FQK725" s="423" t="s">
        <v>2795</v>
      </c>
      <c r="FQL725" s="424"/>
      <c r="FQM725" s="424"/>
      <c r="FQN725" s="424"/>
      <c r="FQO725" s="423" t="s">
        <v>2795</v>
      </c>
      <c r="FQP725" s="424"/>
      <c r="FQQ725" s="424"/>
      <c r="FQR725" s="424"/>
      <c r="FQS725" s="423" t="s">
        <v>2795</v>
      </c>
      <c r="FQT725" s="424"/>
      <c r="FQU725" s="424"/>
      <c r="FQV725" s="424"/>
      <c r="FQW725" s="423" t="s">
        <v>2795</v>
      </c>
      <c r="FQX725" s="424"/>
      <c r="FQY725" s="424"/>
      <c r="FQZ725" s="424"/>
      <c r="FRA725" s="423" t="s">
        <v>2795</v>
      </c>
      <c r="FRB725" s="424"/>
      <c r="FRC725" s="424"/>
      <c r="FRD725" s="424"/>
      <c r="FRE725" s="423" t="s">
        <v>2795</v>
      </c>
      <c r="FRF725" s="424"/>
      <c r="FRG725" s="424"/>
      <c r="FRH725" s="424"/>
      <c r="FRI725" s="423" t="s">
        <v>2795</v>
      </c>
      <c r="FRJ725" s="424"/>
      <c r="FRK725" s="424"/>
      <c r="FRL725" s="424"/>
      <c r="FRM725" s="423" t="s">
        <v>2795</v>
      </c>
      <c r="FRN725" s="424"/>
      <c r="FRO725" s="424"/>
      <c r="FRP725" s="424"/>
      <c r="FRQ725" s="423" t="s">
        <v>2795</v>
      </c>
      <c r="FRR725" s="424"/>
      <c r="FRS725" s="424"/>
      <c r="FRT725" s="424"/>
      <c r="FRU725" s="423" t="s">
        <v>2795</v>
      </c>
      <c r="FRV725" s="424"/>
      <c r="FRW725" s="424"/>
      <c r="FRX725" s="424"/>
      <c r="FRY725" s="423" t="s">
        <v>2795</v>
      </c>
      <c r="FRZ725" s="424"/>
      <c r="FSA725" s="424"/>
      <c r="FSB725" s="424"/>
      <c r="FSC725" s="423" t="s">
        <v>2795</v>
      </c>
      <c r="FSD725" s="424"/>
      <c r="FSE725" s="424"/>
      <c r="FSF725" s="424"/>
      <c r="FSG725" s="423" t="s">
        <v>2795</v>
      </c>
      <c r="FSH725" s="424"/>
      <c r="FSI725" s="424"/>
      <c r="FSJ725" s="424"/>
      <c r="FSK725" s="423" t="s">
        <v>2795</v>
      </c>
      <c r="FSL725" s="424"/>
      <c r="FSM725" s="424"/>
      <c r="FSN725" s="424"/>
      <c r="FSO725" s="423" t="s">
        <v>2795</v>
      </c>
      <c r="FSP725" s="424"/>
      <c r="FSQ725" s="424"/>
      <c r="FSR725" s="424"/>
      <c r="FSS725" s="423" t="s">
        <v>2795</v>
      </c>
      <c r="FST725" s="424"/>
      <c r="FSU725" s="424"/>
      <c r="FSV725" s="424"/>
      <c r="FSW725" s="423" t="s">
        <v>2795</v>
      </c>
      <c r="FSX725" s="424"/>
      <c r="FSY725" s="424"/>
      <c r="FSZ725" s="424"/>
      <c r="FTA725" s="423" t="s">
        <v>2795</v>
      </c>
      <c r="FTB725" s="424"/>
      <c r="FTC725" s="424"/>
      <c r="FTD725" s="424"/>
      <c r="FTE725" s="423" t="s">
        <v>2795</v>
      </c>
      <c r="FTF725" s="424"/>
      <c r="FTG725" s="424"/>
      <c r="FTH725" s="424"/>
      <c r="FTI725" s="423" t="s">
        <v>2795</v>
      </c>
      <c r="FTJ725" s="424"/>
      <c r="FTK725" s="424"/>
      <c r="FTL725" s="424"/>
      <c r="FTM725" s="423" t="s">
        <v>2795</v>
      </c>
      <c r="FTN725" s="424"/>
      <c r="FTO725" s="424"/>
      <c r="FTP725" s="424"/>
      <c r="FTQ725" s="423" t="s">
        <v>2795</v>
      </c>
      <c r="FTR725" s="424"/>
      <c r="FTS725" s="424"/>
      <c r="FTT725" s="424"/>
      <c r="FTU725" s="423" t="s">
        <v>2795</v>
      </c>
      <c r="FTV725" s="424"/>
      <c r="FTW725" s="424"/>
      <c r="FTX725" s="424"/>
      <c r="FTY725" s="423" t="s">
        <v>2795</v>
      </c>
      <c r="FTZ725" s="424"/>
      <c r="FUA725" s="424"/>
      <c r="FUB725" s="424"/>
      <c r="FUC725" s="423" t="s">
        <v>2795</v>
      </c>
      <c r="FUD725" s="424"/>
      <c r="FUE725" s="424"/>
      <c r="FUF725" s="424"/>
      <c r="FUG725" s="423" t="s">
        <v>2795</v>
      </c>
      <c r="FUH725" s="424"/>
      <c r="FUI725" s="424"/>
      <c r="FUJ725" s="424"/>
      <c r="FUK725" s="423" t="s">
        <v>2795</v>
      </c>
      <c r="FUL725" s="424"/>
      <c r="FUM725" s="424"/>
      <c r="FUN725" s="424"/>
      <c r="FUO725" s="423" t="s">
        <v>2795</v>
      </c>
      <c r="FUP725" s="424"/>
      <c r="FUQ725" s="424"/>
      <c r="FUR725" s="424"/>
      <c r="FUS725" s="423" t="s">
        <v>2795</v>
      </c>
      <c r="FUT725" s="424"/>
      <c r="FUU725" s="424"/>
      <c r="FUV725" s="424"/>
      <c r="FUW725" s="423" t="s">
        <v>2795</v>
      </c>
      <c r="FUX725" s="424"/>
      <c r="FUY725" s="424"/>
      <c r="FUZ725" s="424"/>
      <c r="FVA725" s="423" t="s">
        <v>2795</v>
      </c>
      <c r="FVB725" s="424"/>
      <c r="FVC725" s="424"/>
      <c r="FVD725" s="424"/>
      <c r="FVE725" s="423" t="s">
        <v>2795</v>
      </c>
      <c r="FVF725" s="424"/>
      <c r="FVG725" s="424"/>
      <c r="FVH725" s="424"/>
      <c r="FVI725" s="423" t="s">
        <v>2795</v>
      </c>
      <c r="FVJ725" s="424"/>
      <c r="FVK725" s="424"/>
      <c r="FVL725" s="424"/>
      <c r="FVM725" s="423" t="s">
        <v>2795</v>
      </c>
      <c r="FVN725" s="424"/>
      <c r="FVO725" s="424"/>
      <c r="FVP725" s="424"/>
      <c r="FVQ725" s="423" t="s">
        <v>2795</v>
      </c>
      <c r="FVR725" s="424"/>
      <c r="FVS725" s="424"/>
      <c r="FVT725" s="424"/>
      <c r="FVU725" s="423" t="s">
        <v>2795</v>
      </c>
      <c r="FVV725" s="424"/>
      <c r="FVW725" s="424"/>
      <c r="FVX725" s="424"/>
      <c r="FVY725" s="423" t="s">
        <v>2795</v>
      </c>
      <c r="FVZ725" s="424"/>
      <c r="FWA725" s="424"/>
      <c r="FWB725" s="424"/>
      <c r="FWC725" s="423" t="s">
        <v>2795</v>
      </c>
      <c r="FWD725" s="424"/>
      <c r="FWE725" s="424"/>
      <c r="FWF725" s="424"/>
      <c r="FWG725" s="423" t="s">
        <v>2795</v>
      </c>
      <c r="FWH725" s="424"/>
      <c r="FWI725" s="424"/>
      <c r="FWJ725" s="424"/>
      <c r="FWK725" s="423" t="s">
        <v>2795</v>
      </c>
      <c r="FWL725" s="424"/>
      <c r="FWM725" s="424"/>
      <c r="FWN725" s="424"/>
      <c r="FWO725" s="423" t="s">
        <v>2795</v>
      </c>
      <c r="FWP725" s="424"/>
      <c r="FWQ725" s="424"/>
      <c r="FWR725" s="424"/>
      <c r="FWS725" s="423" t="s">
        <v>2795</v>
      </c>
      <c r="FWT725" s="424"/>
      <c r="FWU725" s="424"/>
      <c r="FWV725" s="424"/>
      <c r="FWW725" s="423" t="s">
        <v>2795</v>
      </c>
      <c r="FWX725" s="424"/>
      <c r="FWY725" s="424"/>
      <c r="FWZ725" s="424"/>
      <c r="FXA725" s="423" t="s">
        <v>2795</v>
      </c>
      <c r="FXB725" s="424"/>
      <c r="FXC725" s="424"/>
      <c r="FXD725" s="424"/>
      <c r="FXE725" s="423" t="s">
        <v>2795</v>
      </c>
      <c r="FXF725" s="424"/>
      <c r="FXG725" s="424"/>
      <c r="FXH725" s="424"/>
      <c r="FXI725" s="423" t="s">
        <v>2795</v>
      </c>
      <c r="FXJ725" s="424"/>
      <c r="FXK725" s="424"/>
      <c r="FXL725" s="424"/>
      <c r="FXM725" s="423" t="s">
        <v>2795</v>
      </c>
      <c r="FXN725" s="424"/>
      <c r="FXO725" s="424"/>
      <c r="FXP725" s="424"/>
      <c r="FXQ725" s="423" t="s">
        <v>2795</v>
      </c>
      <c r="FXR725" s="424"/>
      <c r="FXS725" s="424"/>
      <c r="FXT725" s="424"/>
      <c r="FXU725" s="423" t="s">
        <v>2795</v>
      </c>
      <c r="FXV725" s="424"/>
      <c r="FXW725" s="424"/>
      <c r="FXX725" s="424"/>
      <c r="FXY725" s="423" t="s">
        <v>2795</v>
      </c>
      <c r="FXZ725" s="424"/>
      <c r="FYA725" s="424"/>
      <c r="FYB725" s="424"/>
      <c r="FYC725" s="423" t="s">
        <v>2795</v>
      </c>
      <c r="FYD725" s="424"/>
      <c r="FYE725" s="424"/>
      <c r="FYF725" s="424"/>
      <c r="FYG725" s="423" t="s">
        <v>2795</v>
      </c>
      <c r="FYH725" s="424"/>
      <c r="FYI725" s="424"/>
      <c r="FYJ725" s="424"/>
      <c r="FYK725" s="423" t="s">
        <v>2795</v>
      </c>
      <c r="FYL725" s="424"/>
      <c r="FYM725" s="424"/>
      <c r="FYN725" s="424"/>
      <c r="FYO725" s="423" t="s">
        <v>2795</v>
      </c>
      <c r="FYP725" s="424"/>
      <c r="FYQ725" s="424"/>
      <c r="FYR725" s="424"/>
      <c r="FYS725" s="423" t="s">
        <v>2795</v>
      </c>
      <c r="FYT725" s="424"/>
      <c r="FYU725" s="424"/>
      <c r="FYV725" s="424"/>
      <c r="FYW725" s="423" t="s">
        <v>2795</v>
      </c>
      <c r="FYX725" s="424"/>
      <c r="FYY725" s="424"/>
      <c r="FYZ725" s="424"/>
      <c r="FZA725" s="423" t="s">
        <v>2795</v>
      </c>
      <c r="FZB725" s="424"/>
      <c r="FZC725" s="424"/>
      <c r="FZD725" s="424"/>
      <c r="FZE725" s="423" t="s">
        <v>2795</v>
      </c>
      <c r="FZF725" s="424"/>
      <c r="FZG725" s="424"/>
      <c r="FZH725" s="424"/>
      <c r="FZI725" s="423" t="s">
        <v>2795</v>
      </c>
      <c r="FZJ725" s="424"/>
      <c r="FZK725" s="424"/>
      <c r="FZL725" s="424"/>
      <c r="FZM725" s="423" t="s">
        <v>2795</v>
      </c>
      <c r="FZN725" s="424"/>
      <c r="FZO725" s="424"/>
      <c r="FZP725" s="424"/>
      <c r="FZQ725" s="423" t="s">
        <v>2795</v>
      </c>
      <c r="FZR725" s="424"/>
      <c r="FZS725" s="424"/>
      <c r="FZT725" s="424"/>
      <c r="FZU725" s="423" t="s">
        <v>2795</v>
      </c>
      <c r="FZV725" s="424"/>
      <c r="FZW725" s="424"/>
      <c r="FZX725" s="424"/>
      <c r="FZY725" s="423" t="s">
        <v>2795</v>
      </c>
      <c r="FZZ725" s="424"/>
      <c r="GAA725" s="424"/>
      <c r="GAB725" s="424"/>
      <c r="GAC725" s="423" t="s">
        <v>2795</v>
      </c>
      <c r="GAD725" s="424"/>
      <c r="GAE725" s="424"/>
      <c r="GAF725" s="424"/>
      <c r="GAG725" s="423" t="s">
        <v>2795</v>
      </c>
      <c r="GAH725" s="424"/>
      <c r="GAI725" s="424"/>
      <c r="GAJ725" s="424"/>
      <c r="GAK725" s="423" t="s">
        <v>2795</v>
      </c>
      <c r="GAL725" s="424"/>
      <c r="GAM725" s="424"/>
      <c r="GAN725" s="424"/>
      <c r="GAO725" s="423" t="s">
        <v>2795</v>
      </c>
      <c r="GAP725" s="424"/>
      <c r="GAQ725" s="424"/>
      <c r="GAR725" s="424"/>
      <c r="GAS725" s="423" t="s">
        <v>2795</v>
      </c>
      <c r="GAT725" s="424"/>
      <c r="GAU725" s="424"/>
      <c r="GAV725" s="424"/>
      <c r="GAW725" s="423" t="s">
        <v>2795</v>
      </c>
      <c r="GAX725" s="424"/>
      <c r="GAY725" s="424"/>
      <c r="GAZ725" s="424"/>
      <c r="GBA725" s="423" t="s">
        <v>2795</v>
      </c>
      <c r="GBB725" s="424"/>
      <c r="GBC725" s="424"/>
      <c r="GBD725" s="424"/>
      <c r="GBE725" s="423" t="s">
        <v>2795</v>
      </c>
      <c r="GBF725" s="424"/>
      <c r="GBG725" s="424"/>
      <c r="GBH725" s="424"/>
      <c r="GBI725" s="423" t="s">
        <v>2795</v>
      </c>
      <c r="GBJ725" s="424"/>
      <c r="GBK725" s="424"/>
      <c r="GBL725" s="424"/>
      <c r="GBM725" s="423" t="s">
        <v>2795</v>
      </c>
      <c r="GBN725" s="424"/>
      <c r="GBO725" s="424"/>
      <c r="GBP725" s="424"/>
      <c r="GBQ725" s="423" t="s">
        <v>2795</v>
      </c>
      <c r="GBR725" s="424"/>
      <c r="GBS725" s="424"/>
      <c r="GBT725" s="424"/>
      <c r="GBU725" s="423" t="s">
        <v>2795</v>
      </c>
      <c r="GBV725" s="424"/>
      <c r="GBW725" s="424"/>
      <c r="GBX725" s="424"/>
      <c r="GBY725" s="423" t="s">
        <v>2795</v>
      </c>
      <c r="GBZ725" s="424"/>
      <c r="GCA725" s="424"/>
      <c r="GCB725" s="424"/>
      <c r="GCC725" s="423" t="s">
        <v>2795</v>
      </c>
      <c r="GCD725" s="424"/>
      <c r="GCE725" s="424"/>
      <c r="GCF725" s="424"/>
      <c r="GCG725" s="423" t="s">
        <v>2795</v>
      </c>
      <c r="GCH725" s="424"/>
      <c r="GCI725" s="424"/>
      <c r="GCJ725" s="424"/>
      <c r="GCK725" s="423" t="s">
        <v>2795</v>
      </c>
      <c r="GCL725" s="424"/>
      <c r="GCM725" s="424"/>
      <c r="GCN725" s="424"/>
      <c r="GCO725" s="423" t="s">
        <v>2795</v>
      </c>
      <c r="GCP725" s="424"/>
      <c r="GCQ725" s="424"/>
      <c r="GCR725" s="424"/>
      <c r="GCS725" s="423" t="s">
        <v>2795</v>
      </c>
      <c r="GCT725" s="424"/>
      <c r="GCU725" s="424"/>
      <c r="GCV725" s="424"/>
      <c r="GCW725" s="423" t="s">
        <v>2795</v>
      </c>
      <c r="GCX725" s="424"/>
      <c r="GCY725" s="424"/>
      <c r="GCZ725" s="424"/>
      <c r="GDA725" s="423" t="s">
        <v>2795</v>
      </c>
      <c r="GDB725" s="424"/>
      <c r="GDC725" s="424"/>
      <c r="GDD725" s="424"/>
      <c r="GDE725" s="423" t="s">
        <v>2795</v>
      </c>
      <c r="GDF725" s="424"/>
      <c r="GDG725" s="424"/>
      <c r="GDH725" s="424"/>
      <c r="GDI725" s="423" t="s">
        <v>2795</v>
      </c>
      <c r="GDJ725" s="424"/>
      <c r="GDK725" s="424"/>
      <c r="GDL725" s="424"/>
      <c r="GDM725" s="423" t="s">
        <v>2795</v>
      </c>
      <c r="GDN725" s="424"/>
      <c r="GDO725" s="424"/>
      <c r="GDP725" s="424"/>
      <c r="GDQ725" s="423" t="s">
        <v>2795</v>
      </c>
      <c r="GDR725" s="424"/>
      <c r="GDS725" s="424"/>
      <c r="GDT725" s="424"/>
      <c r="GDU725" s="423" t="s">
        <v>2795</v>
      </c>
      <c r="GDV725" s="424"/>
      <c r="GDW725" s="424"/>
      <c r="GDX725" s="424"/>
      <c r="GDY725" s="423" t="s">
        <v>2795</v>
      </c>
      <c r="GDZ725" s="424"/>
      <c r="GEA725" s="424"/>
      <c r="GEB725" s="424"/>
      <c r="GEC725" s="423" t="s">
        <v>2795</v>
      </c>
      <c r="GED725" s="424"/>
      <c r="GEE725" s="424"/>
      <c r="GEF725" s="424"/>
      <c r="GEG725" s="423" t="s">
        <v>2795</v>
      </c>
      <c r="GEH725" s="424"/>
      <c r="GEI725" s="424"/>
      <c r="GEJ725" s="424"/>
      <c r="GEK725" s="423" t="s">
        <v>2795</v>
      </c>
      <c r="GEL725" s="424"/>
      <c r="GEM725" s="424"/>
      <c r="GEN725" s="424"/>
      <c r="GEO725" s="423" t="s">
        <v>2795</v>
      </c>
      <c r="GEP725" s="424"/>
      <c r="GEQ725" s="424"/>
      <c r="GER725" s="424"/>
      <c r="GES725" s="423" t="s">
        <v>2795</v>
      </c>
      <c r="GET725" s="424"/>
      <c r="GEU725" s="424"/>
      <c r="GEV725" s="424"/>
      <c r="GEW725" s="423" t="s">
        <v>2795</v>
      </c>
      <c r="GEX725" s="424"/>
      <c r="GEY725" s="424"/>
      <c r="GEZ725" s="424"/>
      <c r="GFA725" s="423" t="s">
        <v>2795</v>
      </c>
      <c r="GFB725" s="424"/>
      <c r="GFC725" s="424"/>
      <c r="GFD725" s="424"/>
      <c r="GFE725" s="423" t="s">
        <v>2795</v>
      </c>
      <c r="GFF725" s="424"/>
      <c r="GFG725" s="424"/>
      <c r="GFH725" s="424"/>
      <c r="GFI725" s="423" t="s">
        <v>2795</v>
      </c>
      <c r="GFJ725" s="424"/>
      <c r="GFK725" s="424"/>
      <c r="GFL725" s="424"/>
      <c r="GFM725" s="423" t="s">
        <v>2795</v>
      </c>
      <c r="GFN725" s="424"/>
      <c r="GFO725" s="424"/>
      <c r="GFP725" s="424"/>
      <c r="GFQ725" s="423" t="s">
        <v>2795</v>
      </c>
      <c r="GFR725" s="424"/>
      <c r="GFS725" s="424"/>
      <c r="GFT725" s="424"/>
      <c r="GFU725" s="423" t="s">
        <v>2795</v>
      </c>
      <c r="GFV725" s="424"/>
      <c r="GFW725" s="424"/>
      <c r="GFX725" s="424"/>
      <c r="GFY725" s="423" t="s">
        <v>2795</v>
      </c>
      <c r="GFZ725" s="424"/>
      <c r="GGA725" s="424"/>
      <c r="GGB725" s="424"/>
      <c r="GGC725" s="423" t="s">
        <v>2795</v>
      </c>
      <c r="GGD725" s="424"/>
      <c r="GGE725" s="424"/>
      <c r="GGF725" s="424"/>
      <c r="GGG725" s="423" t="s">
        <v>2795</v>
      </c>
      <c r="GGH725" s="424"/>
      <c r="GGI725" s="424"/>
      <c r="GGJ725" s="424"/>
      <c r="GGK725" s="423" t="s">
        <v>2795</v>
      </c>
      <c r="GGL725" s="424"/>
      <c r="GGM725" s="424"/>
      <c r="GGN725" s="424"/>
      <c r="GGO725" s="423" t="s">
        <v>2795</v>
      </c>
      <c r="GGP725" s="424"/>
      <c r="GGQ725" s="424"/>
      <c r="GGR725" s="424"/>
      <c r="GGS725" s="423" t="s">
        <v>2795</v>
      </c>
      <c r="GGT725" s="424"/>
      <c r="GGU725" s="424"/>
      <c r="GGV725" s="424"/>
      <c r="GGW725" s="423" t="s">
        <v>2795</v>
      </c>
      <c r="GGX725" s="424"/>
      <c r="GGY725" s="424"/>
      <c r="GGZ725" s="424"/>
      <c r="GHA725" s="423" t="s">
        <v>2795</v>
      </c>
      <c r="GHB725" s="424"/>
      <c r="GHC725" s="424"/>
      <c r="GHD725" s="424"/>
      <c r="GHE725" s="423" t="s">
        <v>2795</v>
      </c>
      <c r="GHF725" s="424"/>
      <c r="GHG725" s="424"/>
      <c r="GHH725" s="424"/>
      <c r="GHI725" s="423" t="s">
        <v>2795</v>
      </c>
      <c r="GHJ725" s="424"/>
      <c r="GHK725" s="424"/>
      <c r="GHL725" s="424"/>
      <c r="GHM725" s="423" t="s">
        <v>2795</v>
      </c>
      <c r="GHN725" s="424"/>
      <c r="GHO725" s="424"/>
      <c r="GHP725" s="424"/>
      <c r="GHQ725" s="423" t="s">
        <v>2795</v>
      </c>
      <c r="GHR725" s="424"/>
      <c r="GHS725" s="424"/>
      <c r="GHT725" s="424"/>
      <c r="GHU725" s="423" t="s">
        <v>2795</v>
      </c>
      <c r="GHV725" s="424"/>
      <c r="GHW725" s="424"/>
      <c r="GHX725" s="424"/>
      <c r="GHY725" s="423" t="s">
        <v>2795</v>
      </c>
      <c r="GHZ725" s="424"/>
      <c r="GIA725" s="424"/>
      <c r="GIB725" s="424"/>
      <c r="GIC725" s="423" t="s">
        <v>2795</v>
      </c>
      <c r="GID725" s="424"/>
      <c r="GIE725" s="424"/>
      <c r="GIF725" s="424"/>
      <c r="GIG725" s="423" t="s">
        <v>2795</v>
      </c>
      <c r="GIH725" s="424"/>
      <c r="GII725" s="424"/>
      <c r="GIJ725" s="424"/>
      <c r="GIK725" s="423" t="s">
        <v>2795</v>
      </c>
      <c r="GIL725" s="424"/>
      <c r="GIM725" s="424"/>
      <c r="GIN725" s="424"/>
      <c r="GIO725" s="423" t="s">
        <v>2795</v>
      </c>
      <c r="GIP725" s="424"/>
      <c r="GIQ725" s="424"/>
      <c r="GIR725" s="424"/>
      <c r="GIS725" s="423" t="s">
        <v>2795</v>
      </c>
      <c r="GIT725" s="424"/>
      <c r="GIU725" s="424"/>
      <c r="GIV725" s="424"/>
      <c r="GIW725" s="423" t="s">
        <v>2795</v>
      </c>
      <c r="GIX725" s="424"/>
      <c r="GIY725" s="424"/>
      <c r="GIZ725" s="424"/>
      <c r="GJA725" s="423" t="s">
        <v>2795</v>
      </c>
      <c r="GJB725" s="424"/>
      <c r="GJC725" s="424"/>
      <c r="GJD725" s="424"/>
      <c r="GJE725" s="423" t="s">
        <v>2795</v>
      </c>
      <c r="GJF725" s="424"/>
      <c r="GJG725" s="424"/>
      <c r="GJH725" s="424"/>
      <c r="GJI725" s="423" t="s">
        <v>2795</v>
      </c>
      <c r="GJJ725" s="424"/>
      <c r="GJK725" s="424"/>
      <c r="GJL725" s="424"/>
      <c r="GJM725" s="423" t="s">
        <v>2795</v>
      </c>
      <c r="GJN725" s="424"/>
      <c r="GJO725" s="424"/>
      <c r="GJP725" s="424"/>
      <c r="GJQ725" s="423" t="s">
        <v>2795</v>
      </c>
      <c r="GJR725" s="424"/>
      <c r="GJS725" s="424"/>
      <c r="GJT725" s="424"/>
      <c r="GJU725" s="423" t="s">
        <v>2795</v>
      </c>
      <c r="GJV725" s="424"/>
      <c r="GJW725" s="424"/>
      <c r="GJX725" s="424"/>
      <c r="GJY725" s="423" t="s">
        <v>2795</v>
      </c>
      <c r="GJZ725" s="424"/>
      <c r="GKA725" s="424"/>
      <c r="GKB725" s="424"/>
      <c r="GKC725" s="423" t="s">
        <v>2795</v>
      </c>
      <c r="GKD725" s="424"/>
      <c r="GKE725" s="424"/>
      <c r="GKF725" s="424"/>
      <c r="GKG725" s="423" t="s">
        <v>2795</v>
      </c>
      <c r="GKH725" s="424"/>
      <c r="GKI725" s="424"/>
      <c r="GKJ725" s="424"/>
      <c r="GKK725" s="423" t="s">
        <v>2795</v>
      </c>
      <c r="GKL725" s="424"/>
      <c r="GKM725" s="424"/>
      <c r="GKN725" s="424"/>
      <c r="GKO725" s="423" t="s">
        <v>2795</v>
      </c>
      <c r="GKP725" s="424"/>
      <c r="GKQ725" s="424"/>
      <c r="GKR725" s="424"/>
      <c r="GKS725" s="423" t="s">
        <v>2795</v>
      </c>
      <c r="GKT725" s="424"/>
      <c r="GKU725" s="424"/>
      <c r="GKV725" s="424"/>
      <c r="GKW725" s="423" t="s">
        <v>2795</v>
      </c>
      <c r="GKX725" s="424"/>
      <c r="GKY725" s="424"/>
      <c r="GKZ725" s="424"/>
      <c r="GLA725" s="423" t="s">
        <v>2795</v>
      </c>
      <c r="GLB725" s="424"/>
      <c r="GLC725" s="424"/>
      <c r="GLD725" s="424"/>
      <c r="GLE725" s="423" t="s">
        <v>2795</v>
      </c>
      <c r="GLF725" s="424"/>
      <c r="GLG725" s="424"/>
      <c r="GLH725" s="424"/>
      <c r="GLI725" s="423" t="s">
        <v>2795</v>
      </c>
      <c r="GLJ725" s="424"/>
      <c r="GLK725" s="424"/>
      <c r="GLL725" s="424"/>
      <c r="GLM725" s="423" t="s">
        <v>2795</v>
      </c>
      <c r="GLN725" s="424"/>
      <c r="GLO725" s="424"/>
      <c r="GLP725" s="424"/>
      <c r="GLQ725" s="423" t="s">
        <v>2795</v>
      </c>
      <c r="GLR725" s="424"/>
      <c r="GLS725" s="424"/>
      <c r="GLT725" s="424"/>
      <c r="GLU725" s="423" t="s">
        <v>2795</v>
      </c>
      <c r="GLV725" s="424"/>
      <c r="GLW725" s="424"/>
      <c r="GLX725" s="424"/>
      <c r="GLY725" s="423" t="s">
        <v>2795</v>
      </c>
      <c r="GLZ725" s="424"/>
      <c r="GMA725" s="424"/>
      <c r="GMB725" s="424"/>
      <c r="GMC725" s="423" t="s">
        <v>2795</v>
      </c>
      <c r="GMD725" s="424"/>
      <c r="GME725" s="424"/>
      <c r="GMF725" s="424"/>
      <c r="GMG725" s="423" t="s">
        <v>2795</v>
      </c>
      <c r="GMH725" s="424"/>
      <c r="GMI725" s="424"/>
      <c r="GMJ725" s="424"/>
      <c r="GMK725" s="423" t="s">
        <v>2795</v>
      </c>
      <c r="GML725" s="424"/>
      <c r="GMM725" s="424"/>
      <c r="GMN725" s="424"/>
      <c r="GMO725" s="423" t="s">
        <v>2795</v>
      </c>
      <c r="GMP725" s="424"/>
      <c r="GMQ725" s="424"/>
      <c r="GMR725" s="424"/>
      <c r="GMS725" s="423" t="s">
        <v>2795</v>
      </c>
      <c r="GMT725" s="424"/>
      <c r="GMU725" s="424"/>
      <c r="GMV725" s="424"/>
      <c r="GMW725" s="423" t="s">
        <v>2795</v>
      </c>
      <c r="GMX725" s="424"/>
      <c r="GMY725" s="424"/>
      <c r="GMZ725" s="424"/>
      <c r="GNA725" s="423" t="s">
        <v>2795</v>
      </c>
      <c r="GNB725" s="424"/>
      <c r="GNC725" s="424"/>
      <c r="GND725" s="424"/>
      <c r="GNE725" s="423" t="s">
        <v>2795</v>
      </c>
      <c r="GNF725" s="424"/>
      <c r="GNG725" s="424"/>
      <c r="GNH725" s="424"/>
      <c r="GNI725" s="423" t="s">
        <v>2795</v>
      </c>
      <c r="GNJ725" s="424"/>
      <c r="GNK725" s="424"/>
      <c r="GNL725" s="424"/>
      <c r="GNM725" s="423" t="s">
        <v>2795</v>
      </c>
      <c r="GNN725" s="424"/>
      <c r="GNO725" s="424"/>
      <c r="GNP725" s="424"/>
      <c r="GNQ725" s="423" t="s">
        <v>2795</v>
      </c>
      <c r="GNR725" s="424"/>
      <c r="GNS725" s="424"/>
      <c r="GNT725" s="424"/>
      <c r="GNU725" s="423" t="s">
        <v>2795</v>
      </c>
      <c r="GNV725" s="424"/>
      <c r="GNW725" s="424"/>
      <c r="GNX725" s="424"/>
      <c r="GNY725" s="423" t="s">
        <v>2795</v>
      </c>
      <c r="GNZ725" s="424"/>
      <c r="GOA725" s="424"/>
      <c r="GOB725" s="424"/>
      <c r="GOC725" s="423" t="s">
        <v>2795</v>
      </c>
      <c r="GOD725" s="424"/>
      <c r="GOE725" s="424"/>
      <c r="GOF725" s="424"/>
      <c r="GOG725" s="423" t="s">
        <v>2795</v>
      </c>
      <c r="GOH725" s="424"/>
      <c r="GOI725" s="424"/>
      <c r="GOJ725" s="424"/>
      <c r="GOK725" s="423" t="s">
        <v>2795</v>
      </c>
      <c r="GOL725" s="424"/>
      <c r="GOM725" s="424"/>
      <c r="GON725" s="424"/>
      <c r="GOO725" s="423" t="s">
        <v>2795</v>
      </c>
      <c r="GOP725" s="424"/>
      <c r="GOQ725" s="424"/>
      <c r="GOR725" s="424"/>
      <c r="GOS725" s="423" t="s">
        <v>2795</v>
      </c>
      <c r="GOT725" s="424"/>
      <c r="GOU725" s="424"/>
      <c r="GOV725" s="424"/>
      <c r="GOW725" s="423" t="s">
        <v>2795</v>
      </c>
      <c r="GOX725" s="424"/>
      <c r="GOY725" s="424"/>
      <c r="GOZ725" s="424"/>
      <c r="GPA725" s="423" t="s">
        <v>2795</v>
      </c>
      <c r="GPB725" s="424"/>
      <c r="GPC725" s="424"/>
      <c r="GPD725" s="424"/>
      <c r="GPE725" s="423" t="s">
        <v>2795</v>
      </c>
      <c r="GPF725" s="424"/>
      <c r="GPG725" s="424"/>
      <c r="GPH725" s="424"/>
      <c r="GPI725" s="423" t="s">
        <v>2795</v>
      </c>
      <c r="GPJ725" s="424"/>
      <c r="GPK725" s="424"/>
      <c r="GPL725" s="424"/>
      <c r="GPM725" s="423" t="s">
        <v>2795</v>
      </c>
      <c r="GPN725" s="424"/>
      <c r="GPO725" s="424"/>
      <c r="GPP725" s="424"/>
      <c r="GPQ725" s="423" t="s">
        <v>2795</v>
      </c>
      <c r="GPR725" s="424"/>
      <c r="GPS725" s="424"/>
      <c r="GPT725" s="424"/>
      <c r="GPU725" s="423" t="s">
        <v>2795</v>
      </c>
      <c r="GPV725" s="424"/>
      <c r="GPW725" s="424"/>
      <c r="GPX725" s="424"/>
      <c r="GPY725" s="423" t="s">
        <v>2795</v>
      </c>
      <c r="GPZ725" s="424"/>
      <c r="GQA725" s="424"/>
      <c r="GQB725" s="424"/>
      <c r="GQC725" s="423" t="s">
        <v>2795</v>
      </c>
      <c r="GQD725" s="424"/>
      <c r="GQE725" s="424"/>
      <c r="GQF725" s="424"/>
      <c r="GQG725" s="423" t="s">
        <v>2795</v>
      </c>
      <c r="GQH725" s="424"/>
      <c r="GQI725" s="424"/>
      <c r="GQJ725" s="424"/>
      <c r="GQK725" s="423" t="s">
        <v>2795</v>
      </c>
      <c r="GQL725" s="424"/>
      <c r="GQM725" s="424"/>
      <c r="GQN725" s="424"/>
      <c r="GQO725" s="423" t="s">
        <v>2795</v>
      </c>
      <c r="GQP725" s="424"/>
      <c r="GQQ725" s="424"/>
      <c r="GQR725" s="424"/>
      <c r="GQS725" s="423" t="s">
        <v>2795</v>
      </c>
      <c r="GQT725" s="424"/>
      <c r="GQU725" s="424"/>
      <c r="GQV725" s="424"/>
      <c r="GQW725" s="423" t="s">
        <v>2795</v>
      </c>
      <c r="GQX725" s="424"/>
      <c r="GQY725" s="424"/>
      <c r="GQZ725" s="424"/>
      <c r="GRA725" s="423" t="s">
        <v>2795</v>
      </c>
      <c r="GRB725" s="424"/>
      <c r="GRC725" s="424"/>
      <c r="GRD725" s="424"/>
      <c r="GRE725" s="423" t="s">
        <v>2795</v>
      </c>
      <c r="GRF725" s="424"/>
      <c r="GRG725" s="424"/>
      <c r="GRH725" s="424"/>
      <c r="GRI725" s="423" t="s">
        <v>2795</v>
      </c>
      <c r="GRJ725" s="424"/>
      <c r="GRK725" s="424"/>
      <c r="GRL725" s="424"/>
      <c r="GRM725" s="423" t="s">
        <v>2795</v>
      </c>
      <c r="GRN725" s="424"/>
      <c r="GRO725" s="424"/>
      <c r="GRP725" s="424"/>
      <c r="GRQ725" s="423" t="s">
        <v>2795</v>
      </c>
      <c r="GRR725" s="424"/>
      <c r="GRS725" s="424"/>
      <c r="GRT725" s="424"/>
      <c r="GRU725" s="423" t="s">
        <v>2795</v>
      </c>
      <c r="GRV725" s="424"/>
      <c r="GRW725" s="424"/>
      <c r="GRX725" s="424"/>
      <c r="GRY725" s="423" t="s">
        <v>2795</v>
      </c>
      <c r="GRZ725" s="424"/>
      <c r="GSA725" s="424"/>
      <c r="GSB725" s="424"/>
      <c r="GSC725" s="423" t="s">
        <v>2795</v>
      </c>
      <c r="GSD725" s="424"/>
      <c r="GSE725" s="424"/>
      <c r="GSF725" s="424"/>
      <c r="GSG725" s="423" t="s">
        <v>2795</v>
      </c>
      <c r="GSH725" s="424"/>
      <c r="GSI725" s="424"/>
      <c r="GSJ725" s="424"/>
      <c r="GSK725" s="423" t="s">
        <v>2795</v>
      </c>
      <c r="GSL725" s="424"/>
      <c r="GSM725" s="424"/>
      <c r="GSN725" s="424"/>
      <c r="GSO725" s="423" t="s">
        <v>2795</v>
      </c>
      <c r="GSP725" s="424"/>
      <c r="GSQ725" s="424"/>
      <c r="GSR725" s="424"/>
      <c r="GSS725" s="423" t="s">
        <v>2795</v>
      </c>
      <c r="GST725" s="424"/>
      <c r="GSU725" s="424"/>
      <c r="GSV725" s="424"/>
      <c r="GSW725" s="423" t="s">
        <v>2795</v>
      </c>
      <c r="GSX725" s="424"/>
      <c r="GSY725" s="424"/>
      <c r="GSZ725" s="424"/>
      <c r="GTA725" s="423" t="s">
        <v>2795</v>
      </c>
      <c r="GTB725" s="424"/>
      <c r="GTC725" s="424"/>
      <c r="GTD725" s="424"/>
      <c r="GTE725" s="423" t="s">
        <v>2795</v>
      </c>
      <c r="GTF725" s="424"/>
      <c r="GTG725" s="424"/>
      <c r="GTH725" s="424"/>
      <c r="GTI725" s="423" t="s">
        <v>2795</v>
      </c>
      <c r="GTJ725" s="424"/>
      <c r="GTK725" s="424"/>
      <c r="GTL725" s="424"/>
      <c r="GTM725" s="423" t="s">
        <v>2795</v>
      </c>
      <c r="GTN725" s="424"/>
      <c r="GTO725" s="424"/>
      <c r="GTP725" s="424"/>
      <c r="GTQ725" s="423" t="s">
        <v>2795</v>
      </c>
      <c r="GTR725" s="424"/>
      <c r="GTS725" s="424"/>
      <c r="GTT725" s="424"/>
      <c r="GTU725" s="423" t="s">
        <v>2795</v>
      </c>
      <c r="GTV725" s="424"/>
      <c r="GTW725" s="424"/>
      <c r="GTX725" s="424"/>
      <c r="GTY725" s="423" t="s">
        <v>2795</v>
      </c>
      <c r="GTZ725" s="424"/>
      <c r="GUA725" s="424"/>
      <c r="GUB725" s="424"/>
      <c r="GUC725" s="423" t="s">
        <v>2795</v>
      </c>
      <c r="GUD725" s="424"/>
      <c r="GUE725" s="424"/>
      <c r="GUF725" s="424"/>
      <c r="GUG725" s="423" t="s">
        <v>2795</v>
      </c>
      <c r="GUH725" s="424"/>
      <c r="GUI725" s="424"/>
      <c r="GUJ725" s="424"/>
      <c r="GUK725" s="423" t="s">
        <v>2795</v>
      </c>
      <c r="GUL725" s="424"/>
      <c r="GUM725" s="424"/>
      <c r="GUN725" s="424"/>
      <c r="GUO725" s="423" t="s">
        <v>2795</v>
      </c>
      <c r="GUP725" s="424"/>
      <c r="GUQ725" s="424"/>
      <c r="GUR725" s="424"/>
      <c r="GUS725" s="423" t="s">
        <v>2795</v>
      </c>
      <c r="GUT725" s="424"/>
      <c r="GUU725" s="424"/>
      <c r="GUV725" s="424"/>
      <c r="GUW725" s="423" t="s">
        <v>2795</v>
      </c>
      <c r="GUX725" s="424"/>
      <c r="GUY725" s="424"/>
      <c r="GUZ725" s="424"/>
      <c r="GVA725" s="423" t="s">
        <v>2795</v>
      </c>
      <c r="GVB725" s="424"/>
      <c r="GVC725" s="424"/>
      <c r="GVD725" s="424"/>
      <c r="GVE725" s="423" t="s">
        <v>2795</v>
      </c>
      <c r="GVF725" s="424"/>
      <c r="GVG725" s="424"/>
      <c r="GVH725" s="424"/>
      <c r="GVI725" s="423" t="s">
        <v>2795</v>
      </c>
      <c r="GVJ725" s="424"/>
      <c r="GVK725" s="424"/>
      <c r="GVL725" s="424"/>
      <c r="GVM725" s="423" t="s">
        <v>2795</v>
      </c>
      <c r="GVN725" s="424"/>
      <c r="GVO725" s="424"/>
      <c r="GVP725" s="424"/>
      <c r="GVQ725" s="423" t="s">
        <v>2795</v>
      </c>
      <c r="GVR725" s="424"/>
      <c r="GVS725" s="424"/>
      <c r="GVT725" s="424"/>
      <c r="GVU725" s="423" t="s">
        <v>2795</v>
      </c>
      <c r="GVV725" s="424"/>
      <c r="GVW725" s="424"/>
      <c r="GVX725" s="424"/>
      <c r="GVY725" s="423" t="s">
        <v>2795</v>
      </c>
      <c r="GVZ725" s="424"/>
      <c r="GWA725" s="424"/>
      <c r="GWB725" s="424"/>
      <c r="GWC725" s="423" t="s">
        <v>2795</v>
      </c>
      <c r="GWD725" s="424"/>
      <c r="GWE725" s="424"/>
      <c r="GWF725" s="424"/>
      <c r="GWG725" s="423" t="s">
        <v>2795</v>
      </c>
      <c r="GWH725" s="424"/>
      <c r="GWI725" s="424"/>
      <c r="GWJ725" s="424"/>
      <c r="GWK725" s="423" t="s">
        <v>2795</v>
      </c>
      <c r="GWL725" s="424"/>
      <c r="GWM725" s="424"/>
      <c r="GWN725" s="424"/>
      <c r="GWO725" s="423" t="s">
        <v>2795</v>
      </c>
      <c r="GWP725" s="424"/>
      <c r="GWQ725" s="424"/>
      <c r="GWR725" s="424"/>
      <c r="GWS725" s="423" t="s">
        <v>2795</v>
      </c>
      <c r="GWT725" s="424"/>
      <c r="GWU725" s="424"/>
      <c r="GWV725" s="424"/>
      <c r="GWW725" s="423" t="s">
        <v>2795</v>
      </c>
      <c r="GWX725" s="424"/>
      <c r="GWY725" s="424"/>
      <c r="GWZ725" s="424"/>
      <c r="GXA725" s="423" t="s">
        <v>2795</v>
      </c>
      <c r="GXB725" s="424"/>
      <c r="GXC725" s="424"/>
      <c r="GXD725" s="424"/>
      <c r="GXE725" s="423" t="s">
        <v>2795</v>
      </c>
      <c r="GXF725" s="424"/>
      <c r="GXG725" s="424"/>
      <c r="GXH725" s="424"/>
      <c r="GXI725" s="423" t="s">
        <v>2795</v>
      </c>
      <c r="GXJ725" s="424"/>
      <c r="GXK725" s="424"/>
      <c r="GXL725" s="424"/>
      <c r="GXM725" s="423" t="s">
        <v>2795</v>
      </c>
      <c r="GXN725" s="424"/>
      <c r="GXO725" s="424"/>
      <c r="GXP725" s="424"/>
      <c r="GXQ725" s="423" t="s">
        <v>2795</v>
      </c>
      <c r="GXR725" s="424"/>
      <c r="GXS725" s="424"/>
      <c r="GXT725" s="424"/>
      <c r="GXU725" s="423" t="s">
        <v>2795</v>
      </c>
      <c r="GXV725" s="424"/>
      <c r="GXW725" s="424"/>
      <c r="GXX725" s="424"/>
      <c r="GXY725" s="423" t="s">
        <v>2795</v>
      </c>
      <c r="GXZ725" s="424"/>
      <c r="GYA725" s="424"/>
      <c r="GYB725" s="424"/>
      <c r="GYC725" s="423" t="s">
        <v>2795</v>
      </c>
      <c r="GYD725" s="424"/>
      <c r="GYE725" s="424"/>
      <c r="GYF725" s="424"/>
      <c r="GYG725" s="423" t="s">
        <v>2795</v>
      </c>
      <c r="GYH725" s="424"/>
      <c r="GYI725" s="424"/>
      <c r="GYJ725" s="424"/>
      <c r="GYK725" s="423" t="s">
        <v>2795</v>
      </c>
      <c r="GYL725" s="424"/>
      <c r="GYM725" s="424"/>
      <c r="GYN725" s="424"/>
      <c r="GYO725" s="423" t="s">
        <v>2795</v>
      </c>
      <c r="GYP725" s="424"/>
      <c r="GYQ725" s="424"/>
      <c r="GYR725" s="424"/>
      <c r="GYS725" s="423" t="s">
        <v>2795</v>
      </c>
      <c r="GYT725" s="424"/>
      <c r="GYU725" s="424"/>
      <c r="GYV725" s="424"/>
      <c r="GYW725" s="423" t="s">
        <v>2795</v>
      </c>
      <c r="GYX725" s="424"/>
      <c r="GYY725" s="424"/>
      <c r="GYZ725" s="424"/>
      <c r="GZA725" s="423" t="s">
        <v>2795</v>
      </c>
      <c r="GZB725" s="424"/>
      <c r="GZC725" s="424"/>
      <c r="GZD725" s="424"/>
      <c r="GZE725" s="423" t="s">
        <v>2795</v>
      </c>
      <c r="GZF725" s="424"/>
      <c r="GZG725" s="424"/>
      <c r="GZH725" s="424"/>
      <c r="GZI725" s="423" t="s">
        <v>2795</v>
      </c>
      <c r="GZJ725" s="424"/>
      <c r="GZK725" s="424"/>
      <c r="GZL725" s="424"/>
      <c r="GZM725" s="423" t="s">
        <v>2795</v>
      </c>
      <c r="GZN725" s="424"/>
      <c r="GZO725" s="424"/>
      <c r="GZP725" s="424"/>
      <c r="GZQ725" s="423" t="s">
        <v>2795</v>
      </c>
      <c r="GZR725" s="424"/>
      <c r="GZS725" s="424"/>
      <c r="GZT725" s="424"/>
      <c r="GZU725" s="423" t="s">
        <v>2795</v>
      </c>
      <c r="GZV725" s="424"/>
      <c r="GZW725" s="424"/>
      <c r="GZX725" s="424"/>
      <c r="GZY725" s="423" t="s">
        <v>2795</v>
      </c>
      <c r="GZZ725" s="424"/>
      <c r="HAA725" s="424"/>
      <c r="HAB725" s="424"/>
      <c r="HAC725" s="423" t="s">
        <v>2795</v>
      </c>
      <c r="HAD725" s="424"/>
      <c r="HAE725" s="424"/>
      <c r="HAF725" s="424"/>
      <c r="HAG725" s="423" t="s">
        <v>2795</v>
      </c>
      <c r="HAH725" s="424"/>
      <c r="HAI725" s="424"/>
      <c r="HAJ725" s="424"/>
      <c r="HAK725" s="423" t="s">
        <v>2795</v>
      </c>
      <c r="HAL725" s="424"/>
      <c r="HAM725" s="424"/>
      <c r="HAN725" s="424"/>
      <c r="HAO725" s="423" t="s">
        <v>2795</v>
      </c>
      <c r="HAP725" s="424"/>
      <c r="HAQ725" s="424"/>
      <c r="HAR725" s="424"/>
      <c r="HAS725" s="423" t="s">
        <v>2795</v>
      </c>
      <c r="HAT725" s="424"/>
      <c r="HAU725" s="424"/>
      <c r="HAV725" s="424"/>
      <c r="HAW725" s="423" t="s">
        <v>2795</v>
      </c>
      <c r="HAX725" s="424"/>
      <c r="HAY725" s="424"/>
      <c r="HAZ725" s="424"/>
      <c r="HBA725" s="423" t="s">
        <v>2795</v>
      </c>
      <c r="HBB725" s="424"/>
      <c r="HBC725" s="424"/>
      <c r="HBD725" s="424"/>
      <c r="HBE725" s="423" t="s">
        <v>2795</v>
      </c>
      <c r="HBF725" s="424"/>
      <c r="HBG725" s="424"/>
      <c r="HBH725" s="424"/>
      <c r="HBI725" s="423" t="s">
        <v>2795</v>
      </c>
      <c r="HBJ725" s="424"/>
      <c r="HBK725" s="424"/>
      <c r="HBL725" s="424"/>
      <c r="HBM725" s="423" t="s">
        <v>2795</v>
      </c>
      <c r="HBN725" s="424"/>
      <c r="HBO725" s="424"/>
      <c r="HBP725" s="424"/>
      <c r="HBQ725" s="423" t="s">
        <v>2795</v>
      </c>
      <c r="HBR725" s="424"/>
      <c r="HBS725" s="424"/>
      <c r="HBT725" s="424"/>
      <c r="HBU725" s="423" t="s">
        <v>2795</v>
      </c>
      <c r="HBV725" s="424"/>
      <c r="HBW725" s="424"/>
      <c r="HBX725" s="424"/>
      <c r="HBY725" s="423" t="s">
        <v>2795</v>
      </c>
      <c r="HBZ725" s="424"/>
      <c r="HCA725" s="424"/>
      <c r="HCB725" s="424"/>
      <c r="HCC725" s="423" t="s">
        <v>2795</v>
      </c>
      <c r="HCD725" s="424"/>
      <c r="HCE725" s="424"/>
      <c r="HCF725" s="424"/>
      <c r="HCG725" s="423" t="s">
        <v>2795</v>
      </c>
      <c r="HCH725" s="424"/>
      <c r="HCI725" s="424"/>
      <c r="HCJ725" s="424"/>
      <c r="HCK725" s="423" t="s">
        <v>2795</v>
      </c>
      <c r="HCL725" s="424"/>
      <c r="HCM725" s="424"/>
      <c r="HCN725" s="424"/>
      <c r="HCO725" s="423" t="s">
        <v>2795</v>
      </c>
      <c r="HCP725" s="424"/>
      <c r="HCQ725" s="424"/>
      <c r="HCR725" s="424"/>
      <c r="HCS725" s="423" t="s">
        <v>2795</v>
      </c>
      <c r="HCT725" s="424"/>
      <c r="HCU725" s="424"/>
      <c r="HCV725" s="424"/>
      <c r="HCW725" s="423" t="s">
        <v>2795</v>
      </c>
      <c r="HCX725" s="424"/>
      <c r="HCY725" s="424"/>
      <c r="HCZ725" s="424"/>
      <c r="HDA725" s="423" t="s">
        <v>2795</v>
      </c>
      <c r="HDB725" s="424"/>
      <c r="HDC725" s="424"/>
      <c r="HDD725" s="424"/>
      <c r="HDE725" s="423" t="s">
        <v>2795</v>
      </c>
      <c r="HDF725" s="424"/>
      <c r="HDG725" s="424"/>
      <c r="HDH725" s="424"/>
      <c r="HDI725" s="423" t="s">
        <v>2795</v>
      </c>
      <c r="HDJ725" s="424"/>
      <c r="HDK725" s="424"/>
      <c r="HDL725" s="424"/>
      <c r="HDM725" s="423" t="s">
        <v>2795</v>
      </c>
      <c r="HDN725" s="424"/>
      <c r="HDO725" s="424"/>
      <c r="HDP725" s="424"/>
      <c r="HDQ725" s="423" t="s">
        <v>2795</v>
      </c>
      <c r="HDR725" s="424"/>
      <c r="HDS725" s="424"/>
      <c r="HDT725" s="424"/>
      <c r="HDU725" s="423" t="s">
        <v>2795</v>
      </c>
      <c r="HDV725" s="424"/>
      <c r="HDW725" s="424"/>
      <c r="HDX725" s="424"/>
      <c r="HDY725" s="423" t="s">
        <v>2795</v>
      </c>
      <c r="HDZ725" s="424"/>
      <c r="HEA725" s="424"/>
      <c r="HEB725" s="424"/>
      <c r="HEC725" s="423" t="s">
        <v>2795</v>
      </c>
      <c r="HED725" s="424"/>
      <c r="HEE725" s="424"/>
      <c r="HEF725" s="424"/>
      <c r="HEG725" s="423" t="s">
        <v>2795</v>
      </c>
      <c r="HEH725" s="424"/>
      <c r="HEI725" s="424"/>
      <c r="HEJ725" s="424"/>
      <c r="HEK725" s="423" t="s">
        <v>2795</v>
      </c>
      <c r="HEL725" s="424"/>
      <c r="HEM725" s="424"/>
      <c r="HEN725" s="424"/>
      <c r="HEO725" s="423" t="s">
        <v>2795</v>
      </c>
      <c r="HEP725" s="424"/>
      <c r="HEQ725" s="424"/>
      <c r="HER725" s="424"/>
      <c r="HES725" s="423" t="s">
        <v>2795</v>
      </c>
      <c r="HET725" s="424"/>
      <c r="HEU725" s="424"/>
      <c r="HEV725" s="424"/>
      <c r="HEW725" s="423" t="s">
        <v>2795</v>
      </c>
      <c r="HEX725" s="424"/>
      <c r="HEY725" s="424"/>
      <c r="HEZ725" s="424"/>
      <c r="HFA725" s="423" t="s">
        <v>2795</v>
      </c>
      <c r="HFB725" s="424"/>
      <c r="HFC725" s="424"/>
      <c r="HFD725" s="424"/>
      <c r="HFE725" s="423" t="s">
        <v>2795</v>
      </c>
      <c r="HFF725" s="424"/>
      <c r="HFG725" s="424"/>
      <c r="HFH725" s="424"/>
      <c r="HFI725" s="423" t="s">
        <v>2795</v>
      </c>
      <c r="HFJ725" s="424"/>
      <c r="HFK725" s="424"/>
      <c r="HFL725" s="424"/>
      <c r="HFM725" s="423" t="s">
        <v>2795</v>
      </c>
      <c r="HFN725" s="424"/>
      <c r="HFO725" s="424"/>
      <c r="HFP725" s="424"/>
      <c r="HFQ725" s="423" t="s">
        <v>2795</v>
      </c>
      <c r="HFR725" s="424"/>
      <c r="HFS725" s="424"/>
      <c r="HFT725" s="424"/>
      <c r="HFU725" s="423" t="s">
        <v>2795</v>
      </c>
      <c r="HFV725" s="424"/>
      <c r="HFW725" s="424"/>
      <c r="HFX725" s="424"/>
      <c r="HFY725" s="423" t="s">
        <v>2795</v>
      </c>
      <c r="HFZ725" s="424"/>
      <c r="HGA725" s="424"/>
      <c r="HGB725" s="424"/>
      <c r="HGC725" s="423" t="s">
        <v>2795</v>
      </c>
      <c r="HGD725" s="424"/>
      <c r="HGE725" s="424"/>
      <c r="HGF725" s="424"/>
      <c r="HGG725" s="423" t="s">
        <v>2795</v>
      </c>
      <c r="HGH725" s="424"/>
      <c r="HGI725" s="424"/>
      <c r="HGJ725" s="424"/>
      <c r="HGK725" s="423" t="s">
        <v>2795</v>
      </c>
      <c r="HGL725" s="424"/>
      <c r="HGM725" s="424"/>
      <c r="HGN725" s="424"/>
      <c r="HGO725" s="423" t="s">
        <v>2795</v>
      </c>
      <c r="HGP725" s="424"/>
      <c r="HGQ725" s="424"/>
      <c r="HGR725" s="424"/>
      <c r="HGS725" s="423" t="s">
        <v>2795</v>
      </c>
      <c r="HGT725" s="424"/>
      <c r="HGU725" s="424"/>
      <c r="HGV725" s="424"/>
      <c r="HGW725" s="423" t="s">
        <v>2795</v>
      </c>
      <c r="HGX725" s="424"/>
      <c r="HGY725" s="424"/>
      <c r="HGZ725" s="424"/>
      <c r="HHA725" s="423" t="s">
        <v>2795</v>
      </c>
      <c r="HHB725" s="424"/>
      <c r="HHC725" s="424"/>
      <c r="HHD725" s="424"/>
      <c r="HHE725" s="423" t="s">
        <v>2795</v>
      </c>
      <c r="HHF725" s="424"/>
      <c r="HHG725" s="424"/>
      <c r="HHH725" s="424"/>
      <c r="HHI725" s="423" t="s">
        <v>2795</v>
      </c>
      <c r="HHJ725" s="424"/>
      <c r="HHK725" s="424"/>
      <c r="HHL725" s="424"/>
      <c r="HHM725" s="423" t="s">
        <v>2795</v>
      </c>
      <c r="HHN725" s="424"/>
      <c r="HHO725" s="424"/>
      <c r="HHP725" s="424"/>
      <c r="HHQ725" s="423" t="s">
        <v>2795</v>
      </c>
      <c r="HHR725" s="424"/>
      <c r="HHS725" s="424"/>
      <c r="HHT725" s="424"/>
      <c r="HHU725" s="423" t="s">
        <v>2795</v>
      </c>
      <c r="HHV725" s="424"/>
      <c r="HHW725" s="424"/>
      <c r="HHX725" s="424"/>
      <c r="HHY725" s="423" t="s">
        <v>2795</v>
      </c>
      <c r="HHZ725" s="424"/>
      <c r="HIA725" s="424"/>
      <c r="HIB725" s="424"/>
      <c r="HIC725" s="423" t="s">
        <v>2795</v>
      </c>
      <c r="HID725" s="424"/>
      <c r="HIE725" s="424"/>
      <c r="HIF725" s="424"/>
      <c r="HIG725" s="423" t="s">
        <v>2795</v>
      </c>
      <c r="HIH725" s="424"/>
      <c r="HII725" s="424"/>
      <c r="HIJ725" s="424"/>
      <c r="HIK725" s="423" t="s">
        <v>2795</v>
      </c>
      <c r="HIL725" s="424"/>
      <c r="HIM725" s="424"/>
      <c r="HIN725" s="424"/>
      <c r="HIO725" s="423" t="s">
        <v>2795</v>
      </c>
      <c r="HIP725" s="424"/>
      <c r="HIQ725" s="424"/>
      <c r="HIR725" s="424"/>
      <c r="HIS725" s="423" t="s">
        <v>2795</v>
      </c>
      <c r="HIT725" s="424"/>
      <c r="HIU725" s="424"/>
      <c r="HIV725" s="424"/>
      <c r="HIW725" s="423" t="s">
        <v>2795</v>
      </c>
      <c r="HIX725" s="424"/>
      <c r="HIY725" s="424"/>
      <c r="HIZ725" s="424"/>
      <c r="HJA725" s="423" t="s">
        <v>2795</v>
      </c>
      <c r="HJB725" s="424"/>
      <c r="HJC725" s="424"/>
      <c r="HJD725" s="424"/>
      <c r="HJE725" s="423" t="s">
        <v>2795</v>
      </c>
      <c r="HJF725" s="424"/>
      <c r="HJG725" s="424"/>
      <c r="HJH725" s="424"/>
      <c r="HJI725" s="423" t="s">
        <v>2795</v>
      </c>
      <c r="HJJ725" s="424"/>
      <c r="HJK725" s="424"/>
      <c r="HJL725" s="424"/>
      <c r="HJM725" s="423" t="s">
        <v>2795</v>
      </c>
      <c r="HJN725" s="424"/>
      <c r="HJO725" s="424"/>
      <c r="HJP725" s="424"/>
      <c r="HJQ725" s="423" t="s">
        <v>2795</v>
      </c>
      <c r="HJR725" s="424"/>
      <c r="HJS725" s="424"/>
      <c r="HJT725" s="424"/>
      <c r="HJU725" s="423" t="s">
        <v>2795</v>
      </c>
      <c r="HJV725" s="424"/>
      <c r="HJW725" s="424"/>
      <c r="HJX725" s="424"/>
      <c r="HJY725" s="423" t="s">
        <v>2795</v>
      </c>
      <c r="HJZ725" s="424"/>
      <c r="HKA725" s="424"/>
      <c r="HKB725" s="424"/>
      <c r="HKC725" s="423" t="s">
        <v>2795</v>
      </c>
      <c r="HKD725" s="424"/>
      <c r="HKE725" s="424"/>
      <c r="HKF725" s="424"/>
      <c r="HKG725" s="423" t="s">
        <v>2795</v>
      </c>
      <c r="HKH725" s="424"/>
      <c r="HKI725" s="424"/>
      <c r="HKJ725" s="424"/>
      <c r="HKK725" s="423" t="s">
        <v>2795</v>
      </c>
      <c r="HKL725" s="424"/>
      <c r="HKM725" s="424"/>
      <c r="HKN725" s="424"/>
      <c r="HKO725" s="423" t="s">
        <v>2795</v>
      </c>
      <c r="HKP725" s="424"/>
      <c r="HKQ725" s="424"/>
      <c r="HKR725" s="424"/>
      <c r="HKS725" s="423" t="s">
        <v>2795</v>
      </c>
      <c r="HKT725" s="424"/>
      <c r="HKU725" s="424"/>
      <c r="HKV725" s="424"/>
      <c r="HKW725" s="423" t="s">
        <v>2795</v>
      </c>
      <c r="HKX725" s="424"/>
      <c r="HKY725" s="424"/>
      <c r="HKZ725" s="424"/>
      <c r="HLA725" s="423" t="s">
        <v>2795</v>
      </c>
      <c r="HLB725" s="424"/>
      <c r="HLC725" s="424"/>
      <c r="HLD725" s="424"/>
      <c r="HLE725" s="423" t="s">
        <v>2795</v>
      </c>
      <c r="HLF725" s="424"/>
      <c r="HLG725" s="424"/>
      <c r="HLH725" s="424"/>
      <c r="HLI725" s="423" t="s">
        <v>2795</v>
      </c>
      <c r="HLJ725" s="424"/>
      <c r="HLK725" s="424"/>
      <c r="HLL725" s="424"/>
      <c r="HLM725" s="423" t="s">
        <v>2795</v>
      </c>
      <c r="HLN725" s="424"/>
      <c r="HLO725" s="424"/>
      <c r="HLP725" s="424"/>
      <c r="HLQ725" s="423" t="s">
        <v>2795</v>
      </c>
      <c r="HLR725" s="424"/>
      <c r="HLS725" s="424"/>
      <c r="HLT725" s="424"/>
      <c r="HLU725" s="423" t="s">
        <v>2795</v>
      </c>
      <c r="HLV725" s="424"/>
      <c r="HLW725" s="424"/>
      <c r="HLX725" s="424"/>
      <c r="HLY725" s="423" t="s">
        <v>2795</v>
      </c>
      <c r="HLZ725" s="424"/>
      <c r="HMA725" s="424"/>
      <c r="HMB725" s="424"/>
      <c r="HMC725" s="423" t="s">
        <v>2795</v>
      </c>
      <c r="HMD725" s="424"/>
      <c r="HME725" s="424"/>
      <c r="HMF725" s="424"/>
      <c r="HMG725" s="423" t="s">
        <v>2795</v>
      </c>
      <c r="HMH725" s="424"/>
      <c r="HMI725" s="424"/>
      <c r="HMJ725" s="424"/>
      <c r="HMK725" s="423" t="s">
        <v>2795</v>
      </c>
      <c r="HML725" s="424"/>
      <c r="HMM725" s="424"/>
      <c r="HMN725" s="424"/>
      <c r="HMO725" s="423" t="s">
        <v>2795</v>
      </c>
      <c r="HMP725" s="424"/>
      <c r="HMQ725" s="424"/>
      <c r="HMR725" s="424"/>
      <c r="HMS725" s="423" t="s">
        <v>2795</v>
      </c>
      <c r="HMT725" s="424"/>
      <c r="HMU725" s="424"/>
      <c r="HMV725" s="424"/>
      <c r="HMW725" s="423" t="s">
        <v>2795</v>
      </c>
      <c r="HMX725" s="424"/>
      <c r="HMY725" s="424"/>
      <c r="HMZ725" s="424"/>
      <c r="HNA725" s="423" t="s">
        <v>2795</v>
      </c>
      <c r="HNB725" s="424"/>
      <c r="HNC725" s="424"/>
      <c r="HND725" s="424"/>
      <c r="HNE725" s="423" t="s">
        <v>2795</v>
      </c>
      <c r="HNF725" s="424"/>
      <c r="HNG725" s="424"/>
      <c r="HNH725" s="424"/>
      <c r="HNI725" s="423" t="s">
        <v>2795</v>
      </c>
      <c r="HNJ725" s="424"/>
      <c r="HNK725" s="424"/>
      <c r="HNL725" s="424"/>
      <c r="HNM725" s="423" t="s">
        <v>2795</v>
      </c>
      <c r="HNN725" s="424"/>
      <c r="HNO725" s="424"/>
      <c r="HNP725" s="424"/>
      <c r="HNQ725" s="423" t="s">
        <v>2795</v>
      </c>
      <c r="HNR725" s="424"/>
      <c r="HNS725" s="424"/>
      <c r="HNT725" s="424"/>
      <c r="HNU725" s="423" t="s">
        <v>2795</v>
      </c>
      <c r="HNV725" s="424"/>
      <c r="HNW725" s="424"/>
      <c r="HNX725" s="424"/>
      <c r="HNY725" s="423" t="s">
        <v>2795</v>
      </c>
      <c r="HNZ725" s="424"/>
      <c r="HOA725" s="424"/>
      <c r="HOB725" s="424"/>
      <c r="HOC725" s="423" t="s">
        <v>2795</v>
      </c>
      <c r="HOD725" s="424"/>
      <c r="HOE725" s="424"/>
      <c r="HOF725" s="424"/>
      <c r="HOG725" s="423" t="s">
        <v>2795</v>
      </c>
      <c r="HOH725" s="424"/>
      <c r="HOI725" s="424"/>
      <c r="HOJ725" s="424"/>
      <c r="HOK725" s="423" t="s">
        <v>2795</v>
      </c>
      <c r="HOL725" s="424"/>
      <c r="HOM725" s="424"/>
      <c r="HON725" s="424"/>
      <c r="HOO725" s="423" t="s">
        <v>2795</v>
      </c>
      <c r="HOP725" s="424"/>
      <c r="HOQ725" s="424"/>
      <c r="HOR725" s="424"/>
      <c r="HOS725" s="423" t="s">
        <v>2795</v>
      </c>
      <c r="HOT725" s="424"/>
      <c r="HOU725" s="424"/>
      <c r="HOV725" s="424"/>
      <c r="HOW725" s="423" t="s">
        <v>2795</v>
      </c>
      <c r="HOX725" s="424"/>
      <c r="HOY725" s="424"/>
      <c r="HOZ725" s="424"/>
      <c r="HPA725" s="423" t="s">
        <v>2795</v>
      </c>
      <c r="HPB725" s="424"/>
      <c r="HPC725" s="424"/>
      <c r="HPD725" s="424"/>
      <c r="HPE725" s="423" t="s">
        <v>2795</v>
      </c>
      <c r="HPF725" s="424"/>
      <c r="HPG725" s="424"/>
      <c r="HPH725" s="424"/>
      <c r="HPI725" s="423" t="s">
        <v>2795</v>
      </c>
      <c r="HPJ725" s="424"/>
      <c r="HPK725" s="424"/>
      <c r="HPL725" s="424"/>
      <c r="HPM725" s="423" t="s">
        <v>2795</v>
      </c>
      <c r="HPN725" s="424"/>
      <c r="HPO725" s="424"/>
      <c r="HPP725" s="424"/>
      <c r="HPQ725" s="423" t="s">
        <v>2795</v>
      </c>
      <c r="HPR725" s="424"/>
      <c r="HPS725" s="424"/>
      <c r="HPT725" s="424"/>
      <c r="HPU725" s="423" t="s">
        <v>2795</v>
      </c>
      <c r="HPV725" s="424"/>
      <c r="HPW725" s="424"/>
      <c r="HPX725" s="424"/>
      <c r="HPY725" s="423" t="s">
        <v>2795</v>
      </c>
      <c r="HPZ725" s="424"/>
      <c r="HQA725" s="424"/>
      <c r="HQB725" s="424"/>
      <c r="HQC725" s="423" t="s">
        <v>2795</v>
      </c>
      <c r="HQD725" s="424"/>
      <c r="HQE725" s="424"/>
      <c r="HQF725" s="424"/>
      <c r="HQG725" s="423" t="s">
        <v>2795</v>
      </c>
      <c r="HQH725" s="424"/>
      <c r="HQI725" s="424"/>
      <c r="HQJ725" s="424"/>
      <c r="HQK725" s="423" t="s">
        <v>2795</v>
      </c>
      <c r="HQL725" s="424"/>
      <c r="HQM725" s="424"/>
      <c r="HQN725" s="424"/>
      <c r="HQO725" s="423" t="s">
        <v>2795</v>
      </c>
      <c r="HQP725" s="424"/>
      <c r="HQQ725" s="424"/>
      <c r="HQR725" s="424"/>
      <c r="HQS725" s="423" t="s">
        <v>2795</v>
      </c>
      <c r="HQT725" s="424"/>
      <c r="HQU725" s="424"/>
      <c r="HQV725" s="424"/>
      <c r="HQW725" s="423" t="s">
        <v>2795</v>
      </c>
      <c r="HQX725" s="424"/>
      <c r="HQY725" s="424"/>
      <c r="HQZ725" s="424"/>
      <c r="HRA725" s="423" t="s">
        <v>2795</v>
      </c>
      <c r="HRB725" s="424"/>
      <c r="HRC725" s="424"/>
      <c r="HRD725" s="424"/>
      <c r="HRE725" s="423" t="s">
        <v>2795</v>
      </c>
      <c r="HRF725" s="424"/>
      <c r="HRG725" s="424"/>
      <c r="HRH725" s="424"/>
      <c r="HRI725" s="423" t="s">
        <v>2795</v>
      </c>
      <c r="HRJ725" s="424"/>
      <c r="HRK725" s="424"/>
      <c r="HRL725" s="424"/>
      <c r="HRM725" s="423" t="s">
        <v>2795</v>
      </c>
      <c r="HRN725" s="424"/>
      <c r="HRO725" s="424"/>
      <c r="HRP725" s="424"/>
      <c r="HRQ725" s="423" t="s">
        <v>2795</v>
      </c>
      <c r="HRR725" s="424"/>
      <c r="HRS725" s="424"/>
      <c r="HRT725" s="424"/>
      <c r="HRU725" s="423" t="s">
        <v>2795</v>
      </c>
      <c r="HRV725" s="424"/>
      <c r="HRW725" s="424"/>
      <c r="HRX725" s="424"/>
      <c r="HRY725" s="423" t="s">
        <v>2795</v>
      </c>
      <c r="HRZ725" s="424"/>
      <c r="HSA725" s="424"/>
      <c r="HSB725" s="424"/>
      <c r="HSC725" s="423" t="s">
        <v>2795</v>
      </c>
      <c r="HSD725" s="424"/>
      <c r="HSE725" s="424"/>
      <c r="HSF725" s="424"/>
      <c r="HSG725" s="423" t="s">
        <v>2795</v>
      </c>
      <c r="HSH725" s="424"/>
      <c r="HSI725" s="424"/>
      <c r="HSJ725" s="424"/>
      <c r="HSK725" s="423" t="s">
        <v>2795</v>
      </c>
      <c r="HSL725" s="424"/>
      <c r="HSM725" s="424"/>
      <c r="HSN725" s="424"/>
      <c r="HSO725" s="423" t="s">
        <v>2795</v>
      </c>
      <c r="HSP725" s="424"/>
      <c r="HSQ725" s="424"/>
      <c r="HSR725" s="424"/>
      <c r="HSS725" s="423" t="s">
        <v>2795</v>
      </c>
      <c r="HST725" s="424"/>
      <c r="HSU725" s="424"/>
      <c r="HSV725" s="424"/>
      <c r="HSW725" s="423" t="s">
        <v>2795</v>
      </c>
      <c r="HSX725" s="424"/>
      <c r="HSY725" s="424"/>
      <c r="HSZ725" s="424"/>
      <c r="HTA725" s="423" t="s">
        <v>2795</v>
      </c>
      <c r="HTB725" s="424"/>
      <c r="HTC725" s="424"/>
      <c r="HTD725" s="424"/>
      <c r="HTE725" s="423" t="s">
        <v>2795</v>
      </c>
      <c r="HTF725" s="424"/>
      <c r="HTG725" s="424"/>
      <c r="HTH725" s="424"/>
      <c r="HTI725" s="423" t="s">
        <v>2795</v>
      </c>
      <c r="HTJ725" s="424"/>
      <c r="HTK725" s="424"/>
      <c r="HTL725" s="424"/>
      <c r="HTM725" s="423" t="s">
        <v>2795</v>
      </c>
      <c r="HTN725" s="424"/>
      <c r="HTO725" s="424"/>
      <c r="HTP725" s="424"/>
      <c r="HTQ725" s="423" t="s">
        <v>2795</v>
      </c>
      <c r="HTR725" s="424"/>
      <c r="HTS725" s="424"/>
      <c r="HTT725" s="424"/>
      <c r="HTU725" s="423" t="s">
        <v>2795</v>
      </c>
      <c r="HTV725" s="424"/>
      <c r="HTW725" s="424"/>
      <c r="HTX725" s="424"/>
      <c r="HTY725" s="423" t="s">
        <v>2795</v>
      </c>
      <c r="HTZ725" s="424"/>
      <c r="HUA725" s="424"/>
      <c r="HUB725" s="424"/>
      <c r="HUC725" s="423" t="s">
        <v>2795</v>
      </c>
      <c r="HUD725" s="424"/>
      <c r="HUE725" s="424"/>
      <c r="HUF725" s="424"/>
      <c r="HUG725" s="423" t="s">
        <v>2795</v>
      </c>
      <c r="HUH725" s="424"/>
      <c r="HUI725" s="424"/>
      <c r="HUJ725" s="424"/>
      <c r="HUK725" s="423" t="s">
        <v>2795</v>
      </c>
      <c r="HUL725" s="424"/>
      <c r="HUM725" s="424"/>
      <c r="HUN725" s="424"/>
      <c r="HUO725" s="423" t="s">
        <v>2795</v>
      </c>
      <c r="HUP725" s="424"/>
      <c r="HUQ725" s="424"/>
      <c r="HUR725" s="424"/>
      <c r="HUS725" s="423" t="s">
        <v>2795</v>
      </c>
      <c r="HUT725" s="424"/>
      <c r="HUU725" s="424"/>
      <c r="HUV725" s="424"/>
      <c r="HUW725" s="423" t="s">
        <v>2795</v>
      </c>
      <c r="HUX725" s="424"/>
      <c r="HUY725" s="424"/>
      <c r="HUZ725" s="424"/>
      <c r="HVA725" s="423" t="s">
        <v>2795</v>
      </c>
      <c r="HVB725" s="424"/>
      <c r="HVC725" s="424"/>
      <c r="HVD725" s="424"/>
      <c r="HVE725" s="423" t="s">
        <v>2795</v>
      </c>
      <c r="HVF725" s="424"/>
      <c r="HVG725" s="424"/>
      <c r="HVH725" s="424"/>
      <c r="HVI725" s="423" t="s">
        <v>2795</v>
      </c>
      <c r="HVJ725" s="424"/>
      <c r="HVK725" s="424"/>
      <c r="HVL725" s="424"/>
      <c r="HVM725" s="423" t="s">
        <v>2795</v>
      </c>
      <c r="HVN725" s="424"/>
      <c r="HVO725" s="424"/>
      <c r="HVP725" s="424"/>
      <c r="HVQ725" s="423" t="s">
        <v>2795</v>
      </c>
      <c r="HVR725" s="424"/>
      <c r="HVS725" s="424"/>
      <c r="HVT725" s="424"/>
      <c r="HVU725" s="423" t="s">
        <v>2795</v>
      </c>
      <c r="HVV725" s="424"/>
      <c r="HVW725" s="424"/>
      <c r="HVX725" s="424"/>
      <c r="HVY725" s="423" t="s">
        <v>2795</v>
      </c>
      <c r="HVZ725" s="424"/>
      <c r="HWA725" s="424"/>
      <c r="HWB725" s="424"/>
      <c r="HWC725" s="423" t="s">
        <v>2795</v>
      </c>
      <c r="HWD725" s="424"/>
      <c r="HWE725" s="424"/>
      <c r="HWF725" s="424"/>
      <c r="HWG725" s="423" t="s">
        <v>2795</v>
      </c>
      <c r="HWH725" s="424"/>
      <c r="HWI725" s="424"/>
      <c r="HWJ725" s="424"/>
      <c r="HWK725" s="423" t="s">
        <v>2795</v>
      </c>
      <c r="HWL725" s="424"/>
      <c r="HWM725" s="424"/>
      <c r="HWN725" s="424"/>
      <c r="HWO725" s="423" t="s">
        <v>2795</v>
      </c>
      <c r="HWP725" s="424"/>
      <c r="HWQ725" s="424"/>
      <c r="HWR725" s="424"/>
      <c r="HWS725" s="423" t="s">
        <v>2795</v>
      </c>
      <c r="HWT725" s="424"/>
      <c r="HWU725" s="424"/>
      <c r="HWV725" s="424"/>
      <c r="HWW725" s="423" t="s">
        <v>2795</v>
      </c>
      <c r="HWX725" s="424"/>
      <c r="HWY725" s="424"/>
      <c r="HWZ725" s="424"/>
      <c r="HXA725" s="423" t="s">
        <v>2795</v>
      </c>
      <c r="HXB725" s="424"/>
      <c r="HXC725" s="424"/>
      <c r="HXD725" s="424"/>
      <c r="HXE725" s="423" t="s">
        <v>2795</v>
      </c>
      <c r="HXF725" s="424"/>
      <c r="HXG725" s="424"/>
      <c r="HXH725" s="424"/>
      <c r="HXI725" s="423" t="s">
        <v>2795</v>
      </c>
      <c r="HXJ725" s="424"/>
      <c r="HXK725" s="424"/>
      <c r="HXL725" s="424"/>
      <c r="HXM725" s="423" t="s">
        <v>2795</v>
      </c>
      <c r="HXN725" s="424"/>
      <c r="HXO725" s="424"/>
      <c r="HXP725" s="424"/>
      <c r="HXQ725" s="423" t="s">
        <v>2795</v>
      </c>
      <c r="HXR725" s="424"/>
      <c r="HXS725" s="424"/>
      <c r="HXT725" s="424"/>
      <c r="HXU725" s="423" t="s">
        <v>2795</v>
      </c>
      <c r="HXV725" s="424"/>
      <c r="HXW725" s="424"/>
      <c r="HXX725" s="424"/>
      <c r="HXY725" s="423" t="s">
        <v>2795</v>
      </c>
      <c r="HXZ725" s="424"/>
      <c r="HYA725" s="424"/>
      <c r="HYB725" s="424"/>
      <c r="HYC725" s="423" t="s">
        <v>2795</v>
      </c>
      <c r="HYD725" s="424"/>
      <c r="HYE725" s="424"/>
      <c r="HYF725" s="424"/>
      <c r="HYG725" s="423" t="s">
        <v>2795</v>
      </c>
      <c r="HYH725" s="424"/>
      <c r="HYI725" s="424"/>
      <c r="HYJ725" s="424"/>
      <c r="HYK725" s="423" t="s">
        <v>2795</v>
      </c>
      <c r="HYL725" s="424"/>
      <c r="HYM725" s="424"/>
      <c r="HYN725" s="424"/>
      <c r="HYO725" s="423" t="s">
        <v>2795</v>
      </c>
      <c r="HYP725" s="424"/>
      <c r="HYQ725" s="424"/>
      <c r="HYR725" s="424"/>
      <c r="HYS725" s="423" t="s">
        <v>2795</v>
      </c>
      <c r="HYT725" s="424"/>
      <c r="HYU725" s="424"/>
      <c r="HYV725" s="424"/>
      <c r="HYW725" s="423" t="s">
        <v>2795</v>
      </c>
      <c r="HYX725" s="424"/>
      <c r="HYY725" s="424"/>
      <c r="HYZ725" s="424"/>
      <c r="HZA725" s="423" t="s">
        <v>2795</v>
      </c>
      <c r="HZB725" s="424"/>
      <c r="HZC725" s="424"/>
      <c r="HZD725" s="424"/>
      <c r="HZE725" s="423" t="s">
        <v>2795</v>
      </c>
      <c r="HZF725" s="424"/>
      <c r="HZG725" s="424"/>
      <c r="HZH725" s="424"/>
      <c r="HZI725" s="423" t="s">
        <v>2795</v>
      </c>
      <c r="HZJ725" s="424"/>
      <c r="HZK725" s="424"/>
      <c r="HZL725" s="424"/>
      <c r="HZM725" s="423" t="s">
        <v>2795</v>
      </c>
      <c r="HZN725" s="424"/>
      <c r="HZO725" s="424"/>
      <c r="HZP725" s="424"/>
      <c r="HZQ725" s="423" t="s">
        <v>2795</v>
      </c>
      <c r="HZR725" s="424"/>
      <c r="HZS725" s="424"/>
      <c r="HZT725" s="424"/>
      <c r="HZU725" s="423" t="s">
        <v>2795</v>
      </c>
      <c r="HZV725" s="424"/>
      <c r="HZW725" s="424"/>
      <c r="HZX725" s="424"/>
      <c r="HZY725" s="423" t="s">
        <v>2795</v>
      </c>
      <c r="HZZ725" s="424"/>
      <c r="IAA725" s="424"/>
      <c r="IAB725" s="424"/>
      <c r="IAC725" s="423" t="s">
        <v>2795</v>
      </c>
      <c r="IAD725" s="424"/>
      <c r="IAE725" s="424"/>
      <c r="IAF725" s="424"/>
      <c r="IAG725" s="423" t="s">
        <v>2795</v>
      </c>
      <c r="IAH725" s="424"/>
      <c r="IAI725" s="424"/>
      <c r="IAJ725" s="424"/>
      <c r="IAK725" s="423" t="s">
        <v>2795</v>
      </c>
      <c r="IAL725" s="424"/>
      <c r="IAM725" s="424"/>
      <c r="IAN725" s="424"/>
      <c r="IAO725" s="423" t="s">
        <v>2795</v>
      </c>
      <c r="IAP725" s="424"/>
      <c r="IAQ725" s="424"/>
      <c r="IAR725" s="424"/>
      <c r="IAS725" s="423" t="s">
        <v>2795</v>
      </c>
      <c r="IAT725" s="424"/>
      <c r="IAU725" s="424"/>
      <c r="IAV725" s="424"/>
      <c r="IAW725" s="423" t="s">
        <v>2795</v>
      </c>
      <c r="IAX725" s="424"/>
      <c r="IAY725" s="424"/>
      <c r="IAZ725" s="424"/>
      <c r="IBA725" s="423" t="s">
        <v>2795</v>
      </c>
      <c r="IBB725" s="424"/>
      <c r="IBC725" s="424"/>
      <c r="IBD725" s="424"/>
      <c r="IBE725" s="423" t="s">
        <v>2795</v>
      </c>
      <c r="IBF725" s="424"/>
      <c r="IBG725" s="424"/>
      <c r="IBH725" s="424"/>
      <c r="IBI725" s="423" t="s">
        <v>2795</v>
      </c>
      <c r="IBJ725" s="424"/>
      <c r="IBK725" s="424"/>
      <c r="IBL725" s="424"/>
      <c r="IBM725" s="423" t="s">
        <v>2795</v>
      </c>
      <c r="IBN725" s="424"/>
      <c r="IBO725" s="424"/>
      <c r="IBP725" s="424"/>
      <c r="IBQ725" s="423" t="s">
        <v>2795</v>
      </c>
      <c r="IBR725" s="424"/>
      <c r="IBS725" s="424"/>
      <c r="IBT725" s="424"/>
      <c r="IBU725" s="423" t="s">
        <v>2795</v>
      </c>
      <c r="IBV725" s="424"/>
      <c r="IBW725" s="424"/>
      <c r="IBX725" s="424"/>
      <c r="IBY725" s="423" t="s">
        <v>2795</v>
      </c>
      <c r="IBZ725" s="424"/>
      <c r="ICA725" s="424"/>
      <c r="ICB725" s="424"/>
      <c r="ICC725" s="423" t="s">
        <v>2795</v>
      </c>
      <c r="ICD725" s="424"/>
      <c r="ICE725" s="424"/>
      <c r="ICF725" s="424"/>
      <c r="ICG725" s="423" t="s">
        <v>2795</v>
      </c>
      <c r="ICH725" s="424"/>
      <c r="ICI725" s="424"/>
      <c r="ICJ725" s="424"/>
      <c r="ICK725" s="423" t="s">
        <v>2795</v>
      </c>
      <c r="ICL725" s="424"/>
      <c r="ICM725" s="424"/>
      <c r="ICN725" s="424"/>
      <c r="ICO725" s="423" t="s">
        <v>2795</v>
      </c>
      <c r="ICP725" s="424"/>
      <c r="ICQ725" s="424"/>
      <c r="ICR725" s="424"/>
      <c r="ICS725" s="423" t="s">
        <v>2795</v>
      </c>
      <c r="ICT725" s="424"/>
      <c r="ICU725" s="424"/>
      <c r="ICV725" s="424"/>
      <c r="ICW725" s="423" t="s">
        <v>2795</v>
      </c>
      <c r="ICX725" s="424"/>
      <c r="ICY725" s="424"/>
      <c r="ICZ725" s="424"/>
      <c r="IDA725" s="423" t="s">
        <v>2795</v>
      </c>
      <c r="IDB725" s="424"/>
      <c r="IDC725" s="424"/>
      <c r="IDD725" s="424"/>
      <c r="IDE725" s="423" t="s">
        <v>2795</v>
      </c>
      <c r="IDF725" s="424"/>
      <c r="IDG725" s="424"/>
      <c r="IDH725" s="424"/>
      <c r="IDI725" s="423" t="s">
        <v>2795</v>
      </c>
      <c r="IDJ725" s="424"/>
      <c r="IDK725" s="424"/>
      <c r="IDL725" s="424"/>
      <c r="IDM725" s="423" t="s">
        <v>2795</v>
      </c>
      <c r="IDN725" s="424"/>
      <c r="IDO725" s="424"/>
      <c r="IDP725" s="424"/>
      <c r="IDQ725" s="423" t="s">
        <v>2795</v>
      </c>
      <c r="IDR725" s="424"/>
      <c r="IDS725" s="424"/>
      <c r="IDT725" s="424"/>
      <c r="IDU725" s="423" t="s">
        <v>2795</v>
      </c>
      <c r="IDV725" s="424"/>
      <c r="IDW725" s="424"/>
      <c r="IDX725" s="424"/>
      <c r="IDY725" s="423" t="s">
        <v>2795</v>
      </c>
      <c r="IDZ725" s="424"/>
      <c r="IEA725" s="424"/>
      <c r="IEB725" s="424"/>
      <c r="IEC725" s="423" t="s">
        <v>2795</v>
      </c>
      <c r="IED725" s="424"/>
      <c r="IEE725" s="424"/>
      <c r="IEF725" s="424"/>
      <c r="IEG725" s="423" t="s">
        <v>2795</v>
      </c>
      <c r="IEH725" s="424"/>
      <c r="IEI725" s="424"/>
      <c r="IEJ725" s="424"/>
      <c r="IEK725" s="423" t="s">
        <v>2795</v>
      </c>
      <c r="IEL725" s="424"/>
      <c r="IEM725" s="424"/>
      <c r="IEN725" s="424"/>
      <c r="IEO725" s="423" t="s">
        <v>2795</v>
      </c>
      <c r="IEP725" s="424"/>
      <c r="IEQ725" s="424"/>
      <c r="IER725" s="424"/>
      <c r="IES725" s="423" t="s">
        <v>2795</v>
      </c>
      <c r="IET725" s="424"/>
      <c r="IEU725" s="424"/>
      <c r="IEV725" s="424"/>
      <c r="IEW725" s="423" t="s">
        <v>2795</v>
      </c>
      <c r="IEX725" s="424"/>
      <c r="IEY725" s="424"/>
      <c r="IEZ725" s="424"/>
      <c r="IFA725" s="423" t="s">
        <v>2795</v>
      </c>
      <c r="IFB725" s="424"/>
      <c r="IFC725" s="424"/>
      <c r="IFD725" s="424"/>
      <c r="IFE725" s="423" t="s">
        <v>2795</v>
      </c>
      <c r="IFF725" s="424"/>
      <c r="IFG725" s="424"/>
      <c r="IFH725" s="424"/>
      <c r="IFI725" s="423" t="s">
        <v>2795</v>
      </c>
      <c r="IFJ725" s="424"/>
      <c r="IFK725" s="424"/>
      <c r="IFL725" s="424"/>
      <c r="IFM725" s="423" t="s">
        <v>2795</v>
      </c>
      <c r="IFN725" s="424"/>
      <c r="IFO725" s="424"/>
      <c r="IFP725" s="424"/>
      <c r="IFQ725" s="423" t="s">
        <v>2795</v>
      </c>
      <c r="IFR725" s="424"/>
      <c r="IFS725" s="424"/>
      <c r="IFT725" s="424"/>
      <c r="IFU725" s="423" t="s">
        <v>2795</v>
      </c>
      <c r="IFV725" s="424"/>
      <c r="IFW725" s="424"/>
      <c r="IFX725" s="424"/>
      <c r="IFY725" s="423" t="s">
        <v>2795</v>
      </c>
      <c r="IFZ725" s="424"/>
      <c r="IGA725" s="424"/>
      <c r="IGB725" s="424"/>
      <c r="IGC725" s="423" t="s">
        <v>2795</v>
      </c>
      <c r="IGD725" s="424"/>
      <c r="IGE725" s="424"/>
      <c r="IGF725" s="424"/>
      <c r="IGG725" s="423" t="s">
        <v>2795</v>
      </c>
      <c r="IGH725" s="424"/>
      <c r="IGI725" s="424"/>
      <c r="IGJ725" s="424"/>
      <c r="IGK725" s="423" t="s">
        <v>2795</v>
      </c>
      <c r="IGL725" s="424"/>
      <c r="IGM725" s="424"/>
      <c r="IGN725" s="424"/>
      <c r="IGO725" s="423" t="s">
        <v>2795</v>
      </c>
      <c r="IGP725" s="424"/>
      <c r="IGQ725" s="424"/>
      <c r="IGR725" s="424"/>
      <c r="IGS725" s="423" t="s">
        <v>2795</v>
      </c>
      <c r="IGT725" s="424"/>
      <c r="IGU725" s="424"/>
      <c r="IGV725" s="424"/>
      <c r="IGW725" s="423" t="s">
        <v>2795</v>
      </c>
      <c r="IGX725" s="424"/>
      <c r="IGY725" s="424"/>
      <c r="IGZ725" s="424"/>
      <c r="IHA725" s="423" t="s">
        <v>2795</v>
      </c>
      <c r="IHB725" s="424"/>
      <c r="IHC725" s="424"/>
      <c r="IHD725" s="424"/>
      <c r="IHE725" s="423" t="s">
        <v>2795</v>
      </c>
      <c r="IHF725" s="424"/>
      <c r="IHG725" s="424"/>
      <c r="IHH725" s="424"/>
      <c r="IHI725" s="423" t="s">
        <v>2795</v>
      </c>
      <c r="IHJ725" s="424"/>
      <c r="IHK725" s="424"/>
      <c r="IHL725" s="424"/>
      <c r="IHM725" s="423" t="s">
        <v>2795</v>
      </c>
      <c r="IHN725" s="424"/>
      <c r="IHO725" s="424"/>
      <c r="IHP725" s="424"/>
      <c r="IHQ725" s="423" t="s">
        <v>2795</v>
      </c>
      <c r="IHR725" s="424"/>
      <c r="IHS725" s="424"/>
      <c r="IHT725" s="424"/>
      <c r="IHU725" s="423" t="s">
        <v>2795</v>
      </c>
      <c r="IHV725" s="424"/>
      <c r="IHW725" s="424"/>
      <c r="IHX725" s="424"/>
      <c r="IHY725" s="423" t="s">
        <v>2795</v>
      </c>
      <c r="IHZ725" s="424"/>
      <c r="IIA725" s="424"/>
      <c r="IIB725" s="424"/>
      <c r="IIC725" s="423" t="s">
        <v>2795</v>
      </c>
      <c r="IID725" s="424"/>
      <c r="IIE725" s="424"/>
      <c r="IIF725" s="424"/>
      <c r="IIG725" s="423" t="s">
        <v>2795</v>
      </c>
      <c r="IIH725" s="424"/>
      <c r="III725" s="424"/>
      <c r="IIJ725" s="424"/>
      <c r="IIK725" s="423" t="s">
        <v>2795</v>
      </c>
      <c r="IIL725" s="424"/>
      <c r="IIM725" s="424"/>
      <c r="IIN725" s="424"/>
      <c r="IIO725" s="423" t="s">
        <v>2795</v>
      </c>
      <c r="IIP725" s="424"/>
      <c r="IIQ725" s="424"/>
      <c r="IIR725" s="424"/>
      <c r="IIS725" s="423" t="s">
        <v>2795</v>
      </c>
      <c r="IIT725" s="424"/>
      <c r="IIU725" s="424"/>
      <c r="IIV725" s="424"/>
      <c r="IIW725" s="423" t="s">
        <v>2795</v>
      </c>
      <c r="IIX725" s="424"/>
      <c r="IIY725" s="424"/>
      <c r="IIZ725" s="424"/>
      <c r="IJA725" s="423" t="s">
        <v>2795</v>
      </c>
      <c r="IJB725" s="424"/>
      <c r="IJC725" s="424"/>
      <c r="IJD725" s="424"/>
      <c r="IJE725" s="423" t="s">
        <v>2795</v>
      </c>
      <c r="IJF725" s="424"/>
      <c r="IJG725" s="424"/>
      <c r="IJH725" s="424"/>
      <c r="IJI725" s="423" t="s">
        <v>2795</v>
      </c>
      <c r="IJJ725" s="424"/>
      <c r="IJK725" s="424"/>
      <c r="IJL725" s="424"/>
      <c r="IJM725" s="423" t="s">
        <v>2795</v>
      </c>
      <c r="IJN725" s="424"/>
      <c r="IJO725" s="424"/>
      <c r="IJP725" s="424"/>
      <c r="IJQ725" s="423" t="s">
        <v>2795</v>
      </c>
      <c r="IJR725" s="424"/>
      <c r="IJS725" s="424"/>
      <c r="IJT725" s="424"/>
      <c r="IJU725" s="423" t="s">
        <v>2795</v>
      </c>
      <c r="IJV725" s="424"/>
      <c r="IJW725" s="424"/>
      <c r="IJX725" s="424"/>
      <c r="IJY725" s="423" t="s">
        <v>2795</v>
      </c>
      <c r="IJZ725" s="424"/>
      <c r="IKA725" s="424"/>
      <c r="IKB725" s="424"/>
      <c r="IKC725" s="423" t="s">
        <v>2795</v>
      </c>
      <c r="IKD725" s="424"/>
      <c r="IKE725" s="424"/>
      <c r="IKF725" s="424"/>
      <c r="IKG725" s="423" t="s">
        <v>2795</v>
      </c>
      <c r="IKH725" s="424"/>
      <c r="IKI725" s="424"/>
      <c r="IKJ725" s="424"/>
      <c r="IKK725" s="423" t="s">
        <v>2795</v>
      </c>
      <c r="IKL725" s="424"/>
      <c r="IKM725" s="424"/>
      <c r="IKN725" s="424"/>
      <c r="IKO725" s="423" t="s">
        <v>2795</v>
      </c>
      <c r="IKP725" s="424"/>
      <c r="IKQ725" s="424"/>
      <c r="IKR725" s="424"/>
      <c r="IKS725" s="423" t="s">
        <v>2795</v>
      </c>
      <c r="IKT725" s="424"/>
      <c r="IKU725" s="424"/>
      <c r="IKV725" s="424"/>
      <c r="IKW725" s="423" t="s">
        <v>2795</v>
      </c>
      <c r="IKX725" s="424"/>
      <c r="IKY725" s="424"/>
      <c r="IKZ725" s="424"/>
      <c r="ILA725" s="423" t="s">
        <v>2795</v>
      </c>
      <c r="ILB725" s="424"/>
      <c r="ILC725" s="424"/>
      <c r="ILD725" s="424"/>
      <c r="ILE725" s="423" t="s">
        <v>2795</v>
      </c>
      <c r="ILF725" s="424"/>
      <c r="ILG725" s="424"/>
      <c r="ILH725" s="424"/>
      <c r="ILI725" s="423" t="s">
        <v>2795</v>
      </c>
      <c r="ILJ725" s="424"/>
      <c r="ILK725" s="424"/>
      <c r="ILL725" s="424"/>
      <c r="ILM725" s="423" t="s">
        <v>2795</v>
      </c>
      <c r="ILN725" s="424"/>
      <c r="ILO725" s="424"/>
      <c r="ILP725" s="424"/>
      <c r="ILQ725" s="423" t="s">
        <v>2795</v>
      </c>
      <c r="ILR725" s="424"/>
      <c r="ILS725" s="424"/>
      <c r="ILT725" s="424"/>
      <c r="ILU725" s="423" t="s">
        <v>2795</v>
      </c>
      <c r="ILV725" s="424"/>
      <c r="ILW725" s="424"/>
      <c r="ILX725" s="424"/>
      <c r="ILY725" s="423" t="s">
        <v>2795</v>
      </c>
      <c r="ILZ725" s="424"/>
      <c r="IMA725" s="424"/>
      <c r="IMB725" s="424"/>
      <c r="IMC725" s="423" t="s">
        <v>2795</v>
      </c>
      <c r="IMD725" s="424"/>
      <c r="IME725" s="424"/>
      <c r="IMF725" s="424"/>
      <c r="IMG725" s="423" t="s">
        <v>2795</v>
      </c>
      <c r="IMH725" s="424"/>
      <c r="IMI725" s="424"/>
      <c r="IMJ725" s="424"/>
      <c r="IMK725" s="423" t="s">
        <v>2795</v>
      </c>
      <c r="IML725" s="424"/>
      <c r="IMM725" s="424"/>
      <c r="IMN725" s="424"/>
      <c r="IMO725" s="423" t="s">
        <v>2795</v>
      </c>
      <c r="IMP725" s="424"/>
      <c r="IMQ725" s="424"/>
      <c r="IMR725" s="424"/>
      <c r="IMS725" s="423" t="s">
        <v>2795</v>
      </c>
      <c r="IMT725" s="424"/>
      <c r="IMU725" s="424"/>
      <c r="IMV725" s="424"/>
      <c r="IMW725" s="423" t="s">
        <v>2795</v>
      </c>
      <c r="IMX725" s="424"/>
      <c r="IMY725" s="424"/>
      <c r="IMZ725" s="424"/>
      <c r="INA725" s="423" t="s">
        <v>2795</v>
      </c>
      <c r="INB725" s="424"/>
      <c r="INC725" s="424"/>
      <c r="IND725" s="424"/>
      <c r="INE725" s="423" t="s">
        <v>2795</v>
      </c>
      <c r="INF725" s="424"/>
      <c r="ING725" s="424"/>
      <c r="INH725" s="424"/>
      <c r="INI725" s="423" t="s">
        <v>2795</v>
      </c>
      <c r="INJ725" s="424"/>
      <c r="INK725" s="424"/>
      <c r="INL725" s="424"/>
      <c r="INM725" s="423" t="s">
        <v>2795</v>
      </c>
      <c r="INN725" s="424"/>
      <c r="INO725" s="424"/>
      <c r="INP725" s="424"/>
      <c r="INQ725" s="423" t="s">
        <v>2795</v>
      </c>
      <c r="INR725" s="424"/>
      <c r="INS725" s="424"/>
      <c r="INT725" s="424"/>
      <c r="INU725" s="423" t="s">
        <v>2795</v>
      </c>
      <c r="INV725" s="424"/>
      <c r="INW725" s="424"/>
      <c r="INX725" s="424"/>
      <c r="INY725" s="423" t="s">
        <v>2795</v>
      </c>
      <c r="INZ725" s="424"/>
      <c r="IOA725" s="424"/>
      <c r="IOB725" s="424"/>
      <c r="IOC725" s="423" t="s">
        <v>2795</v>
      </c>
      <c r="IOD725" s="424"/>
      <c r="IOE725" s="424"/>
      <c r="IOF725" s="424"/>
      <c r="IOG725" s="423" t="s">
        <v>2795</v>
      </c>
      <c r="IOH725" s="424"/>
      <c r="IOI725" s="424"/>
      <c r="IOJ725" s="424"/>
      <c r="IOK725" s="423" t="s">
        <v>2795</v>
      </c>
      <c r="IOL725" s="424"/>
      <c r="IOM725" s="424"/>
      <c r="ION725" s="424"/>
      <c r="IOO725" s="423" t="s">
        <v>2795</v>
      </c>
      <c r="IOP725" s="424"/>
      <c r="IOQ725" s="424"/>
      <c r="IOR725" s="424"/>
      <c r="IOS725" s="423" t="s">
        <v>2795</v>
      </c>
      <c r="IOT725" s="424"/>
      <c r="IOU725" s="424"/>
      <c r="IOV725" s="424"/>
      <c r="IOW725" s="423" t="s">
        <v>2795</v>
      </c>
      <c r="IOX725" s="424"/>
      <c r="IOY725" s="424"/>
      <c r="IOZ725" s="424"/>
      <c r="IPA725" s="423" t="s">
        <v>2795</v>
      </c>
      <c r="IPB725" s="424"/>
      <c r="IPC725" s="424"/>
      <c r="IPD725" s="424"/>
      <c r="IPE725" s="423" t="s">
        <v>2795</v>
      </c>
      <c r="IPF725" s="424"/>
      <c r="IPG725" s="424"/>
      <c r="IPH725" s="424"/>
      <c r="IPI725" s="423" t="s">
        <v>2795</v>
      </c>
      <c r="IPJ725" s="424"/>
      <c r="IPK725" s="424"/>
      <c r="IPL725" s="424"/>
      <c r="IPM725" s="423" t="s">
        <v>2795</v>
      </c>
      <c r="IPN725" s="424"/>
      <c r="IPO725" s="424"/>
      <c r="IPP725" s="424"/>
      <c r="IPQ725" s="423" t="s">
        <v>2795</v>
      </c>
      <c r="IPR725" s="424"/>
      <c r="IPS725" s="424"/>
      <c r="IPT725" s="424"/>
      <c r="IPU725" s="423" t="s">
        <v>2795</v>
      </c>
      <c r="IPV725" s="424"/>
      <c r="IPW725" s="424"/>
      <c r="IPX725" s="424"/>
      <c r="IPY725" s="423" t="s">
        <v>2795</v>
      </c>
      <c r="IPZ725" s="424"/>
      <c r="IQA725" s="424"/>
      <c r="IQB725" s="424"/>
      <c r="IQC725" s="423" t="s">
        <v>2795</v>
      </c>
      <c r="IQD725" s="424"/>
      <c r="IQE725" s="424"/>
      <c r="IQF725" s="424"/>
      <c r="IQG725" s="423" t="s">
        <v>2795</v>
      </c>
      <c r="IQH725" s="424"/>
      <c r="IQI725" s="424"/>
      <c r="IQJ725" s="424"/>
      <c r="IQK725" s="423" t="s">
        <v>2795</v>
      </c>
      <c r="IQL725" s="424"/>
      <c r="IQM725" s="424"/>
      <c r="IQN725" s="424"/>
      <c r="IQO725" s="423" t="s">
        <v>2795</v>
      </c>
      <c r="IQP725" s="424"/>
      <c r="IQQ725" s="424"/>
      <c r="IQR725" s="424"/>
      <c r="IQS725" s="423" t="s">
        <v>2795</v>
      </c>
      <c r="IQT725" s="424"/>
      <c r="IQU725" s="424"/>
      <c r="IQV725" s="424"/>
      <c r="IQW725" s="423" t="s">
        <v>2795</v>
      </c>
      <c r="IQX725" s="424"/>
      <c r="IQY725" s="424"/>
      <c r="IQZ725" s="424"/>
      <c r="IRA725" s="423" t="s">
        <v>2795</v>
      </c>
      <c r="IRB725" s="424"/>
      <c r="IRC725" s="424"/>
      <c r="IRD725" s="424"/>
      <c r="IRE725" s="423" t="s">
        <v>2795</v>
      </c>
      <c r="IRF725" s="424"/>
      <c r="IRG725" s="424"/>
      <c r="IRH725" s="424"/>
      <c r="IRI725" s="423" t="s">
        <v>2795</v>
      </c>
      <c r="IRJ725" s="424"/>
      <c r="IRK725" s="424"/>
      <c r="IRL725" s="424"/>
      <c r="IRM725" s="423" t="s">
        <v>2795</v>
      </c>
      <c r="IRN725" s="424"/>
      <c r="IRO725" s="424"/>
      <c r="IRP725" s="424"/>
      <c r="IRQ725" s="423" t="s">
        <v>2795</v>
      </c>
      <c r="IRR725" s="424"/>
      <c r="IRS725" s="424"/>
      <c r="IRT725" s="424"/>
      <c r="IRU725" s="423" t="s">
        <v>2795</v>
      </c>
      <c r="IRV725" s="424"/>
      <c r="IRW725" s="424"/>
      <c r="IRX725" s="424"/>
      <c r="IRY725" s="423" t="s">
        <v>2795</v>
      </c>
      <c r="IRZ725" s="424"/>
      <c r="ISA725" s="424"/>
      <c r="ISB725" s="424"/>
      <c r="ISC725" s="423" t="s">
        <v>2795</v>
      </c>
      <c r="ISD725" s="424"/>
      <c r="ISE725" s="424"/>
      <c r="ISF725" s="424"/>
      <c r="ISG725" s="423" t="s">
        <v>2795</v>
      </c>
      <c r="ISH725" s="424"/>
      <c r="ISI725" s="424"/>
      <c r="ISJ725" s="424"/>
      <c r="ISK725" s="423" t="s">
        <v>2795</v>
      </c>
      <c r="ISL725" s="424"/>
      <c r="ISM725" s="424"/>
      <c r="ISN725" s="424"/>
      <c r="ISO725" s="423" t="s">
        <v>2795</v>
      </c>
      <c r="ISP725" s="424"/>
      <c r="ISQ725" s="424"/>
      <c r="ISR725" s="424"/>
      <c r="ISS725" s="423" t="s">
        <v>2795</v>
      </c>
      <c r="IST725" s="424"/>
      <c r="ISU725" s="424"/>
      <c r="ISV725" s="424"/>
      <c r="ISW725" s="423" t="s">
        <v>2795</v>
      </c>
      <c r="ISX725" s="424"/>
      <c r="ISY725" s="424"/>
      <c r="ISZ725" s="424"/>
      <c r="ITA725" s="423" t="s">
        <v>2795</v>
      </c>
      <c r="ITB725" s="424"/>
      <c r="ITC725" s="424"/>
      <c r="ITD725" s="424"/>
      <c r="ITE725" s="423" t="s">
        <v>2795</v>
      </c>
      <c r="ITF725" s="424"/>
      <c r="ITG725" s="424"/>
      <c r="ITH725" s="424"/>
      <c r="ITI725" s="423" t="s">
        <v>2795</v>
      </c>
      <c r="ITJ725" s="424"/>
      <c r="ITK725" s="424"/>
      <c r="ITL725" s="424"/>
      <c r="ITM725" s="423" t="s">
        <v>2795</v>
      </c>
      <c r="ITN725" s="424"/>
      <c r="ITO725" s="424"/>
      <c r="ITP725" s="424"/>
      <c r="ITQ725" s="423" t="s">
        <v>2795</v>
      </c>
      <c r="ITR725" s="424"/>
      <c r="ITS725" s="424"/>
      <c r="ITT725" s="424"/>
      <c r="ITU725" s="423" t="s">
        <v>2795</v>
      </c>
      <c r="ITV725" s="424"/>
      <c r="ITW725" s="424"/>
      <c r="ITX725" s="424"/>
      <c r="ITY725" s="423" t="s">
        <v>2795</v>
      </c>
      <c r="ITZ725" s="424"/>
      <c r="IUA725" s="424"/>
      <c r="IUB725" s="424"/>
      <c r="IUC725" s="423" t="s">
        <v>2795</v>
      </c>
      <c r="IUD725" s="424"/>
      <c r="IUE725" s="424"/>
      <c r="IUF725" s="424"/>
      <c r="IUG725" s="423" t="s">
        <v>2795</v>
      </c>
      <c r="IUH725" s="424"/>
      <c r="IUI725" s="424"/>
      <c r="IUJ725" s="424"/>
      <c r="IUK725" s="423" t="s">
        <v>2795</v>
      </c>
      <c r="IUL725" s="424"/>
      <c r="IUM725" s="424"/>
      <c r="IUN725" s="424"/>
      <c r="IUO725" s="423" t="s">
        <v>2795</v>
      </c>
      <c r="IUP725" s="424"/>
      <c r="IUQ725" s="424"/>
      <c r="IUR725" s="424"/>
      <c r="IUS725" s="423" t="s">
        <v>2795</v>
      </c>
      <c r="IUT725" s="424"/>
      <c r="IUU725" s="424"/>
      <c r="IUV725" s="424"/>
      <c r="IUW725" s="423" t="s">
        <v>2795</v>
      </c>
      <c r="IUX725" s="424"/>
      <c r="IUY725" s="424"/>
      <c r="IUZ725" s="424"/>
      <c r="IVA725" s="423" t="s">
        <v>2795</v>
      </c>
      <c r="IVB725" s="424"/>
      <c r="IVC725" s="424"/>
      <c r="IVD725" s="424"/>
      <c r="IVE725" s="423" t="s">
        <v>2795</v>
      </c>
      <c r="IVF725" s="424"/>
      <c r="IVG725" s="424"/>
      <c r="IVH725" s="424"/>
      <c r="IVI725" s="423" t="s">
        <v>2795</v>
      </c>
      <c r="IVJ725" s="424"/>
      <c r="IVK725" s="424"/>
      <c r="IVL725" s="424"/>
      <c r="IVM725" s="423" t="s">
        <v>2795</v>
      </c>
      <c r="IVN725" s="424"/>
      <c r="IVO725" s="424"/>
      <c r="IVP725" s="424"/>
      <c r="IVQ725" s="423" t="s">
        <v>2795</v>
      </c>
      <c r="IVR725" s="424"/>
      <c r="IVS725" s="424"/>
      <c r="IVT725" s="424"/>
      <c r="IVU725" s="423" t="s">
        <v>2795</v>
      </c>
      <c r="IVV725" s="424"/>
      <c r="IVW725" s="424"/>
      <c r="IVX725" s="424"/>
      <c r="IVY725" s="423" t="s">
        <v>2795</v>
      </c>
      <c r="IVZ725" s="424"/>
      <c r="IWA725" s="424"/>
      <c r="IWB725" s="424"/>
      <c r="IWC725" s="423" t="s">
        <v>2795</v>
      </c>
      <c r="IWD725" s="424"/>
      <c r="IWE725" s="424"/>
      <c r="IWF725" s="424"/>
      <c r="IWG725" s="423" t="s">
        <v>2795</v>
      </c>
      <c r="IWH725" s="424"/>
      <c r="IWI725" s="424"/>
      <c r="IWJ725" s="424"/>
      <c r="IWK725" s="423" t="s">
        <v>2795</v>
      </c>
      <c r="IWL725" s="424"/>
      <c r="IWM725" s="424"/>
      <c r="IWN725" s="424"/>
      <c r="IWO725" s="423" t="s">
        <v>2795</v>
      </c>
      <c r="IWP725" s="424"/>
      <c r="IWQ725" s="424"/>
      <c r="IWR725" s="424"/>
      <c r="IWS725" s="423" t="s">
        <v>2795</v>
      </c>
      <c r="IWT725" s="424"/>
      <c r="IWU725" s="424"/>
      <c r="IWV725" s="424"/>
      <c r="IWW725" s="423" t="s">
        <v>2795</v>
      </c>
      <c r="IWX725" s="424"/>
      <c r="IWY725" s="424"/>
      <c r="IWZ725" s="424"/>
      <c r="IXA725" s="423" t="s">
        <v>2795</v>
      </c>
      <c r="IXB725" s="424"/>
      <c r="IXC725" s="424"/>
      <c r="IXD725" s="424"/>
      <c r="IXE725" s="423" t="s">
        <v>2795</v>
      </c>
      <c r="IXF725" s="424"/>
      <c r="IXG725" s="424"/>
      <c r="IXH725" s="424"/>
      <c r="IXI725" s="423" t="s">
        <v>2795</v>
      </c>
      <c r="IXJ725" s="424"/>
      <c r="IXK725" s="424"/>
      <c r="IXL725" s="424"/>
      <c r="IXM725" s="423" t="s">
        <v>2795</v>
      </c>
      <c r="IXN725" s="424"/>
      <c r="IXO725" s="424"/>
      <c r="IXP725" s="424"/>
      <c r="IXQ725" s="423" t="s">
        <v>2795</v>
      </c>
      <c r="IXR725" s="424"/>
      <c r="IXS725" s="424"/>
      <c r="IXT725" s="424"/>
      <c r="IXU725" s="423" t="s">
        <v>2795</v>
      </c>
      <c r="IXV725" s="424"/>
      <c r="IXW725" s="424"/>
      <c r="IXX725" s="424"/>
      <c r="IXY725" s="423" t="s">
        <v>2795</v>
      </c>
      <c r="IXZ725" s="424"/>
      <c r="IYA725" s="424"/>
      <c r="IYB725" s="424"/>
      <c r="IYC725" s="423" t="s">
        <v>2795</v>
      </c>
      <c r="IYD725" s="424"/>
      <c r="IYE725" s="424"/>
      <c r="IYF725" s="424"/>
      <c r="IYG725" s="423" t="s">
        <v>2795</v>
      </c>
      <c r="IYH725" s="424"/>
      <c r="IYI725" s="424"/>
      <c r="IYJ725" s="424"/>
      <c r="IYK725" s="423" t="s">
        <v>2795</v>
      </c>
      <c r="IYL725" s="424"/>
      <c r="IYM725" s="424"/>
      <c r="IYN725" s="424"/>
      <c r="IYO725" s="423" t="s">
        <v>2795</v>
      </c>
      <c r="IYP725" s="424"/>
      <c r="IYQ725" s="424"/>
      <c r="IYR725" s="424"/>
      <c r="IYS725" s="423" t="s">
        <v>2795</v>
      </c>
      <c r="IYT725" s="424"/>
      <c r="IYU725" s="424"/>
      <c r="IYV725" s="424"/>
      <c r="IYW725" s="423" t="s">
        <v>2795</v>
      </c>
      <c r="IYX725" s="424"/>
      <c r="IYY725" s="424"/>
      <c r="IYZ725" s="424"/>
      <c r="IZA725" s="423" t="s">
        <v>2795</v>
      </c>
      <c r="IZB725" s="424"/>
      <c r="IZC725" s="424"/>
      <c r="IZD725" s="424"/>
      <c r="IZE725" s="423" t="s">
        <v>2795</v>
      </c>
      <c r="IZF725" s="424"/>
      <c r="IZG725" s="424"/>
      <c r="IZH725" s="424"/>
      <c r="IZI725" s="423" t="s">
        <v>2795</v>
      </c>
      <c r="IZJ725" s="424"/>
      <c r="IZK725" s="424"/>
      <c r="IZL725" s="424"/>
      <c r="IZM725" s="423" t="s">
        <v>2795</v>
      </c>
      <c r="IZN725" s="424"/>
      <c r="IZO725" s="424"/>
      <c r="IZP725" s="424"/>
      <c r="IZQ725" s="423" t="s">
        <v>2795</v>
      </c>
      <c r="IZR725" s="424"/>
      <c r="IZS725" s="424"/>
      <c r="IZT725" s="424"/>
      <c r="IZU725" s="423" t="s">
        <v>2795</v>
      </c>
      <c r="IZV725" s="424"/>
      <c r="IZW725" s="424"/>
      <c r="IZX725" s="424"/>
      <c r="IZY725" s="423" t="s">
        <v>2795</v>
      </c>
      <c r="IZZ725" s="424"/>
      <c r="JAA725" s="424"/>
      <c r="JAB725" s="424"/>
      <c r="JAC725" s="423" t="s">
        <v>2795</v>
      </c>
      <c r="JAD725" s="424"/>
      <c r="JAE725" s="424"/>
      <c r="JAF725" s="424"/>
      <c r="JAG725" s="423" t="s">
        <v>2795</v>
      </c>
      <c r="JAH725" s="424"/>
      <c r="JAI725" s="424"/>
      <c r="JAJ725" s="424"/>
      <c r="JAK725" s="423" t="s">
        <v>2795</v>
      </c>
      <c r="JAL725" s="424"/>
      <c r="JAM725" s="424"/>
      <c r="JAN725" s="424"/>
      <c r="JAO725" s="423" t="s">
        <v>2795</v>
      </c>
      <c r="JAP725" s="424"/>
      <c r="JAQ725" s="424"/>
      <c r="JAR725" s="424"/>
      <c r="JAS725" s="423" t="s">
        <v>2795</v>
      </c>
      <c r="JAT725" s="424"/>
      <c r="JAU725" s="424"/>
      <c r="JAV725" s="424"/>
      <c r="JAW725" s="423" t="s">
        <v>2795</v>
      </c>
      <c r="JAX725" s="424"/>
      <c r="JAY725" s="424"/>
      <c r="JAZ725" s="424"/>
      <c r="JBA725" s="423" t="s">
        <v>2795</v>
      </c>
      <c r="JBB725" s="424"/>
      <c r="JBC725" s="424"/>
      <c r="JBD725" s="424"/>
      <c r="JBE725" s="423" t="s">
        <v>2795</v>
      </c>
      <c r="JBF725" s="424"/>
      <c r="JBG725" s="424"/>
      <c r="JBH725" s="424"/>
      <c r="JBI725" s="423" t="s">
        <v>2795</v>
      </c>
      <c r="JBJ725" s="424"/>
      <c r="JBK725" s="424"/>
      <c r="JBL725" s="424"/>
      <c r="JBM725" s="423" t="s">
        <v>2795</v>
      </c>
      <c r="JBN725" s="424"/>
      <c r="JBO725" s="424"/>
      <c r="JBP725" s="424"/>
      <c r="JBQ725" s="423" t="s">
        <v>2795</v>
      </c>
      <c r="JBR725" s="424"/>
      <c r="JBS725" s="424"/>
      <c r="JBT725" s="424"/>
      <c r="JBU725" s="423" t="s">
        <v>2795</v>
      </c>
      <c r="JBV725" s="424"/>
      <c r="JBW725" s="424"/>
      <c r="JBX725" s="424"/>
      <c r="JBY725" s="423" t="s">
        <v>2795</v>
      </c>
      <c r="JBZ725" s="424"/>
      <c r="JCA725" s="424"/>
      <c r="JCB725" s="424"/>
      <c r="JCC725" s="423" t="s">
        <v>2795</v>
      </c>
      <c r="JCD725" s="424"/>
      <c r="JCE725" s="424"/>
      <c r="JCF725" s="424"/>
      <c r="JCG725" s="423" t="s">
        <v>2795</v>
      </c>
      <c r="JCH725" s="424"/>
      <c r="JCI725" s="424"/>
      <c r="JCJ725" s="424"/>
      <c r="JCK725" s="423" t="s">
        <v>2795</v>
      </c>
      <c r="JCL725" s="424"/>
      <c r="JCM725" s="424"/>
      <c r="JCN725" s="424"/>
      <c r="JCO725" s="423" t="s">
        <v>2795</v>
      </c>
      <c r="JCP725" s="424"/>
      <c r="JCQ725" s="424"/>
      <c r="JCR725" s="424"/>
      <c r="JCS725" s="423" t="s">
        <v>2795</v>
      </c>
      <c r="JCT725" s="424"/>
      <c r="JCU725" s="424"/>
      <c r="JCV725" s="424"/>
      <c r="JCW725" s="423" t="s">
        <v>2795</v>
      </c>
      <c r="JCX725" s="424"/>
      <c r="JCY725" s="424"/>
      <c r="JCZ725" s="424"/>
      <c r="JDA725" s="423" t="s">
        <v>2795</v>
      </c>
      <c r="JDB725" s="424"/>
      <c r="JDC725" s="424"/>
      <c r="JDD725" s="424"/>
      <c r="JDE725" s="423" t="s">
        <v>2795</v>
      </c>
      <c r="JDF725" s="424"/>
      <c r="JDG725" s="424"/>
      <c r="JDH725" s="424"/>
      <c r="JDI725" s="423" t="s">
        <v>2795</v>
      </c>
      <c r="JDJ725" s="424"/>
      <c r="JDK725" s="424"/>
      <c r="JDL725" s="424"/>
      <c r="JDM725" s="423" t="s">
        <v>2795</v>
      </c>
      <c r="JDN725" s="424"/>
      <c r="JDO725" s="424"/>
      <c r="JDP725" s="424"/>
      <c r="JDQ725" s="423" t="s">
        <v>2795</v>
      </c>
      <c r="JDR725" s="424"/>
      <c r="JDS725" s="424"/>
      <c r="JDT725" s="424"/>
      <c r="JDU725" s="423" t="s">
        <v>2795</v>
      </c>
      <c r="JDV725" s="424"/>
      <c r="JDW725" s="424"/>
      <c r="JDX725" s="424"/>
      <c r="JDY725" s="423" t="s">
        <v>2795</v>
      </c>
      <c r="JDZ725" s="424"/>
      <c r="JEA725" s="424"/>
      <c r="JEB725" s="424"/>
      <c r="JEC725" s="423" t="s">
        <v>2795</v>
      </c>
      <c r="JED725" s="424"/>
      <c r="JEE725" s="424"/>
      <c r="JEF725" s="424"/>
      <c r="JEG725" s="423" t="s">
        <v>2795</v>
      </c>
      <c r="JEH725" s="424"/>
      <c r="JEI725" s="424"/>
      <c r="JEJ725" s="424"/>
      <c r="JEK725" s="423" t="s">
        <v>2795</v>
      </c>
      <c r="JEL725" s="424"/>
      <c r="JEM725" s="424"/>
      <c r="JEN725" s="424"/>
      <c r="JEO725" s="423" t="s">
        <v>2795</v>
      </c>
      <c r="JEP725" s="424"/>
      <c r="JEQ725" s="424"/>
      <c r="JER725" s="424"/>
      <c r="JES725" s="423" t="s">
        <v>2795</v>
      </c>
      <c r="JET725" s="424"/>
      <c r="JEU725" s="424"/>
      <c r="JEV725" s="424"/>
      <c r="JEW725" s="423" t="s">
        <v>2795</v>
      </c>
      <c r="JEX725" s="424"/>
      <c r="JEY725" s="424"/>
      <c r="JEZ725" s="424"/>
      <c r="JFA725" s="423" t="s">
        <v>2795</v>
      </c>
      <c r="JFB725" s="424"/>
      <c r="JFC725" s="424"/>
      <c r="JFD725" s="424"/>
      <c r="JFE725" s="423" t="s">
        <v>2795</v>
      </c>
      <c r="JFF725" s="424"/>
      <c r="JFG725" s="424"/>
      <c r="JFH725" s="424"/>
      <c r="JFI725" s="423" t="s">
        <v>2795</v>
      </c>
      <c r="JFJ725" s="424"/>
      <c r="JFK725" s="424"/>
      <c r="JFL725" s="424"/>
      <c r="JFM725" s="423" t="s">
        <v>2795</v>
      </c>
      <c r="JFN725" s="424"/>
      <c r="JFO725" s="424"/>
      <c r="JFP725" s="424"/>
      <c r="JFQ725" s="423" t="s">
        <v>2795</v>
      </c>
      <c r="JFR725" s="424"/>
      <c r="JFS725" s="424"/>
      <c r="JFT725" s="424"/>
      <c r="JFU725" s="423" t="s">
        <v>2795</v>
      </c>
      <c r="JFV725" s="424"/>
      <c r="JFW725" s="424"/>
      <c r="JFX725" s="424"/>
      <c r="JFY725" s="423" t="s">
        <v>2795</v>
      </c>
      <c r="JFZ725" s="424"/>
      <c r="JGA725" s="424"/>
      <c r="JGB725" s="424"/>
      <c r="JGC725" s="423" t="s">
        <v>2795</v>
      </c>
      <c r="JGD725" s="424"/>
      <c r="JGE725" s="424"/>
      <c r="JGF725" s="424"/>
      <c r="JGG725" s="423" t="s">
        <v>2795</v>
      </c>
      <c r="JGH725" s="424"/>
      <c r="JGI725" s="424"/>
      <c r="JGJ725" s="424"/>
      <c r="JGK725" s="423" t="s">
        <v>2795</v>
      </c>
      <c r="JGL725" s="424"/>
      <c r="JGM725" s="424"/>
      <c r="JGN725" s="424"/>
      <c r="JGO725" s="423" t="s">
        <v>2795</v>
      </c>
      <c r="JGP725" s="424"/>
      <c r="JGQ725" s="424"/>
      <c r="JGR725" s="424"/>
      <c r="JGS725" s="423" t="s">
        <v>2795</v>
      </c>
      <c r="JGT725" s="424"/>
      <c r="JGU725" s="424"/>
      <c r="JGV725" s="424"/>
      <c r="JGW725" s="423" t="s">
        <v>2795</v>
      </c>
      <c r="JGX725" s="424"/>
      <c r="JGY725" s="424"/>
      <c r="JGZ725" s="424"/>
      <c r="JHA725" s="423" t="s">
        <v>2795</v>
      </c>
      <c r="JHB725" s="424"/>
      <c r="JHC725" s="424"/>
      <c r="JHD725" s="424"/>
      <c r="JHE725" s="423" t="s">
        <v>2795</v>
      </c>
      <c r="JHF725" s="424"/>
      <c r="JHG725" s="424"/>
      <c r="JHH725" s="424"/>
      <c r="JHI725" s="423" t="s">
        <v>2795</v>
      </c>
      <c r="JHJ725" s="424"/>
      <c r="JHK725" s="424"/>
      <c r="JHL725" s="424"/>
      <c r="JHM725" s="423" t="s">
        <v>2795</v>
      </c>
      <c r="JHN725" s="424"/>
      <c r="JHO725" s="424"/>
      <c r="JHP725" s="424"/>
      <c r="JHQ725" s="423" t="s">
        <v>2795</v>
      </c>
      <c r="JHR725" s="424"/>
      <c r="JHS725" s="424"/>
      <c r="JHT725" s="424"/>
      <c r="JHU725" s="423" t="s">
        <v>2795</v>
      </c>
      <c r="JHV725" s="424"/>
      <c r="JHW725" s="424"/>
      <c r="JHX725" s="424"/>
      <c r="JHY725" s="423" t="s">
        <v>2795</v>
      </c>
      <c r="JHZ725" s="424"/>
      <c r="JIA725" s="424"/>
      <c r="JIB725" s="424"/>
      <c r="JIC725" s="423" t="s">
        <v>2795</v>
      </c>
      <c r="JID725" s="424"/>
      <c r="JIE725" s="424"/>
      <c r="JIF725" s="424"/>
      <c r="JIG725" s="423" t="s">
        <v>2795</v>
      </c>
      <c r="JIH725" s="424"/>
      <c r="JII725" s="424"/>
      <c r="JIJ725" s="424"/>
      <c r="JIK725" s="423" t="s">
        <v>2795</v>
      </c>
      <c r="JIL725" s="424"/>
      <c r="JIM725" s="424"/>
      <c r="JIN725" s="424"/>
      <c r="JIO725" s="423" t="s">
        <v>2795</v>
      </c>
      <c r="JIP725" s="424"/>
      <c r="JIQ725" s="424"/>
      <c r="JIR725" s="424"/>
      <c r="JIS725" s="423" t="s">
        <v>2795</v>
      </c>
      <c r="JIT725" s="424"/>
      <c r="JIU725" s="424"/>
      <c r="JIV725" s="424"/>
      <c r="JIW725" s="423" t="s">
        <v>2795</v>
      </c>
      <c r="JIX725" s="424"/>
      <c r="JIY725" s="424"/>
      <c r="JIZ725" s="424"/>
      <c r="JJA725" s="423" t="s">
        <v>2795</v>
      </c>
      <c r="JJB725" s="424"/>
      <c r="JJC725" s="424"/>
      <c r="JJD725" s="424"/>
      <c r="JJE725" s="423" t="s">
        <v>2795</v>
      </c>
      <c r="JJF725" s="424"/>
      <c r="JJG725" s="424"/>
      <c r="JJH725" s="424"/>
      <c r="JJI725" s="423" t="s">
        <v>2795</v>
      </c>
      <c r="JJJ725" s="424"/>
      <c r="JJK725" s="424"/>
      <c r="JJL725" s="424"/>
      <c r="JJM725" s="423" t="s">
        <v>2795</v>
      </c>
      <c r="JJN725" s="424"/>
      <c r="JJO725" s="424"/>
      <c r="JJP725" s="424"/>
      <c r="JJQ725" s="423" t="s">
        <v>2795</v>
      </c>
      <c r="JJR725" s="424"/>
      <c r="JJS725" s="424"/>
      <c r="JJT725" s="424"/>
      <c r="JJU725" s="423" t="s">
        <v>2795</v>
      </c>
      <c r="JJV725" s="424"/>
      <c r="JJW725" s="424"/>
      <c r="JJX725" s="424"/>
      <c r="JJY725" s="423" t="s">
        <v>2795</v>
      </c>
      <c r="JJZ725" s="424"/>
      <c r="JKA725" s="424"/>
      <c r="JKB725" s="424"/>
      <c r="JKC725" s="423" t="s">
        <v>2795</v>
      </c>
      <c r="JKD725" s="424"/>
      <c r="JKE725" s="424"/>
      <c r="JKF725" s="424"/>
      <c r="JKG725" s="423" t="s">
        <v>2795</v>
      </c>
      <c r="JKH725" s="424"/>
      <c r="JKI725" s="424"/>
      <c r="JKJ725" s="424"/>
      <c r="JKK725" s="423" t="s">
        <v>2795</v>
      </c>
      <c r="JKL725" s="424"/>
      <c r="JKM725" s="424"/>
      <c r="JKN725" s="424"/>
      <c r="JKO725" s="423" t="s">
        <v>2795</v>
      </c>
      <c r="JKP725" s="424"/>
      <c r="JKQ725" s="424"/>
      <c r="JKR725" s="424"/>
      <c r="JKS725" s="423" t="s">
        <v>2795</v>
      </c>
      <c r="JKT725" s="424"/>
      <c r="JKU725" s="424"/>
      <c r="JKV725" s="424"/>
      <c r="JKW725" s="423" t="s">
        <v>2795</v>
      </c>
      <c r="JKX725" s="424"/>
      <c r="JKY725" s="424"/>
      <c r="JKZ725" s="424"/>
      <c r="JLA725" s="423" t="s">
        <v>2795</v>
      </c>
      <c r="JLB725" s="424"/>
      <c r="JLC725" s="424"/>
      <c r="JLD725" s="424"/>
      <c r="JLE725" s="423" t="s">
        <v>2795</v>
      </c>
      <c r="JLF725" s="424"/>
      <c r="JLG725" s="424"/>
      <c r="JLH725" s="424"/>
      <c r="JLI725" s="423" t="s">
        <v>2795</v>
      </c>
      <c r="JLJ725" s="424"/>
      <c r="JLK725" s="424"/>
      <c r="JLL725" s="424"/>
      <c r="JLM725" s="423" t="s">
        <v>2795</v>
      </c>
      <c r="JLN725" s="424"/>
      <c r="JLO725" s="424"/>
      <c r="JLP725" s="424"/>
      <c r="JLQ725" s="423" t="s">
        <v>2795</v>
      </c>
      <c r="JLR725" s="424"/>
      <c r="JLS725" s="424"/>
      <c r="JLT725" s="424"/>
      <c r="JLU725" s="423" t="s">
        <v>2795</v>
      </c>
      <c r="JLV725" s="424"/>
      <c r="JLW725" s="424"/>
      <c r="JLX725" s="424"/>
      <c r="JLY725" s="423" t="s">
        <v>2795</v>
      </c>
      <c r="JLZ725" s="424"/>
      <c r="JMA725" s="424"/>
      <c r="JMB725" s="424"/>
      <c r="JMC725" s="423" t="s">
        <v>2795</v>
      </c>
      <c r="JMD725" s="424"/>
      <c r="JME725" s="424"/>
      <c r="JMF725" s="424"/>
      <c r="JMG725" s="423" t="s">
        <v>2795</v>
      </c>
      <c r="JMH725" s="424"/>
      <c r="JMI725" s="424"/>
      <c r="JMJ725" s="424"/>
      <c r="JMK725" s="423" t="s">
        <v>2795</v>
      </c>
      <c r="JML725" s="424"/>
      <c r="JMM725" s="424"/>
      <c r="JMN725" s="424"/>
      <c r="JMO725" s="423" t="s">
        <v>2795</v>
      </c>
      <c r="JMP725" s="424"/>
      <c r="JMQ725" s="424"/>
      <c r="JMR725" s="424"/>
      <c r="JMS725" s="423" t="s">
        <v>2795</v>
      </c>
      <c r="JMT725" s="424"/>
      <c r="JMU725" s="424"/>
      <c r="JMV725" s="424"/>
      <c r="JMW725" s="423" t="s">
        <v>2795</v>
      </c>
      <c r="JMX725" s="424"/>
      <c r="JMY725" s="424"/>
      <c r="JMZ725" s="424"/>
      <c r="JNA725" s="423" t="s">
        <v>2795</v>
      </c>
      <c r="JNB725" s="424"/>
      <c r="JNC725" s="424"/>
      <c r="JND725" s="424"/>
      <c r="JNE725" s="423" t="s">
        <v>2795</v>
      </c>
      <c r="JNF725" s="424"/>
      <c r="JNG725" s="424"/>
      <c r="JNH725" s="424"/>
      <c r="JNI725" s="423" t="s">
        <v>2795</v>
      </c>
      <c r="JNJ725" s="424"/>
      <c r="JNK725" s="424"/>
      <c r="JNL725" s="424"/>
      <c r="JNM725" s="423" t="s">
        <v>2795</v>
      </c>
      <c r="JNN725" s="424"/>
      <c r="JNO725" s="424"/>
      <c r="JNP725" s="424"/>
      <c r="JNQ725" s="423" t="s">
        <v>2795</v>
      </c>
      <c r="JNR725" s="424"/>
      <c r="JNS725" s="424"/>
      <c r="JNT725" s="424"/>
      <c r="JNU725" s="423" t="s">
        <v>2795</v>
      </c>
      <c r="JNV725" s="424"/>
      <c r="JNW725" s="424"/>
      <c r="JNX725" s="424"/>
      <c r="JNY725" s="423" t="s">
        <v>2795</v>
      </c>
      <c r="JNZ725" s="424"/>
      <c r="JOA725" s="424"/>
      <c r="JOB725" s="424"/>
      <c r="JOC725" s="423" t="s">
        <v>2795</v>
      </c>
      <c r="JOD725" s="424"/>
      <c r="JOE725" s="424"/>
      <c r="JOF725" s="424"/>
      <c r="JOG725" s="423" t="s">
        <v>2795</v>
      </c>
      <c r="JOH725" s="424"/>
      <c r="JOI725" s="424"/>
      <c r="JOJ725" s="424"/>
      <c r="JOK725" s="423" t="s">
        <v>2795</v>
      </c>
      <c r="JOL725" s="424"/>
      <c r="JOM725" s="424"/>
      <c r="JON725" s="424"/>
      <c r="JOO725" s="423" t="s">
        <v>2795</v>
      </c>
      <c r="JOP725" s="424"/>
      <c r="JOQ725" s="424"/>
      <c r="JOR725" s="424"/>
      <c r="JOS725" s="423" t="s">
        <v>2795</v>
      </c>
      <c r="JOT725" s="424"/>
      <c r="JOU725" s="424"/>
      <c r="JOV725" s="424"/>
      <c r="JOW725" s="423" t="s">
        <v>2795</v>
      </c>
      <c r="JOX725" s="424"/>
      <c r="JOY725" s="424"/>
      <c r="JOZ725" s="424"/>
      <c r="JPA725" s="423" t="s">
        <v>2795</v>
      </c>
      <c r="JPB725" s="424"/>
      <c r="JPC725" s="424"/>
      <c r="JPD725" s="424"/>
      <c r="JPE725" s="423" t="s">
        <v>2795</v>
      </c>
      <c r="JPF725" s="424"/>
      <c r="JPG725" s="424"/>
      <c r="JPH725" s="424"/>
      <c r="JPI725" s="423" t="s">
        <v>2795</v>
      </c>
      <c r="JPJ725" s="424"/>
      <c r="JPK725" s="424"/>
      <c r="JPL725" s="424"/>
      <c r="JPM725" s="423" t="s">
        <v>2795</v>
      </c>
      <c r="JPN725" s="424"/>
      <c r="JPO725" s="424"/>
      <c r="JPP725" s="424"/>
      <c r="JPQ725" s="423" t="s">
        <v>2795</v>
      </c>
      <c r="JPR725" s="424"/>
      <c r="JPS725" s="424"/>
      <c r="JPT725" s="424"/>
      <c r="JPU725" s="423" t="s">
        <v>2795</v>
      </c>
      <c r="JPV725" s="424"/>
      <c r="JPW725" s="424"/>
      <c r="JPX725" s="424"/>
      <c r="JPY725" s="423" t="s">
        <v>2795</v>
      </c>
      <c r="JPZ725" s="424"/>
      <c r="JQA725" s="424"/>
      <c r="JQB725" s="424"/>
      <c r="JQC725" s="423" t="s">
        <v>2795</v>
      </c>
      <c r="JQD725" s="424"/>
      <c r="JQE725" s="424"/>
      <c r="JQF725" s="424"/>
      <c r="JQG725" s="423" t="s">
        <v>2795</v>
      </c>
      <c r="JQH725" s="424"/>
      <c r="JQI725" s="424"/>
      <c r="JQJ725" s="424"/>
      <c r="JQK725" s="423" t="s">
        <v>2795</v>
      </c>
      <c r="JQL725" s="424"/>
      <c r="JQM725" s="424"/>
      <c r="JQN725" s="424"/>
      <c r="JQO725" s="423" t="s">
        <v>2795</v>
      </c>
      <c r="JQP725" s="424"/>
      <c r="JQQ725" s="424"/>
      <c r="JQR725" s="424"/>
      <c r="JQS725" s="423" t="s">
        <v>2795</v>
      </c>
      <c r="JQT725" s="424"/>
      <c r="JQU725" s="424"/>
      <c r="JQV725" s="424"/>
      <c r="JQW725" s="423" t="s">
        <v>2795</v>
      </c>
      <c r="JQX725" s="424"/>
      <c r="JQY725" s="424"/>
      <c r="JQZ725" s="424"/>
      <c r="JRA725" s="423" t="s">
        <v>2795</v>
      </c>
      <c r="JRB725" s="424"/>
      <c r="JRC725" s="424"/>
      <c r="JRD725" s="424"/>
      <c r="JRE725" s="423" t="s">
        <v>2795</v>
      </c>
      <c r="JRF725" s="424"/>
      <c r="JRG725" s="424"/>
      <c r="JRH725" s="424"/>
      <c r="JRI725" s="423" t="s">
        <v>2795</v>
      </c>
      <c r="JRJ725" s="424"/>
      <c r="JRK725" s="424"/>
      <c r="JRL725" s="424"/>
      <c r="JRM725" s="423" t="s">
        <v>2795</v>
      </c>
      <c r="JRN725" s="424"/>
      <c r="JRO725" s="424"/>
      <c r="JRP725" s="424"/>
      <c r="JRQ725" s="423" t="s">
        <v>2795</v>
      </c>
      <c r="JRR725" s="424"/>
      <c r="JRS725" s="424"/>
      <c r="JRT725" s="424"/>
      <c r="JRU725" s="423" t="s">
        <v>2795</v>
      </c>
      <c r="JRV725" s="424"/>
      <c r="JRW725" s="424"/>
      <c r="JRX725" s="424"/>
      <c r="JRY725" s="423" t="s">
        <v>2795</v>
      </c>
      <c r="JRZ725" s="424"/>
      <c r="JSA725" s="424"/>
      <c r="JSB725" s="424"/>
      <c r="JSC725" s="423" t="s">
        <v>2795</v>
      </c>
      <c r="JSD725" s="424"/>
      <c r="JSE725" s="424"/>
      <c r="JSF725" s="424"/>
      <c r="JSG725" s="423" t="s">
        <v>2795</v>
      </c>
      <c r="JSH725" s="424"/>
      <c r="JSI725" s="424"/>
      <c r="JSJ725" s="424"/>
      <c r="JSK725" s="423" t="s">
        <v>2795</v>
      </c>
      <c r="JSL725" s="424"/>
      <c r="JSM725" s="424"/>
      <c r="JSN725" s="424"/>
      <c r="JSO725" s="423" t="s">
        <v>2795</v>
      </c>
      <c r="JSP725" s="424"/>
      <c r="JSQ725" s="424"/>
      <c r="JSR725" s="424"/>
      <c r="JSS725" s="423" t="s">
        <v>2795</v>
      </c>
      <c r="JST725" s="424"/>
      <c r="JSU725" s="424"/>
      <c r="JSV725" s="424"/>
      <c r="JSW725" s="423" t="s">
        <v>2795</v>
      </c>
      <c r="JSX725" s="424"/>
      <c r="JSY725" s="424"/>
      <c r="JSZ725" s="424"/>
      <c r="JTA725" s="423" t="s">
        <v>2795</v>
      </c>
      <c r="JTB725" s="424"/>
      <c r="JTC725" s="424"/>
      <c r="JTD725" s="424"/>
      <c r="JTE725" s="423" t="s">
        <v>2795</v>
      </c>
      <c r="JTF725" s="424"/>
      <c r="JTG725" s="424"/>
      <c r="JTH725" s="424"/>
      <c r="JTI725" s="423" t="s">
        <v>2795</v>
      </c>
      <c r="JTJ725" s="424"/>
      <c r="JTK725" s="424"/>
      <c r="JTL725" s="424"/>
      <c r="JTM725" s="423" t="s">
        <v>2795</v>
      </c>
      <c r="JTN725" s="424"/>
      <c r="JTO725" s="424"/>
      <c r="JTP725" s="424"/>
      <c r="JTQ725" s="423" t="s">
        <v>2795</v>
      </c>
      <c r="JTR725" s="424"/>
      <c r="JTS725" s="424"/>
      <c r="JTT725" s="424"/>
      <c r="JTU725" s="423" t="s">
        <v>2795</v>
      </c>
      <c r="JTV725" s="424"/>
      <c r="JTW725" s="424"/>
      <c r="JTX725" s="424"/>
      <c r="JTY725" s="423" t="s">
        <v>2795</v>
      </c>
      <c r="JTZ725" s="424"/>
      <c r="JUA725" s="424"/>
      <c r="JUB725" s="424"/>
      <c r="JUC725" s="423" t="s">
        <v>2795</v>
      </c>
      <c r="JUD725" s="424"/>
      <c r="JUE725" s="424"/>
      <c r="JUF725" s="424"/>
      <c r="JUG725" s="423" t="s">
        <v>2795</v>
      </c>
      <c r="JUH725" s="424"/>
      <c r="JUI725" s="424"/>
      <c r="JUJ725" s="424"/>
      <c r="JUK725" s="423" t="s">
        <v>2795</v>
      </c>
      <c r="JUL725" s="424"/>
      <c r="JUM725" s="424"/>
      <c r="JUN725" s="424"/>
      <c r="JUO725" s="423" t="s">
        <v>2795</v>
      </c>
      <c r="JUP725" s="424"/>
      <c r="JUQ725" s="424"/>
      <c r="JUR725" s="424"/>
      <c r="JUS725" s="423" t="s">
        <v>2795</v>
      </c>
      <c r="JUT725" s="424"/>
      <c r="JUU725" s="424"/>
      <c r="JUV725" s="424"/>
      <c r="JUW725" s="423" t="s">
        <v>2795</v>
      </c>
      <c r="JUX725" s="424"/>
      <c r="JUY725" s="424"/>
      <c r="JUZ725" s="424"/>
      <c r="JVA725" s="423" t="s">
        <v>2795</v>
      </c>
      <c r="JVB725" s="424"/>
      <c r="JVC725" s="424"/>
      <c r="JVD725" s="424"/>
      <c r="JVE725" s="423" t="s">
        <v>2795</v>
      </c>
      <c r="JVF725" s="424"/>
      <c r="JVG725" s="424"/>
      <c r="JVH725" s="424"/>
      <c r="JVI725" s="423" t="s">
        <v>2795</v>
      </c>
      <c r="JVJ725" s="424"/>
      <c r="JVK725" s="424"/>
      <c r="JVL725" s="424"/>
      <c r="JVM725" s="423" t="s">
        <v>2795</v>
      </c>
      <c r="JVN725" s="424"/>
      <c r="JVO725" s="424"/>
      <c r="JVP725" s="424"/>
      <c r="JVQ725" s="423" t="s">
        <v>2795</v>
      </c>
      <c r="JVR725" s="424"/>
      <c r="JVS725" s="424"/>
      <c r="JVT725" s="424"/>
      <c r="JVU725" s="423" t="s">
        <v>2795</v>
      </c>
      <c r="JVV725" s="424"/>
      <c r="JVW725" s="424"/>
      <c r="JVX725" s="424"/>
      <c r="JVY725" s="423" t="s">
        <v>2795</v>
      </c>
      <c r="JVZ725" s="424"/>
      <c r="JWA725" s="424"/>
      <c r="JWB725" s="424"/>
      <c r="JWC725" s="423" t="s">
        <v>2795</v>
      </c>
      <c r="JWD725" s="424"/>
      <c r="JWE725" s="424"/>
      <c r="JWF725" s="424"/>
      <c r="JWG725" s="423" t="s">
        <v>2795</v>
      </c>
      <c r="JWH725" s="424"/>
      <c r="JWI725" s="424"/>
      <c r="JWJ725" s="424"/>
      <c r="JWK725" s="423" t="s">
        <v>2795</v>
      </c>
      <c r="JWL725" s="424"/>
      <c r="JWM725" s="424"/>
      <c r="JWN725" s="424"/>
      <c r="JWO725" s="423" t="s">
        <v>2795</v>
      </c>
      <c r="JWP725" s="424"/>
      <c r="JWQ725" s="424"/>
      <c r="JWR725" s="424"/>
      <c r="JWS725" s="423" t="s">
        <v>2795</v>
      </c>
      <c r="JWT725" s="424"/>
      <c r="JWU725" s="424"/>
      <c r="JWV725" s="424"/>
      <c r="JWW725" s="423" t="s">
        <v>2795</v>
      </c>
      <c r="JWX725" s="424"/>
      <c r="JWY725" s="424"/>
      <c r="JWZ725" s="424"/>
      <c r="JXA725" s="423" t="s">
        <v>2795</v>
      </c>
      <c r="JXB725" s="424"/>
      <c r="JXC725" s="424"/>
      <c r="JXD725" s="424"/>
      <c r="JXE725" s="423" t="s">
        <v>2795</v>
      </c>
      <c r="JXF725" s="424"/>
      <c r="JXG725" s="424"/>
      <c r="JXH725" s="424"/>
      <c r="JXI725" s="423" t="s">
        <v>2795</v>
      </c>
      <c r="JXJ725" s="424"/>
      <c r="JXK725" s="424"/>
      <c r="JXL725" s="424"/>
      <c r="JXM725" s="423" t="s">
        <v>2795</v>
      </c>
      <c r="JXN725" s="424"/>
      <c r="JXO725" s="424"/>
      <c r="JXP725" s="424"/>
      <c r="JXQ725" s="423" t="s">
        <v>2795</v>
      </c>
      <c r="JXR725" s="424"/>
      <c r="JXS725" s="424"/>
      <c r="JXT725" s="424"/>
      <c r="JXU725" s="423" t="s">
        <v>2795</v>
      </c>
      <c r="JXV725" s="424"/>
      <c r="JXW725" s="424"/>
      <c r="JXX725" s="424"/>
      <c r="JXY725" s="423" t="s">
        <v>2795</v>
      </c>
      <c r="JXZ725" s="424"/>
      <c r="JYA725" s="424"/>
      <c r="JYB725" s="424"/>
      <c r="JYC725" s="423" t="s">
        <v>2795</v>
      </c>
      <c r="JYD725" s="424"/>
      <c r="JYE725" s="424"/>
      <c r="JYF725" s="424"/>
      <c r="JYG725" s="423" t="s">
        <v>2795</v>
      </c>
      <c r="JYH725" s="424"/>
      <c r="JYI725" s="424"/>
      <c r="JYJ725" s="424"/>
      <c r="JYK725" s="423" t="s">
        <v>2795</v>
      </c>
      <c r="JYL725" s="424"/>
      <c r="JYM725" s="424"/>
      <c r="JYN725" s="424"/>
      <c r="JYO725" s="423" t="s">
        <v>2795</v>
      </c>
      <c r="JYP725" s="424"/>
      <c r="JYQ725" s="424"/>
      <c r="JYR725" s="424"/>
      <c r="JYS725" s="423" t="s">
        <v>2795</v>
      </c>
      <c r="JYT725" s="424"/>
      <c r="JYU725" s="424"/>
      <c r="JYV725" s="424"/>
      <c r="JYW725" s="423" t="s">
        <v>2795</v>
      </c>
      <c r="JYX725" s="424"/>
      <c r="JYY725" s="424"/>
      <c r="JYZ725" s="424"/>
      <c r="JZA725" s="423" t="s">
        <v>2795</v>
      </c>
      <c r="JZB725" s="424"/>
      <c r="JZC725" s="424"/>
      <c r="JZD725" s="424"/>
      <c r="JZE725" s="423" t="s">
        <v>2795</v>
      </c>
      <c r="JZF725" s="424"/>
      <c r="JZG725" s="424"/>
      <c r="JZH725" s="424"/>
      <c r="JZI725" s="423" t="s">
        <v>2795</v>
      </c>
      <c r="JZJ725" s="424"/>
      <c r="JZK725" s="424"/>
      <c r="JZL725" s="424"/>
      <c r="JZM725" s="423" t="s">
        <v>2795</v>
      </c>
      <c r="JZN725" s="424"/>
      <c r="JZO725" s="424"/>
      <c r="JZP725" s="424"/>
      <c r="JZQ725" s="423" t="s">
        <v>2795</v>
      </c>
      <c r="JZR725" s="424"/>
      <c r="JZS725" s="424"/>
      <c r="JZT725" s="424"/>
      <c r="JZU725" s="423" t="s">
        <v>2795</v>
      </c>
      <c r="JZV725" s="424"/>
      <c r="JZW725" s="424"/>
      <c r="JZX725" s="424"/>
      <c r="JZY725" s="423" t="s">
        <v>2795</v>
      </c>
      <c r="JZZ725" s="424"/>
      <c r="KAA725" s="424"/>
      <c r="KAB725" s="424"/>
      <c r="KAC725" s="423" t="s">
        <v>2795</v>
      </c>
      <c r="KAD725" s="424"/>
      <c r="KAE725" s="424"/>
      <c r="KAF725" s="424"/>
      <c r="KAG725" s="423" t="s">
        <v>2795</v>
      </c>
      <c r="KAH725" s="424"/>
      <c r="KAI725" s="424"/>
      <c r="KAJ725" s="424"/>
      <c r="KAK725" s="423" t="s">
        <v>2795</v>
      </c>
      <c r="KAL725" s="424"/>
      <c r="KAM725" s="424"/>
      <c r="KAN725" s="424"/>
      <c r="KAO725" s="423" t="s">
        <v>2795</v>
      </c>
      <c r="KAP725" s="424"/>
      <c r="KAQ725" s="424"/>
      <c r="KAR725" s="424"/>
      <c r="KAS725" s="423" t="s">
        <v>2795</v>
      </c>
      <c r="KAT725" s="424"/>
      <c r="KAU725" s="424"/>
      <c r="KAV725" s="424"/>
      <c r="KAW725" s="423" t="s">
        <v>2795</v>
      </c>
      <c r="KAX725" s="424"/>
      <c r="KAY725" s="424"/>
      <c r="KAZ725" s="424"/>
      <c r="KBA725" s="423" t="s">
        <v>2795</v>
      </c>
      <c r="KBB725" s="424"/>
      <c r="KBC725" s="424"/>
      <c r="KBD725" s="424"/>
      <c r="KBE725" s="423" t="s">
        <v>2795</v>
      </c>
      <c r="KBF725" s="424"/>
      <c r="KBG725" s="424"/>
      <c r="KBH725" s="424"/>
      <c r="KBI725" s="423" t="s">
        <v>2795</v>
      </c>
      <c r="KBJ725" s="424"/>
      <c r="KBK725" s="424"/>
      <c r="KBL725" s="424"/>
      <c r="KBM725" s="423" t="s">
        <v>2795</v>
      </c>
      <c r="KBN725" s="424"/>
      <c r="KBO725" s="424"/>
      <c r="KBP725" s="424"/>
      <c r="KBQ725" s="423" t="s">
        <v>2795</v>
      </c>
      <c r="KBR725" s="424"/>
      <c r="KBS725" s="424"/>
      <c r="KBT725" s="424"/>
      <c r="KBU725" s="423" t="s">
        <v>2795</v>
      </c>
      <c r="KBV725" s="424"/>
      <c r="KBW725" s="424"/>
      <c r="KBX725" s="424"/>
      <c r="KBY725" s="423" t="s">
        <v>2795</v>
      </c>
      <c r="KBZ725" s="424"/>
      <c r="KCA725" s="424"/>
      <c r="KCB725" s="424"/>
      <c r="KCC725" s="423" t="s">
        <v>2795</v>
      </c>
      <c r="KCD725" s="424"/>
      <c r="KCE725" s="424"/>
      <c r="KCF725" s="424"/>
      <c r="KCG725" s="423" t="s">
        <v>2795</v>
      </c>
      <c r="KCH725" s="424"/>
      <c r="KCI725" s="424"/>
      <c r="KCJ725" s="424"/>
      <c r="KCK725" s="423" t="s">
        <v>2795</v>
      </c>
      <c r="KCL725" s="424"/>
      <c r="KCM725" s="424"/>
      <c r="KCN725" s="424"/>
      <c r="KCO725" s="423" t="s">
        <v>2795</v>
      </c>
      <c r="KCP725" s="424"/>
      <c r="KCQ725" s="424"/>
      <c r="KCR725" s="424"/>
      <c r="KCS725" s="423" t="s">
        <v>2795</v>
      </c>
      <c r="KCT725" s="424"/>
      <c r="KCU725" s="424"/>
      <c r="KCV725" s="424"/>
      <c r="KCW725" s="423" t="s">
        <v>2795</v>
      </c>
      <c r="KCX725" s="424"/>
      <c r="KCY725" s="424"/>
      <c r="KCZ725" s="424"/>
      <c r="KDA725" s="423" t="s">
        <v>2795</v>
      </c>
      <c r="KDB725" s="424"/>
      <c r="KDC725" s="424"/>
      <c r="KDD725" s="424"/>
      <c r="KDE725" s="423" t="s">
        <v>2795</v>
      </c>
      <c r="KDF725" s="424"/>
      <c r="KDG725" s="424"/>
      <c r="KDH725" s="424"/>
      <c r="KDI725" s="423" t="s">
        <v>2795</v>
      </c>
      <c r="KDJ725" s="424"/>
      <c r="KDK725" s="424"/>
      <c r="KDL725" s="424"/>
      <c r="KDM725" s="423" t="s">
        <v>2795</v>
      </c>
      <c r="KDN725" s="424"/>
      <c r="KDO725" s="424"/>
      <c r="KDP725" s="424"/>
      <c r="KDQ725" s="423" t="s">
        <v>2795</v>
      </c>
      <c r="KDR725" s="424"/>
      <c r="KDS725" s="424"/>
      <c r="KDT725" s="424"/>
      <c r="KDU725" s="423" t="s">
        <v>2795</v>
      </c>
      <c r="KDV725" s="424"/>
      <c r="KDW725" s="424"/>
      <c r="KDX725" s="424"/>
      <c r="KDY725" s="423" t="s">
        <v>2795</v>
      </c>
      <c r="KDZ725" s="424"/>
      <c r="KEA725" s="424"/>
      <c r="KEB725" s="424"/>
      <c r="KEC725" s="423" t="s">
        <v>2795</v>
      </c>
      <c r="KED725" s="424"/>
      <c r="KEE725" s="424"/>
      <c r="KEF725" s="424"/>
      <c r="KEG725" s="423" t="s">
        <v>2795</v>
      </c>
      <c r="KEH725" s="424"/>
      <c r="KEI725" s="424"/>
      <c r="KEJ725" s="424"/>
      <c r="KEK725" s="423" t="s">
        <v>2795</v>
      </c>
      <c r="KEL725" s="424"/>
      <c r="KEM725" s="424"/>
      <c r="KEN725" s="424"/>
      <c r="KEO725" s="423" t="s">
        <v>2795</v>
      </c>
      <c r="KEP725" s="424"/>
      <c r="KEQ725" s="424"/>
      <c r="KER725" s="424"/>
      <c r="KES725" s="423" t="s">
        <v>2795</v>
      </c>
      <c r="KET725" s="424"/>
      <c r="KEU725" s="424"/>
      <c r="KEV725" s="424"/>
      <c r="KEW725" s="423" t="s">
        <v>2795</v>
      </c>
      <c r="KEX725" s="424"/>
      <c r="KEY725" s="424"/>
      <c r="KEZ725" s="424"/>
      <c r="KFA725" s="423" t="s">
        <v>2795</v>
      </c>
      <c r="KFB725" s="424"/>
      <c r="KFC725" s="424"/>
      <c r="KFD725" s="424"/>
      <c r="KFE725" s="423" t="s">
        <v>2795</v>
      </c>
      <c r="KFF725" s="424"/>
      <c r="KFG725" s="424"/>
      <c r="KFH725" s="424"/>
      <c r="KFI725" s="423" t="s">
        <v>2795</v>
      </c>
      <c r="KFJ725" s="424"/>
      <c r="KFK725" s="424"/>
      <c r="KFL725" s="424"/>
      <c r="KFM725" s="423" t="s">
        <v>2795</v>
      </c>
      <c r="KFN725" s="424"/>
      <c r="KFO725" s="424"/>
      <c r="KFP725" s="424"/>
      <c r="KFQ725" s="423" t="s">
        <v>2795</v>
      </c>
      <c r="KFR725" s="424"/>
      <c r="KFS725" s="424"/>
      <c r="KFT725" s="424"/>
      <c r="KFU725" s="423" t="s">
        <v>2795</v>
      </c>
      <c r="KFV725" s="424"/>
      <c r="KFW725" s="424"/>
      <c r="KFX725" s="424"/>
      <c r="KFY725" s="423" t="s">
        <v>2795</v>
      </c>
      <c r="KFZ725" s="424"/>
      <c r="KGA725" s="424"/>
      <c r="KGB725" s="424"/>
      <c r="KGC725" s="423" t="s">
        <v>2795</v>
      </c>
      <c r="KGD725" s="424"/>
      <c r="KGE725" s="424"/>
      <c r="KGF725" s="424"/>
      <c r="KGG725" s="423" t="s">
        <v>2795</v>
      </c>
      <c r="KGH725" s="424"/>
      <c r="KGI725" s="424"/>
      <c r="KGJ725" s="424"/>
      <c r="KGK725" s="423" t="s">
        <v>2795</v>
      </c>
      <c r="KGL725" s="424"/>
      <c r="KGM725" s="424"/>
      <c r="KGN725" s="424"/>
      <c r="KGO725" s="423" t="s">
        <v>2795</v>
      </c>
      <c r="KGP725" s="424"/>
      <c r="KGQ725" s="424"/>
      <c r="KGR725" s="424"/>
      <c r="KGS725" s="423" t="s">
        <v>2795</v>
      </c>
      <c r="KGT725" s="424"/>
      <c r="KGU725" s="424"/>
      <c r="KGV725" s="424"/>
      <c r="KGW725" s="423" t="s">
        <v>2795</v>
      </c>
      <c r="KGX725" s="424"/>
      <c r="KGY725" s="424"/>
      <c r="KGZ725" s="424"/>
      <c r="KHA725" s="423" t="s">
        <v>2795</v>
      </c>
      <c r="KHB725" s="424"/>
      <c r="KHC725" s="424"/>
      <c r="KHD725" s="424"/>
      <c r="KHE725" s="423" t="s">
        <v>2795</v>
      </c>
      <c r="KHF725" s="424"/>
      <c r="KHG725" s="424"/>
      <c r="KHH725" s="424"/>
      <c r="KHI725" s="423" t="s">
        <v>2795</v>
      </c>
      <c r="KHJ725" s="424"/>
      <c r="KHK725" s="424"/>
      <c r="KHL725" s="424"/>
      <c r="KHM725" s="423" t="s">
        <v>2795</v>
      </c>
      <c r="KHN725" s="424"/>
      <c r="KHO725" s="424"/>
      <c r="KHP725" s="424"/>
      <c r="KHQ725" s="423" t="s">
        <v>2795</v>
      </c>
      <c r="KHR725" s="424"/>
      <c r="KHS725" s="424"/>
      <c r="KHT725" s="424"/>
      <c r="KHU725" s="423" t="s">
        <v>2795</v>
      </c>
      <c r="KHV725" s="424"/>
      <c r="KHW725" s="424"/>
      <c r="KHX725" s="424"/>
      <c r="KHY725" s="423" t="s">
        <v>2795</v>
      </c>
      <c r="KHZ725" s="424"/>
      <c r="KIA725" s="424"/>
      <c r="KIB725" s="424"/>
      <c r="KIC725" s="423" t="s">
        <v>2795</v>
      </c>
      <c r="KID725" s="424"/>
      <c r="KIE725" s="424"/>
      <c r="KIF725" s="424"/>
      <c r="KIG725" s="423" t="s">
        <v>2795</v>
      </c>
      <c r="KIH725" s="424"/>
      <c r="KII725" s="424"/>
      <c r="KIJ725" s="424"/>
      <c r="KIK725" s="423" t="s">
        <v>2795</v>
      </c>
      <c r="KIL725" s="424"/>
      <c r="KIM725" s="424"/>
      <c r="KIN725" s="424"/>
      <c r="KIO725" s="423" t="s">
        <v>2795</v>
      </c>
      <c r="KIP725" s="424"/>
      <c r="KIQ725" s="424"/>
      <c r="KIR725" s="424"/>
      <c r="KIS725" s="423" t="s">
        <v>2795</v>
      </c>
      <c r="KIT725" s="424"/>
      <c r="KIU725" s="424"/>
      <c r="KIV725" s="424"/>
      <c r="KIW725" s="423" t="s">
        <v>2795</v>
      </c>
      <c r="KIX725" s="424"/>
      <c r="KIY725" s="424"/>
      <c r="KIZ725" s="424"/>
      <c r="KJA725" s="423" t="s">
        <v>2795</v>
      </c>
      <c r="KJB725" s="424"/>
      <c r="KJC725" s="424"/>
      <c r="KJD725" s="424"/>
      <c r="KJE725" s="423" t="s">
        <v>2795</v>
      </c>
      <c r="KJF725" s="424"/>
      <c r="KJG725" s="424"/>
      <c r="KJH725" s="424"/>
      <c r="KJI725" s="423" t="s">
        <v>2795</v>
      </c>
      <c r="KJJ725" s="424"/>
      <c r="KJK725" s="424"/>
      <c r="KJL725" s="424"/>
      <c r="KJM725" s="423" t="s">
        <v>2795</v>
      </c>
      <c r="KJN725" s="424"/>
      <c r="KJO725" s="424"/>
      <c r="KJP725" s="424"/>
      <c r="KJQ725" s="423" t="s">
        <v>2795</v>
      </c>
      <c r="KJR725" s="424"/>
      <c r="KJS725" s="424"/>
      <c r="KJT725" s="424"/>
      <c r="KJU725" s="423" t="s">
        <v>2795</v>
      </c>
      <c r="KJV725" s="424"/>
      <c r="KJW725" s="424"/>
      <c r="KJX725" s="424"/>
      <c r="KJY725" s="423" t="s">
        <v>2795</v>
      </c>
      <c r="KJZ725" s="424"/>
      <c r="KKA725" s="424"/>
      <c r="KKB725" s="424"/>
      <c r="KKC725" s="423" t="s">
        <v>2795</v>
      </c>
      <c r="KKD725" s="424"/>
      <c r="KKE725" s="424"/>
      <c r="KKF725" s="424"/>
      <c r="KKG725" s="423" t="s">
        <v>2795</v>
      </c>
      <c r="KKH725" s="424"/>
      <c r="KKI725" s="424"/>
      <c r="KKJ725" s="424"/>
      <c r="KKK725" s="423" t="s">
        <v>2795</v>
      </c>
      <c r="KKL725" s="424"/>
      <c r="KKM725" s="424"/>
      <c r="KKN725" s="424"/>
      <c r="KKO725" s="423" t="s">
        <v>2795</v>
      </c>
      <c r="KKP725" s="424"/>
      <c r="KKQ725" s="424"/>
      <c r="KKR725" s="424"/>
      <c r="KKS725" s="423" t="s">
        <v>2795</v>
      </c>
      <c r="KKT725" s="424"/>
      <c r="KKU725" s="424"/>
      <c r="KKV725" s="424"/>
      <c r="KKW725" s="423" t="s">
        <v>2795</v>
      </c>
      <c r="KKX725" s="424"/>
      <c r="KKY725" s="424"/>
      <c r="KKZ725" s="424"/>
      <c r="KLA725" s="423" t="s">
        <v>2795</v>
      </c>
      <c r="KLB725" s="424"/>
      <c r="KLC725" s="424"/>
      <c r="KLD725" s="424"/>
      <c r="KLE725" s="423" t="s">
        <v>2795</v>
      </c>
      <c r="KLF725" s="424"/>
      <c r="KLG725" s="424"/>
      <c r="KLH725" s="424"/>
      <c r="KLI725" s="423" t="s">
        <v>2795</v>
      </c>
      <c r="KLJ725" s="424"/>
      <c r="KLK725" s="424"/>
      <c r="KLL725" s="424"/>
      <c r="KLM725" s="423" t="s">
        <v>2795</v>
      </c>
      <c r="KLN725" s="424"/>
      <c r="KLO725" s="424"/>
      <c r="KLP725" s="424"/>
      <c r="KLQ725" s="423" t="s">
        <v>2795</v>
      </c>
      <c r="KLR725" s="424"/>
      <c r="KLS725" s="424"/>
      <c r="KLT725" s="424"/>
      <c r="KLU725" s="423" t="s">
        <v>2795</v>
      </c>
      <c r="KLV725" s="424"/>
      <c r="KLW725" s="424"/>
      <c r="KLX725" s="424"/>
      <c r="KLY725" s="423" t="s">
        <v>2795</v>
      </c>
      <c r="KLZ725" s="424"/>
      <c r="KMA725" s="424"/>
      <c r="KMB725" s="424"/>
      <c r="KMC725" s="423" t="s">
        <v>2795</v>
      </c>
      <c r="KMD725" s="424"/>
      <c r="KME725" s="424"/>
      <c r="KMF725" s="424"/>
      <c r="KMG725" s="423" t="s">
        <v>2795</v>
      </c>
      <c r="KMH725" s="424"/>
      <c r="KMI725" s="424"/>
      <c r="KMJ725" s="424"/>
      <c r="KMK725" s="423" t="s">
        <v>2795</v>
      </c>
      <c r="KML725" s="424"/>
      <c r="KMM725" s="424"/>
      <c r="KMN725" s="424"/>
      <c r="KMO725" s="423" t="s">
        <v>2795</v>
      </c>
      <c r="KMP725" s="424"/>
      <c r="KMQ725" s="424"/>
      <c r="KMR725" s="424"/>
      <c r="KMS725" s="423" t="s">
        <v>2795</v>
      </c>
      <c r="KMT725" s="424"/>
      <c r="KMU725" s="424"/>
      <c r="KMV725" s="424"/>
      <c r="KMW725" s="423" t="s">
        <v>2795</v>
      </c>
      <c r="KMX725" s="424"/>
      <c r="KMY725" s="424"/>
      <c r="KMZ725" s="424"/>
      <c r="KNA725" s="423" t="s">
        <v>2795</v>
      </c>
      <c r="KNB725" s="424"/>
      <c r="KNC725" s="424"/>
      <c r="KND725" s="424"/>
      <c r="KNE725" s="423" t="s">
        <v>2795</v>
      </c>
      <c r="KNF725" s="424"/>
      <c r="KNG725" s="424"/>
      <c r="KNH725" s="424"/>
      <c r="KNI725" s="423" t="s">
        <v>2795</v>
      </c>
      <c r="KNJ725" s="424"/>
      <c r="KNK725" s="424"/>
      <c r="KNL725" s="424"/>
      <c r="KNM725" s="423" t="s">
        <v>2795</v>
      </c>
      <c r="KNN725" s="424"/>
      <c r="KNO725" s="424"/>
      <c r="KNP725" s="424"/>
      <c r="KNQ725" s="423" t="s">
        <v>2795</v>
      </c>
      <c r="KNR725" s="424"/>
      <c r="KNS725" s="424"/>
      <c r="KNT725" s="424"/>
      <c r="KNU725" s="423" t="s">
        <v>2795</v>
      </c>
      <c r="KNV725" s="424"/>
      <c r="KNW725" s="424"/>
      <c r="KNX725" s="424"/>
      <c r="KNY725" s="423" t="s">
        <v>2795</v>
      </c>
      <c r="KNZ725" s="424"/>
      <c r="KOA725" s="424"/>
      <c r="KOB725" s="424"/>
      <c r="KOC725" s="423" t="s">
        <v>2795</v>
      </c>
      <c r="KOD725" s="424"/>
      <c r="KOE725" s="424"/>
      <c r="KOF725" s="424"/>
      <c r="KOG725" s="423" t="s">
        <v>2795</v>
      </c>
      <c r="KOH725" s="424"/>
      <c r="KOI725" s="424"/>
      <c r="KOJ725" s="424"/>
      <c r="KOK725" s="423" t="s">
        <v>2795</v>
      </c>
      <c r="KOL725" s="424"/>
      <c r="KOM725" s="424"/>
      <c r="KON725" s="424"/>
      <c r="KOO725" s="423" t="s">
        <v>2795</v>
      </c>
      <c r="KOP725" s="424"/>
      <c r="KOQ725" s="424"/>
      <c r="KOR725" s="424"/>
      <c r="KOS725" s="423" t="s">
        <v>2795</v>
      </c>
      <c r="KOT725" s="424"/>
      <c r="KOU725" s="424"/>
      <c r="KOV725" s="424"/>
      <c r="KOW725" s="423" t="s">
        <v>2795</v>
      </c>
      <c r="KOX725" s="424"/>
      <c r="KOY725" s="424"/>
      <c r="KOZ725" s="424"/>
      <c r="KPA725" s="423" t="s">
        <v>2795</v>
      </c>
      <c r="KPB725" s="424"/>
      <c r="KPC725" s="424"/>
      <c r="KPD725" s="424"/>
      <c r="KPE725" s="423" t="s">
        <v>2795</v>
      </c>
      <c r="KPF725" s="424"/>
      <c r="KPG725" s="424"/>
      <c r="KPH725" s="424"/>
      <c r="KPI725" s="423" t="s">
        <v>2795</v>
      </c>
      <c r="KPJ725" s="424"/>
      <c r="KPK725" s="424"/>
      <c r="KPL725" s="424"/>
      <c r="KPM725" s="423" t="s">
        <v>2795</v>
      </c>
      <c r="KPN725" s="424"/>
      <c r="KPO725" s="424"/>
      <c r="KPP725" s="424"/>
      <c r="KPQ725" s="423" t="s">
        <v>2795</v>
      </c>
      <c r="KPR725" s="424"/>
      <c r="KPS725" s="424"/>
      <c r="KPT725" s="424"/>
      <c r="KPU725" s="423" t="s">
        <v>2795</v>
      </c>
      <c r="KPV725" s="424"/>
      <c r="KPW725" s="424"/>
      <c r="KPX725" s="424"/>
      <c r="KPY725" s="423" t="s">
        <v>2795</v>
      </c>
      <c r="KPZ725" s="424"/>
      <c r="KQA725" s="424"/>
      <c r="KQB725" s="424"/>
      <c r="KQC725" s="423" t="s">
        <v>2795</v>
      </c>
      <c r="KQD725" s="424"/>
      <c r="KQE725" s="424"/>
      <c r="KQF725" s="424"/>
      <c r="KQG725" s="423" t="s">
        <v>2795</v>
      </c>
      <c r="KQH725" s="424"/>
      <c r="KQI725" s="424"/>
      <c r="KQJ725" s="424"/>
      <c r="KQK725" s="423" t="s">
        <v>2795</v>
      </c>
      <c r="KQL725" s="424"/>
      <c r="KQM725" s="424"/>
      <c r="KQN725" s="424"/>
      <c r="KQO725" s="423" t="s">
        <v>2795</v>
      </c>
      <c r="KQP725" s="424"/>
      <c r="KQQ725" s="424"/>
      <c r="KQR725" s="424"/>
      <c r="KQS725" s="423" t="s">
        <v>2795</v>
      </c>
      <c r="KQT725" s="424"/>
      <c r="KQU725" s="424"/>
      <c r="KQV725" s="424"/>
      <c r="KQW725" s="423" t="s">
        <v>2795</v>
      </c>
      <c r="KQX725" s="424"/>
      <c r="KQY725" s="424"/>
      <c r="KQZ725" s="424"/>
      <c r="KRA725" s="423" t="s">
        <v>2795</v>
      </c>
      <c r="KRB725" s="424"/>
      <c r="KRC725" s="424"/>
      <c r="KRD725" s="424"/>
      <c r="KRE725" s="423" t="s">
        <v>2795</v>
      </c>
      <c r="KRF725" s="424"/>
      <c r="KRG725" s="424"/>
      <c r="KRH725" s="424"/>
      <c r="KRI725" s="423" t="s">
        <v>2795</v>
      </c>
      <c r="KRJ725" s="424"/>
      <c r="KRK725" s="424"/>
      <c r="KRL725" s="424"/>
      <c r="KRM725" s="423" t="s">
        <v>2795</v>
      </c>
      <c r="KRN725" s="424"/>
      <c r="KRO725" s="424"/>
      <c r="KRP725" s="424"/>
      <c r="KRQ725" s="423" t="s">
        <v>2795</v>
      </c>
      <c r="KRR725" s="424"/>
      <c r="KRS725" s="424"/>
      <c r="KRT725" s="424"/>
      <c r="KRU725" s="423" t="s">
        <v>2795</v>
      </c>
      <c r="KRV725" s="424"/>
      <c r="KRW725" s="424"/>
      <c r="KRX725" s="424"/>
      <c r="KRY725" s="423" t="s">
        <v>2795</v>
      </c>
      <c r="KRZ725" s="424"/>
      <c r="KSA725" s="424"/>
      <c r="KSB725" s="424"/>
      <c r="KSC725" s="423" t="s">
        <v>2795</v>
      </c>
      <c r="KSD725" s="424"/>
      <c r="KSE725" s="424"/>
      <c r="KSF725" s="424"/>
      <c r="KSG725" s="423" t="s">
        <v>2795</v>
      </c>
      <c r="KSH725" s="424"/>
      <c r="KSI725" s="424"/>
      <c r="KSJ725" s="424"/>
      <c r="KSK725" s="423" t="s">
        <v>2795</v>
      </c>
      <c r="KSL725" s="424"/>
      <c r="KSM725" s="424"/>
      <c r="KSN725" s="424"/>
      <c r="KSO725" s="423" t="s">
        <v>2795</v>
      </c>
      <c r="KSP725" s="424"/>
      <c r="KSQ725" s="424"/>
      <c r="KSR725" s="424"/>
      <c r="KSS725" s="423" t="s">
        <v>2795</v>
      </c>
      <c r="KST725" s="424"/>
      <c r="KSU725" s="424"/>
      <c r="KSV725" s="424"/>
      <c r="KSW725" s="423" t="s">
        <v>2795</v>
      </c>
      <c r="KSX725" s="424"/>
      <c r="KSY725" s="424"/>
      <c r="KSZ725" s="424"/>
      <c r="KTA725" s="423" t="s">
        <v>2795</v>
      </c>
      <c r="KTB725" s="424"/>
      <c r="KTC725" s="424"/>
      <c r="KTD725" s="424"/>
      <c r="KTE725" s="423" t="s">
        <v>2795</v>
      </c>
      <c r="KTF725" s="424"/>
      <c r="KTG725" s="424"/>
      <c r="KTH725" s="424"/>
      <c r="KTI725" s="423" t="s">
        <v>2795</v>
      </c>
      <c r="KTJ725" s="424"/>
      <c r="KTK725" s="424"/>
      <c r="KTL725" s="424"/>
      <c r="KTM725" s="423" t="s">
        <v>2795</v>
      </c>
      <c r="KTN725" s="424"/>
      <c r="KTO725" s="424"/>
      <c r="KTP725" s="424"/>
      <c r="KTQ725" s="423" t="s">
        <v>2795</v>
      </c>
      <c r="KTR725" s="424"/>
      <c r="KTS725" s="424"/>
      <c r="KTT725" s="424"/>
      <c r="KTU725" s="423" t="s">
        <v>2795</v>
      </c>
      <c r="KTV725" s="424"/>
      <c r="KTW725" s="424"/>
      <c r="KTX725" s="424"/>
      <c r="KTY725" s="423" t="s">
        <v>2795</v>
      </c>
      <c r="KTZ725" s="424"/>
      <c r="KUA725" s="424"/>
      <c r="KUB725" s="424"/>
      <c r="KUC725" s="423" t="s">
        <v>2795</v>
      </c>
      <c r="KUD725" s="424"/>
      <c r="KUE725" s="424"/>
      <c r="KUF725" s="424"/>
      <c r="KUG725" s="423" t="s">
        <v>2795</v>
      </c>
      <c r="KUH725" s="424"/>
      <c r="KUI725" s="424"/>
      <c r="KUJ725" s="424"/>
      <c r="KUK725" s="423" t="s">
        <v>2795</v>
      </c>
      <c r="KUL725" s="424"/>
      <c r="KUM725" s="424"/>
      <c r="KUN725" s="424"/>
      <c r="KUO725" s="423" t="s">
        <v>2795</v>
      </c>
      <c r="KUP725" s="424"/>
      <c r="KUQ725" s="424"/>
      <c r="KUR725" s="424"/>
      <c r="KUS725" s="423" t="s">
        <v>2795</v>
      </c>
      <c r="KUT725" s="424"/>
      <c r="KUU725" s="424"/>
      <c r="KUV725" s="424"/>
      <c r="KUW725" s="423" t="s">
        <v>2795</v>
      </c>
      <c r="KUX725" s="424"/>
      <c r="KUY725" s="424"/>
      <c r="KUZ725" s="424"/>
      <c r="KVA725" s="423" t="s">
        <v>2795</v>
      </c>
      <c r="KVB725" s="424"/>
      <c r="KVC725" s="424"/>
      <c r="KVD725" s="424"/>
      <c r="KVE725" s="423" t="s">
        <v>2795</v>
      </c>
      <c r="KVF725" s="424"/>
      <c r="KVG725" s="424"/>
      <c r="KVH725" s="424"/>
      <c r="KVI725" s="423" t="s">
        <v>2795</v>
      </c>
      <c r="KVJ725" s="424"/>
      <c r="KVK725" s="424"/>
      <c r="KVL725" s="424"/>
      <c r="KVM725" s="423" t="s">
        <v>2795</v>
      </c>
      <c r="KVN725" s="424"/>
      <c r="KVO725" s="424"/>
      <c r="KVP725" s="424"/>
      <c r="KVQ725" s="423" t="s">
        <v>2795</v>
      </c>
      <c r="KVR725" s="424"/>
      <c r="KVS725" s="424"/>
      <c r="KVT725" s="424"/>
      <c r="KVU725" s="423" t="s">
        <v>2795</v>
      </c>
      <c r="KVV725" s="424"/>
      <c r="KVW725" s="424"/>
      <c r="KVX725" s="424"/>
      <c r="KVY725" s="423" t="s">
        <v>2795</v>
      </c>
      <c r="KVZ725" s="424"/>
      <c r="KWA725" s="424"/>
      <c r="KWB725" s="424"/>
      <c r="KWC725" s="423" t="s">
        <v>2795</v>
      </c>
      <c r="KWD725" s="424"/>
      <c r="KWE725" s="424"/>
      <c r="KWF725" s="424"/>
      <c r="KWG725" s="423" t="s">
        <v>2795</v>
      </c>
      <c r="KWH725" s="424"/>
      <c r="KWI725" s="424"/>
      <c r="KWJ725" s="424"/>
      <c r="KWK725" s="423" t="s">
        <v>2795</v>
      </c>
      <c r="KWL725" s="424"/>
      <c r="KWM725" s="424"/>
      <c r="KWN725" s="424"/>
      <c r="KWO725" s="423" t="s">
        <v>2795</v>
      </c>
      <c r="KWP725" s="424"/>
      <c r="KWQ725" s="424"/>
      <c r="KWR725" s="424"/>
      <c r="KWS725" s="423" t="s">
        <v>2795</v>
      </c>
      <c r="KWT725" s="424"/>
      <c r="KWU725" s="424"/>
      <c r="KWV725" s="424"/>
      <c r="KWW725" s="423" t="s">
        <v>2795</v>
      </c>
      <c r="KWX725" s="424"/>
      <c r="KWY725" s="424"/>
      <c r="KWZ725" s="424"/>
      <c r="KXA725" s="423" t="s">
        <v>2795</v>
      </c>
      <c r="KXB725" s="424"/>
      <c r="KXC725" s="424"/>
      <c r="KXD725" s="424"/>
      <c r="KXE725" s="423" t="s">
        <v>2795</v>
      </c>
      <c r="KXF725" s="424"/>
      <c r="KXG725" s="424"/>
      <c r="KXH725" s="424"/>
      <c r="KXI725" s="423" t="s">
        <v>2795</v>
      </c>
      <c r="KXJ725" s="424"/>
      <c r="KXK725" s="424"/>
      <c r="KXL725" s="424"/>
      <c r="KXM725" s="423" t="s">
        <v>2795</v>
      </c>
      <c r="KXN725" s="424"/>
      <c r="KXO725" s="424"/>
      <c r="KXP725" s="424"/>
      <c r="KXQ725" s="423" t="s">
        <v>2795</v>
      </c>
      <c r="KXR725" s="424"/>
      <c r="KXS725" s="424"/>
      <c r="KXT725" s="424"/>
      <c r="KXU725" s="423" t="s">
        <v>2795</v>
      </c>
      <c r="KXV725" s="424"/>
      <c r="KXW725" s="424"/>
      <c r="KXX725" s="424"/>
      <c r="KXY725" s="423" t="s">
        <v>2795</v>
      </c>
      <c r="KXZ725" s="424"/>
      <c r="KYA725" s="424"/>
      <c r="KYB725" s="424"/>
      <c r="KYC725" s="423" t="s">
        <v>2795</v>
      </c>
      <c r="KYD725" s="424"/>
      <c r="KYE725" s="424"/>
      <c r="KYF725" s="424"/>
      <c r="KYG725" s="423" t="s">
        <v>2795</v>
      </c>
      <c r="KYH725" s="424"/>
      <c r="KYI725" s="424"/>
      <c r="KYJ725" s="424"/>
      <c r="KYK725" s="423" t="s">
        <v>2795</v>
      </c>
      <c r="KYL725" s="424"/>
      <c r="KYM725" s="424"/>
      <c r="KYN725" s="424"/>
      <c r="KYO725" s="423" t="s">
        <v>2795</v>
      </c>
      <c r="KYP725" s="424"/>
      <c r="KYQ725" s="424"/>
      <c r="KYR725" s="424"/>
      <c r="KYS725" s="423" t="s">
        <v>2795</v>
      </c>
      <c r="KYT725" s="424"/>
      <c r="KYU725" s="424"/>
      <c r="KYV725" s="424"/>
      <c r="KYW725" s="423" t="s">
        <v>2795</v>
      </c>
      <c r="KYX725" s="424"/>
      <c r="KYY725" s="424"/>
      <c r="KYZ725" s="424"/>
      <c r="KZA725" s="423" t="s">
        <v>2795</v>
      </c>
      <c r="KZB725" s="424"/>
      <c r="KZC725" s="424"/>
      <c r="KZD725" s="424"/>
      <c r="KZE725" s="423" t="s">
        <v>2795</v>
      </c>
      <c r="KZF725" s="424"/>
      <c r="KZG725" s="424"/>
      <c r="KZH725" s="424"/>
      <c r="KZI725" s="423" t="s">
        <v>2795</v>
      </c>
      <c r="KZJ725" s="424"/>
      <c r="KZK725" s="424"/>
      <c r="KZL725" s="424"/>
      <c r="KZM725" s="423" t="s">
        <v>2795</v>
      </c>
      <c r="KZN725" s="424"/>
      <c r="KZO725" s="424"/>
      <c r="KZP725" s="424"/>
      <c r="KZQ725" s="423" t="s">
        <v>2795</v>
      </c>
      <c r="KZR725" s="424"/>
      <c r="KZS725" s="424"/>
      <c r="KZT725" s="424"/>
      <c r="KZU725" s="423" t="s">
        <v>2795</v>
      </c>
      <c r="KZV725" s="424"/>
      <c r="KZW725" s="424"/>
      <c r="KZX725" s="424"/>
      <c r="KZY725" s="423" t="s">
        <v>2795</v>
      </c>
      <c r="KZZ725" s="424"/>
      <c r="LAA725" s="424"/>
      <c r="LAB725" s="424"/>
      <c r="LAC725" s="423" t="s">
        <v>2795</v>
      </c>
      <c r="LAD725" s="424"/>
      <c r="LAE725" s="424"/>
      <c r="LAF725" s="424"/>
      <c r="LAG725" s="423" t="s">
        <v>2795</v>
      </c>
      <c r="LAH725" s="424"/>
      <c r="LAI725" s="424"/>
      <c r="LAJ725" s="424"/>
      <c r="LAK725" s="423" t="s">
        <v>2795</v>
      </c>
      <c r="LAL725" s="424"/>
      <c r="LAM725" s="424"/>
      <c r="LAN725" s="424"/>
      <c r="LAO725" s="423" t="s">
        <v>2795</v>
      </c>
      <c r="LAP725" s="424"/>
      <c r="LAQ725" s="424"/>
      <c r="LAR725" s="424"/>
      <c r="LAS725" s="423" t="s">
        <v>2795</v>
      </c>
      <c r="LAT725" s="424"/>
      <c r="LAU725" s="424"/>
      <c r="LAV725" s="424"/>
      <c r="LAW725" s="423" t="s">
        <v>2795</v>
      </c>
      <c r="LAX725" s="424"/>
      <c r="LAY725" s="424"/>
      <c r="LAZ725" s="424"/>
      <c r="LBA725" s="423" t="s">
        <v>2795</v>
      </c>
      <c r="LBB725" s="424"/>
      <c r="LBC725" s="424"/>
      <c r="LBD725" s="424"/>
      <c r="LBE725" s="423" t="s">
        <v>2795</v>
      </c>
      <c r="LBF725" s="424"/>
      <c r="LBG725" s="424"/>
      <c r="LBH725" s="424"/>
      <c r="LBI725" s="423" t="s">
        <v>2795</v>
      </c>
      <c r="LBJ725" s="424"/>
      <c r="LBK725" s="424"/>
      <c r="LBL725" s="424"/>
      <c r="LBM725" s="423" t="s">
        <v>2795</v>
      </c>
      <c r="LBN725" s="424"/>
      <c r="LBO725" s="424"/>
      <c r="LBP725" s="424"/>
      <c r="LBQ725" s="423" t="s">
        <v>2795</v>
      </c>
      <c r="LBR725" s="424"/>
      <c r="LBS725" s="424"/>
      <c r="LBT725" s="424"/>
      <c r="LBU725" s="423" t="s">
        <v>2795</v>
      </c>
      <c r="LBV725" s="424"/>
      <c r="LBW725" s="424"/>
      <c r="LBX725" s="424"/>
      <c r="LBY725" s="423" t="s">
        <v>2795</v>
      </c>
      <c r="LBZ725" s="424"/>
      <c r="LCA725" s="424"/>
      <c r="LCB725" s="424"/>
      <c r="LCC725" s="423" t="s">
        <v>2795</v>
      </c>
      <c r="LCD725" s="424"/>
      <c r="LCE725" s="424"/>
      <c r="LCF725" s="424"/>
      <c r="LCG725" s="423" t="s">
        <v>2795</v>
      </c>
      <c r="LCH725" s="424"/>
      <c r="LCI725" s="424"/>
      <c r="LCJ725" s="424"/>
      <c r="LCK725" s="423" t="s">
        <v>2795</v>
      </c>
      <c r="LCL725" s="424"/>
      <c r="LCM725" s="424"/>
      <c r="LCN725" s="424"/>
      <c r="LCO725" s="423" t="s">
        <v>2795</v>
      </c>
      <c r="LCP725" s="424"/>
      <c r="LCQ725" s="424"/>
      <c r="LCR725" s="424"/>
      <c r="LCS725" s="423" t="s">
        <v>2795</v>
      </c>
      <c r="LCT725" s="424"/>
      <c r="LCU725" s="424"/>
      <c r="LCV725" s="424"/>
      <c r="LCW725" s="423" t="s">
        <v>2795</v>
      </c>
      <c r="LCX725" s="424"/>
      <c r="LCY725" s="424"/>
      <c r="LCZ725" s="424"/>
      <c r="LDA725" s="423" t="s">
        <v>2795</v>
      </c>
      <c r="LDB725" s="424"/>
      <c r="LDC725" s="424"/>
      <c r="LDD725" s="424"/>
      <c r="LDE725" s="423" t="s">
        <v>2795</v>
      </c>
      <c r="LDF725" s="424"/>
      <c r="LDG725" s="424"/>
      <c r="LDH725" s="424"/>
      <c r="LDI725" s="423" t="s">
        <v>2795</v>
      </c>
      <c r="LDJ725" s="424"/>
      <c r="LDK725" s="424"/>
      <c r="LDL725" s="424"/>
      <c r="LDM725" s="423" t="s">
        <v>2795</v>
      </c>
      <c r="LDN725" s="424"/>
      <c r="LDO725" s="424"/>
      <c r="LDP725" s="424"/>
      <c r="LDQ725" s="423" t="s">
        <v>2795</v>
      </c>
      <c r="LDR725" s="424"/>
      <c r="LDS725" s="424"/>
      <c r="LDT725" s="424"/>
      <c r="LDU725" s="423" t="s">
        <v>2795</v>
      </c>
      <c r="LDV725" s="424"/>
      <c r="LDW725" s="424"/>
      <c r="LDX725" s="424"/>
      <c r="LDY725" s="423" t="s">
        <v>2795</v>
      </c>
      <c r="LDZ725" s="424"/>
      <c r="LEA725" s="424"/>
      <c r="LEB725" s="424"/>
      <c r="LEC725" s="423" t="s">
        <v>2795</v>
      </c>
      <c r="LED725" s="424"/>
      <c r="LEE725" s="424"/>
      <c r="LEF725" s="424"/>
      <c r="LEG725" s="423" t="s">
        <v>2795</v>
      </c>
      <c r="LEH725" s="424"/>
      <c r="LEI725" s="424"/>
      <c r="LEJ725" s="424"/>
      <c r="LEK725" s="423" t="s">
        <v>2795</v>
      </c>
      <c r="LEL725" s="424"/>
      <c r="LEM725" s="424"/>
      <c r="LEN725" s="424"/>
      <c r="LEO725" s="423" t="s">
        <v>2795</v>
      </c>
      <c r="LEP725" s="424"/>
      <c r="LEQ725" s="424"/>
      <c r="LER725" s="424"/>
      <c r="LES725" s="423" t="s">
        <v>2795</v>
      </c>
      <c r="LET725" s="424"/>
      <c r="LEU725" s="424"/>
      <c r="LEV725" s="424"/>
      <c r="LEW725" s="423" t="s">
        <v>2795</v>
      </c>
      <c r="LEX725" s="424"/>
      <c r="LEY725" s="424"/>
      <c r="LEZ725" s="424"/>
      <c r="LFA725" s="423" t="s">
        <v>2795</v>
      </c>
      <c r="LFB725" s="424"/>
      <c r="LFC725" s="424"/>
      <c r="LFD725" s="424"/>
      <c r="LFE725" s="423" t="s">
        <v>2795</v>
      </c>
      <c r="LFF725" s="424"/>
      <c r="LFG725" s="424"/>
      <c r="LFH725" s="424"/>
      <c r="LFI725" s="423" t="s">
        <v>2795</v>
      </c>
      <c r="LFJ725" s="424"/>
      <c r="LFK725" s="424"/>
      <c r="LFL725" s="424"/>
      <c r="LFM725" s="423" t="s">
        <v>2795</v>
      </c>
      <c r="LFN725" s="424"/>
      <c r="LFO725" s="424"/>
      <c r="LFP725" s="424"/>
      <c r="LFQ725" s="423" t="s">
        <v>2795</v>
      </c>
      <c r="LFR725" s="424"/>
      <c r="LFS725" s="424"/>
      <c r="LFT725" s="424"/>
      <c r="LFU725" s="423" t="s">
        <v>2795</v>
      </c>
      <c r="LFV725" s="424"/>
      <c r="LFW725" s="424"/>
      <c r="LFX725" s="424"/>
      <c r="LFY725" s="423" t="s">
        <v>2795</v>
      </c>
      <c r="LFZ725" s="424"/>
      <c r="LGA725" s="424"/>
      <c r="LGB725" s="424"/>
      <c r="LGC725" s="423" t="s">
        <v>2795</v>
      </c>
      <c r="LGD725" s="424"/>
      <c r="LGE725" s="424"/>
      <c r="LGF725" s="424"/>
      <c r="LGG725" s="423" t="s">
        <v>2795</v>
      </c>
      <c r="LGH725" s="424"/>
      <c r="LGI725" s="424"/>
      <c r="LGJ725" s="424"/>
      <c r="LGK725" s="423" t="s">
        <v>2795</v>
      </c>
      <c r="LGL725" s="424"/>
      <c r="LGM725" s="424"/>
      <c r="LGN725" s="424"/>
      <c r="LGO725" s="423" t="s">
        <v>2795</v>
      </c>
      <c r="LGP725" s="424"/>
      <c r="LGQ725" s="424"/>
      <c r="LGR725" s="424"/>
      <c r="LGS725" s="423" t="s">
        <v>2795</v>
      </c>
      <c r="LGT725" s="424"/>
      <c r="LGU725" s="424"/>
      <c r="LGV725" s="424"/>
      <c r="LGW725" s="423" t="s">
        <v>2795</v>
      </c>
      <c r="LGX725" s="424"/>
      <c r="LGY725" s="424"/>
      <c r="LGZ725" s="424"/>
      <c r="LHA725" s="423" t="s">
        <v>2795</v>
      </c>
      <c r="LHB725" s="424"/>
      <c r="LHC725" s="424"/>
      <c r="LHD725" s="424"/>
      <c r="LHE725" s="423" t="s">
        <v>2795</v>
      </c>
      <c r="LHF725" s="424"/>
      <c r="LHG725" s="424"/>
      <c r="LHH725" s="424"/>
      <c r="LHI725" s="423" t="s">
        <v>2795</v>
      </c>
      <c r="LHJ725" s="424"/>
      <c r="LHK725" s="424"/>
      <c r="LHL725" s="424"/>
      <c r="LHM725" s="423" t="s">
        <v>2795</v>
      </c>
      <c r="LHN725" s="424"/>
      <c r="LHO725" s="424"/>
      <c r="LHP725" s="424"/>
      <c r="LHQ725" s="423" t="s">
        <v>2795</v>
      </c>
      <c r="LHR725" s="424"/>
      <c r="LHS725" s="424"/>
      <c r="LHT725" s="424"/>
      <c r="LHU725" s="423" t="s">
        <v>2795</v>
      </c>
      <c r="LHV725" s="424"/>
      <c r="LHW725" s="424"/>
      <c r="LHX725" s="424"/>
      <c r="LHY725" s="423" t="s">
        <v>2795</v>
      </c>
      <c r="LHZ725" s="424"/>
      <c r="LIA725" s="424"/>
      <c r="LIB725" s="424"/>
      <c r="LIC725" s="423" t="s">
        <v>2795</v>
      </c>
      <c r="LID725" s="424"/>
      <c r="LIE725" s="424"/>
      <c r="LIF725" s="424"/>
      <c r="LIG725" s="423" t="s">
        <v>2795</v>
      </c>
      <c r="LIH725" s="424"/>
      <c r="LII725" s="424"/>
      <c r="LIJ725" s="424"/>
      <c r="LIK725" s="423" t="s">
        <v>2795</v>
      </c>
      <c r="LIL725" s="424"/>
      <c r="LIM725" s="424"/>
      <c r="LIN725" s="424"/>
      <c r="LIO725" s="423" t="s">
        <v>2795</v>
      </c>
      <c r="LIP725" s="424"/>
      <c r="LIQ725" s="424"/>
      <c r="LIR725" s="424"/>
      <c r="LIS725" s="423" t="s">
        <v>2795</v>
      </c>
      <c r="LIT725" s="424"/>
      <c r="LIU725" s="424"/>
      <c r="LIV725" s="424"/>
      <c r="LIW725" s="423" t="s">
        <v>2795</v>
      </c>
      <c r="LIX725" s="424"/>
      <c r="LIY725" s="424"/>
      <c r="LIZ725" s="424"/>
      <c r="LJA725" s="423" t="s">
        <v>2795</v>
      </c>
      <c r="LJB725" s="424"/>
      <c r="LJC725" s="424"/>
      <c r="LJD725" s="424"/>
      <c r="LJE725" s="423" t="s">
        <v>2795</v>
      </c>
      <c r="LJF725" s="424"/>
      <c r="LJG725" s="424"/>
      <c r="LJH725" s="424"/>
      <c r="LJI725" s="423" t="s">
        <v>2795</v>
      </c>
      <c r="LJJ725" s="424"/>
      <c r="LJK725" s="424"/>
      <c r="LJL725" s="424"/>
      <c r="LJM725" s="423" t="s">
        <v>2795</v>
      </c>
      <c r="LJN725" s="424"/>
      <c r="LJO725" s="424"/>
      <c r="LJP725" s="424"/>
      <c r="LJQ725" s="423" t="s">
        <v>2795</v>
      </c>
      <c r="LJR725" s="424"/>
      <c r="LJS725" s="424"/>
      <c r="LJT725" s="424"/>
      <c r="LJU725" s="423" t="s">
        <v>2795</v>
      </c>
      <c r="LJV725" s="424"/>
      <c r="LJW725" s="424"/>
      <c r="LJX725" s="424"/>
      <c r="LJY725" s="423" t="s">
        <v>2795</v>
      </c>
      <c r="LJZ725" s="424"/>
      <c r="LKA725" s="424"/>
      <c r="LKB725" s="424"/>
      <c r="LKC725" s="423" t="s">
        <v>2795</v>
      </c>
      <c r="LKD725" s="424"/>
      <c r="LKE725" s="424"/>
      <c r="LKF725" s="424"/>
      <c r="LKG725" s="423" t="s">
        <v>2795</v>
      </c>
      <c r="LKH725" s="424"/>
      <c r="LKI725" s="424"/>
      <c r="LKJ725" s="424"/>
      <c r="LKK725" s="423" t="s">
        <v>2795</v>
      </c>
      <c r="LKL725" s="424"/>
      <c r="LKM725" s="424"/>
      <c r="LKN725" s="424"/>
      <c r="LKO725" s="423" t="s">
        <v>2795</v>
      </c>
      <c r="LKP725" s="424"/>
      <c r="LKQ725" s="424"/>
      <c r="LKR725" s="424"/>
      <c r="LKS725" s="423" t="s">
        <v>2795</v>
      </c>
      <c r="LKT725" s="424"/>
      <c r="LKU725" s="424"/>
      <c r="LKV725" s="424"/>
      <c r="LKW725" s="423" t="s">
        <v>2795</v>
      </c>
      <c r="LKX725" s="424"/>
      <c r="LKY725" s="424"/>
      <c r="LKZ725" s="424"/>
      <c r="LLA725" s="423" t="s">
        <v>2795</v>
      </c>
      <c r="LLB725" s="424"/>
      <c r="LLC725" s="424"/>
      <c r="LLD725" s="424"/>
      <c r="LLE725" s="423" t="s">
        <v>2795</v>
      </c>
      <c r="LLF725" s="424"/>
      <c r="LLG725" s="424"/>
      <c r="LLH725" s="424"/>
      <c r="LLI725" s="423" t="s">
        <v>2795</v>
      </c>
      <c r="LLJ725" s="424"/>
      <c r="LLK725" s="424"/>
      <c r="LLL725" s="424"/>
      <c r="LLM725" s="423" t="s">
        <v>2795</v>
      </c>
      <c r="LLN725" s="424"/>
      <c r="LLO725" s="424"/>
      <c r="LLP725" s="424"/>
      <c r="LLQ725" s="423" t="s">
        <v>2795</v>
      </c>
      <c r="LLR725" s="424"/>
      <c r="LLS725" s="424"/>
      <c r="LLT725" s="424"/>
      <c r="LLU725" s="423" t="s">
        <v>2795</v>
      </c>
      <c r="LLV725" s="424"/>
      <c r="LLW725" s="424"/>
      <c r="LLX725" s="424"/>
      <c r="LLY725" s="423" t="s">
        <v>2795</v>
      </c>
      <c r="LLZ725" s="424"/>
      <c r="LMA725" s="424"/>
      <c r="LMB725" s="424"/>
      <c r="LMC725" s="423" t="s">
        <v>2795</v>
      </c>
      <c r="LMD725" s="424"/>
      <c r="LME725" s="424"/>
      <c r="LMF725" s="424"/>
      <c r="LMG725" s="423" t="s">
        <v>2795</v>
      </c>
      <c r="LMH725" s="424"/>
      <c r="LMI725" s="424"/>
      <c r="LMJ725" s="424"/>
      <c r="LMK725" s="423" t="s">
        <v>2795</v>
      </c>
      <c r="LML725" s="424"/>
      <c r="LMM725" s="424"/>
      <c r="LMN725" s="424"/>
      <c r="LMO725" s="423" t="s">
        <v>2795</v>
      </c>
      <c r="LMP725" s="424"/>
      <c r="LMQ725" s="424"/>
      <c r="LMR725" s="424"/>
      <c r="LMS725" s="423" t="s">
        <v>2795</v>
      </c>
      <c r="LMT725" s="424"/>
      <c r="LMU725" s="424"/>
      <c r="LMV725" s="424"/>
      <c r="LMW725" s="423" t="s">
        <v>2795</v>
      </c>
      <c r="LMX725" s="424"/>
      <c r="LMY725" s="424"/>
      <c r="LMZ725" s="424"/>
      <c r="LNA725" s="423" t="s">
        <v>2795</v>
      </c>
      <c r="LNB725" s="424"/>
      <c r="LNC725" s="424"/>
      <c r="LND725" s="424"/>
      <c r="LNE725" s="423" t="s">
        <v>2795</v>
      </c>
      <c r="LNF725" s="424"/>
      <c r="LNG725" s="424"/>
      <c r="LNH725" s="424"/>
      <c r="LNI725" s="423" t="s">
        <v>2795</v>
      </c>
      <c r="LNJ725" s="424"/>
      <c r="LNK725" s="424"/>
      <c r="LNL725" s="424"/>
      <c r="LNM725" s="423" t="s">
        <v>2795</v>
      </c>
      <c r="LNN725" s="424"/>
      <c r="LNO725" s="424"/>
      <c r="LNP725" s="424"/>
      <c r="LNQ725" s="423" t="s">
        <v>2795</v>
      </c>
      <c r="LNR725" s="424"/>
      <c r="LNS725" s="424"/>
      <c r="LNT725" s="424"/>
      <c r="LNU725" s="423" t="s">
        <v>2795</v>
      </c>
      <c r="LNV725" s="424"/>
      <c r="LNW725" s="424"/>
      <c r="LNX725" s="424"/>
      <c r="LNY725" s="423" t="s">
        <v>2795</v>
      </c>
      <c r="LNZ725" s="424"/>
      <c r="LOA725" s="424"/>
      <c r="LOB725" s="424"/>
      <c r="LOC725" s="423" t="s">
        <v>2795</v>
      </c>
      <c r="LOD725" s="424"/>
      <c r="LOE725" s="424"/>
      <c r="LOF725" s="424"/>
      <c r="LOG725" s="423" t="s">
        <v>2795</v>
      </c>
      <c r="LOH725" s="424"/>
      <c r="LOI725" s="424"/>
      <c r="LOJ725" s="424"/>
      <c r="LOK725" s="423" t="s">
        <v>2795</v>
      </c>
      <c r="LOL725" s="424"/>
      <c r="LOM725" s="424"/>
      <c r="LON725" s="424"/>
      <c r="LOO725" s="423" t="s">
        <v>2795</v>
      </c>
      <c r="LOP725" s="424"/>
      <c r="LOQ725" s="424"/>
      <c r="LOR725" s="424"/>
      <c r="LOS725" s="423" t="s">
        <v>2795</v>
      </c>
      <c r="LOT725" s="424"/>
      <c r="LOU725" s="424"/>
      <c r="LOV725" s="424"/>
      <c r="LOW725" s="423" t="s">
        <v>2795</v>
      </c>
      <c r="LOX725" s="424"/>
      <c r="LOY725" s="424"/>
      <c r="LOZ725" s="424"/>
      <c r="LPA725" s="423" t="s">
        <v>2795</v>
      </c>
      <c r="LPB725" s="424"/>
      <c r="LPC725" s="424"/>
      <c r="LPD725" s="424"/>
      <c r="LPE725" s="423" t="s">
        <v>2795</v>
      </c>
      <c r="LPF725" s="424"/>
      <c r="LPG725" s="424"/>
      <c r="LPH725" s="424"/>
      <c r="LPI725" s="423" t="s">
        <v>2795</v>
      </c>
      <c r="LPJ725" s="424"/>
      <c r="LPK725" s="424"/>
      <c r="LPL725" s="424"/>
      <c r="LPM725" s="423" t="s">
        <v>2795</v>
      </c>
      <c r="LPN725" s="424"/>
      <c r="LPO725" s="424"/>
      <c r="LPP725" s="424"/>
      <c r="LPQ725" s="423" t="s">
        <v>2795</v>
      </c>
      <c r="LPR725" s="424"/>
      <c r="LPS725" s="424"/>
      <c r="LPT725" s="424"/>
      <c r="LPU725" s="423" t="s">
        <v>2795</v>
      </c>
      <c r="LPV725" s="424"/>
      <c r="LPW725" s="424"/>
      <c r="LPX725" s="424"/>
      <c r="LPY725" s="423" t="s">
        <v>2795</v>
      </c>
      <c r="LPZ725" s="424"/>
      <c r="LQA725" s="424"/>
      <c r="LQB725" s="424"/>
      <c r="LQC725" s="423" t="s">
        <v>2795</v>
      </c>
      <c r="LQD725" s="424"/>
      <c r="LQE725" s="424"/>
      <c r="LQF725" s="424"/>
      <c r="LQG725" s="423" t="s">
        <v>2795</v>
      </c>
      <c r="LQH725" s="424"/>
      <c r="LQI725" s="424"/>
      <c r="LQJ725" s="424"/>
      <c r="LQK725" s="423" t="s">
        <v>2795</v>
      </c>
      <c r="LQL725" s="424"/>
      <c r="LQM725" s="424"/>
      <c r="LQN725" s="424"/>
      <c r="LQO725" s="423" t="s">
        <v>2795</v>
      </c>
      <c r="LQP725" s="424"/>
      <c r="LQQ725" s="424"/>
      <c r="LQR725" s="424"/>
      <c r="LQS725" s="423" t="s">
        <v>2795</v>
      </c>
      <c r="LQT725" s="424"/>
      <c r="LQU725" s="424"/>
      <c r="LQV725" s="424"/>
      <c r="LQW725" s="423" t="s">
        <v>2795</v>
      </c>
      <c r="LQX725" s="424"/>
      <c r="LQY725" s="424"/>
      <c r="LQZ725" s="424"/>
      <c r="LRA725" s="423" t="s">
        <v>2795</v>
      </c>
      <c r="LRB725" s="424"/>
      <c r="LRC725" s="424"/>
      <c r="LRD725" s="424"/>
      <c r="LRE725" s="423" t="s">
        <v>2795</v>
      </c>
      <c r="LRF725" s="424"/>
      <c r="LRG725" s="424"/>
      <c r="LRH725" s="424"/>
      <c r="LRI725" s="423" t="s">
        <v>2795</v>
      </c>
      <c r="LRJ725" s="424"/>
      <c r="LRK725" s="424"/>
      <c r="LRL725" s="424"/>
      <c r="LRM725" s="423" t="s">
        <v>2795</v>
      </c>
      <c r="LRN725" s="424"/>
      <c r="LRO725" s="424"/>
      <c r="LRP725" s="424"/>
      <c r="LRQ725" s="423" t="s">
        <v>2795</v>
      </c>
      <c r="LRR725" s="424"/>
      <c r="LRS725" s="424"/>
      <c r="LRT725" s="424"/>
      <c r="LRU725" s="423" t="s">
        <v>2795</v>
      </c>
      <c r="LRV725" s="424"/>
      <c r="LRW725" s="424"/>
      <c r="LRX725" s="424"/>
      <c r="LRY725" s="423" t="s">
        <v>2795</v>
      </c>
      <c r="LRZ725" s="424"/>
      <c r="LSA725" s="424"/>
      <c r="LSB725" s="424"/>
      <c r="LSC725" s="423" t="s">
        <v>2795</v>
      </c>
      <c r="LSD725" s="424"/>
      <c r="LSE725" s="424"/>
      <c r="LSF725" s="424"/>
      <c r="LSG725" s="423" t="s">
        <v>2795</v>
      </c>
      <c r="LSH725" s="424"/>
      <c r="LSI725" s="424"/>
      <c r="LSJ725" s="424"/>
      <c r="LSK725" s="423" t="s">
        <v>2795</v>
      </c>
      <c r="LSL725" s="424"/>
      <c r="LSM725" s="424"/>
      <c r="LSN725" s="424"/>
      <c r="LSO725" s="423" t="s">
        <v>2795</v>
      </c>
      <c r="LSP725" s="424"/>
      <c r="LSQ725" s="424"/>
      <c r="LSR725" s="424"/>
      <c r="LSS725" s="423" t="s">
        <v>2795</v>
      </c>
      <c r="LST725" s="424"/>
      <c r="LSU725" s="424"/>
      <c r="LSV725" s="424"/>
      <c r="LSW725" s="423" t="s">
        <v>2795</v>
      </c>
      <c r="LSX725" s="424"/>
      <c r="LSY725" s="424"/>
      <c r="LSZ725" s="424"/>
      <c r="LTA725" s="423" t="s">
        <v>2795</v>
      </c>
      <c r="LTB725" s="424"/>
      <c r="LTC725" s="424"/>
      <c r="LTD725" s="424"/>
      <c r="LTE725" s="423" t="s">
        <v>2795</v>
      </c>
      <c r="LTF725" s="424"/>
      <c r="LTG725" s="424"/>
      <c r="LTH725" s="424"/>
      <c r="LTI725" s="423" t="s">
        <v>2795</v>
      </c>
      <c r="LTJ725" s="424"/>
      <c r="LTK725" s="424"/>
      <c r="LTL725" s="424"/>
      <c r="LTM725" s="423" t="s">
        <v>2795</v>
      </c>
      <c r="LTN725" s="424"/>
      <c r="LTO725" s="424"/>
      <c r="LTP725" s="424"/>
      <c r="LTQ725" s="423" t="s">
        <v>2795</v>
      </c>
      <c r="LTR725" s="424"/>
      <c r="LTS725" s="424"/>
      <c r="LTT725" s="424"/>
      <c r="LTU725" s="423" t="s">
        <v>2795</v>
      </c>
      <c r="LTV725" s="424"/>
      <c r="LTW725" s="424"/>
      <c r="LTX725" s="424"/>
      <c r="LTY725" s="423" t="s">
        <v>2795</v>
      </c>
      <c r="LTZ725" s="424"/>
      <c r="LUA725" s="424"/>
      <c r="LUB725" s="424"/>
      <c r="LUC725" s="423" t="s">
        <v>2795</v>
      </c>
      <c r="LUD725" s="424"/>
      <c r="LUE725" s="424"/>
      <c r="LUF725" s="424"/>
      <c r="LUG725" s="423" t="s">
        <v>2795</v>
      </c>
      <c r="LUH725" s="424"/>
      <c r="LUI725" s="424"/>
      <c r="LUJ725" s="424"/>
      <c r="LUK725" s="423" t="s">
        <v>2795</v>
      </c>
      <c r="LUL725" s="424"/>
      <c r="LUM725" s="424"/>
      <c r="LUN725" s="424"/>
      <c r="LUO725" s="423" t="s">
        <v>2795</v>
      </c>
      <c r="LUP725" s="424"/>
      <c r="LUQ725" s="424"/>
      <c r="LUR725" s="424"/>
      <c r="LUS725" s="423" t="s">
        <v>2795</v>
      </c>
      <c r="LUT725" s="424"/>
      <c r="LUU725" s="424"/>
      <c r="LUV725" s="424"/>
      <c r="LUW725" s="423" t="s">
        <v>2795</v>
      </c>
      <c r="LUX725" s="424"/>
      <c r="LUY725" s="424"/>
      <c r="LUZ725" s="424"/>
      <c r="LVA725" s="423" t="s">
        <v>2795</v>
      </c>
      <c r="LVB725" s="424"/>
      <c r="LVC725" s="424"/>
      <c r="LVD725" s="424"/>
      <c r="LVE725" s="423" t="s">
        <v>2795</v>
      </c>
      <c r="LVF725" s="424"/>
      <c r="LVG725" s="424"/>
      <c r="LVH725" s="424"/>
      <c r="LVI725" s="423" t="s">
        <v>2795</v>
      </c>
      <c r="LVJ725" s="424"/>
      <c r="LVK725" s="424"/>
      <c r="LVL725" s="424"/>
      <c r="LVM725" s="423" t="s">
        <v>2795</v>
      </c>
      <c r="LVN725" s="424"/>
      <c r="LVO725" s="424"/>
      <c r="LVP725" s="424"/>
      <c r="LVQ725" s="423" t="s">
        <v>2795</v>
      </c>
      <c r="LVR725" s="424"/>
      <c r="LVS725" s="424"/>
      <c r="LVT725" s="424"/>
      <c r="LVU725" s="423" t="s">
        <v>2795</v>
      </c>
      <c r="LVV725" s="424"/>
      <c r="LVW725" s="424"/>
      <c r="LVX725" s="424"/>
      <c r="LVY725" s="423" t="s">
        <v>2795</v>
      </c>
      <c r="LVZ725" s="424"/>
      <c r="LWA725" s="424"/>
      <c r="LWB725" s="424"/>
      <c r="LWC725" s="423" t="s">
        <v>2795</v>
      </c>
      <c r="LWD725" s="424"/>
      <c r="LWE725" s="424"/>
      <c r="LWF725" s="424"/>
      <c r="LWG725" s="423" t="s">
        <v>2795</v>
      </c>
      <c r="LWH725" s="424"/>
      <c r="LWI725" s="424"/>
      <c r="LWJ725" s="424"/>
      <c r="LWK725" s="423" t="s">
        <v>2795</v>
      </c>
      <c r="LWL725" s="424"/>
      <c r="LWM725" s="424"/>
      <c r="LWN725" s="424"/>
      <c r="LWO725" s="423" t="s">
        <v>2795</v>
      </c>
      <c r="LWP725" s="424"/>
      <c r="LWQ725" s="424"/>
      <c r="LWR725" s="424"/>
      <c r="LWS725" s="423" t="s">
        <v>2795</v>
      </c>
      <c r="LWT725" s="424"/>
      <c r="LWU725" s="424"/>
      <c r="LWV725" s="424"/>
      <c r="LWW725" s="423" t="s">
        <v>2795</v>
      </c>
      <c r="LWX725" s="424"/>
      <c r="LWY725" s="424"/>
      <c r="LWZ725" s="424"/>
      <c r="LXA725" s="423" t="s">
        <v>2795</v>
      </c>
      <c r="LXB725" s="424"/>
      <c r="LXC725" s="424"/>
      <c r="LXD725" s="424"/>
      <c r="LXE725" s="423" t="s">
        <v>2795</v>
      </c>
      <c r="LXF725" s="424"/>
      <c r="LXG725" s="424"/>
      <c r="LXH725" s="424"/>
      <c r="LXI725" s="423" t="s">
        <v>2795</v>
      </c>
      <c r="LXJ725" s="424"/>
      <c r="LXK725" s="424"/>
      <c r="LXL725" s="424"/>
      <c r="LXM725" s="423" t="s">
        <v>2795</v>
      </c>
      <c r="LXN725" s="424"/>
      <c r="LXO725" s="424"/>
      <c r="LXP725" s="424"/>
      <c r="LXQ725" s="423" t="s">
        <v>2795</v>
      </c>
      <c r="LXR725" s="424"/>
      <c r="LXS725" s="424"/>
      <c r="LXT725" s="424"/>
      <c r="LXU725" s="423" t="s">
        <v>2795</v>
      </c>
      <c r="LXV725" s="424"/>
      <c r="LXW725" s="424"/>
      <c r="LXX725" s="424"/>
      <c r="LXY725" s="423" t="s">
        <v>2795</v>
      </c>
      <c r="LXZ725" s="424"/>
      <c r="LYA725" s="424"/>
      <c r="LYB725" s="424"/>
      <c r="LYC725" s="423" t="s">
        <v>2795</v>
      </c>
      <c r="LYD725" s="424"/>
      <c r="LYE725" s="424"/>
      <c r="LYF725" s="424"/>
      <c r="LYG725" s="423" t="s">
        <v>2795</v>
      </c>
      <c r="LYH725" s="424"/>
      <c r="LYI725" s="424"/>
      <c r="LYJ725" s="424"/>
      <c r="LYK725" s="423" t="s">
        <v>2795</v>
      </c>
      <c r="LYL725" s="424"/>
      <c r="LYM725" s="424"/>
      <c r="LYN725" s="424"/>
      <c r="LYO725" s="423" t="s">
        <v>2795</v>
      </c>
      <c r="LYP725" s="424"/>
      <c r="LYQ725" s="424"/>
      <c r="LYR725" s="424"/>
      <c r="LYS725" s="423" t="s">
        <v>2795</v>
      </c>
      <c r="LYT725" s="424"/>
      <c r="LYU725" s="424"/>
      <c r="LYV725" s="424"/>
      <c r="LYW725" s="423" t="s">
        <v>2795</v>
      </c>
      <c r="LYX725" s="424"/>
      <c r="LYY725" s="424"/>
      <c r="LYZ725" s="424"/>
      <c r="LZA725" s="423" t="s">
        <v>2795</v>
      </c>
      <c r="LZB725" s="424"/>
      <c r="LZC725" s="424"/>
      <c r="LZD725" s="424"/>
      <c r="LZE725" s="423" t="s">
        <v>2795</v>
      </c>
      <c r="LZF725" s="424"/>
      <c r="LZG725" s="424"/>
      <c r="LZH725" s="424"/>
      <c r="LZI725" s="423" t="s">
        <v>2795</v>
      </c>
      <c r="LZJ725" s="424"/>
      <c r="LZK725" s="424"/>
      <c r="LZL725" s="424"/>
      <c r="LZM725" s="423" t="s">
        <v>2795</v>
      </c>
      <c r="LZN725" s="424"/>
      <c r="LZO725" s="424"/>
      <c r="LZP725" s="424"/>
      <c r="LZQ725" s="423" t="s">
        <v>2795</v>
      </c>
      <c r="LZR725" s="424"/>
      <c r="LZS725" s="424"/>
      <c r="LZT725" s="424"/>
      <c r="LZU725" s="423" t="s">
        <v>2795</v>
      </c>
      <c r="LZV725" s="424"/>
      <c r="LZW725" s="424"/>
      <c r="LZX725" s="424"/>
      <c r="LZY725" s="423" t="s">
        <v>2795</v>
      </c>
      <c r="LZZ725" s="424"/>
      <c r="MAA725" s="424"/>
      <c r="MAB725" s="424"/>
      <c r="MAC725" s="423" t="s">
        <v>2795</v>
      </c>
      <c r="MAD725" s="424"/>
      <c r="MAE725" s="424"/>
      <c r="MAF725" s="424"/>
      <c r="MAG725" s="423" t="s">
        <v>2795</v>
      </c>
      <c r="MAH725" s="424"/>
      <c r="MAI725" s="424"/>
      <c r="MAJ725" s="424"/>
      <c r="MAK725" s="423" t="s">
        <v>2795</v>
      </c>
      <c r="MAL725" s="424"/>
      <c r="MAM725" s="424"/>
      <c r="MAN725" s="424"/>
      <c r="MAO725" s="423" t="s">
        <v>2795</v>
      </c>
      <c r="MAP725" s="424"/>
      <c r="MAQ725" s="424"/>
      <c r="MAR725" s="424"/>
      <c r="MAS725" s="423" t="s">
        <v>2795</v>
      </c>
      <c r="MAT725" s="424"/>
      <c r="MAU725" s="424"/>
      <c r="MAV725" s="424"/>
      <c r="MAW725" s="423" t="s">
        <v>2795</v>
      </c>
      <c r="MAX725" s="424"/>
      <c r="MAY725" s="424"/>
      <c r="MAZ725" s="424"/>
      <c r="MBA725" s="423" t="s">
        <v>2795</v>
      </c>
      <c r="MBB725" s="424"/>
      <c r="MBC725" s="424"/>
      <c r="MBD725" s="424"/>
      <c r="MBE725" s="423" t="s">
        <v>2795</v>
      </c>
      <c r="MBF725" s="424"/>
      <c r="MBG725" s="424"/>
      <c r="MBH725" s="424"/>
      <c r="MBI725" s="423" t="s">
        <v>2795</v>
      </c>
      <c r="MBJ725" s="424"/>
      <c r="MBK725" s="424"/>
      <c r="MBL725" s="424"/>
      <c r="MBM725" s="423" t="s">
        <v>2795</v>
      </c>
      <c r="MBN725" s="424"/>
      <c r="MBO725" s="424"/>
      <c r="MBP725" s="424"/>
      <c r="MBQ725" s="423" t="s">
        <v>2795</v>
      </c>
      <c r="MBR725" s="424"/>
      <c r="MBS725" s="424"/>
      <c r="MBT725" s="424"/>
      <c r="MBU725" s="423" t="s">
        <v>2795</v>
      </c>
      <c r="MBV725" s="424"/>
      <c r="MBW725" s="424"/>
      <c r="MBX725" s="424"/>
      <c r="MBY725" s="423" t="s">
        <v>2795</v>
      </c>
      <c r="MBZ725" s="424"/>
      <c r="MCA725" s="424"/>
      <c r="MCB725" s="424"/>
      <c r="MCC725" s="423" t="s">
        <v>2795</v>
      </c>
      <c r="MCD725" s="424"/>
      <c r="MCE725" s="424"/>
      <c r="MCF725" s="424"/>
      <c r="MCG725" s="423" t="s">
        <v>2795</v>
      </c>
      <c r="MCH725" s="424"/>
      <c r="MCI725" s="424"/>
      <c r="MCJ725" s="424"/>
      <c r="MCK725" s="423" t="s">
        <v>2795</v>
      </c>
      <c r="MCL725" s="424"/>
      <c r="MCM725" s="424"/>
      <c r="MCN725" s="424"/>
      <c r="MCO725" s="423" t="s">
        <v>2795</v>
      </c>
      <c r="MCP725" s="424"/>
      <c r="MCQ725" s="424"/>
      <c r="MCR725" s="424"/>
      <c r="MCS725" s="423" t="s">
        <v>2795</v>
      </c>
      <c r="MCT725" s="424"/>
      <c r="MCU725" s="424"/>
      <c r="MCV725" s="424"/>
      <c r="MCW725" s="423" t="s">
        <v>2795</v>
      </c>
      <c r="MCX725" s="424"/>
      <c r="MCY725" s="424"/>
      <c r="MCZ725" s="424"/>
      <c r="MDA725" s="423" t="s">
        <v>2795</v>
      </c>
      <c r="MDB725" s="424"/>
      <c r="MDC725" s="424"/>
      <c r="MDD725" s="424"/>
      <c r="MDE725" s="423" t="s">
        <v>2795</v>
      </c>
      <c r="MDF725" s="424"/>
      <c r="MDG725" s="424"/>
      <c r="MDH725" s="424"/>
      <c r="MDI725" s="423" t="s">
        <v>2795</v>
      </c>
      <c r="MDJ725" s="424"/>
      <c r="MDK725" s="424"/>
      <c r="MDL725" s="424"/>
      <c r="MDM725" s="423" t="s">
        <v>2795</v>
      </c>
      <c r="MDN725" s="424"/>
      <c r="MDO725" s="424"/>
      <c r="MDP725" s="424"/>
      <c r="MDQ725" s="423" t="s">
        <v>2795</v>
      </c>
      <c r="MDR725" s="424"/>
      <c r="MDS725" s="424"/>
      <c r="MDT725" s="424"/>
      <c r="MDU725" s="423" t="s">
        <v>2795</v>
      </c>
      <c r="MDV725" s="424"/>
      <c r="MDW725" s="424"/>
      <c r="MDX725" s="424"/>
      <c r="MDY725" s="423" t="s">
        <v>2795</v>
      </c>
      <c r="MDZ725" s="424"/>
      <c r="MEA725" s="424"/>
      <c r="MEB725" s="424"/>
      <c r="MEC725" s="423" t="s">
        <v>2795</v>
      </c>
      <c r="MED725" s="424"/>
      <c r="MEE725" s="424"/>
      <c r="MEF725" s="424"/>
      <c r="MEG725" s="423" t="s">
        <v>2795</v>
      </c>
      <c r="MEH725" s="424"/>
      <c r="MEI725" s="424"/>
      <c r="MEJ725" s="424"/>
      <c r="MEK725" s="423" t="s">
        <v>2795</v>
      </c>
      <c r="MEL725" s="424"/>
      <c r="MEM725" s="424"/>
      <c r="MEN725" s="424"/>
      <c r="MEO725" s="423" t="s">
        <v>2795</v>
      </c>
      <c r="MEP725" s="424"/>
      <c r="MEQ725" s="424"/>
      <c r="MER725" s="424"/>
      <c r="MES725" s="423" t="s">
        <v>2795</v>
      </c>
      <c r="MET725" s="424"/>
      <c r="MEU725" s="424"/>
      <c r="MEV725" s="424"/>
      <c r="MEW725" s="423" t="s">
        <v>2795</v>
      </c>
      <c r="MEX725" s="424"/>
      <c r="MEY725" s="424"/>
      <c r="MEZ725" s="424"/>
      <c r="MFA725" s="423" t="s">
        <v>2795</v>
      </c>
      <c r="MFB725" s="424"/>
      <c r="MFC725" s="424"/>
      <c r="MFD725" s="424"/>
      <c r="MFE725" s="423" t="s">
        <v>2795</v>
      </c>
      <c r="MFF725" s="424"/>
      <c r="MFG725" s="424"/>
      <c r="MFH725" s="424"/>
      <c r="MFI725" s="423" t="s">
        <v>2795</v>
      </c>
      <c r="MFJ725" s="424"/>
      <c r="MFK725" s="424"/>
      <c r="MFL725" s="424"/>
      <c r="MFM725" s="423" t="s">
        <v>2795</v>
      </c>
      <c r="MFN725" s="424"/>
      <c r="MFO725" s="424"/>
      <c r="MFP725" s="424"/>
      <c r="MFQ725" s="423" t="s">
        <v>2795</v>
      </c>
      <c r="MFR725" s="424"/>
      <c r="MFS725" s="424"/>
      <c r="MFT725" s="424"/>
      <c r="MFU725" s="423" t="s">
        <v>2795</v>
      </c>
      <c r="MFV725" s="424"/>
      <c r="MFW725" s="424"/>
      <c r="MFX725" s="424"/>
      <c r="MFY725" s="423" t="s">
        <v>2795</v>
      </c>
      <c r="MFZ725" s="424"/>
      <c r="MGA725" s="424"/>
      <c r="MGB725" s="424"/>
      <c r="MGC725" s="423" t="s">
        <v>2795</v>
      </c>
      <c r="MGD725" s="424"/>
      <c r="MGE725" s="424"/>
      <c r="MGF725" s="424"/>
      <c r="MGG725" s="423" t="s">
        <v>2795</v>
      </c>
      <c r="MGH725" s="424"/>
      <c r="MGI725" s="424"/>
      <c r="MGJ725" s="424"/>
      <c r="MGK725" s="423" t="s">
        <v>2795</v>
      </c>
      <c r="MGL725" s="424"/>
      <c r="MGM725" s="424"/>
      <c r="MGN725" s="424"/>
      <c r="MGO725" s="423" t="s">
        <v>2795</v>
      </c>
      <c r="MGP725" s="424"/>
      <c r="MGQ725" s="424"/>
      <c r="MGR725" s="424"/>
      <c r="MGS725" s="423" t="s">
        <v>2795</v>
      </c>
      <c r="MGT725" s="424"/>
      <c r="MGU725" s="424"/>
      <c r="MGV725" s="424"/>
      <c r="MGW725" s="423" t="s">
        <v>2795</v>
      </c>
      <c r="MGX725" s="424"/>
      <c r="MGY725" s="424"/>
      <c r="MGZ725" s="424"/>
      <c r="MHA725" s="423" t="s">
        <v>2795</v>
      </c>
      <c r="MHB725" s="424"/>
      <c r="MHC725" s="424"/>
      <c r="MHD725" s="424"/>
      <c r="MHE725" s="423" t="s">
        <v>2795</v>
      </c>
      <c r="MHF725" s="424"/>
      <c r="MHG725" s="424"/>
      <c r="MHH725" s="424"/>
      <c r="MHI725" s="423" t="s">
        <v>2795</v>
      </c>
      <c r="MHJ725" s="424"/>
      <c r="MHK725" s="424"/>
      <c r="MHL725" s="424"/>
      <c r="MHM725" s="423" t="s">
        <v>2795</v>
      </c>
      <c r="MHN725" s="424"/>
      <c r="MHO725" s="424"/>
      <c r="MHP725" s="424"/>
      <c r="MHQ725" s="423" t="s">
        <v>2795</v>
      </c>
      <c r="MHR725" s="424"/>
      <c r="MHS725" s="424"/>
      <c r="MHT725" s="424"/>
      <c r="MHU725" s="423" t="s">
        <v>2795</v>
      </c>
      <c r="MHV725" s="424"/>
      <c r="MHW725" s="424"/>
      <c r="MHX725" s="424"/>
      <c r="MHY725" s="423" t="s">
        <v>2795</v>
      </c>
      <c r="MHZ725" s="424"/>
      <c r="MIA725" s="424"/>
      <c r="MIB725" s="424"/>
      <c r="MIC725" s="423" t="s">
        <v>2795</v>
      </c>
      <c r="MID725" s="424"/>
      <c r="MIE725" s="424"/>
      <c r="MIF725" s="424"/>
      <c r="MIG725" s="423" t="s">
        <v>2795</v>
      </c>
      <c r="MIH725" s="424"/>
      <c r="MII725" s="424"/>
      <c r="MIJ725" s="424"/>
      <c r="MIK725" s="423" t="s">
        <v>2795</v>
      </c>
      <c r="MIL725" s="424"/>
      <c r="MIM725" s="424"/>
      <c r="MIN725" s="424"/>
      <c r="MIO725" s="423" t="s">
        <v>2795</v>
      </c>
      <c r="MIP725" s="424"/>
      <c r="MIQ725" s="424"/>
      <c r="MIR725" s="424"/>
      <c r="MIS725" s="423" t="s">
        <v>2795</v>
      </c>
      <c r="MIT725" s="424"/>
      <c r="MIU725" s="424"/>
      <c r="MIV725" s="424"/>
      <c r="MIW725" s="423" t="s">
        <v>2795</v>
      </c>
      <c r="MIX725" s="424"/>
      <c r="MIY725" s="424"/>
      <c r="MIZ725" s="424"/>
      <c r="MJA725" s="423" t="s">
        <v>2795</v>
      </c>
      <c r="MJB725" s="424"/>
      <c r="MJC725" s="424"/>
      <c r="MJD725" s="424"/>
      <c r="MJE725" s="423" t="s">
        <v>2795</v>
      </c>
      <c r="MJF725" s="424"/>
      <c r="MJG725" s="424"/>
      <c r="MJH725" s="424"/>
      <c r="MJI725" s="423" t="s">
        <v>2795</v>
      </c>
      <c r="MJJ725" s="424"/>
      <c r="MJK725" s="424"/>
      <c r="MJL725" s="424"/>
      <c r="MJM725" s="423" t="s">
        <v>2795</v>
      </c>
      <c r="MJN725" s="424"/>
      <c r="MJO725" s="424"/>
      <c r="MJP725" s="424"/>
      <c r="MJQ725" s="423" t="s">
        <v>2795</v>
      </c>
      <c r="MJR725" s="424"/>
      <c r="MJS725" s="424"/>
      <c r="MJT725" s="424"/>
      <c r="MJU725" s="423" t="s">
        <v>2795</v>
      </c>
      <c r="MJV725" s="424"/>
      <c r="MJW725" s="424"/>
      <c r="MJX725" s="424"/>
      <c r="MJY725" s="423" t="s">
        <v>2795</v>
      </c>
      <c r="MJZ725" s="424"/>
      <c r="MKA725" s="424"/>
      <c r="MKB725" s="424"/>
      <c r="MKC725" s="423" t="s">
        <v>2795</v>
      </c>
      <c r="MKD725" s="424"/>
      <c r="MKE725" s="424"/>
      <c r="MKF725" s="424"/>
      <c r="MKG725" s="423" t="s">
        <v>2795</v>
      </c>
      <c r="MKH725" s="424"/>
      <c r="MKI725" s="424"/>
      <c r="MKJ725" s="424"/>
      <c r="MKK725" s="423" t="s">
        <v>2795</v>
      </c>
      <c r="MKL725" s="424"/>
      <c r="MKM725" s="424"/>
      <c r="MKN725" s="424"/>
      <c r="MKO725" s="423" t="s">
        <v>2795</v>
      </c>
      <c r="MKP725" s="424"/>
      <c r="MKQ725" s="424"/>
      <c r="MKR725" s="424"/>
      <c r="MKS725" s="423" t="s">
        <v>2795</v>
      </c>
      <c r="MKT725" s="424"/>
      <c r="MKU725" s="424"/>
      <c r="MKV725" s="424"/>
      <c r="MKW725" s="423" t="s">
        <v>2795</v>
      </c>
      <c r="MKX725" s="424"/>
      <c r="MKY725" s="424"/>
      <c r="MKZ725" s="424"/>
      <c r="MLA725" s="423" t="s">
        <v>2795</v>
      </c>
      <c r="MLB725" s="424"/>
      <c r="MLC725" s="424"/>
      <c r="MLD725" s="424"/>
      <c r="MLE725" s="423" t="s">
        <v>2795</v>
      </c>
      <c r="MLF725" s="424"/>
      <c r="MLG725" s="424"/>
      <c r="MLH725" s="424"/>
      <c r="MLI725" s="423" t="s">
        <v>2795</v>
      </c>
      <c r="MLJ725" s="424"/>
      <c r="MLK725" s="424"/>
      <c r="MLL725" s="424"/>
      <c r="MLM725" s="423" t="s">
        <v>2795</v>
      </c>
      <c r="MLN725" s="424"/>
      <c r="MLO725" s="424"/>
      <c r="MLP725" s="424"/>
      <c r="MLQ725" s="423" t="s">
        <v>2795</v>
      </c>
      <c r="MLR725" s="424"/>
      <c r="MLS725" s="424"/>
      <c r="MLT725" s="424"/>
      <c r="MLU725" s="423" t="s">
        <v>2795</v>
      </c>
      <c r="MLV725" s="424"/>
      <c r="MLW725" s="424"/>
      <c r="MLX725" s="424"/>
      <c r="MLY725" s="423" t="s">
        <v>2795</v>
      </c>
      <c r="MLZ725" s="424"/>
      <c r="MMA725" s="424"/>
      <c r="MMB725" s="424"/>
      <c r="MMC725" s="423" t="s">
        <v>2795</v>
      </c>
      <c r="MMD725" s="424"/>
      <c r="MME725" s="424"/>
      <c r="MMF725" s="424"/>
      <c r="MMG725" s="423" t="s">
        <v>2795</v>
      </c>
      <c r="MMH725" s="424"/>
      <c r="MMI725" s="424"/>
      <c r="MMJ725" s="424"/>
      <c r="MMK725" s="423" t="s">
        <v>2795</v>
      </c>
      <c r="MML725" s="424"/>
      <c r="MMM725" s="424"/>
      <c r="MMN725" s="424"/>
      <c r="MMO725" s="423" t="s">
        <v>2795</v>
      </c>
      <c r="MMP725" s="424"/>
      <c r="MMQ725" s="424"/>
      <c r="MMR725" s="424"/>
      <c r="MMS725" s="423" t="s">
        <v>2795</v>
      </c>
      <c r="MMT725" s="424"/>
      <c r="MMU725" s="424"/>
      <c r="MMV725" s="424"/>
      <c r="MMW725" s="423" t="s">
        <v>2795</v>
      </c>
      <c r="MMX725" s="424"/>
      <c r="MMY725" s="424"/>
      <c r="MMZ725" s="424"/>
      <c r="MNA725" s="423" t="s">
        <v>2795</v>
      </c>
      <c r="MNB725" s="424"/>
      <c r="MNC725" s="424"/>
      <c r="MND725" s="424"/>
      <c r="MNE725" s="423" t="s">
        <v>2795</v>
      </c>
      <c r="MNF725" s="424"/>
      <c r="MNG725" s="424"/>
      <c r="MNH725" s="424"/>
      <c r="MNI725" s="423" t="s">
        <v>2795</v>
      </c>
      <c r="MNJ725" s="424"/>
      <c r="MNK725" s="424"/>
      <c r="MNL725" s="424"/>
      <c r="MNM725" s="423" t="s">
        <v>2795</v>
      </c>
      <c r="MNN725" s="424"/>
      <c r="MNO725" s="424"/>
      <c r="MNP725" s="424"/>
      <c r="MNQ725" s="423" t="s">
        <v>2795</v>
      </c>
      <c r="MNR725" s="424"/>
      <c r="MNS725" s="424"/>
      <c r="MNT725" s="424"/>
      <c r="MNU725" s="423" t="s">
        <v>2795</v>
      </c>
      <c r="MNV725" s="424"/>
      <c r="MNW725" s="424"/>
      <c r="MNX725" s="424"/>
      <c r="MNY725" s="423" t="s">
        <v>2795</v>
      </c>
      <c r="MNZ725" s="424"/>
      <c r="MOA725" s="424"/>
      <c r="MOB725" s="424"/>
      <c r="MOC725" s="423" t="s">
        <v>2795</v>
      </c>
      <c r="MOD725" s="424"/>
      <c r="MOE725" s="424"/>
      <c r="MOF725" s="424"/>
      <c r="MOG725" s="423" t="s">
        <v>2795</v>
      </c>
      <c r="MOH725" s="424"/>
      <c r="MOI725" s="424"/>
      <c r="MOJ725" s="424"/>
      <c r="MOK725" s="423" t="s">
        <v>2795</v>
      </c>
      <c r="MOL725" s="424"/>
      <c r="MOM725" s="424"/>
      <c r="MON725" s="424"/>
      <c r="MOO725" s="423" t="s">
        <v>2795</v>
      </c>
      <c r="MOP725" s="424"/>
      <c r="MOQ725" s="424"/>
      <c r="MOR725" s="424"/>
      <c r="MOS725" s="423" t="s">
        <v>2795</v>
      </c>
      <c r="MOT725" s="424"/>
      <c r="MOU725" s="424"/>
      <c r="MOV725" s="424"/>
      <c r="MOW725" s="423" t="s">
        <v>2795</v>
      </c>
      <c r="MOX725" s="424"/>
      <c r="MOY725" s="424"/>
      <c r="MOZ725" s="424"/>
      <c r="MPA725" s="423" t="s">
        <v>2795</v>
      </c>
      <c r="MPB725" s="424"/>
      <c r="MPC725" s="424"/>
      <c r="MPD725" s="424"/>
      <c r="MPE725" s="423" t="s">
        <v>2795</v>
      </c>
      <c r="MPF725" s="424"/>
      <c r="MPG725" s="424"/>
      <c r="MPH725" s="424"/>
      <c r="MPI725" s="423" t="s">
        <v>2795</v>
      </c>
      <c r="MPJ725" s="424"/>
      <c r="MPK725" s="424"/>
      <c r="MPL725" s="424"/>
      <c r="MPM725" s="423" t="s">
        <v>2795</v>
      </c>
      <c r="MPN725" s="424"/>
      <c r="MPO725" s="424"/>
      <c r="MPP725" s="424"/>
      <c r="MPQ725" s="423" t="s">
        <v>2795</v>
      </c>
      <c r="MPR725" s="424"/>
      <c r="MPS725" s="424"/>
      <c r="MPT725" s="424"/>
      <c r="MPU725" s="423" t="s">
        <v>2795</v>
      </c>
      <c r="MPV725" s="424"/>
      <c r="MPW725" s="424"/>
      <c r="MPX725" s="424"/>
      <c r="MPY725" s="423" t="s">
        <v>2795</v>
      </c>
      <c r="MPZ725" s="424"/>
      <c r="MQA725" s="424"/>
      <c r="MQB725" s="424"/>
      <c r="MQC725" s="423" t="s">
        <v>2795</v>
      </c>
      <c r="MQD725" s="424"/>
      <c r="MQE725" s="424"/>
      <c r="MQF725" s="424"/>
      <c r="MQG725" s="423" t="s">
        <v>2795</v>
      </c>
      <c r="MQH725" s="424"/>
      <c r="MQI725" s="424"/>
      <c r="MQJ725" s="424"/>
      <c r="MQK725" s="423" t="s">
        <v>2795</v>
      </c>
      <c r="MQL725" s="424"/>
      <c r="MQM725" s="424"/>
      <c r="MQN725" s="424"/>
      <c r="MQO725" s="423" t="s">
        <v>2795</v>
      </c>
      <c r="MQP725" s="424"/>
      <c r="MQQ725" s="424"/>
      <c r="MQR725" s="424"/>
      <c r="MQS725" s="423" t="s">
        <v>2795</v>
      </c>
      <c r="MQT725" s="424"/>
      <c r="MQU725" s="424"/>
      <c r="MQV725" s="424"/>
      <c r="MQW725" s="423" t="s">
        <v>2795</v>
      </c>
      <c r="MQX725" s="424"/>
      <c r="MQY725" s="424"/>
      <c r="MQZ725" s="424"/>
      <c r="MRA725" s="423" t="s">
        <v>2795</v>
      </c>
      <c r="MRB725" s="424"/>
      <c r="MRC725" s="424"/>
      <c r="MRD725" s="424"/>
      <c r="MRE725" s="423" t="s">
        <v>2795</v>
      </c>
      <c r="MRF725" s="424"/>
      <c r="MRG725" s="424"/>
      <c r="MRH725" s="424"/>
      <c r="MRI725" s="423" t="s">
        <v>2795</v>
      </c>
      <c r="MRJ725" s="424"/>
      <c r="MRK725" s="424"/>
      <c r="MRL725" s="424"/>
      <c r="MRM725" s="423" t="s">
        <v>2795</v>
      </c>
      <c r="MRN725" s="424"/>
      <c r="MRO725" s="424"/>
      <c r="MRP725" s="424"/>
      <c r="MRQ725" s="423" t="s">
        <v>2795</v>
      </c>
      <c r="MRR725" s="424"/>
      <c r="MRS725" s="424"/>
      <c r="MRT725" s="424"/>
      <c r="MRU725" s="423" t="s">
        <v>2795</v>
      </c>
      <c r="MRV725" s="424"/>
      <c r="MRW725" s="424"/>
      <c r="MRX725" s="424"/>
      <c r="MRY725" s="423" t="s">
        <v>2795</v>
      </c>
      <c r="MRZ725" s="424"/>
      <c r="MSA725" s="424"/>
      <c r="MSB725" s="424"/>
      <c r="MSC725" s="423" t="s">
        <v>2795</v>
      </c>
      <c r="MSD725" s="424"/>
      <c r="MSE725" s="424"/>
      <c r="MSF725" s="424"/>
      <c r="MSG725" s="423" t="s">
        <v>2795</v>
      </c>
      <c r="MSH725" s="424"/>
      <c r="MSI725" s="424"/>
      <c r="MSJ725" s="424"/>
      <c r="MSK725" s="423" t="s">
        <v>2795</v>
      </c>
      <c r="MSL725" s="424"/>
      <c r="MSM725" s="424"/>
      <c r="MSN725" s="424"/>
      <c r="MSO725" s="423" t="s">
        <v>2795</v>
      </c>
      <c r="MSP725" s="424"/>
      <c r="MSQ725" s="424"/>
      <c r="MSR725" s="424"/>
      <c r="MSS725" s="423" t="s">
        <v>2795</v>
      </c>
      <c r="MST725" s="424"/>
      <c r="MSU725" s="424"/>
      <c r="MSV725" s="424"/>
      <c r="MSW725" s="423" t="s">
        <v>2795</v>
      </c>
      <c r="MSX725" s="424"/>
      <c r="MSY725" s="424"/>
      <c r="MSZ725" s="424"/>
      <c r="MTA725" s="423" t="s">
        <v>2795</v>
      </c>
      <c r="MTB725" s="424"/>
      <c r="MTC725" s="424"/>
      <c r="MTD725" s="424"/>
      <c r="MTE725" s="423" t="s">
        <v>2795</v>
      </c>
      <c r="MTF725" s="424"/>
      <c r="MTG725" s="424"/>
      <c r="MTH725" s="424"/>
      <c r="MTI725" s="423" t="s">
        <v>2795</v>
      </c>
      <c r="MTJ725" s="424"/>
      <c r="MTK725" s="424"/>
      <c r="MTL725" s="424"/>
      <c r="MTM725" s="423" t="s">
        <v>2795</v>
      </c>
      <c r="MTN725" s="424"/>
      <c r="MTO725" s="424"/>
      <c r="MTP725" s="424"/>
      <c r="MTQ725" s="423" t="s">
        <v>2795</v>
      </c>
      <c r="MTR725" s="424"/>
      <c r="MTS725" s="424"/>
      <c r="MTT725" s="424"/>
      <c r="MTU725" s="423" t="s">
        <v>2795</v>
      </c>
      <c r="MTV725" s="424"/>
      <c r="MTW725" s="424"/>
      <c r="MTX725" s="424"/>
      <c r="MTY725" s="423" t="s">
        <v>2795</v>
      </c>
      <c r="MTZ725" s="424"/>
      <c r="MUA725" s="424"/>
      <c r="MUB725" s="424"/>
      <c r="MUC725" s="423" t="s">
        <v>2795</v>
      </c>
      <c r="MUD725" s="424"/>
      <c r="MUE725" s="424"/>
      <c r="MUF725" s="424"/>
      <c r="MUG725" s="423" t="s">
        <v>2795</v>
      </c>
      <c r="MUH725" s="424"/>
      <c r="MUI725" s="424"/>
      <c r="MUJ725" s="424"/>
      <c r="MUK725" s="423" t="s">
        <v>2795</v>
      </c>
      <c r="MUL725" s="424"/>
      <c r="MUM725" s="424"/>
      <c r="MUN725" s="424"/>
      <c r="MUO725" s="423" t="s">
        <v>2795</v>
      </c>
      <c r="MUP725" s="424"/>
      <c r="MUQ725" s="424"/>
      <c r="MUR725" s="424"/>
      <c r="MUS725" s="423" t="s">
        <v>2795</v>
      </c>
      <c r="MUT725" s="424"/>
      <c r="MUU725" s="424"/>
      <c r="MUV725" s="424"/>
      <c r="MUW725" s="423" t="s">
        <v>2795</v>
      </c>
      <c r="MUX725" s="424"/>
      <c r="MUY725" s="424"/>
      <c r="MUZ725" s="424"/>
      <c r="MVA725" s="423" t="s">
        <v>2795</v>
      </c>
      <c r="MVB725" s="424"/>
      <c r="MVC725" s="424"/>
      <c r="MVD725" s="424"/>
      <c r="MVE725" s="423" t="s">
        <v>2795</v>
      </c>
      <c r="MVF725" s="424"/>
      <c r="MVG725" s="424"/>
      <c r="MVH725" s="424"/>
      <c r="MVI725" s="423" t="s">
        <v>2795</v>
      </c>
      <c r="MVJ725" s="424"/>
      <c r="MVK725" s="424"/>
      <c r="MVL725" s="424"/>
      <c r="MVM725" s="423" t="s">
        <v>2795</v>
      </c>
      <c r="MVN725" s="424"/>
      <c r="MVO725" s="424"/>
      <c r="MVP725" s="424"/>
      <c r="MVQ725" s="423" t="s">
        <v>2795</v>
      </c>
      <c r="MVR725" s="424"/>
      <c r="MVS725" s="424"/>
      <c r="MVT725" s="424"/>
      <c r="MVU725" s="423" t="s">
        <v>2795</v>
      </c>
      <c r="MVV725" s="424"/>
      <c r="MVW725" s="424"/>
      <c r="MVX725" s="424"/>
      <c r="MVY725" s="423" t="s">
        <v>2795</v>
      </c>
      <c r="MVZ725" s="424"/>
      <c r="MWA725" s="424"/>
      <c r="MWB725" s="424"/>
      <c r="MWC725" s="423" t="s">
        <v>2795</v>
      </c>
      <c r="MWD725" s="424"/>
      <c r="MWE725" s="424"/>
      <c r="MWF725" s="424"/>
      <c r="MWG725" s="423" t="s">
        <v>2795</v>
      </c>
      <c r="MWH725" s="424"/>
      <c r="MWI725" s="424"/>
      <c r="MWJ725" s="424"/>
      <c r="MWK725" s="423" t="s">
        <v>2795</v>
      </c>
      <c r="MWL725" s="424"/>
      <c r="MWM725" s="424"/>
      <c r="MWN725" s="424"/>
      <c r="MWO725" s="423" t="s">
        <v>2795</v>
      </c>
      <c r="MWP725" s="424"/>
      <c r="MWQ725" s="424"/>
      <c r="MWR725" s="424"/>
      <c r="MWS725" s="423" t="s">
        <v>2795</v>
      </c>
      <c r="MWT725" s="424"/>
      <c r="MWU725" s="424"/>
      <c r="MWV725" s="424"/>
      <c r="MWW725" s="423" t="s">
        <v>2795</v>
      </c>
      <c r="MWX725" s="424"/>
      <c r="MWY725" s="424"/>
      <c r="MWZ725" s="424"/>
      <c r="MXA725" s="423" t="s">
        <v>2795</v>
      </c>
      <c r="MXB725" s="424"/>
      <c r="MXC725" s="424"/>
      <c r="MXD725" s="424"/>
      <c r="MXE725" s="423" t="s">
        <v>2795</v>
      </c>
      <c r="MXF725" s="424"/>
      <c r="MXG725" s="424"/>
      <c r="MXH725" s="424"/>
      <c r="MXI725" s="423" t="s">
        <v>2795</v>
      </c>
      <c r="MXJ725" s="424"/>
      <c r="MXK725" s="424"/>
      <c r="MXL725" s="424"/>
      <c r="MXM725" s="423" t="s">
        <v>2795</v>
      </c>
      <c r="MXN725" s="424"/>
      <c r="MXO725" s="424"/>
      <c r="MXP725" s="424"/>
      <c r="MXQ725" s="423" t="s">
        <v>2795</v>
      </c>
      <c r="MXR725" s="424"/>
      <c r="MXS725" s="424"/>
      <c r="MXT725" s="424"/>
      <c r="MXU725" s="423" t="s">
        <v>2795</v>
      </c>
      <c r="MXV725" s="424"/>
      <c r="MXW725" s="424"/>
      <c r="MXX725" s="424"/>
      <c r="MXY725" s="423" t="s">
        <v>2795</v>
      </c>
      <c r="MXZ725" s="424"/>
      <c r="MYA725" s="424"/>
      <c r="MYB725" s="424"/>
      <c r="MYC725" s="423" t="s">
        <v>2795</v>
      </c>
      <c r="MYD725" s="424"/>
      <c r="MYE725" s="424"/>
      <c r="MYF725" s="424"/>
      <c r="MYG725" s="423" t="s">
        <v>2795</v>
      </c>
      <c r="MYH725" s="424"/>
      <c r="MYI725" s="424"/>
      <c r="MYJ725" s="424"/>
      <c r="MYK725" s="423" t="s">
        <v>2795</v>
      </c>
      <c r="MYL725" s="424"/>
      <c r="MYM725" s="424"/>
      <c r="MYN725" s="424"/>
      <c r="MYO725" s="423" t="s">
        <v>2795</v>
      </c>
      <c r="MYP725" s="424"/>
      <c r="MYQ725" s="424"/>
      <c r="MYR725" s="424"/>
      <c r="MYS725" s="423" t="s">
        <v>2795</v>
      </c>
      <c r="MYT725" s="424"/>
      <c r="MYU725" s="424"/>
      <c r="MYV725" s="424"/>
      <c r="MYW725" s="423" t="s">
        <v>2795</v>
      </c>
      <c r="MYX725" s="424"/>
      <c r="MYY725" s="424"/>
      <c r="MYZ725" s="424"/>
      <c r="MZA725" s="423" t="s">
        <v>2795</v>
      </c>
      <c r="MZB725" s="424"/>
      <c r="MZC725" s="424"/>
      <c r="MZD725" s="424"/>
      <c r="MZE725" s="423" t="s">
        <v>2795</v>
      </c>
      <c r="MZF725" s="424"/>
      <c r="MZG725" s="424"/>
      <c r="MZH725" s="424"/>
      <c r="MZI725" s="423" t="s">
        <v>2795</v>
      </c>
      <c r="MZJ725" s="424"/>
      <c r="MZK725" s="424"/>
      <c r="MZL725" s="424"/>
      <c r="MZM725" s="423" t="s">
        <v>2795</v>
      </c>
      <c r="MZN725" s="424"/>
      <c r="MZO725" s="424"/>
      <c r="MZP725" s="424"/>
      <c r="MZQ725" s="423" t="s">
        <v>2795</v>
      </c>
      <c r="MZR725" s="424"/>
      <c r="MZS725" s="424"/>
      <c r="MZT725" s="424"/>
      <c r="MZU725" s="423" t="s">
        <v>2795</v>
      </c>
      <c r="MZV725" s="424"/>
      <c r="MZW725" s="424"/>
      <c r="MZX725" s="424"/>
      <c r="MZY725" s="423" t="s">
        <v>2795</v>
      </c>
      <c r="MZZ725" s="424"/>
      <c r="NAA725" s="424"/>
      <c r="NAB725" s="424"/>
      <c r="NAC725" s="423" t="s">
        <v>2795</v>
      </c>
      <c r="NAD725" s="424"/>
      <c r="NAE725" s="424"/>
      <c r="NAF725" s="424"/>
      <c r="NAG725" s="423" t="s">
        <v>2795</v>
      </c>
      <c r="NAH725" s="424"/>
      <c r="NAI725" s="424"/>
      <c r="NAJ725" s="424"/>
      <c r="NAK725" s="423" t="s">
        <v>2795</v>
      </c>
      <c r="NAL725" s="424"/>
      <c r="NAM725" s="424"/>
      <c r="NAN725" s="424"/>
      <c r="NAO725" s="423" t="s">
        <v>2795</v>
      </c>
      <c r="NAP725" s="424"/>
      <c r="NAQ725" s="424"/>
      <c r="NAR725" s="424"/>
      <c r="NAS725" s="423" t="s">
        <v>2795</v>
      </c>
      <c r="NAT725" s="424"/>
      <c r="NAU725" s="424"/>
      <c r="NAV725" s="424"/>
      <c r="NAW725" s="423" t="s">
        <v>2795</v>
      </c>
      <c r="NAX725" s="424"/>
      <c r="NAY725" s="424"/>
      <c r="NAZ725" s="424"/>
      <c r="NBA725" s="423" t="s">
        <v>2795</v>
      </c>
      <c r="NBB725" s="424"/>
      <c r="NBC725" s="424"/>
      <c r="NBD725" s="424"/>
      <c r="NBE725" s="423" t="s">
        <v>2795</v>
      </c>
      <c r="NBF725" s="424"/>
      <c r="NBG725" s="424"/>
      <c r="NBH725" s="424"/>
      <c r="NBI725" s="423" t="s">
        <v>2795</v>
      </c>
      <c r="NBJ725" s="424"/>
      <c r="NBK725" s="424"/>
      <c r="NBL725" s="424"/>
      <c r="NBM725" s="423" t="s">
        <v>2795</v>
      </c>
      <c r="NBN725" s="424"/>
      <c r="NBO725" s="424"/>
      <c r="NBP725" s="424"/>
      <c r="NBQ725" s="423" t="s">
        <v>2795</v>
      </c>
      <c r="NBR725" s="424"/>
      <c r="NBS725" s="424"/>
      <c r="NBT725" s="424"/>
      <c r="NBU725" s="423" t="s">
        <v>2795</v>
      </c>
      <c r="NBV725" s="424"/>
      <c r="NBW725" s="424"/>
      <c r="NBX725" s="424"/>
      <c r="NBY725" s="423" t="s">
        <v>2795</v>
      </c>
      <c r="NBZ725" s="424"/>
      <c r="NCA725" s="424"/>
      <c r="NCB725" s="424"/>
      <c r="NCC725" s="423" t="s">
        <v>2795</v>
      </c>
      <c r="NCD725" s="424"/>
      <c r="NCE725" s="424"/>
      <c r="NCF725" s="424"/>
      <c r="NCG725" s="423" t="s">
        <v>2795</v>
      </c>
      <c r="NCH725" s="424"/>
      <c r="NCI725" s="424"/>
      <c r="NCJ725" s="424"/>
      <c r="NCK725" s="423" t="s">
        <v>2795</v>
      </c>
      <c r="NCL725" s="424"/>
      <c r="NCM725" s="424"/>
      <c r="NCN725" s="424"/>
      <c r="NCO725" s="423" t="s">
        <v>2795</v>
      </c>
      <c r="NCP725" s="424"/>
      <c r="NCQ725" s="424"/>
      <c r="NCR725" s="424"/>
      <c r="NCS725" s="423" t="s">
        <v>2795</v>
      </c>
      <c r="NCT725" s="424"/>
      <c r="NCU725" s="424"/>
      <c r="NCV725" s="424"/>
      <c r="NCW725" s="423" t="s">
        <v>2795</v>
      </c>
      <c r="NCX725" s="424"/>
      <c r="NCY725" s="424"/>
      <c r="NCZ725" s="424"/>
      <c r="NDA725" s="423" t="s">
        <v>2795</v>
      </c>
      <c r="NDB725" s="424"/>
      <c r="NDC725" s="424"/>
      <c r="NDD725" s="424"/>
      <c r="NDE725" s="423" t="s">
        <v>2795</v>
      </c>
      <c r="NDF725" s="424"/>
      <c r="NDG725" s="424"/>
      <c r="NDH725" s="424"/>
      <c r="NDI725" s="423" t="s">
        <v>2795</v>
      </c>
      <c r="NDJ725" s="424"/>
      <c r="NDK725" s="424"/>
      <c r="NDL725" s="424"/>
      <c r="NDM725" s="423" t="s">
        <v>2795</v>
      </c>
      <c r="NDN725" s="424"/>
      <c r="NDO725" s="424"/>
      <c r="NDP725" s="424"/>
      <c r="NDQ725" s="423" t="s">
        <v>2795</v>
      </c>
      <c r="NDR725" s="424"/>
      <c r="NDS725" s="424"/>
      <c r="NDT725" s="424"/>
      <c r="NDU725" s="423" t="s">
        <v>2795</v>
      </c>
      <c r="NDV725" s="424"/>
      <c r="NDW725" s="424"/>
      <c r="NDX725" s="424"/>
      <c r="NDY725" s="423" t="s">
        <v>2795</v>
      </c>
      <c r="NDZ725" s="424"/>
      <c r="NEA725" s="424"/>
      <c r="NEB725" s="424"/>
      <c r="NEC725" s="423" t="s">
        <v>2795</v>
      </c>
      <c r="NED725" s="424"/>
      <c r="NEE725" s="424"/>
      <c r="NEF725" s="424"/>
      <c r="NEG725" s="423" t="s">
        <v>2795</v>
      </c>
      <c r="NEH725" s="424"/>
      <c r="NEI725" s="424"/>
      <c r="NEJ725" s="424"/>
      <c r="NEK725" s="423" t="s">
        <v>2795</v>
      </c>
      <c r="NEL725" s="424"/>
      <c r="NEM725" s="424"/>
      <c r="NEN725" s="424"/>
      <c r="NEO725" s="423" t="s">
        <v>2795</v>
      </c>
      <c r="NEP725" s="424"/>
      <c r="NEQ725" s="424"/>
      <c r="NER725" s="424"/>
      <c r="NES725" s="423" t="s">
        <v>2795</v>
      </c>
      <c r="NET725" s="424"/>
      <c r="NEU725" s="424"/>
      <c r="NEV725" s="424"/>
      <c r="NEW725" s="423" t="s">
        <v>2795</v>
      </c>
      <c r="NEX725" s="424"/>
      <c r="NEY725" s="424"/>
      <c r="NEZ725" s="424"/>
      <c r="NFA725" s="423" t="s">
        <v>2795</v>
      </c>
      <c r="NFB725" s="424"/>
      <c r="NFC725" s="424"/>
      <c r="NFD725" s="424"/>
      <c r="NFE725" s="423" t="s">
        <v>2795</v>
      </c>
      <c r="NFF725" s="424"/>
      <c r="NFG725" s="424"/>
      <c r="NFH725" s="424"/>
      <c r="NFI725" s="423" t="s">
        <v>2795</v>
      </c>
      <c r="NFJ725" s="424"/>
      <c r="NFK725" s="424"/>
      <c r="NFL725" s="424"/>
      <c r="NFM725" s="423" t="s">
        <v>2795</v>
      </c>
      <c r="NFN725" s="424"/>
      <c r="NFO725" s="424"/>
      <c r="NFP725" s="424"/>
      <c r="NFQ725" s="423" t="s">
        <v>2795</v>
      </c>
      <c r="NFR725" s="424"/>
      <c r="NFS725" s="424"/>
      <c r="NFT725" s="424"/>
      <c r="NFU725" s="423" t="s">
        <v>2795</v>
      </c>
      <c r="NFV725" s="424"/>
      <c r="NFW725" s="424"/>
      <c r="NFX725" s="424"/>
      <c r="NFY725" s="423" t="s">
        <v>2795</v>
      </c>
      <c r="NFZ725" s="424"/>
      <c r="NGA725" s="424"/>
      <c r="NGB725" s="424"/>
      <c r="NGC725" s="423" t="s">
        <v>2795</v>
      </c>
      <c r="NGD725" s="424"/>
      <c r="NGE725" s="424"/>
      <c r="NGF725" s="424"/>
      <c r="NGG725" s="423" t="s">
        <v>2795</v>
      </c>
      <c r="NGH725" s="424"/>
      <c r="NGI725" s="424"/>
      <c r="NGJ725" s="424"/>
      <c r="NGK725" s="423" t="s">
        <v>2795</v>
      </c>
      <c r="NGL725" s="424"/>
      <c r="NGM725" s="424"/>
      <c r="NGN725" s="424"/>
      <c r="NGO725" s="423" t="s">
        <v>2795</v>
      </c>
      <c r="NGP725" s="424"/>
      <c r="NGQ725" s="424"/>
      <c r="NGR725" s="424"/>
      <c r="NGS725" s="423" t="s">
        <v>2795</v>
      </c>
      <c r="NGT725" s="424"/>
      <c r="NGU725" s="424"/>
      <c r="NGV725" s="424"/>
      <c r="NGW725" s="423" t="s">
        <v>2795</v>
      </c>
      <c r="NGX725" s="424"/>
      <c r="NGY725" s="424"/>
      <c r="NGZ725" s="424"/>
      <c r="NHA725" s="423" t="s">
        <v>2795</v>
      </c>
      <c r="NHB725" s="424"/>
      <c r="NHC725" s="424"/>
      <c r="NHD725" s="424"/>
      <c r="NHE725" s="423" t="s">
        <v>2795</v>
      </c>
      <c r="NHF725" s="424"/>
      <c r="NHG725" s="424"/>
      <c r="NHH725" s="424"/>
      <c r="NHI725" s="423" t="s">
        <v>2795</v>
      </c>
      <c r="NHJ725" s="424"/>
      <c r="NHK725" s="424"/>
      <c r="NHL725" s="424"/>
      <c r="NHM725" s="423" t="s">
        <v>2795</v>
      </c>
      <c r="NHN725" s="424"/>
      <c r="NHO725" s="424"/>
      <c r="NHP725" s="424"/>
      <c r="NHQ725" s="423" t="s">
        <v>2795</v>
      </c>
      <c r="NHR725" s="424"/>
      <c r="NHS725" s="424"/>
      <c r="NHT725" s="424"/>
      <c r="NHU725" s="423" t="s">
        <v>2795</v>
      </c>
      <c r="NHV725" s="424"/>
      <c r="NHW725" s="424"/>
      <c r="NHX725" s="424"/>
      <c r="NHY725" s="423" t="s">
        <v>2795</v>
      </c>
      <c r="NHZ725" s="424"/>
      <c r="NIA725" s="424"/>
      <c r="NIB725" s="424"/>
      <c r="NIC725" s="423" t="s">
        <v>2795</v>
      </c>
      <c r="NID725" s="424"/>
      <c r="NIE725" s="424"/>
      <c r="NIF725" s="424"/>
      <c r="NIG725" s="423" t="s">
        <v>2795</v>
      </c>
      <c r="NIH725" s="424"/>
      <c r="NII725" s="424"/>
      <c r="NIJ725" s="424"/>
      <c r="NIK725" s="423" t="s">
        <v>2795</v>
      </c>
      <c r="NIL725" s="424"/>
      <c r="NIM725" s="424"/>
      <c r="NIN725" s="424"/>
      <c r="NIO725" s="423" t="s">
        <v>2795</v>
      </c>
      <c r="NIP725" s="424"/>
      <c r="NIQ725" s="424"/>
      <c r="NIR725" s="424"/>
      <c r="NIS725" s="423" t="s">
        <v>2795</v>
      </c>
      <c r="NIT725" s="424"/>
      <c r="NIU725" s="424"/>
      <c r="NIV725" s="424"/>
      <c r="NIW725" s="423" t="s">
        <v>2795</v>
      </c>
      <c r="NIX725" s="424"/>
      <c r="NIY725" s="424"/>
      <c r="NIZ725" s="424"/>
      <c r="NJA725" s="423" t="s">
        <v>2795</v>
      </c>
      <c r="NJB725" s="424"/>
      <c r="NJC725" s="424"/>
      <c r="NJD725" s="424"/>
      <c r="NJE725" s="423" t="s">
        <v>2795</v>
      </c>
      <c r="NJF725" s="424"/>
      <c r="NJG725" s="424"/>
      <c r="NJH725" s="424"/>
      <c r="NJI725" s="423" t="s">
        <v>2795</v>
      </c>
      <c r="NJJ725" s="424"/>
      <c r="NJK725" s="424"/>
      <c r="NJL725" s="424"/>
      <c r="NJM725" s="423" t="s">
        <v>2795</v>
      </c>
      <c r="NJN725" s="424"/>
      <c r="NJO725" s="424"/>
      <c r="NJP725" s="424"/>
      <c r="NJQ725" s="423" t="s">
        <v>2795</v>
      </c>
      <c r="NJR725" s="424"/>
      <c r="NJS725" s="424"/>
      <c r="NJT725" s="424"/>
      <c r="NJU725" s="423" t="s">
        <v>2795</v>
      </c>
      <c r="NJV725" s="424"/>
      <c r="NJW725" s="424"/>
      <c r="NJX725" s="424"/>
      <c r="NJY725" s="423" t="s">
        <v>2795</v>
      </c>
      <c r="NJZ725" s="424"/>
      <c r="NKA725" s="424"/>
      <c r="NKB725" s="424"/>
      <c r="NKC725" s="423" t="s">
        <v>2795</v>
      </c>
      <c r="NKD725" s="424"/>
      <c r="NKE725" s="424"/>
      <c r="NKF725" s="424"/>
      <c r="NKG725" s="423" t="s">
        <v>2795</v>
      </c>
      <c r="NKH725" s="424"/>
      <c r="NKI725" s="424"/>
      <c r="NKJ725" s="424"/>
      <c r="NKK725" s="423" t="s">
        <v>2795</v>
      </c>
      <c r="NKL725" s="424"/>
      <c r="NKM725" s="424"/>
      <c r="NKN725" s="424"/>
      <c r="NKO725" s="423" t="s">
        <v>2795</v>
      </c>
      <c r="NKP725" s="424"/>
      <c r="NKQ725" s="424"/>
      <c r="NKR725" s="424"/>
      <c r="NKS725" s="423" t="s">
        <v>2795</v>
      </c>
      <c r="NKT725" s="424"/>
      <c r="NKU725" s="424"/>
      <c r="NKV725" s="424"/>
      <c r="NKW725" s="423" t="s">
        <v>2795</v>
      </c>
      <c r="NKX725" s="424"/>
      <c r="NKY725" s="424"/>
      <c r="NKZ725" s="424"/>
      <c r="NLA725" s="423" t="s">
        <v>2795</v>
      </c>
      <c r="NLB725" s="424"/>
      <c r="NLC725" s="424"/>
      <c r="NLD725" s="424"/>
      <c r="NLE725" s="423" t="s">
        <v>2795</v>
      </c>
      <c r="NLF725" s="424"/>
      <c r="NLG725" s="424"/>
      <c r="NLH725" s="424"/>
      <c r="NLI725" s="423" t="s">
        <v>2795</v>
      </c>
      <c r="NLJ725" s="424"/>
      <c r="NLK725" s="424"/>
      <c r="NLL725" s="424"/>
      <c r="NLM725" s="423" t="s">
        <v>2795</v>
      </c>
      <c r="NLN725" s="424"/>
      <c r="NLO725" s="424"/>
      <c r="NLP725" s="424"/>
      <c r="NLQ725" s="423" t="s">
        <v>2795</v>
      </c>
      <c r="NLR725" s="424"/>
      <c r="NLS725" s="424"/>
      <c r="NLT725" s="424"/>
      <c r="NLU725" s="423" t="s">
        <v>2795</v>
      </c>
      <c r="NLV725" s="424"/>
      <c r="NLW725" s="424"/>
      <c r="NLX725" s="424"/>
      <c r="NLY725" s="423" t="s">
        <v>2795</v>
      </c>
      <c r="NLZ725" s="424"/>
      <c r="NMA725" s="424"/>
      <c r="NMB725" s="424"/>
      <c r="NMC725" s="423" t="s">
        <v>2795</v>
      </c>
      <c r="NMD725" s="424"/>
      <c r="NME725" s="424"/>
      <c r="NMF725" s="424"/>
      <c r="NMG725" s="423" t="s">
        <v>2795</v>
      </c>
      <c r="NMH725" s="424"/>
      <c r="NMI725" s="424"/>
      <c r="NMJ725" s="424"/>
      <c r="NMK725" s="423" t="s">
        <v>2795</v>
      </c>
      <c r="NML725" s="424"/>
      <c r="NMM725" s="424"/>
      <c r="NMN725" s="424"/>
      <c r="NMO725" s="423" t="s">
        <v>2795</v>
      </c>
      <c r="NMP725" s="424"/>
      <c r="NMQ725" s="424"/>
      <c r="NMR725" s="424"/>
      <c r="NMS725" s="423" t="s">
        <v>2795</v>
      </c>
      <c r="NMT725" s="424"/>
      <c r="NMU725" s="424"/>
      <c r="NMV725" s="424"/>
      <c r="NMW725" s="423" t="s">
        <v>2795</v>
      </c>
      <c r="NMX725" s="424"/>
      <c r="NMY725" s="424"/>
      <c r="NMZ725" s="424"/>
      <c r="NNA725" s="423" t="s">
        <v>2795</v>
      </c>
      <c r="NNB725" s="424"/>
      <c r="NNC725" s="424"/>
      <c r="NND725" s="424"/>
      <c r="NNE725" s="423" t="s">
        <v>2795</v>
      </c>
      <c r="NNF725" s="424"/>
      <c r="NNG725" s="424"/>
      <c r="NNH725" s="424"/>
      <c r="NNI725" s="423" t="s">
        <v>2795</v>
      </c>
      <c r="NNJ725" s="424"/>
      <c r="NNK725" s="424"/>
      <c r="NNL725" s="424"/>
      <c r="NNM725" s="423" t="s">
        <v>2795</v>
      </c>
      <c r="NNN725" s="424"/>
      <c r="NNO725" s="424"/>
      <c r="NNP725" s="424"/>
      <c r="NNQ725" s="423" t="s">
        <v>2795</v>
      </c>
      <c r="NNR725" s="424"/>
      <c r="NNS725" s="424"/>
      <c r="NNT725" s="424"/>
      <c r="NNU725" s="423" t="s">
        <v>2795</v>
      </c>
      <c r="NNV725" s="424"/>
      <c r="NNW725" s="424"/>
      <c r="NNX725" s="424"/>
      <c r="NNY725" s="423" t="s">
        <v>2795</v>
      </c>
      <c r="NNZ725" s="424"/>
      <c r="NOA725" s="424"/>
      <c r="NOB725" s="424"/>
      <c r="NOC725" s="423" t="s">
        <v>2795</v>
      </c>
      <c r="NOD725" s="424"/>
      <c r="NOE725" s="424"/>
      <c r="NOF725" s="424"/>
      <c r="NOG725" s="423" t="s">
        <v>2795</v>
      </c>
      <c r="NOH725" s="424"/>
      <c r="NOI725" s="424"/>
      <c r="NOJ725" s="424"/>
      <c r="NOK725" s="423" t="s">
        <v>2795</v>
      </c>
      <c r="NOL725" s="424"/>
      <c r="NOM725" s="424"/>
      <c r="NON725" s="424"/>
      <c r="NOO725" s="423" t="s">
        <v>2795</v>
      </c>
      <c r="NOP725" s="424"/>
      <c r="NOQ725" s="424"/>
      <c r="NOR725" s="424"/>
      <c r="NOS725" s="423" t="s">
        <v>2795</v>
      </c>
      <c r="NOT725" s="424"/>
      <c r="NOU725" s="424"/>
      <c r="NOV725" s="424"/>
      <c r="NOW725" s="423" t="s">
        <v>2795</v>
      </c>
      <c r="NOX725" s="424"/>
      <c r="NOY725" s="424"/>
      <c r="NOZ725" s="424"/>
      <c r="NPA725" s="423" t="s">
        <v>2795</v>
      </c>
      <c r="NPB725" s="424"/>
      <c r="NPC725" s="424"/>
      <c r="NPD725" s="424"/>
      <c r="NPE725" s="423" t="s">
        <v>2795</v>
      </c>
      <c r="NPF725" s="424"/>
      <c r="NPG725" s="424"/>
      <c r="NPH725" s="424"/>
      <c r="NPI725" s="423" t="s">
        <v>2795</v>
      </c>
      <c r="NPJ725" s="424"/>
      <c r="NPK725" s="424"/>
      <c r="NPL725" s="424"/>
      <c r="NPM725" s="423" t="s">
        <v>2795</v>
      </c>
      <c r="NPN725" s="424"/>
      <c r="NPO725" s="424"/>
      <c r="NPP725" s="424"/>
      <c r="NPQ725" s="423" t="s">
        <v>2795</v>
      </c>
      <c r="NPR725" s="424"/>
      <c r="NPS725" s="424"/>
      <c r="NPT725" s="424"/>
      <c r="NPU725" s="423" t="s">
        <v>2795</v>
      </c>
      <c r="NPV725" s="424"/>
      <c r="NPW725" s="424"/>
      <c r="NPX725" s="424"/>
      <c r="NPY725" s="423" t="s">
        <v>2795</v>
      </c>
      <c r="NPZ725" s="424"/>
      <c r="NQA725" s="424"/>
      <c r="NQB725" s="424"/>
      <c r="NQC725" s="423" t="s">
        <v>2795</v>
      </c>
      <c r="NQD725" s="424"/>
      <c r="NQE725" s="424"/>
      <c r="NQF725" s="424"/>
      <c r="NQG725" s="423" t="s">
        <v>2795</v>
      </c>
      <c r="NQH725" s="424"/>
      <c r="NQI725" s="424"/>
      <c r="NQJ725" s="424"/>
      <c r="NQK725" s="423" t="s">
        <v>2795</v>
      </c>
      <c r="NQL725" s="424"/>
      <c r="NQM725" s="424"/>
      <c r="NQN725" s="424"/>
      <c r="NQO725" s="423" t="s">
        <v>2795</v>
      </c>
      <c r="NQP725" s="424"/>
      <c r="NQQ725" s="424"/>
      <c r="NQR725" s="424"/>
      <c r="NQS725" s="423" t="s">
        <v>2795</v>
      </c>
      <c r="NQT725" s="424"/>
      <c r="NQU725" s="424"/>
      <c r="NQV725" s="424"/>
      <c r="NQW725" s="423" t="s">
        <v>2795</v>
      </c>
      <c r="NQX725" s="424"/>
      <c r="NQY725" s="424"/>
      <c r="NQZ725" s="424"/>
      <c r="NRA725" s="423" t="s">
        <v>2795</v>
      </c>
      <c r="NRB725" s="424"/>
      <c r="NRC725" s="424"/>
      <c r="NRD725" s="424"/>
      <c r="NRE725" s="423" t="s">
        <v>2795</v>
      </c>
      <c r="NRF725" s="424"/>
      <c r="NRG725" s="424"/>
      <c r="NRH725" s="424"/>
      <c r="NRI725" s="423" t="s">
        <v>2795</v>
      </c>
      <c r="NRJ725" s="424"/>
      <c r="NRK725" s="424"/>
      <c r="NRL725" s="424"/>
      <c r="NRM725" s="423" t="s">
        <v>2795</v>
      </c>
      <c r="NRN725" s="424"/>
      <c r="NRO725" s="424"/>
      <c r="NRP725" s="424"/>
      <c r="NRQ725" s="423" t="s">
        <v>2795</v>
      </c>
      <c r="NRR725" s="424"/>
      <c r="NRS725" s="424"/>
      <c r="NRT725" s="424"/>
      <c r="NRU725" s="423" t="s">
        <v>2795</v>
      </c>
      <c r="NRV725" s="424"/>
      <c r="NRW725" s="424"/>
      <c r="NRX725" s="424"/>
      <c r="NRY725" s="423" t="s">
        <v>2795</v>
      </c>
      <c r="NRZ725" s="424"/>
      <c r="NSA725" s="424"/>
      <c r="NSB725" s="424"/>
      <c r="NSC725" s="423" t="s">
        <v>2795</v>
      </c>
      <c r="NSD725" s="424"/>
      <c r="NSE725" s="424"/>
      <c r="NSF725" s="424"/>
      <c r="NSG725" s="423" t="s">
        <v>2795</v>
      </c>
      <c r="NSH725" s="424"/>
      <c r="NSI725" s="424"/>
      <c r="NSJ725" s="424"/>
      <c r="NSK725" s="423" t="s">
        <v>2795</v>
      </c>
      <c r="NSL725" s="424"/>
      <c r="NSM725" s="424"/>
      <c r="NSN725" s="424"/>
      <c r="NSO725" s="423" t="s">
        <v>2795</v>
      </c>
      <c r="NSP725" s="424"/>
      <c r="NSQ725" s="424"/>
      <c r="NSR725" s="424"/>
      <c r="NSS725" s="423" t="s">
        <v>2795</v>
      </c>
      <c r="NST725" s="424"/>
      <c r="NSU725" s="424"/>
      <c r="NSV725" s="424"/>
      <c r="NSW725" s="423" t="s">
        <v>2795</v>
      </c>
      <c r="NSX725" s="424"/>
      <c r="NSY725" s="424"/>
      <c r="NSZ725" s="424"/>
      <c r="NTA725" s="423" t="s">
        <v>2795</v>
      </c>
      <c r="NTB725" s="424"/>
      <c r="NTC725" s="424"/>
      <c r="NTD725" s="424"/>
      <c r="NTE725" s="423" t="s">
        <v>2795</v>
      </c>
      <c r="NTF725" s="424"/>
      <c r="NTG725" s="424"/>
      <c r="NTH725" s="424"/>
      <c r="NTI725" s="423" t="s">
        <v>2795</v>
      </c>
      <c r="NTJ725" s="424"/>
      <c r="NTK725" s="424"/>
      <c r="NTL725" s="424"/>
      <c r="NTM725" s="423" t="s">
        <v>2795</v>
      </c>
      <c r="NTN725" s="424"/>
      <c r="NTO725" s="424"/>
      <c r="NTP725" s="424"/>
      <c r="NTQ725" s="423" t="s">
        <v>2795</v>
      </c>
      <c r="NTR725" s="424"/>
      <c r="NTS725" s="424"/>
      <c r="NTT725" s="424"/>
      <c r="NTU725" s="423" t="s">
        <v>2795</v>
      </c>
      <c r="NTV725" s="424"/>
      <c r="NTW725" s="424"/>
      <c r="NTX725" s="424"/>
      <c r="NTY725" s="423" t="s">
        <v>2795</v>
      </c>
      <c r="NTZ725" s="424"/>
      <c r="NUA725" s="424"/>
      <c r="NUB725" s="424"/>
      <c r="NUC725" s="423" t="s">
        <v>2795</v>
      </c>
      <c r="NUD725" s="424"/>
      <c r="NUE725" s="424"/>
      <c r="NUF725" s="424"/>
      <c r="NUG725" s="423" t="s">
        <v>2795</v>
      </c>
      <c r="NUH725" s="424"/>
      <c r="NUI725" s="424"/>
      <c r="NUJ725" s="424"/>
      <c r="NUK725" s="423" t="s">
        <v>2795</v>
      </c>
      <c r="NUL725" s="424"/>
      <c r="NUM725" s="424"/>
      <c r="NUN725" s="424"/>
      <c r="NUO725" s="423" t="s">
        <v>2795</v>
      </c>
      <c r="NUP725" s="424"/>
      <c r="NUQ725" s="424"/>
      <c r="NUR725" s="424"/>
      <c r="NUS725" s="423" t="s">
        <v>2795</v>
      </c>
      <c r="NUT725" s="424"/>
      <c r="NUU725" s="424"/>
      <c r="NUV725" s="424"/>
      <c r="NUW725" s="423" t="s">
        <v>2795</v>
      </c>
      <c r="NUX725" s="424"/>
      <c r="NUY725" s="424"/>
      <c r="NUZ725" s="424"/>
      <c r="NVA725" s="423" t="s">
        <v>2795</v>
      </c>
      <c r="NVB725" s="424"/>
      <c r="NVC725" s="424"/>
      <c r="NVD725" s="424"/>
      <c r="NVE725" s="423" t="s">
        <v>2795</v>
      </c>
      <c r="NVF725" s="424"/>
      <c r="NVG725" s="424"/>
      <c r="NVH725" s="424"/>
      <c r="NVI725" s="423" t="s">
        <v>2795</v>
      </c>
      <c r="NVJ725" s="424"/>
      <c r="NVK725" s="424"/>
      <c r="NVL725" s="424"/>
      <c r="NVM725" s="423" t="s">
        <v>2795</v>
      </c>
      <c r="NVN725" s="424"/>
      <c r="NVO725" s="424"/>
      <c r="NVP725" s="424"/>
      <c r="NVQ725" s="423" t="s">
        <v>2795</v>
      </c>
      <c r="NVR725" s="424"/>
      <c r="NVS725" s="424"/>
      <c r="NVT725" s="424"/>
      <c r="NVU725" s="423" t="s">
        <v>2795</v>
      </c>
      <c r="NVV725" s="424"/>
      <c r="NVW725" s="424"/>
      <c r="NVX725" s="424"/>
      <c r="NVY725" s="423" t="s">
        <v>2795</v>
      </c>
      <c r="NVZ725" s="424"/>
      <c r="NWA725" s="424"/>
      <c r="NWB725" s="424"/>
      <c r="NWC725" s="423" t="s">
        <v>2795</v>
      </c>
      <c r="NWD725" s="424"/>
      <c r="NWE725" s="424"/>
      <c r="NWF725" s="424"/>
      <c r="NWG725" s="423" t="s">
        <v>2795</v>
      </c>
      <c r="NWH725" s="424"/>
      <c r="NWI725" s="424"/>
      <c r="NWJ725" s="424"/>
      <c r="NWK725" s="423" t="s">
        <v>2795</v>
      </c>
      <c r="NWL725" s="424"/>
      <c r="NWM725" s="424"/>
      <c r="NWN725" s="424"/>
      <c r="NWO725" s="423" t="s">
        <v>2795</v>
      </c>
      <c r="NWP725" s="424"/>
      <c r="NWQ725" s="424"/>
      <c r="NWR725" s="424"/>
      <c r="NWS725" s="423" t="s">
        <v>2795</v>
      </c>
      <c r="NWT725" s="424"/>
      <c r="NWU725" s="424"/>
      <c r="NWV725" s="424"/>
      <c r="NWW725" s="423" t="s">
        <v>2795</v>
      </c>
      <c r="NWX725" s="424"/>
      <c r="NWY725" s="424"/>
      <c r="NWZ725" s="424"/>
      <c r="NXA725" s="423" t="s">
        <v>2795</v>
      </c>
      <c r="NXB725" s="424"/>
      <c r="NXC725" s="424"/>
      <c r="NXD725" s="424"/>
      <c r="NXE725" s="423" t="s">
        <v>2795</v>
      </c>
      <c r="NXF725" s="424"/>
      <c r="NXG725" s="424"/>
      <c r="NXH725" s="424"/>
      <c r="NXI725" s="423" t="s">
        <v>2795</v>
      </c>
      <c r="NXJ725" s="424"/>
      <c r="NXK725" s="424"/>
      <c r="NXL725" s="424"/>
      <c r="NXM725" s="423" t="s">
        <v>2795</v>
      </c>
      <c r="NXN725" s="424"/>
      <c r="NXO725" s="424"/>
      <c r="NXP725" s="424"/>
      <c r="NXQ725" s="423" t="s">
        <v>2795</v>
      </c>
      <c r="NXR725" s="424"/>
      <c r="NXS725" s="424"/>
      <c r="NXT725" s="424"/>
      <c r="NXU725" s="423" t="s">
        <v>2795</v>
      </c>
      <c r="NXV725" s="424"/>
      <c r="NXW725" s="424"/>
      <c r="NXX725" s="424"/>
      <c r="NXY725" s="423" t="s">
        <v>2795</v>
      </c>
      <c r="NXZ725" s="424"/>
      <c r="NYA725" s="424"/>
      <c r="NYB725" s="424"/>
      <c r="NYC725" s="423" t="s">
        <v>2795</v>
      </c>
      <c r="NYD725" s="424"/>
      <c r="NYE725" s="424"/>
      <c r="NYF725" s="424"/>
      <c r="NYG725" s="423" t="s">
        <v>2795</v>
      </c>
      <c r="NYH725" s="424"/>
      <c r="NYI725" s="424"/>
      <c r="NYJ725" s="424"/>
      <c r="NYK725" s="423" t="s">
        <v>2795</v>
      </c>
      <c r="NYL725" s="424"/>
      <c r="NYM725" s="424"/>
      <c r="NYN725" s="424"/>
      <c r="NYO725" s="423" t="s">
        <v>2795</v>
      </c>
      <c r="NYP725" s="424"/>
      <c r="NYQ725" s="424"/>
      <c r="NYR725" s="424"/>
      <c r="NYS725" s="423" t="s">
        <v>2795</v>
      </c>
      <c r="NYT725" s="424"/>
      <c r="NYU725" s="424"/>
      <c r="NYV725" s="424"/>
      <c r="NYW725" s="423" t="s">
        <v>2795</v>
      </c>
      <c r="NYX725" s="424"/>
      <c r="NYY725" s="424"/>
      <c r="NYZ725" s="424"/>
      <c r="NZA725" s="423" t="s">
        <v>2795</v>
      </c>
      <c r="NZB725" s="424"/>
      <c r="NZC725" s="424"/>
      <c r="NZD725" s="424"/>
      <c r="NZE725" s="423" t="s">
        <v>2795</v>
      </c>
      <c r="NZF725" s="424"/>
      <c r="NZG725" s="424"/>
      <c r="NZH725" s="424"/>
      <c r="NZI725" s="423" t="s">
        <v>2795</v>
      </c>
      <c r="NZJ725" s="424"/>
      <c r="NZK725" s="424"/>
      <c r="NZL725" s="424"/>
      <c r="NZM725" s="423" t="s">
        <v>2795</v>
      </c>
      <c r="NZN725" s="424"/>
      <c r="NZO725" s="424"/>
      <c r="NZP725" s="424"/>
      <c r="NZQ725" s="423" t="s">
        <v>2795</v>
      </c>
      <c r="NZR725" s="424"/>
      <c r="NZS725" s="424"/>
      <c r="NZT725" s="424"/>
      <c r="NZU725" s="423" t="s">
        <v>2795</v>
      </c>
      <c r="NZV725" s="424"/>
      <c r="NZW725" s="424"/>
      <c r="NZX725" s="424"/>
      <c r="NZY725" s="423" t="s">
        <v>2795</v>
      </c>
      <c r="NZZ725" s="424"/>
      <c r="OAA725" s="424"/>
      <c r="OAB725" s="424"/>
      <c r="OAC725" s="423" t="s">
        <v>2795</v>
      </c>
      <c r="OAD725" s="424"/>
      <c r="OAE725" s="424"/>
      <c r="OAF725" s="424"/>
      <c r="OAG725" s="423" t="s">
        <v>2795</v>
      </c>
      <c r="OAH725" s="424"/>
      <c r="OAI725" s="424"/>
      <c r="OAJ725" s="424"/>
      <c r="OAK725" s="423" t="s">
        <v>2795</v>
      </c>
      <c r="OAL725" s="424"/>
      <c r="OAM725" s="424"/>
      <c r="OAN725" s="424"/>
      <c r="OAO725" s="423" t="s">
        <v>2795</v>
      </c>
      <c r="OAP725" s="424"/>
      <c r="OAQ725" s="424"/>
      <c r="OAR725" s="424"/>
      <c r="OAS725" s="423" t="s">
        <v>2795</v>
      </c>
      <c r="OAT725" s="424"/>
      <c r="OAU725" s="424"/>
      <c r="OAV725" s="424"/>
      <c r="OAW725" s="423" t="s">
        <v>2795</v>
      </c>
      <c r="OAX725" s="424"/>
      <c r="OAY725" s="424"/>
      <c r="OAZ725" s="424"/>
      <c r="OBA725" s="423" t="s">
        <v>2795</v>
      </c>
      <c r="OBB725" s="424"/>
      <c r="OBC725" s="424"/>
      <c r="OBD725" s="424"/>
      <c r="OBE725" s="423" t="s">
        <v>2795</v>
      </c>
      <c r="OBF725" s="424"/>
      <c r="OBG725" s="424"/>
      <c r="OBH725" s="424"/>
      <c r="OBI725" s="423" t="s">
        <v>2795</v>
      </c>
      <c r="OBJ725" s="424"/>
      <c r="OBK725" s="424"/>
      <c r="OBL725" s="424"/>
      <c r="OBM725" s="423" t="s">
        <v>2795</v>
      </c>
      <c r="OBN725" s="424"/>
      <c r="OBO725" s="424"/>
      <c r="OBP725" s="424"/>
      <c r="OBQ725" s="423" t="s">
        <v>2795</v>
      </c>
      <c r="OBR725" s="424"/>
      <c r="OBS725" s="424"/>
      <c r="OBT725" s="424"/>
      <c r="OBU725" s="423" t="s">
        <v>2795</v>
      </c>
      <c r="OBV725" s="424"/>
      <c r="OBW725" s="424"/>
      <c r="OBX725" s="424"/>
      <c r="OBY725" s="423" t="s">
        <v>2795</v>
      </c>
      <c r="OBZ725" s="424"/>
      <c r="OCA725" s="424"/>
      <c r="OCB725" s="424"/>
      <c r="OCC725" s="423" t="s">
        <v>2795</v>
      </c>
      <c r="OCD725" s="424"/>
      <c r="OCE725" s="424"/>
      <c r="OCF725" s="424"/>
      <c r="OCG725" s="423" t="s">
        <v>2795</v>
      </c>
      <c r="OCH725" s="424"/>
      <c r="OCI725" s="424"/>
      <c r="OCJ725" s="424"/>
      <c r="OCK725" s="423" t="s">
        <v>2795</v>
      </c>
      <c r="OCL725" s="424"/>
      <c r="OCM725" s="424"/>
      <c r="OCN725" s="424"/>
      <c r="OCO725" s="423" t="s">
        <v>2795</v>
      </c>
      <c r="OCP725" s="424"/>
      <c r="OCQ725" s="424"/>
      <c r="OCR725" s="424"/>
      <c r="OCS725" s="423" t="s">
        <v>2795</v>
      </c>
      <c r="OCT725" s="424"/>
      <c r="OCU725" s="424"/>
      <c r="OCV725" s="424"/>
      <c r="OCW725" s="423" t="s">
        <v>2795</v>
      </c>
      <c r="OCX725" s="424"/>
      <c r="OCY725" s="424"/>
      <c r="OCZ725" s="424"/>
      <c r="ODA725" s="423" t="s">
        <v>2795</v>
      </c>
      <c r="ODB725" s="424"/>
      <c r="ODC725" s="424"/>
      <c r="ODD725" s="424"/>
      <c r="ODE725" s="423" t="s">
        <v>2795</v>
      </c>
      <c r="ODF725" s="424"/>
      <c r="ODG725" s="424"/>
      <c r="ODH725" s="424"/>
      <c r="ODI725" s="423" t="s">
        <v>2795</v>
      </c>
      <c r="ODJ725" s="424"/>
      <c r="ODK725" s="424"/>
      <c r="ODL725" s="424"/>
      <c r="ODM725" s="423" t="s">
        <v>2795</v>
      </c>
      <c r="ODN725" s="424"/>
      <c r="ODO725" s="424"/>
      <c r="ODP725" s="424"/>
      <c r="ODQ725" s="423" t="s">
        <v>2795</v>
      </c>
      <c r="ODR725" s="424"/>
      <c r="ODS725" s="424"/>
      <c r="ODT725" s="424"/>
      <c r="ODU725" s="423" t="s">
        <v>2795</v>
      </c>
      <c r="ODV725" s="424"/>
      <c r="ODW725" s="424"/>
      <c r="ODX725" s="424"/>
      <c r="ODY725" s="423" t="s">
        <v>2795</v>
      </c>
      <c r="ODZ725" s="424"/>
      <c r="OEA725" s="424"/>
      <c r="OEB725" s="424"/>
      <c r="OEC725" s="423" t="s">
        <v>2795</v>
      </c>
      <c r="OED725" s="424"/>
      <c r="OEE725" s="424"/>
      <c r="OEF725" s="424"/>
      <c r="OEG725" s="423" t="s">
        <v>2795</v>
      </c>
      <c r="OEH725" s="424"/>
      <c r="OEI725" s="424"/>
      <c r="OEJ725" s="424"/>
      <c r="OEK725" s="423" t="s">
        <v>2795</v>
      </c>
      <c r="OEL725" s="424"/>
      <c r="OEM725" s="424"/>
      <c r="OEN725" s="424"/>
      <c r="OEO725" s="423" t="s">
        <v>2795</v>
      </c>
      <c r="OEP725" s="424"/>
      <c r="OEQ725" s="424"/>
      <c r="OER725" s="424"/>
      <c r="OES725" s="423" t="s">
        <v>2795</v>
      </c>
      <c r="OET725" s="424"/>
      <c r="OEU725" s="424"/>
      <c r="OEV725" s="424"/>
      <c r="OEW725" s="423" t="s">
        <v>2795</v>
      </c>
      <c r="OEX725" s="424"/>
      <c r="OEY725" s="424"/>
      <c r="OEZ725" s="424"/>
      <c r="OFA725" s="423" t="s">
        <v>2795</v>
      </c>
      <c r="OFB725" s="424"/>
      <c r="OFC725" s="424"/>
      <c r="OFD725" s="424"/>
      <c r="OFE725" s="423" t="s">
        <v>2795</v>
      </c>
      <c r="OFF725" s="424"/>
      <c r="OFG725" s="424"/>
      <c r="OFH725" s="424"/>
      <c r="OFI725" s="423" t="s">
        <v>2795</v>
      </c>
      <c r="OFJ725" s="424"/>
      <c r="OFK725" s="424"/>
      <c r="OFL725" s="424"/>
      <c r="OFM725" s="423" t="s">
        <v>2795</v>
      </c>
      <c r="OFN725" s="424"/>
      <c r="OFO725" s="424"/>
      <c r="OFP725" s="424"/>
      <c r="OFQ725" s="423" t="s">
        <v>2795</v>
      </c>
      <c r="OFR725" s="424"/>
      <c r="OFS725" s="424"/>
      <c r="OFT725" s="424"/>
      <c r="OFU725" s="423" t="s">
        <v>2795</v>
      </c>
      <c r="OFV725" s="424"/>
      <c r="OFW725" s="424"/>
      <c r="OFX725" s="424"/>
      <c r="OFY725" s="423" t="s">
        <v>2795</v>
      </c>
      <c r="OFZ725" s="424"/>
      <c r="OGA725" s="424"/>
      <c r="OGB725" s="424"/>
      <c r="OGC725" s="423" t="s">
        <v>2795</v>
      </c>
      <c r="OGD725" s="424"/>
      <c r="OGE725" s="424"/>
      <c r="OGF725" s="424"/>
      <c r="OGG725" s="423" t="s">
        <v>2795</v>
      </c>
      <c r="OGH725" s="424"/>
      <c r="OGI725" s="424"/>
      <c r="OGJ725" s="424"/>
      <c r="OGK725" s="423" t="s">
        <v>2795</v>
      </c>
      <c r="OGL725" s="424"/>
      <c r="OGM725" s="424"/>
      <c r="OGN725" s="424"/>
      <c r="OGO725" s="423" t="s">
        <v>2795</v>
      </c>
      <c r="OGP725" s="424"/>
      <c r="OGQ725" s="424"/>
      <c r="OGR725" s="424"/>
      <c r="OGS725" s="423" t="s">
        <v>2795</v>
      </c>
      <c r="OGT725" s="424"/>
      <c r="OGU725" s="424"/>
      <c r="OGV725" s="424"/>
      <c r="OGW725" s="423" t="s">
        <v>2795</v>
      </c>
      <c r="OGX725" s="424"/>
      <c r="OGY725" s="424"/>
      <c r="OGZ725" s="424"/>
      <c r="OHA725" s="423" t="s">
        <v>2795</v>
      </c>
      <c r="OHB725" s="424"/>
      <c r="OHC725" s="424"/>
      <c r="OHD725" s="424"/>
      <c r="OHE725" s="423" t="s">
        <v>2795</v>
      </c>
      <c r="OHF725" s="424"/>
      <c r="OHG725" s="424"/>
      <c r="OHH725" s="424"/>
      <c r="OHI725" s="423" t="s">
        <v>2795</v>
      </c>
      <c r="OHJ725" s="424"/>
      <c r="OHK725" s="424"/>
      <c r="OHL725" s="424"/>
      <c r="OHM725" s="423" t="s">
        <v>2795</v>
      </c>
      <c r="OHN725" s="424"/>
      <c r="OHO725" s="424"/>
      <c r="OHP725" s="424"/>
      <c r="OHQ725" s="423" t="s">
        <v>2795</v>
      </c>
      <c r="OHR725" s="424"/>
      <c r="OHS725" s="424"/>
      <c r="OHT725" s="424"/>
      <c r="OHU725" s="423" t="s">
        <v>2795</v>
      </c>
      <c r="OHV725" s="424"/>
      <c r="OHW725" s="424"/>
      <c r="OHX725" s="424"/>
      <c r="OHY725" s="423" t="s">
        <v>2795</v>
      </c>
      <c r="OHZ725" s="424"/>
      <c r="OIA725" s="424"/>
      <c r="OIB725" s="424"/>
      <c r="OIC725" s="423" t="s">
        <v>2795</v>
      </c>
      <c r="OID725" s="424"/>
      <c r="OIE725" s="424"/>
      <c r="OIF725" s="424"/>
      <c r="OIG725" s="423" t="s">
        <v>2795</v>
      </c>
      <c r="OIH725" s="424"/>
      <c r="OII725" s="424"/>
      <c r="OIJ725" s="424"/>
      <c r="OIK725" s="423" t="s">
        <v>2795</v>
      </c>
      <c r="OIL725" s="424"/>
      <c r="OIM725" s="424"/>
      <c r="OIN725" s="424"/>
      <c r="OIO725" s="423" t="s">
        <v>2795</v>
      </c>
      <c r="OIP725" s="424"/>
      <c r="OIQ725" s="424"/>
      <c r="OIR725" s="424"/>
      <c r="OIS725" s="423" t="s">
        <v>2795</v>
      </c>
      <c r="OIT725" s="424"/>
      <c r="OIU725" s="424"/>
      <c r="OIV725" s="424"/>
      <c r="OIW725" s="423" t="s">
        <v>2795</v>
      </c>
      <c r="OIX725" s="424"/>
      <c r="OIY725" s="424"/>
      <c r="OIZ725" s="424"/>
      <c r="OJA725" s="423" t="s">
        <v>2795</v>
      </c>
      <c r="OJB725" s="424"/>
      <c r="OJC725" s="424"/>
      <c r="OJD725" s="424"/>
      <c r="OJE725" s="423" t="s">
        <v>2795</v>
      </c>
      <c r="OJF725" s="424"/>
      <c r="OJG725" s="424"/>
      <c r="OJH725" s="424"/>
      <c r="OJI725" s="423" t="s">
        <v>2795</v>
      </c>
      <c r="OJJ725" s="424"/>
      <c r="OJK725" s="424"/>
      <c r="OJL725" s="424"/>
      <c r="OJM725" s="423" t="s">
        <v>2795</v>
      </c>
      <c r="OJN725" s="424"/>
      <c r="OJO725" s="424"/>
      <c r="OJP725" s="424"/>
      <c r="OJQ725" s="423" t="s">
        <v>2795</v>
      </c>
      <c r="OJR725" s="424"/>
      <c r="OJS725" s="424"/>
      <c r="OJT725" s="424"/>
      <c r="OJU725" s="423" t="s">
        <v>2795</v>
      </c>
      <c r="OJV725" s="424"/>
      <c r="OJW725" s="424"/>
      <c r="OJX725" s="424"/>
      <c r="OJY725" s="423" t="s">
        <v>2795</v>
      </c>
      <c r="OJZ725" s="424"/>
      <c r="OKA725" s="424"/>
      <c r="OKB725" s="424"/>
      <c r="OKC725" s="423" t="s">
        <v>2795</v>
      </c>
      <c r="OKD725" s="424"/>
      <c r="OKE725" s="424"/>
      <c r="OKF725" s="424"/>
      <c r="OKG725" s="423" t="s">
        <v>2795</v>
      </c>
      <c r="OKH725" s="424"/>
      <c r="OKI725" s="424"/>
      <c r="OKJ725" s="424"/>
      <c r="OKK725" s="423" t="s">
        <v>2795</v>
      </c>
      <c r="OKL725" s="424"/>
      <c r="OKM725" s="424"/>
      <c r="OKN725" s="424"/>
      <c r="OKO725" s="423" t="s">
        <v>2795</v>
      </c>
      <c r="OKP725" s="424"/>
      <c r="OKQ725" s="424"/>
      <c r="OKR725" s="424"/>
      <c r="OKS725" s="423" t="s">
        <v>2795</v>
      </c>
      <c r="OKT725" s="424"/>
      <c r="OKU725" s="424"/>
      <c r="OKV725" s="424"/>
      <c r="OKW725" s="423" t="s">
        <v>2795</v>
      </c>
      <c r="OKX725" s="424"/>
      <c r="OKY725" s="424"/>
      <c r="OKZ725" s="424"/>
      <c r="OLA725" s="423" t="s">
        <v>2795</v>
      </c>
      <c r="OLB725" s="424"/>
      <c r="OLC725" s="424"/>
      <c r="OLD725" s="424"/>
      <c r="OLE725" s="423" t="s">
        <v>2795</v>
      </c>
      <c r="OLF725" s="424"/>
      <c r="OLG725" s="424"/>
      <c r="OLH725" s="424"/>
      <c r="OLI725" s="423" t="s">
        <v>2795</v>
      </c>
      <c r="OLJ725" s="424"/>
      <c r="OLK725" s="424"/>
      <c r="OLL725" s="424"/>
      <c r="OLM725" s="423" t="s">
        <v>2795</v>
      </c>
      <c r="OLN725" s="424"/>
      <c r="OLO725" s="424"/>
      <c r="OLP725" s="424"/>
      <c r="OLQ725" s="423" t="s">
        <v>2795</v>
      </c>
      <c r="OLR725" s="424"/>
      <c r="OLS725" s="424"/>
      <c r="OLT725" s="424"/>
      <c r="OLU725" s="423" t="s">
        <v>2795</v>
      </c>
      <c r="OLV725" s="424"/>
      <c r="OLW725" s="424"/>
      <c r="OLX725" s="424"/>
      <c r="OLY725" s="423" t="s">
        <v>2795</v>
      </c>
      <c r="OLZ725" s="424"/>
      <c r="OMA725" s="424"/>
      <c r="OMB725" s="424"/>
      <c r="OMC725" s="423" t="s">
        <v>2795</v>
      </c>
      <c r="OMD725" s="424"/>
      <c r="OME725" s="424"/>
      <c r="OMF725" s="424"/>
      <c r="OMG725" s="423" t="s">
        <v>2795</v>
      </c>
      <c r="OMH725" s="424"/>
      <c r="OMI725" s="424"/>
      <c r="OMJ725" s="424"/>
      <c r="OMK725" s="423" t="s">
        <v>2795</v>
      </c>
      <c r="OML725" s="424"/>
      <c r="OMM725" s="424"/>
      <c r="OMN725" s="424"/>
      <c r="OMO725" s="423" t="s">
        <v>2795</v>
      </c>
      <c r="OMP725" s="424"/>
      <c r="OMQ725" s="424"/>
      <c r="OMR725" s="424"/>
      <c r="OMS725" s="423" t="s">
        <v>2795</v>
      </c>
      <c r="OMT725" s="424"/>
      <c r="OMU725" s="424"/>
      <c r="OMV725" s="424"/>
      <c r="OMW725" s="423" t="s">
        <v>2795</v>
      </c>
      <c r="OMX725" s="424"/>
      <c r="OMY725" s="424"/>
      <c r="OMZ725" s="424"/>
      <c r="ONA725" s="423" t="s">
        <v>2795</v>
      </c>
      <c r="ONB725" s="424"/>
      <c r="ONC725" s="424"/>
      <c r="OND725" s="424"/>
      <c r="ONE725" s="423" t="s">
        <v>2795</v>
      </c>
      <c r="ONF725" s="424"/>
      <c r="ONG725" s="424"/>
      <c r="ONH725" s="424"/>
      <c r="ONI725" s="423" t="s">
        <v>2795</v>
      </c>
      <c r="ONJ725" s="424"/>
      <c r="ONK725" s="424"/>
      <c r="ONL725" s="424"/>
      <c r="ONM725" s="423" t="s">
        <v>2795</v>
      </c>
      <c r="ONN725" s="424"/>
      <c r="ONO725" s="424"/>
      <c r="ONP725" s="424"/>
      <c r="ONQ725" s="423" t="s">
        <v>2795</v>
      </c>
      <c r="ONR725" s="424"/>
      <c r="ONS725" s="424"/>
      <c r="ONT725" s="424"/>
      <c r="ONU725" s="423" t="s">
        <v>2795</v>
      </c>
      <c r="ONV725" s="424"/>
      <c r="ONW725" s="424"/>
      <c r="ONX725" s="424"/>
      <c r="ONY725" s="423" t="s">
        <v>2795</v>
      </c>
      <c r="ONZ725" s="424"/>
      <c r="OOA725" s="424"/>
      <c r="OOB725" s="424"/>
      <c r="OOC725" s="423" t="s">
        <v>2795</v>
      </c>
      <c r="OOD725" s="424"/>
      <c r="OOE725" s="424"/>
      <c r="OOF725" s="424"/>
      <c r="OOG725" s="423" t="s">
        <v>2795</v>
      </c>
      <c r="OOH725" s="424"/>
      <c r="OOI725" s="424"/>
      <c r="OOJ725" s="424"/>
      <c r="OOK725" s="423" t="s">
        <v>2795</v>
      </c>
      <c r="OOL725" s="424"/>
      <c r="OOM725" s="424"/>
      <c r="OON725" s="424"/>
      <c r="OOO725" s="423" t="s">
        <v>2795</v>
      </c>
      <c r="OOP725" s="424"/>
      <c r="OOQ725" s="424"/>
      <c r="OOR725" s="424"/>
      <c r="OOS725" s="423" t="s">
        <v>2795</v>
      </c>
      <c r="OOT725" s="424"/>
      <c r="OOU725" s="424"/>
      <c r="OOV725" s="424"/>
      <c r="OOW725" s="423" t="s">
        <v>2795</v>
      </c>
      <c r="OOX725" s="424"/>
      <c r="OOY725" s="424"/>
      <c r="OOZ725" s="424"/>
      <c r="OPA725" s="423" t="s">
        <v>2795</v>
      </c>
      <c r="OPB725" s="424"/>
      <c r="OPC725" s="424"/>
      <c r="OPD725" s="424"/>
      <c r="OPE725" s="423" t="s">
        <v>2795</v>
      </c>
      <c r="OPF725" s="424"/>
      <c r="OPG725" s="424"/>
      <c r="OPH725" s="424"/>
      <c r="OPI725" s="423" t="s">
        <v>2795</v>
      </c>
      <c r="OPJ725" s="424"/>
      <c r="OPK725" s="424"/>
      <c r="OPL725" s="424"/>
      <c r="OPM725" s="423" t="s">
        <v>2795</v>
      </c>
      <c r="OPN725" s="424"/>
      <c r="OPO725" s="424"/>
      <c r="OPP725" s="424"/>
      <c r="OPQ725" s="423" t="s">
        <v>2795</v>
      </c>
      <c r="OPR725" s="424"/>
      <c r="OPS725" s="424"/>
      <c r="OPT725" s="424"/>
      <c r="OPU725" s="423" t="s">
        <v>2795</v>
      </c>
      <c r="OPV725" s="424"/>
      <c r="OPW725" s="424"/>
      <c r="OPX725" s="424"/>
      <c r="OPY725" s="423" t="s">
        <v>2795</v>
      </c>
      <c r="OPZ725" s="424"/>
      <c r="OQA725" s="424"/>
      <c r="OQB725" s="424"/>
      <c r="OQC725" s="423" t="s">
        <v>2795</v>
      </c>
      <c r="OQD725" s="424"/>
      <c r="OQE725" s="424"/>
      <c r="OQF725" s="424"/>
      <c r="OQG725" s="423" t="s">
        <v>2795</v>
      </c>
      <c r="OQH725" s="424"/>
      <c r="OQI725" s="424"/>
      <c r="OQJ725" s="424"/>
      <c r="OQK725" s="423" t="s">
        <v>2795</v>
      </c>
      <c r="OQL725" s="424"/>
      <c r="OQM725" s="424"/>
      <c r="OQN725" s="424"/>
      <c r="OQO725" s="423" t="s">
        <v>2795</v>
      </c>
      <c r="OQP725" s="424"/>
      <c r="OQQ725" s="424"/>
      <c r="OQR725" s="424"/>
      <c r="OQS725" s="423" t="s">
        <v>2795</v>
      </c>
      <c r="OQT725" s="424"/>
      <c r="OQU725" s="424"/>
      <c r="OQV725" s="424"/>
      <c r="OQW725" s="423" t="s">
        <v>2795</v>
      </c>
      <c r="OQX725" s="424"/>
      <c r="OQY725" s="424"/>
      <c r="OQZ725" s="424"/>
      <c r="ORA725" s="423" t="s">
        <v>2795</v>
      </c>
      <c r="ORB725" s="424"/>
      <c r="ORC725" s="424"/>
      <c r="ORD725" s="424"/>
      <c r="ORE725" s="423" t="s">
        <v>2795</v>
      </c>
      <c r="ORF725" s="424"/>
      <c r="ORG725" s="424"/>
      <c r="ORH725" s="424"/>
      <c r="ORI725" s="423" t="s">
        <v>2795</v>
      </c>
      <c r="ORJ725" s="424"/>
      <c r="ORK725" s="424"/>
      <c r="ORL725" s="424"/>
      <c r="ORM725" s="423" t="s">
        <v>2795</v>
      </c>
      <c r="ORN725" s="424"/>
      <c r="ORO725" s="424"/>
      <c r="ORP725" s="424"/>
      <c r="ORQ725" s="423" t="s">
        <v>2795</v>
      </c>
      <c r="ORR725" s="424"/>
      <c r="ORS725" s="424"/>
      <c r="ORT725" s="424"/>
      <c r="ORU725" s="423" t="s">
        <v>2795</v>
      </c>
      <c r="ORV725" s="424"/>
      <c r="ORW725" s="424"/>
      <c r="ORX725" s="424"/>
      <c r="ORY725" s="423" t="s">
        <v>2795</v>
      </c>
      <c r="ORZ725" s="424"/>
      <c r="OSA725" s="424"/>
      <c r="OSB725" s="424"/>
      <c r="OSC725" s="423" t="s">
        <v>2795</v>
      </c>
      <c r="OSD725" s="424"/>
      <c r="OSE725" s="424"/>
      <c r="OSF725" s="424"/>
      <c r="OSG725" s="423" t="s">
        <v>2795</v>
      </c>
      <c r="OSH725" s="424"/>
      <c r="OSI725" s="424"/>
      <c r="OSJ725" s="424"/>
      <c r="OSK725" s="423" t="s">
        <v>2795</v>
      </c>
      <c r="OSL725" s="424"/>
      <c r="OSM725" s="424"/>
      <c r="OSN725" s="424"/>
      <c r="OSO725" s="423" t="s">
        <v>2795</v>
      </c>
      <c r="OSP725" s="424"/>
      <c r="OSQ725" s="424"/>
      <c r="OSR725" s="424"/>
      <c r="OSS725" s="423" t="s">
        <v>2795</v>
      </c>
      <c r="OST725" s="424"/>
      <c r="OSU725" s="424"/>
      <c r="OSV725" s="424"/>
      <c r="OSW725" s="423" t="s">
        <v>2795</v>
      </c>
      <c r="OSX725" s="424"/>
      <c r="OSY725" s="424"/>
      <c r="OSZ725" s="424"/>
      <c r="OTA725" s="423" t="s">
        <v>2795</v>
      </c>
      <c r="OTB725" s="424"/>
      <c r="OTC725" s="424"/>
      <c r="OTD725" s="424"/>
      <c r="OTE725" s="423" t="s">
        <v>2795</v>
      </c>
      <c r="OTF725" s="424"/>
      <c r="OTG725" s="424"/>
      <c r="OTH725" s="424"/>
      <c r="OTI725" s="423" t="s">
        <v>2795</v>
      </c>
      <c r="OTJ725" s="424"/>
      <c r="OTK725" s="424"/>
      <c r="OTL725" s="424"/>
      <c r="OTM725" s="423" t="s">
        <v>2795</v>
      </c>
      <c r="OTN725" s="424"/>
      <c r="OTO725" s="424"/>
      <c r="OTP725" s="424"/>
      <c r="OTQ725" s="423" t="s">
        <v>2795</v>
      </c>
      <c r="OTR725" s="424"/>
      <c r="OTS725" s="424"/>
      <c r="OTT725" s="424"/>
      <c r="OTU725" s="423" t="s">
        <v>2795</v>
      </c>
      <c r="OTV725" s="424"/>
      <c r="OTW725" s="424"/>
      <c r="OTX725" s="424"/>
      <c r="OTY725" s="423" t="s">
        <v>2795</v>
      </c>
      <c r="OTZ725" s="424"/>
      <c r="OUA725" s="424"/>
      <c r="OUB725" s="424"/>
      <c r="OUC725" s="423" t="s">
        <v>2795</v>
      </c>
      <c r="OUD725" s="424"/>
      <c r="OUE725" s="424"/>
      <c r="OUF725" s="424"/>
      <c r="OUG725" s="423" t="s">
        <v>2795</v>
      </c>
      <c r="OUH725" s="424"/>
      <c r="OUI725" s="424"/>
      <c r="OUJ725" s="424"/>
      <c r="OUK725" s="423" t="s">
        <v>2795</v>
      </c>
      <c r="OUL725" s="424"/>
      <c r="OUM725" s="424"/>
      <c r="OUN725" s="424"/>
      <c r="OUO725" s="423" t="s">
        <v>2795</v>
      </c>
      <c r="OUP725" s="424"/>
      <c r="OUQ725" s="424"/>
      <c r="OUR725" s="424"/>
      <c r="OUS725" s="423" t="s">
        <v>2795</v>
      </c>
      <c r="OUT725" s="424"/>
      <c r="OUU725" s="424"/>
      <c r="OUV725" s="424"/>
      <c r="OUW725" s="423" t="s">
        <v>2795</v>
      </c>
      <c r="OUX725" s="424"/>
      <c r="OUY725" s="424"/>
      <c r="OUZ725" s="424"/>
      <c r="OVA725" s="423" t="s">
        <v>2795</v>
      </c>
      <c r="OVB725" s="424"/>
      <c r="OVC725" s="424"/>
      <c r="OVD725" s="424"/>
      <c r="OVE725" s="423" t="s">
        <v>2795</v>
      </c>
      <c r="OVF725" s="424"/>
      <c r="OVG725" s="424"/>
      <c r="OVH725" s="424"/>
      <c r="OVI725" s="423" t="s">
        <v>2795</v>
      </c>
      <c r="OVJ725" s="424"/>
      <c r="OVK725" s="424"/>
      <c r="OVL725" s="424"/>
      <c r="OVM725" s="423" t="s">
        <v>2795</v>
      </c>
      <c r="OVN725" s="424"/>
      <c r="OVO725" s="424"/>
      <c r="OVP725" s="424"/>
      <c r="OVQ725" s="423" t="s">
        <v>2795</v>
      </c>
      <c r="OVR725" s="424"/>
      <c r="OVS725" s="424"/>
      <c r="OVT725" s="424"/>
      <c r="OVU725" s="423" t="s">
        <v>2795</v>
      </c>
      <c r="OVV725" s="424"/>
      <c r="OVW725" s="424"/>
      <c r="OVX725" s="424"/>
      <c r="OVY725" s="423" t="s">
        <v>2795</v>
      </c>
      <c r="OVZ725" s="424"/>
      <c r="OWA725" s="424"/>
      <c r="OWB725" s="424"/>
      <c r="OWC725" s="423" t="s">
        <v>2795</v>
      </c>
      <c r="OWD725" s="424"/>
      <c r="OWE725" s="424"/>
      <c r="OWF725" s="424"/>
      <c r="OWG725" s="423" t="s">
        <v>2795</v>
      </c>
      <c r="OWH725" s="424"/>
      <c r="OWI725" s="424"/>
      <c r="OWJ725" s="424"/>
      <c r="OWK725" s="423" t="s">
        <v>2795</v>
      </c>
      <c r="OWL725" s="424"/>
      <c r="OWM725" s="424"/>
      <c r="OWN725" s="424"/>
      <c r="OWO725" s="423" t="s">
        <v>2795</v>
      </c>
      <c r="OWP725" s="424"/>
      <c r="OWQ725" s="424"/>
      <c r="OWR725" s="424"/>
      <c r="OWS725" s="423" t="s">
        <v>2795</v>
      </c>
      <c r="OWT725" s="424"/>
      <c r="OWU725" s="424"/>
      <c r="OWV725" s="424"/>
      <c r="OWW725" s="423" t="s">
        <v>2795</v>
      </c>
      <c r="OWX725" s="424"/>
      <c r="OWY725" s="424"/>
      <c r="OWZ725" s="424"/>
      <c r="OXA725" s="423" t="s">
        <v>2795</v>
      </c>
      <c r="OXB725" s="424"/>
      <c r="OXC725" s="424"/>
      <c r="OXD725" s="424"/>
      <c r="OXE725" s="423" t="s">
        <v>2795</v>
      </c>
      <c r="OXF725" s="424"/>
      <c r="OXG725" s="424"/>
      <c r="OXH725" s="424"/>
      <c r="OXI725" s="423" t="s">
        <v>2795</v>
      </c>
      <c r="OXJ725" s="424"/>
      <c r="OXK725" s="424"/>
      <c r="OXL725" s="424"/>
      <c r="OXM725" s="423" t="s">
        <v>2795</v>
      </c>
      <c r="OXN725" s="424"/>
      <c r="OXO725" s="424"/>
      <c r="OXP725" s="424"/>
      <c r="OXQ725" s="423" t="s">
        <v>2795</v>
      </c>
      <c r="OXR725" s="424"/>
      <c r="OXS725" s="424"/>
      <c r="OXT725" s="424"/>
      <c r="OXU725" s="423" t="s">
        <v>2795</v>
      </c>
      <c r="OXV725" s="424"/>
      <c r="OXW725" s="424"/>
      <c r="OXX725" s="424"/>
      <c r="OXY725" s="423" t="s">
        <v>2795</v>
      </c>
      <c r="OXZ725" s="424"/>
      <c r="OYA725" s="424"/>
      <c r="OYB725" s="424"/>
      <c r="OYC725" s="423" t="s">
        <v>2795</v>
      </c>
      <c r="OYD725" s="424"/>
      <c r="OYE725" s="424"/>
      <c r="OYF725" s="424"/>
      <c r="OYG725" s="423" t="s">
        <v>2795</v>
      </c>
      <c r="OYH725" s="424"/>
      <c r="OYI725" s="424"/>
      <c r="OYJ725" s="424"/>
      <c r="OYK725" s="423" t="s">
        <v>2795</v>
      </c>
      <c r="OYL725" s="424"/>
      <c r="OYM725" s="424"/>
      <c r="OYN725" s="424"/>
      <c r="OYO725" s="423" t="s">
        <v>2795</v>
      </c>
      <c r="OYP725" s="424"/>
      <c r="OYQ725" s="424"/>
      <c r="OYR725" s="424"/>
      <c r="OYS725" s="423" t="s">
        <v>2795</v>
      </c>
      <c r="OYT725" s="424"/>
      <c r="OYU725" s="424"/>
      <c r="OYV725" s="424"/>
      <c r="OYW725" s="423" t="s">
        <v>2795</v>
      </c>
      <c r="OYX725" s="424"/>
      <c r="OYY725" s="424"/>
      <c r="OYZ725" s="424"/>
      <c r="OZA725" s="423" t="s">
        <v>2795</v>
      </c>
      <c r="OZB725" s="424"/>
      <c r="OZC725" s="424"/>
      <c r="OZD725" s="424"/>
      <c r="OZE725" s="423" t="s">
        <v>2795</v>
      </c>
      <c r="OZF725" s="424"/>
      <c r="OZG725" s="424"/>
      <c r="OZH725" s="424"/>
      <c r="OZI725" s="423" t="s">
        <v>2795</v>
      </c>
      <c r="OZJ725" s="424"/>
      <c r="OZK725" s="424"/>
      <c r="OZL725" s="424"/>
      <c r="OZM725" s="423" t="s">
        <v>2795</v>
      </c>
      <c r="OZN725" s="424"/>
      <c r="OZO725" s="424"/>
      <c r="OZP725" s="424"/>
      <c r="OZQ725" s="423" t="s">
        <v>2795</v>
      </c>
      <c r="OZR725" s="424"/>
      <c r="OZS725" s="424"/>
      <c r="OZT725" s="424"/>
      <c r="OZU725" s="423" t="s">
        <v>2795</v>
      </c>
      <c r="OZV725" s="424"/>
      <c r="OZW725" s="424"/>
      <c r="OZX725" s="424"/>
      <c r="OZY725" s="423" t="s">
        <v>2795</v>
      </c>
      <c r="OZZ725" s="424"/>
      <c r="PAA725" s="424"/>
      <c r="PAB725" s="424"/>
      <c r="PAC725" s="423" t="s">
        <v>2795</v>
      </c>
      <c r="PAD725" s="424"/>
      <c r="PAE725" s="424"/>
      <c r="PAF725" s="424"/>
      <c r="PAG725" s="423" t="s">
        <v>2795</v>
      </c>
      <c r="PAH725" s="424"/>
      <c r="PAI725" s="424"/>
      <c r="PAJ725" s="424"/>
      <c r="PAK725" s="423" t="s">
        <v>2795</v>
      </c>
      <c r="PAL725" s="424"/>
      <c r="PAM725" s="424"/>
      <c r="PAN725" s="424"/>
      <c r="PAO725" s="423" t="s">
        <v>2795</v>
      </c>
      <c r="PAP725" s="424"/>
      <c r="PAQ725" s="424"/>
      <c r="PAR725" s="424"/>
      <c r="PAS725" s="423" t="s">
        <v>2795</v>
      </c>
      <c r="PAT725" s="424"/>
      <c r="PAU725" s="424"/>
      <c r="PAV725" s="424"/>
      <c r="PAW725" s="423" t="s">
        <v>2795</v>
      </c>
      <c r="PAX725" s="424"/>
      <c r="PAY725" s="424"/>
      <c r="PAZ725" s="424"/>
      <c r="PBA725" s="423" t="s">
        <v>2795</v>
      </c>
      <c r="PBB725" s="424"/>
      <c r="PBC725" s="424"/>
      <c r="PBD725" s="424"/>
      <c r="PBE725" s="423" t="s">
        <v>2795</v>
      </c>
      <c r="PBF725" s="424"/>
      <c r="PBG725" s="424"/>
      <c r="PBH725" s="424"/>
      <c r="PBI725" s="423" t="s">
        <v>2795</v>
      </c>
      <c r="PBJ725" s="424"/>
      <c r="PBK725" s="424"/>
      <c r="PBL725" s="424"/>
      <c r="PBM725" s="423" t="s">
        <v>2795</v>
      </c>
      <c r="PBN725" s="424"/>
      <c r="PBO725" s="424"/>
      <c r="PBP725" s="424"/>
      <c r="PBQ725" s="423" t="s">
        <v>2795</v>
      </c>
      <c r="PBR725" s="424"/>
      <c r="PBS725" s="424"/>
      <c r="PBT725" s="424"/>
      <c r="PBU725" s="423" t="s">
        <v>2795</v>
      </c>
      <c r="PBV725" s="424"/>
      <c r="PBW725" s="424"/>
      <c r="PBX725" s="424"/>
      <c r="PBY725" s="423" t="s">
        <v>2795</v>
      </c>
      <c r="PBZ725" s="424"/>
      <c r="PCA725" s="424"/>
      <c r="PCB725" s="424"/>
      <c r="PCC725" s="423" t="s">
        <v>2795</v>
      </c>
      <c r="PCD725" s="424"/>
      <c r="PCE725" s="424"/>
      <c r="PCF725" s="424"/>
      <c r="PCG725" s="423" t="s">
        <v>2795</v>
      </c>
      <c r="PCH725" s="424"/>
      <c r="PCI725" s="424"/>
      <c r="PCJ725" s="424"/>
      <c r="PCK725" s="423" t="s">
        <v>2795</v>
      </c>
      <c r="PCL725" s="424"/>
      <c r="PCM725" s="424"/>
      <c r="PCN725" s="424"/>
      <c r="PCO725" s="423" t="s">
        <v>2795</v>
      </c>
      <c r="PCP725" s="424"/>
      <c r="PCQ725" s="424"/>
      <c r="PCR725" s="424"/>
      <c r="PCS725" s="423" t="s">
        <v>2795</v>
      </c>
      <c r="PCT725" s="424"/>
      <c r="PCU725" s="424"/>
      <c r="PCV725" s="424"/>
      <c r="PCW725" s="423" t="s">
        <v>2795</v>
      </c>
      <c r="PCX725" s="424"/>
      <c r="PCY725" s="424"/>
      <c r="PCZ725" s="424"/>
      <c r="PDA725" s="423" t="s">
        <v>2795</v>
      </c>
      <c r="PDB725" s="424"/>
      <c r="PDC725" s="424"/>
      <c r="PDD725" s="424"/>
      <c r="PDE725" s="423" t="s">
        <v>2795</v>
      </c>
      <c r="PDF725" s="424"/>
      <c r="PDG725" s="424"/>
      <c r="PDH725" s="424"/>
      <c r="PDI725" s="423" t="s">
        <v>2795</v>
      </c>
      <c r="PDJ725" s="424"/>
      <c r="PDK725" s="424"/>
      <c r="PDL725" s="424"/>
      <c r="PDM725" s="423" t="s">
        <v>2795</v>
      </c>
      <c r="PDN725" s="424"/>
      <c r="PDO725" s="424"/>
      <c r="PDP725" s="424"/>
      <c r="PDQ725" s="423" t="s">
        <v>2795</v>
      </c>
      <c r="PDR725" s="424"/>
      <c r="PDS725" s="424"/>
      <c r="PDT725" s="424"/>
      <c r="PDU725" s="423" t="s">
        <v>2795</v>
      </c>
      <c r="PDV725" s="424"/>
      <c r="PDW725" s="424"/>
      <c r="PDX725" s="424"/>
      <c r="PDY725" s="423" t="s">
        <v>2795</v>
      </c>
      <c r="PDZ725" s="424"/>
      <c r="PEA725" s="424"/>
      <c r="PEB725" s="424"/>
      <c r="PEC725" s="423" t="s">
        <v>2795</v>
      </c>
      <c r="PED725" s="424"/>
      <c r="PEE725" s="424"/>
      <c r="PEF725" s="424"/>
      <c r="PEG725" s="423" t="s">
        <v>2795</v>
      </c>
      <c r="PEH725" s="424"/>
      <c r="PEI725" s="424"/>
      <c r="PEJ725" s="424"/>
      <c r="PEK725" s="423" t="s">
        <v>2795</v>
      </c>
      <c r="PEL725" s="424"/>
      <c r="PEM725" s="424"/>
      <c r="PEN725" s="424"/>
      <c r="PEO725" s="423" t="s">
        <v>2795</v>
      </c>
      <c r="PEP725" s="424"/>
      <c r="PEQ725" s="424"/>
      <c r="PER725" s="424"/>
      <c r="PES725" s="423" t="s">
        <v>2795</v>
      </c>
      <c r="PET725" s="424"/>
      <c r="PEU725" s="424"/>
      <c r="PEV725" s="424"/>
      <c r="PEW725" s="423" t="s">
        <v>2795</v>
      </c>
      <c r="PEX725" s="424"/>
      <c r="PEY725" s="424"/>
      <c r="PEZ725" s="424"/>
      <c r="PFA725" s="423" t="s">
        <v>2795</v>
      </c>
      <c r="PFB725" s="424"/>
      <c r="PFC725" s="424"/>
      <c r="PFD725" s="424"/>
      <c r="PFE725" s="423" t="s">
        <v>2795</v>
      </c>
      <c r="PFF725" s="424"/>
      <c r="PFG725" s="424"/>
      <c r="PFH725" s="424"/>
      <c r="PFI725" s="423" t="s">
        <v>2795</v>
      </c>
      <c r="PFJ725" s="424"/>
      <c r="PFK725" s="424"/>
      <c r="PFL725" s="424"/>
      <c r="PFM725" s="423" t="s">
        <v>2795</v>
      </c>
      <c r="PFN725" s="424"/>
      <c r="PFO725" s="424"/>
      <c r="PFP725" s="424"/>
      <c r="PFQ725" s="423" t="s">
        <v>2795</v>
      </c>
      <c r="PFR725" s="424"/>
      <c r="PFS725" s="424"/>
      <c r="PFT725" s="424"/>
      <c r="PFU725" s="423" t="s">
        <v>2795</v>
      </c>
      <c r="PFV725" s="424"/>
      <c r="PFW725" s="424"/>
      <c r="PFX725" s="424"/>
      <c r="PFY725" s="423" t="s">
        <v>2795</v>
      </c>
      <c r="PFZ725" s="424"/>
      <c r="PGA725" s="424"/>
      <c r="PGB725" s="424"/>
      <c r="PGC725" s="423" t="s">
        <v>2795</v>
      </c>
      <c r="PGD725" s="424"/>
      <c r="PGE725" s="424"/>
      <c r="PGF725" s="424"/>
      <c r="PGG725" s="423" t="s">
        <v>2795</v>
      </c>
      <c r="PGH725" s="424"/>
      <c r="PGI725" s="424"/>
      <c r="PGJ725" s="424"/>
      <c r="PGK725" s="423" t="s">
        <v>2795</v>
      </c>
      <c r="PGL725" s="424"/>
      <c r="PGM725" s="424"/>
      <c r="PGN725" s="424"/>
      <c r="PGO725" s="423" t="s">
        <v>2795</v>
      </c>
      <c r="PGP725" s="424"/>
      <c r="PGQ725" s="424"/>
      <c r="PGR725" s="424"/>
      <c r="PGS725" s="423" t="s">
        <v>2795</v>
      </c>
      <c r="PGT725" s="424"/>
      <c r="PGU725" s="424"/>
      <c r="PGV725" s="424"/>
      <c r="PGW725" s="423" t="s">
        <v>2795</v>
      </c>
      <c r="PGX725" s="424"/>
      <c r="PGY725" s="424"/>
      <c r="PGZ725" s="424"/>
      <c r="PHA725" s="423" t="s">
        <v>2795</v>
      </c>
      <c r="PHB725" s="424"/>
      <c r="PHC725" s="424"/>
      <c r="PHD725" s="424"/>
      <c r="PHE725" s="423" t="s">
        <v>2795</v>
      </c>
      <c r="PHF725" s="424"/>
      <c r="PHG725" s="424"/>
      <c r="PHH725" s="424"/>
      <c r="PHI725" s="423" t="s">
        <v>2795</v>
      </c>
      <c r="PHJ725" s="424"/>
      <c r="PHK725" s="424"/>
      <c r="PHL725" s="424"/>
      <c r="PHM725" s="423" t="s">
        <v>2795</v>
      </c>
      <c r="PHN725" s="424"/>
      <c r="PHO725" s="424"/>
      <c r="PHP725" s="424"/>
      <c r="PHQ725" s="423" t="s">
        <v>2795</v>
      </c>
      <c r="PHR725" s="424"/>
      <c r="PHS725" s="424"/>
      <c r="PHT725" s="424"/>
      <c r="PHU725" s="423" t="s">
        <v>2795</v>
      </c>
      <c r="PHV725" s="424"/>
      <c r="PHW725" s="424"/>
      <c r="PHX725" s="424"/>
      <c r="PHY725" s="423" t="s">
        <v>2795</v>
      </c>
      <c r="PHZ725" s="424"/>
      <c r="PIA725" s="424"/>
      <c r="PIB725" s="424"/>
      <c r="PIC725" s="423" t="s">
        <v>2795</v>
      </c>
      <c r="PID725" s="424"/>
      <c r="PIE725" s="424"/>
      <c r="PIF725" s="424"/>
      <c r="PIG725" s="423" t="s">
        <v>2795</v>
      </c>
      <c r="PIH725" s="424"/>
      <c r="PII725" s="424"/>
      <c r="PIJ725" s="424"/>
      <c r="PIK725" s="423" t="s">
        <v>2795</v>
      </c>
      <c r="PIL725" s="424"/>
      <c r="PIM725" s="424"/>
      <c r="PIN725" s="424"/>
      <c r="PIO725" s="423" t="s">
        <v>2795</v>
      </c>
      <c r="PIP725" s="424"/>
      <c r="PIQ725" s="424"/>
      <c r="PIR725" s="424"/>
      <c r="PIS725" s="423" t="s">
        <v>2795</v>
      </c>
      <c r="PIT725" s="424"/>
      <c r="PIU725" s="424"/>
      <c r="PIV725" s="424"/>
      <c r="PIW725" s="423" t="s">
        <v>2795</v>
      </c>
      <c r="PIX725" s="424"/>
      <c r="PIY725" s="424"/>
      <c r="PIZ725" s="424"/>
      <c r="PJA725" s="423" t="s">
        <v>2795</v>
      </c>
      <c r="PJB725" s="424"/>
      <c r="PJC725" s="424"/>
      <c r="PJD725" s="424"/>
      <c r="PJE725" s="423" t="s">
        <v>2795</v>
      </c>
      <c r="PJF725" s="424"/>
      <c r="PJG725" s="424"/>
      <c r="PJH725" s="424"/>
      <c r="PJI725" s="423" t="s">
        <v>2795</v>
      </c>
      <c r="PJJ725" s="424"/>
      <c r="PJK725" s="424"/>
      <c r="PJL725" s="424"/>
      <c r="PJM725" s="423" t="s">
        <v>2795</v>
      </c>
      <c r="PJN725" s="424"/>
      <c r="PJO725" s="424"/>
      <c r="PJP725" s="424"/>
      <c r="PJQ725" s="423" t="s">
        <v>2795</v>
      </c>
      <c r="PJR725" s="424"/>
      <c r="PJS725" s="424"/>
      <c r="PJT725" s="424"/>
      <c r="PJU725" s="423" t="s">
        <v>2795</v>
      </c>
      <c r="PJV725" s="424"/>
      <c r="PJW725" s="424"/>
      <c r="PJX725" s="424"/>
      <c r="PJY725" s="423" t="s">
        <v>2795</v>
      </c>
      <c r="PJZ725" s="424"/>
      <c r="PKA725" s="424"/>
      <c r="PKB725" s="424"/>
      <c r="PKC725" s="423" t="s">
        <v>2795</v>
      </c>
      <c r="PKD725" s="424"/>
      <c r="PKE725" s="424"/>
      <c r="PKF725" s="424"/>
      <c r="PKG725" s="423" t="s">
        <v>2795</v>
      </c>
      <c r="PKH725" s="424"/>
      <c r="PKI725" s="424"/>
      <c r="PKJ725" s="424"/>
      <c r="PKK725" s="423" t="s">
        <v>2795</v>
      </c>
      <c r="PKL725" s="424"/>
      <c r="PKM725" s="424"/>
      <c r="PKN725" s="424"/>
      <c r="PKO725" s="423" t="s">
        <v>2795</v>
      </c>
      <c r="PKP725" s="424"/>
      <c r="PKQ725" s="424"/>
      <c r="PKR725" s="424"/>
      <c r="PKS725" s="423" t="s">
        <v>2795</v>
      </c>
      <c r="PKT725" s="424"/>
      <c r="PKU725" s="424"/>
      <c r="PKV725" s="424"/>
      <c r="PKW725" s="423" t="s">
        <v>2795</v>
      </c>
      <c r="PKX725" s="424"/>
      <c r="PKY725" s="424"/>
      <c r="PKZ725" s="424"/>
      <c r="PLA725" s="423" t="s">
        <v>2795</v>
      </c>
      <c r="PLB725" s="424"/>
      <c r="PLC725" s="424"/>
      <c r="PLD725" s="424"/>
      <c r="PLE725" s="423" t="s">
        <v>2795</v>
      </c>
      <c r="PLF725" s="424"/>
      <c r="PLG725" s="424"/>
      <c r="PLH725" s="424"/>
      <c r="PLI725" s="423" t="s">
        <v>2795</v>
      </c>
      <c r="PLJ725" s="424"/>
      <c r="PLK725" s="424"/>
      <c r="PLL725" s="424"/>
      <c r="PLM725" s="423" t="s">
        <v>2795</v>
      </c>
      <c r="PLN725" s="424"/>
      <c r="PLO725" s="424"/>
      <c r="PLP725" s="424"/>
      <c r="PLQ725" s="423" t="s">
        <v>2795</v>
      </c>
      <c r="PLR725" s="424"/>
      <c r="PLS725" s="424"/>
      <c r="PLT725" s="424"/>
      <c r="PLU725" s="423" t="s">
        <v>2795</v>
      </c>
      <c r="PLV725" s="424"/>
      <c r="PLW725" s="424"/>
      <c r="PLX725" s="424"/>
      <c r="PLY725" s="423" t="s">
        <v>2795</v>
      </c>
      <c r="PLZ725" s="424"/>
      <c r="PMA725" s="424"/>
      <c r="PMB725" s="424"/>
      <c r="PMC725" s="423" t="s">
        <v>2795</v>
      </c>
      <c r="PMD725" s="424"/>
      <c r="PME725" s="424"/>
      <c r="PMF725" s="424"/>
      <c r="PMG725" s="423" t="s">
        <v>2795</v>
      </c>
      <c r="PMH725" s="424"/>
      <c r="PMI725" s="424"/>
      <c r="PMJ725" s="424"/>
      <c r="PMK725" s="423" t="s">
        <v>2795</v>
      </c>
      <c r="PML725" s="424"/>
      <c r="PMM725" s="424"/>
      <c r="PMN725" s="424"/>
      <c r="PMO725" s="423" t="s">
        <v>2795</v>
      </c>
      <c r="PMP725" s="424"/>
      <c r="PMQ725" s="424"/>
      <c r="PMR725" s="424"/>
      <c r="PMS725" s="423" t="s">
        <v>2795</v>
      </c>
      <c r="PMT725" s="424"/>
      <c r="PMU725" s="424"/>
      <c r="PMV725" s="424"/>
      <c r="PMW725" s="423" t="s">
        <v>2795</v>
      </c>
      <c r="PMX725" s="424"/>
      <c r="PMY725" s="424"/>
      <c r="PMZ725" s="424"/>
      <c r="PNA725" s="423" t="s">
        <v>2795</v>
      </c>
      <c r="PNB725" s="424"/>
      <c r="PNC725" s="424"/>
      <c r="PND725" s="424"/>
      <c r="PNE725" s="423" t="s">
        <v>2795</v>
      </c>
      <c r="PNF725" s="424"/>
      <c r="PNG725" s="424"/>
      <c r="PNH725" s="424"/>
      <c r="PNI725" s="423" t="s">
        <v>2795</v>
      </c>
      <c r="PNJ725" s="424"/>
      <c r="PNK725" s="424"/>
      <c r="PNL725" s="424"/>
      <c r="PNM725" s="423" t="s">
        <v>2795</v>
      </c>
      <c r="PNN725" s="424"/>
      <c r="PNO725" s="424"/>
      <c r="PNP725" s="424"/>
      <c r="PNQ725" s="423" t="s">
        <v>2795</v>
      </c>
      <c r="PNR725" s="424"/>
      <c r="PNS725" s="424"/>
      <c r="PNT725" s="424"/>
      <c r="PNU725" s="423" t="s">
        <v>2795</v>
      </c>
      <c r="PNV725" s="424"/>
      <c r="PNW725" s="424"/>
      <c r="PNX725" s="424"/>
      <c r="PNY725" s="423" t="s">
        <v>2795</v>
      </c>
      <c r="PNZ725" s="424"/>
      <c r="POA725" s="424"/>
      <c r="POB725" s="424"/>
      <c r="POC725" s="423" t="s">
        <v>2795</v>
      </c>
      <c r="POD725" s="424"/>
      <c r="POE725" s="424"/>
      <c r="POF725" s="424"/>
      <c r="POG725" s="423" t="s">
        <v>2795</v>
      </c>
      <c r="POH725" s="424"/>
      <c r="POI725" s="424"/>
      <c r="POJ725" s="424"/>
      <c r="POK725" s="423" t="s">
        <v>2795</v>
      </c>
      <c r="POL725" s="424"/>
      <c r="POM725" s="424"/>
      <c r="PON725" s="424"/>
      <c r="POO725" s="423" t="s">
        <v>2795</v>
      </c>
      <c r="POP725" s="424"/>
      <c r="POQ725" s="424"/>
      <c r="POR725" s="424"/>
      <c r="POS725" s="423" t="s">
        <v>2795</v>
      </c>
      <c r="POT725" s="424"/>
      <c r="POU725" s="424"/>
      <c r="POV725" s="424"/>
      <c r="POW725" s="423" t="s">
        <v>2795</v>
      </c>
      <c r="POX725" s="424"/>
      <c r="POY725" s="424"/>
      <c r="POZ725" s="424"/>
      <c r="PPA725" s="423" t="s">
        <v>2795</v>
      </c>
      <c r="PPB725" s="424"/>
      <c r="PPC725" s="424"/>
      <c r="PPD725" s="424"/>
      <c r="PPE725" s="423" t="s">
        <v>2795</v>
      </c>
      <c r="PPF725" s="424"/>
      <c r="PPG725" s="424"/>
      <c r="PPH725" s="424"/>
      <c r="PPI725" s="423" t="s">
        <v>2795</v>
      </c>
      <c r="PPJ725" s="424"/>
      <c r="PPK725" s="424"/>
      <c r="PPL725" s="424"/>
      <c r="PPM725" s="423" t="s">
        <v>2795</v>
      </c>
      <c r="PPN725" s="424"/>
      <c r="PPO725" s="424"/>
      <c r="PPP725" s="424"/>
      <c r="PPQ725" s="423" t="s">
        <v>2795</v>
      </c>
      <c r="PPR725" s="424"/>
      <c r="PPS725" s="424"/>
      <c r="PPT725" s="424"/>
      <c r="PPU725" s="423" t="s">
        <v>2795</v>
      </c>
      <c r="PPV725" s="424"/>
      <c r="PPW725" s="424"/>
      <c r="PPX725" s="424"/>
      <c r="PPY725" s="423" t="s">
        <v>2795</v>
      </c>
      <c r="PPZ725" s="424"/>
      <c r="PQA725" s="424"/>
      <c r="PQB725" s="424"/>
      <c r="PQC725" s="423" t="s">
        <v>2795</v>
      </c>
      <c r="PQD725" s="424"/>
      <c r="PQE725" s="424"/>
      <c r="PQF725" s="424"/>
      <c r="PQG725" s="423" t="s">
        <v>2795</v>
      </c>
      <c r="PQH725" s="424"/>
      <c r="PQI725" s="424"/>
      <c r="PQJ725" s="424"/>
      <c r="PQK725" s="423" t="s">
        <v>2795</v>
      </c>
      <c r="PQL725" s="424"/>
      <c r="PQM725" s="424"/>
      <c r="PQN725" s="424"/>
      <c r="PQO725" s="423" t="s">
        <v>2795</v>
      </c>
      <c r="PQP725" s="424"/>
      <c r="PQQ725" s="424"/>
      <c r="PQR725" s="424"/>
      <c r="PQS725" s="423" t="s">
        <v>2795</v>
      </c>
      <c r="PQT725" s="424"/>
      <c r="PQU725" s="424"/>
      <c r="PQV725" s="424"/>
      <c r="PQW725" s="423" t="s">
        <v>2795</v>
      </c>
      <c r="PQX725" s="424"/>
      <c r="PQY725" s="424"/>
      <c r="PQZ725" s="424"/>
      <c r="PRA725" s="423" t="s">
        <v>2795</v>
      </c>
      <c r="PRB725" s="424"/>
      <c r="PRC725" s="424"/>
      <c r="PRD725" s="424"/>
      <c r="PRE725" s="423" t="s">
        <v>2795</v>
      </c>
      <c r="PRF725" s="424"/>
      <c r="PRG725" s="424"/>
      <c r="PRH725" s="424"/>
      <c r="PRI725" s="423" t="s">
        <v>2795</v>
      </c>
      <c r="PRJ725" s="424"/>
      <c r="PRK725" s="424"/>
      <c r="PRL725" s="424"/>
      <c r="PRM725" s="423" t="s">
        <v>2795</v>
      </c>
      <c r="PRN725" s="424"/>
      <c r="PRO725" s="424"/>
      <c r="PRP725" s="424"/>
      <c r="PRQ725" s="423" t="s">
        <v>2795</v>
      </c>
      <c r="PRR725" s="424"/>
      <c r="PRS725" s="424"/>
      <c r="PRT725" s="424"/>
      <c r="PRU725" s="423" t="s">
        <v>2795</v>
      </c>
      <c r="PRV725" s="424"/>
      <c r="PRW725" s="424"/>
      <c r="PRX725" s="424"/>
      <c r="PRY725" s="423" t="s">
        <v>2795</v>
      </c>
      <c r="PRZ725" s="424"/>
      <c r="PSA725" s="424"/>
      <c r="PSB725" s="424"/>
      <c r="PSC725" s="423" t="s">
        <v>2795</v>
      </c>
      <c r="PSD725" s="424"/>
      <c r="PSE725" s="424"/>
      <c r="PSF725" s="424"/>
      <c r="PSG725" s="423" t="s">
        <v>2795</v>
      </c>
      <c r="PSH725" s="424"/>
      <c r="PSI725" s="424"/>
      <c r="PSJ725" s="424"/>
      <c r="PSK725" s="423" t="s">
        <v>2795</v>
      </c>
      <c r="PSL725" s="424"/>
      <c r="PSM725" s="424"/>
      <c r="PSN725" s="424"/>
      <c r="PSO725" s="423" t="s">
        <v>2795</v>
      </c>
      <c r="PSP725" s="424"/>
      <c r="PSQ725" s="424"/>
      <c r="PSR725" s="424"/>
      <c r="PSS725" s="423" t="s">
        <v>2795</v>
      </c>
      <c r="PST725" s="424"/>
      <c r="PSU725" s="424"/>
      <c r="PSV725" s="424"/>
      <c r="PSW725" s="423" t="s">
        <v>2795</v>
      </c>
      <c r="PSX725" s="424"/>
      <c r="PSY725" s="424"/>
      <c r="PSZ725" s="424"/>
      <c r="PTA725" s="423" t="s">
        <v>2795</v>
      </c>
      <c r="PTB725" s="424"/>
      <c r="PTC725" s="424"/>
      <c r="PTD725" s="424"/>
      <c r="PTE725" s="423" t="s">
        <v>2795</v>
      </c>
      <c r="PTF725" s="424"/>
      <c r="PTG725" s="424"/>
      <c r="PTH725" s="424"/>
      <c r="PTI725" s="423" t="s">
        <v>2795</v>
      </c>
      <c r="PTJ725" s="424"/>
      <c r="PTK725" s="424"/>
      <c r="PTL725" s="424"/>
      <c r="PTM725" s="423" t="s">
        <v>2795</v>
      </c>
      <c r="PTN725" s="424"/>
      <c r="PTO725" s="424"/>
      <c r="PTP725" s="424"/>
      <c r="PTQ725" s="423" t="s">
        <v>2795</v>
      </c>
      <c r="PTR725" s="424"/>
      <c r="PTS725" s="424"/>
      <c r="PTT725" s="424"/>
      <c r="PTU725" s="423" t="s">
        <v>2795</v>
      </c>
      <c r="PTV725" s="424"/>
      <c r="PTW725" s="424"/>
      <c r="PTX725" s="424"/>
      <c r="PTY725" s="423" t="s">
        <v>2795</v>
      </c>
      <c r="PTZ725" s="424"/>
      <c r="PUA725" s="424"/>
      <c r="PUB725" s="424"/>
      <c r="PUC725" s="423" t="s">
        <v>2795</v>
      </c>
      <c r="PUD725" s="424"/>
      <c r="PUE725" s="424"/>
      <c r="PUF725" s="424"/>
      <c r="PUG725" s="423" t="s">
        <v>2795</v>
      </c>
      <c r="PUH725" s="424"/>
      <c r="PUI725" s="424"/>
      <c r="PUJ725" s="424"/>
      <c r="PUK725" s="423" t="s">
        <v>2795</v>
      </c>
      <c r="PUL725" s="424"/>
      <c r="PUM725" s="424"/>
      <c r="PUN725" s="424"/>
      <c r="PUO725" s="423" t="s">
        <v>2795</v>
      </c>
      <c r="PUP725" s="424"/>
      <c r="PUQ725" s="424"/>
      <c r="PUR725" s="424"/>
      <c r="PUS725" s="423" t="s">
        <v>2795</v>
      </c>
      <c r="PUT725" s="424"/>
      <c r="PUU725" s="424"/>
      <c r="PUV725" s="424"/>
      <c r="PUW725" s="423" t="s">
        <v>2795</v>
      </c>
      <c r="PUX725" s="424"/>
      <c r="PUY725" s="424"/>
      <c r="PUZ725" s="424"/>
      <c r="PVA725" s="423" t="s">
        <v>2795</v>
      </c>
      <c r="PVB725" s="424"/>
      <c r="PVC725" s="424"/>
      <c r="PVD725" s="424"/>
      <c r="PVE725" s="423" t="s">
        <v>2795</v>
      </c>
      <c r="PVF725" s="424"/>
      <c r="PVG725" s="424"/>
      <c r="PVH725" s="424"/>
      <c r="PVI725" s="423" t="s">
        <v>2795</v>
      </c>
      <c r="PVJ725" s="424"/>
      <c r="PVK725" s="424"/>
      <c r="PVL725" s="424"/>
      <c r="PVM725" s="423" t="s">
        <v>2795</v>
      </c>
      <c r="PVN725" s="424"/>
      <c r="PVO725" s="424"/>
      <c r="PVP725" s="424"/>
      <c r="PVQ725" s="423" t="s">
        <v>2795</v>
      </c>
      <c r="PVR725" s="424"/>
      <c r="PVS725" s="424"/>
      <c r="PVT725" s="424"/>
      <c r="PVU725" s="423" t="s">
        <v>2795</v>
      </c>
      <c r="PVV725" s="424"/>
      <c r="PVW725" s="424"/>
      <c r="PVX725" s="424"/>
      <c r="PVY725" s="423" t="s">
        <v>2795</v>
      </c>
      <c r="PVZ725" s="424"/>
      <c r="PWA725" s="424"/>
      <c r="PWB725" s="424"/>
      <c r="PWC725" s="423" t="s">
        <v>2795</v>
      </c>
      <c r="PWD725" s="424"/>
      <c r="PWE725" s="424"/>
      <c r="PWF725" s="424"/>
      <c r="PWG725" s="423" t="s">
        <v>2795</v>
      </c>
      <c r="PWH725" s="424"/>
      <c r="PWI725" s="424"/>
      <c r="PWJ725" s="424"/>
      <c r="PWK725" s="423" t="s">
        <v>2795</v>
      </c>
      <c r="PWL725" s="424"/>
      <c r="PWM725" s="424"/>
      <c r="PWN725" s="424"/>
      <c r="PWO725" s="423" t="s">
        <v>2795</v>
      </c>
      <c r="PWP725" s="424"/>
      <c r="PWQ725" s="424"/>
      <c r="PWR725" s="424"/>
      <c r="PWS725" s="423" t="s">
        <v>2795</v>
      </c>
      <c r="PWT725" s="424"/>
      <c r="PWU725" s="424"/>
      <c r="PWV725" s="424"/>
      <c r="PWW725" s="423" t="s">
        <v>2795</v>
      </c>
      <c r="PWX725" s="424"/>
      <c r="PWY725" s="424"/>
      <c r="PWZ725" s="424"/>
      <c r="PXA725" s="423" t="s">
        <v>2795</v>
      </c>
      <c r="PXB725" s="424"/>
      <c r="PXC725" s="424"/>
      <c r="PXD725" s="424"/>
      <c r="PXE725" s="423" t="s">
        <v>2795</v>
      </c>
      <c r="PXF725" s="424"/>
      <c r="PXG725" s="424"/>
      <c r="PXH725" s="424"/>
      <c r="PXI725" s="423" t="s">
        <v>2795</v>
      </c>
      <c r="PXJ725" s="424"/>
      <c r="PXK725" s="424"/>
      <c r="PXL725" s="424"/>
      <c r="PXM725" s="423" t="s">
        <v>2795</v>
      </c>
      <c r="PXN725" s="424"/>
      <c r="PXO725" s="424"/>
      <c r="PXP725" s="424"/>
      <c r="PXQ725" s="423" t="s">
        <v>2795</v>
      </c>
      <c r="PXR725" s="424"/>
      <c r="PXS725" s="424"/>
      <c r="PXT725" s="424"/>
      <c r="PXU725" s="423" t="s">
        <v>2795</v>
      </c>
      <c r="PXV725" s="424"/>
      <c r="PXW725" s="424"/>
      <c r="PXX725" s="424"/>
      <c r="PXY725" s="423" t="s">
        <v>2795</v>
      </c>
      <c r="PXZ725" s="424"/>
      <c r="PYA725" s="424"/>
      <c r="PYB725" s="424"/>
      <c r="PYC725" s="423" t="s">
        <v>2795</v>
      </c>
      <c r="PYD725" s="424"/>
      <c r="PYE725" s="424"/>
      <c r="PYF725" s="424"/>
      <c r="PYG725" s="423" t="s">
        <v>2795</v>
      </c>
      <c r="PYH725" s="424"/>
      <c r="PYI725" s="424"/>
      <c r="PYJ725" s="424"/>
      <c r="PYK725" s="423" t="s">
        <v>2795</v>
      </c>
      <c r="PYL725" s="424"/>
      <c r="PYM725" s="424"/>
      <c r="PYN725" s="424"/>
      <c r="PYO725" s="423" t="s">
        <v>2795</v>
      </c>
      <c r="PYP725" s="424"/>
      <c r="PYQ725" s="424"/>
      <c r="PYR725" s="424"/>
      <c r="PYS725" s="423" t="s">
        <v>2795</v>
      </c>
      <c r="PYT725" s="424"/>
      <c r="PYU725" s="424"/>
      <c r="PYV725" s="424"/>
      <c r="PYW725" s="423" t="s">
        <v>2795</v>
      </c>
      <c r="PYX725" s="424"/>
      <c r="PYY725" s="424"/>
      <c r="PYZ725" s="424"/>
      <c r="PZA725" s="423" t="s">
        <v>2795</v>
      </c>
      <c r="PZB725" s="424"/>
      <c r="PZC725" s="424"/>
      <c r="PZD725" s="424"/>
      <c r="PZE725" s="423" t="s">
        <v>2795</v>
      </c>
      <c r="PZF725" s="424"/>
      <c r="PZG725" s="424"/>
      <c r="PZH725" s="424"/>
      <c r="PZI725" s="423" t="s">
        <v>2795</v>
      </c>
      <c r="PZJ725" s="424"/>
      <c r="PZK725" s="424"/>
      <c r="PZL725" s="424"/>
      <c r="PZM725" s="423" t="s">
        <v>2795</v>
      </c>
      <c r="PZN725" s="424"/>
      <c r="PZO725" s="424"/>
      <c r="PZP725" s="424"/>
      <c r="PZQ725" s="423" t="s">
        <v>2795</v>
      </c>
      <c r="PZR725" s="424"/>
      <c r="PZS725" s="424"/>
      <c r="PZT725" s="424"/>
      <c r="PZU725" s="423" t="s">
        <v>2795</v>
      </c>
      <c r="PZV725" s="424"/>
      <c r="PZW725" s="424"/>
      <c r="PZX725" s="424"/>
      <c r="PZY725" s="423" t="s">
        <v>2795</v>
      </c>
      <c r="PZZ725" s="424"/>
      <c r="QAA725" s="424"/>
      <c r="QAB725" s="424"/>
      <c r="QAC725" s="423" t="s">
        <v>2795</v>
      </c>
      <c r="QAD725" s="424"/>
      <c r="QAE725" s="424"/>
      <c r="QAF725" s="424"/>
      <c r="QAG725" s="423" t="s">
        <v>2795</v>
      </c>
      <c r="QAH725" s="424"/>
      <c r="QAI725" s="424"/>
      <c r="QAJ725" s="424"/>
      <c r="QAK725" s="423" t="s">
        <v>2795</v>
      </c>
      <c r="QAL725" s="424"/>
      <c r="QAM725" s="424"/>
      <c r="QAN725" s="424"/>
      <c r="QAO725" s="423" t="s">
        <v>2795</v>
      </c>
      <c r="QAP725" s="424"/>
      <c r="QAQ725" s="424"/>
      <c r="QAR725" s="424"/>
      <c r="QAS725" s="423" t="s">
        <v>2795</v>
      </c>
      <c r="QAT725" s="424"/>
      <c r="QAU725" s="424"/>
      <c r="QAV725" s="424"/>
      <c r="QAW725" s="423" t="s">
        <v>2795</v>
      </c>
      <c r="QAX725" s="424"/>
      <c r="QAY725" s="424"/>
      <c r="QAZ725" s="424"/>
      <c r="QBA725" s="423" t="s">
        <v>2795</v>
      </c>
      <c r="QBB725" s="424"/>
      <c r="QBC725" s="424"/>
      <c r="QBD725" s="424"/>
      <c r="QBE725" s="423" t="s">
        <v>2795</v>
      </c>
      <c r="QBF725" s="424"/>
      <c r="QBG725" s="424"/>
      <c r="QBH725" s="424"/>
      <c r="QBI725" s="423" t="s">
        <v>2795</v>
      </c>
      <c r="QBJ725" s="424"/>
      <c r="QBK725" s="424"/>
      <c r="QBL725" s="424"/>
      <c r="QBM725" s="423" t="s">
        <v>2795</v>
      </c>
      <c r="QBN725" s="424"/>
      <c r="QBO725" s="424"/>
      <c r="QBP725" s="424"/>
      <c r="QBQ725" s="423" t="s">
        <v>2795</v>
      </c>
      <c r="QBR725" s="424"/>
      <c r="QBS725" s="424"/>
      <c r="QBT725" s="424"/>
      <c r="QBU725" s="423" t="s">
        <v>2795</v>
      </c>
      <c r="QBV725" s="424"/>
      <c r="QBW725" s="424"/>
      <c r="QBX725" s="424"/>
      <c r="QBY725" s="423" t="s">
        <v>2795</v>
      </c>
      <c r="QBZ725" s="424"/>
      <c r="QCA725" s="424"/>
      <c r="QCB725" s="424"/>
      <c r="QCC725" s="423" t="s">
        <v>2795</v>
      </c>
      <c r="QCD725" s="424"/>
      <c r="QCE725" s="424"/>
      <c r="QCF725" s="424"/>
      <c r="QCG725" s="423" t="s">
        <v>2795</v>
      </c>
      <c r="QCH725" s="424"/>
      <c r="QCI725" s="424"/>
      <c r="QCJ725" s="424"/>
      <c r="QCK725" s="423" t="s">
        <v>2795</v>
      </c>
      <c r="QCL725" s="424"/>
      <c r="QCM725" s="424"/>
      <c r="QCN725" s="424"/>
      <c r="QCO725" s="423" t="s">
        <v>2795</v>
      </c>
      <c r="QCP725" s="424"/>
      <c r="QCQ725" s="424"/>
      <c r="QCR725" s="424"/>
      <c r="QCS725" s="423" t="s">
        <v>2795</v>
      </c>
      <c r="QCT725" s="424"/>
      <c r="QCU725" s="424"/>
      <c r="QCV725" s="424"/>
      <c r="QCW725" s="423" t="s">
        <v>2795</v>
      </c>
      <c r="QCX725" s="424"/>
      <c r="QCY725" s="424"/>
      <c r="QCZ725" s="424"/>
      <c r="QDA725" s="423" t="s">
        <v>2795</v>
      </c>
      <c r="QDB725" s="424"/>
      <c r="QDC725" s="424"/>
      <c r="QDD725" s="424"/>
      <c r="QDE725" s="423" t="s">
        <v>2795</v>
      </c>
      <c r="QDF725" s="424"/>
      <c r="QDG725" s="424"/>
      <c r="QDH725" s="424"/>
      <c r="QDI725" s="423" t="s">
        <v>2795</v>
      </c>
      <c r="QDJ725" s="424"/>
      <c r="QDK725" s="424"/>
      <c r="QDL725" s="424"/>
      <c r="QDM725" s="423" t="s">
        <v>2795</v>
      </c>
      <c r="QDN725" s="424"/>
      <c r="QDO725" s="424"/>
      <c r="QDP725" s="424"/>
      <c r="QDQ725" s="423" t="s">
        <v>2795</v>
      </c>
      <c r="QDR725" s="424"/>
      <c r="QDS725" s="424"/>
      <c r="QDT725" s="424"/>
      <c r="QDU725" s="423" t="s">
        <v>2795</v>
      </c>
      <c r="QDV725" s="424"/>
      <c r="QDW725" s="424"/>
      <c r="QDX725" s="424"/>
      <c r="QDY725" s="423" t="s">
        <v>2795</v>
      </c>
      <c r="QDZ725" s="424"/>
      <c r="QEA725" s="424"/>
      <c r="QEB725" s="424"/>
      <c r="QEC725" s="423" t="s">
        <v>2795</v>
      </c>
      <c r="QED725" s="424"/>
      <c r="QEE725" s="424"/>
      <c r="QEF725" s="424"/>
      <c r="QEG725" s="423" t="s">
        <v>2795</v>
      </c>
      <c r="QEH725" s="424"/>
      <c r="QEI725" s="424"/>
      <c r="QEJ725" s="424"/>
      <c r="QEK725" s="423" t="s">
        <v>2795</v>
      </c>
      <c r="QEL725" s="424"/>
      <c r="QEM725" s="424"/>
      <c r="QEN725" s="424"/>
      <c r="QEO725" s="423" t="s">
        <v>2795</v>
      </c>
      <c r="QEP725" s="424"/>
      <c r="QEQ725" s="424"/>
      <c r="QER725" s="424"/>
      <c r="QES725" s="423" t="s">
        <v>2795</v>
      </c>
      <c r="QET725" s="424"/>
      <c r="QEU725" s="424"/>
      <c r="QEV725" s="424"/>
      <c r="QEW725" s="423" t="s">
        <v>2795</v>
      </c>
      <c r="QEX725" s="424"/>
      <c r="QEY725" s="424"/>
      <c r="QEZ725" s="424"/>
      <c r="QFA725" s="423" t="s">
        <v>2795</v>
      </c>
      <c r="QFB725" s="424"/>
      <c r="QFC725" s="424"/>
      <c r="QFD725" s="424"/>
      <c r="QFE725" s="423" t="s">
        <v>2795</v>
      </c>
      <c r="QFF725" s="424"/>
      <c r="QFG725" s="424"/>
      <c r="QFH725" s="424"/>
      <c r="QFI725" s="423" t="s">
        <v>2795</v>
      </c>
      <c r="QFJ725" s="424"/>
      <c r="QFK725" s="424"/>
      <c r="QFL725" s="424"/>
      <c r="QFM725" s="423" t="s">
        <v>2795</v>
      </c>
      <c r="QFN725" s="424"/>
      <c r="QFO725" s="424"/>
      <c r="QFP725" s="424"/>
      <c r="QFQ725" s="423" t="s">
        <v>2795</v>
      </c>
      <c r="QFR725" s="424"/>
      <c r="QFS725" s="424"/>
      <c r="QFT725" s="424"/>
      <c r="QFU725" s="423" t="s">
        <v>2795</v>
      </c>
      <c r="QFV725" s="424"/>
      <c r="QFW725" s="424"/>
      <c r="QFX725" s="424"/>
      <c r="QFY725" s="423" t="s">
        <v>2795</v>
      </c>
      <c r="QFZ725" s="424"/>
      <c r="QGA725" s="424"/>
      <c r="QGB725" s="424"/>
      <c r="QGC725" s="423" t="s">
        <v>2795</v>
      </c>
      <c r="QGD725" s="424"/>
      <c r="QGE725" s="424"/>
      <c r="QGF725" s="424"/>
      <c r="QGG725" s="423" t="s">
        <v>2795</v>
      </c>
      <c r="QGH725" s="424"/>
      <c r="QGI725" s="424"/>
      <c r="QGJ725" s="424"/>
      <c r="QGK725" s="423" t="s">
        <v>2795</v>
      </c>
      <c r="QGL725" s="424"/>
      <c r="QGM725" s="424"/>
      <c r="QGN725" s="424"/>
      <c r="QGO725" s="423" t="s">
        <v>2795</v>
      </c>
      <c r="QGP725" s="424"/>
      <c r="QGQ725" s="424"/>
      <c r="QGR725" s="424"/>
      <c r="QGS725" s="423" t="s">
        <v>2795</v>
      </c>
      <c r="QGT725" s="424"/>
      <c r="QGU725" s="424"/>
      <c r="QGV725" s="424"/>
      <c r="QGW725" s="423" t="s">
        <v>2795</v>
      </c>
      <c r="QGX725" s="424"/>
      <c r="QGY725" s="424"/>
      <c r="QGZ725" s="424"/>
      <c r="QHA725" s="423" t="s">
        <v>2795</v>
      </c>
      <c r="QHB725" s="424"/>
      <c r="QHC725" s="424"/>
      <c r="QHD725" s="424"/>
      <c r="QHE725" s="423" t="s">
        <v>2795</v>
      </c>
      <c r="QHF725" s="424"/>
      <c r="QHG725" s="424"/>
      <c r="QHH725" s="424"/>
      <c r="QHI725" s="423" t="s">
        <v>2795</v>
      </c>
      <c r="QHJ725" s="424"/>
      <c r="QHK725" s="424"/>
      <c r="QHL725" s="424"/>
      <c r="QHM725" s="423" t="s">
        <v>2795</v>
      </c>
      <c r="QHN725" s="424"/>
      <c r="QHO725" s="424"/>
      <c r="QHP725" s="424"/>
      <c r="QHQ725" s="423" t="s">
        <v>2795</v>
      </c>
      <c r="QHR725" s="424"/>
      <c r="QHS725" s="424"/>
      <c r="QHT725" s="424"/>
      <c r="QHU725" s="423" t="s">
        <v>2795</v>
      </c>
      <c r="QHV725" s="424"/>
      <c r="QHW725" s="424"/>
      <c r="QHX725" s="424"/>
      <c r="QHY725" s="423" t="s">
        <v>2795</v>
      </c>
      <c r="QHZ725" s="424"/>
      <c r="QIA725" s="424"/>
      <c r="QIB725" s="424"/>
      <c r="QIC725" s="423" t="s">
        <v>2795</v>
      </c>
      <c r="QID725" s="424"/>
      <c r="QIE725" s="424"/>
      <c r="QIF725" s="424"/>
      <c r="QIG725" s="423" t="s">
        <v>2795</v>
      </c>
      <c r="QIH725" s="424"/>
      <c r="QII725" s="424"/>
      <c r="QIJ725" s="424"/>
      <c r="QIK725" s="423" t="s">
        <v>2795</v>
      </c>
      <c r="QIL725" s="424"/>
      <c r="QIM725" s="424"/>
      <c r="QIN725" s="424"/>
      <c r="QIO725" s="423" t="s">
        <v>2795</v>
      </c>
      <c r="QIP725" s="424"/>
      <c r="QIQ725" s="424"/>
      <c r="QIR725" s="424"/>
      <c r="QIS725" s="423" t="s">
        <v>2795</v>
      </c>
      <c r="QIT725" s="424"/>
      <c r="QIU725" s="424"/>
      <c r="QIV725" s="424"/>
      <c r="QIW725" s="423" t="s">
        <v>2795</v>
      </c>
      <c r="QIX725" s="424"/>
      <c r="QIY725" s="424"/>
      <c r="QIZ725" s="424"/>
      <c r="QJA725" s="423" t="s">
        <v>2795</v>
      </c>
      <c r="QJB725" s="424"/>
      <c r="QJC725" s="424"/>
      <c r="QJD725" s="424"/>
      <c r="QJE725" s="423" t="s">
        <v>2795</v>
      </c>
      <c r="QJF725" s="424"/>
      <c r="QJG725" s="424"/>
      <c r="QJH725" s="424"/>
      <c r="QJI725" s="423" t="s">
        <v>2795</v>
      </c>
      <c r="QJJ725" s="424"/>
      <c r="QJK725" s="424"/>
      <c r="QJL725" s="424"/>
      <c r="QJM725" s="423" t="s">
        <v>2795</v>
      </c>
      <c r="QJN725" s="424"/>
      <c r="QJO725" s="424"/>
      <c r="QJP725" s="424"/>
      <c r="QJQ725" s="423" t="s">
        <v>2795</v>
      </c>
      <c r="QJR725" s="424"/>
      <c r="QJS725" s="424"/>
      <c r="QJT725" s="424"/>
      <c r="QJU725" s="423" t="s">
        <v>2795</v>
      </c>
      <c r="QJV725" s="424"/>
      <c r="QJW725" s="424"/>
      <c r="QJX725" s="424"/>
      <c r="QJY725" s="423" t="s">
        <v>2795</v>
      </c>
      <c r="QJZ725" s="424"/>
      <c r="QKA725" s="424"/>
      <c r="QKB725" s="424"/>
      <c r="QKC725" s="423" t="s">
        <v>2795</v>
      </c>
      <c r="QKD725" s="424"/>
      <c r="QKE725" s="424"/>
      <c r="QKF725" s="424"/>
      <c r="QKG725" s="423" t="s">
        <v>2795</v>
      </c>
      <c r="QKH725" s="424"/>
      <c r="QKI725" s="424"/>
      <c r="QKJ725" s="424"/>
      <c r="QKK725" s="423" t="s">
        <v>2795</v>
      </c>
      <c r="QKL725" s="424"/>
      <c r="QKM725" s="424"/>
      <c r="QKN725" s="424"/>
      <c r="QKO725" s="423" t="s">
        <v>2795</v>
      </c>
      <c r="QKP725" s="424"/>
      <c r="QKQ725" s="424"/>
      <c r="QKR725" s="424"/>
      <c r="QKS725" s="423" t="s">
        <v>2795</v>
      </c>
      <c r="QKT725" s="424"/>
      <c r="QKU725" s="424"/>
      <c r="QKV725" s="424"/>
      <c r="QKW725" s="423" t="s">
        <v>2795</v>
      </c>
      <c r="QKX725" s="424"/>
      <c r="QKY725" s="424"/>
      <c r="QKZ725" s="424"/>
      <c r="QLA725" s="423" t="s">
        <v>2795</v>
      </c>
      <c r="QLB725" s="424"/>
      <c r="QLC725" s="424"/>
      <c r="QLD725" s="424"/>
      <c r="QLE725" s="423" t="s">
        <v>2795</v>
      </c>
      <c r="QLF725" s="424"/>
      <c r="QLG725" s="424"/>
      <c r="QLH725" s="424"/>
      <c r="QLI725" s="423" t="s">
        <v>2795</v>
      </c>
      <c r="QLJ725" s="424"/>
      <c r="QLK725" s="424"/>
      <c r="QLL725" s="424"/>
      <c r="QLM725" s="423" t="s">
        <v>2795</v>
      </c>
      <c r="QLN725" s="424"/>
      <c r="QLO725" s="424"/>
      <c r="QLP725" s="424"/>
      <c r="QLQ725" s="423" t="s">
        <v>2795</v>
      </c>
      <c r="QLR725" s="424"/>
      <c r="QLS725" s="424"/>
      <c r="QLT725" s="424"/>
      <c r="QLU725" s="423" t="s">
        <v>2795</v>
      </c>
      <c r="QLV725" s="424"/>
      <c r="QLW725" s="424"/>
      <c r="QLX725" s="424"/>
      <c r="QLY725" s="423" t="s">
        <v>2795</v>
      </c>
      <c r="QLZ725" s="424"/>
      <c r="QMA725" s="424"/>
      <c r="QMB725" s="424"/>
      <c r="QMC725" s="423" t="s">
        <v>2795</v>
      </c>
      <c r="QMD725" s="424"/>
      <c r="QME725" s="424"/>
      <c r="QMF725" s="424"/>
      <c r="QMG725" s="423" t="s">
        <v>2795</v>
      </c>
      <c r="QMH725" s="424"/>
      <c r="QMI725" s="424"/>
      <c r="QMJ725" s="424"/>
      <c r="QMK725" s="423" t="s">
        <v>2795</v>
      </c>
      <c r="QML725" s="424"/>
      <c r="QMM725" s="424"/>
      <c r="QMN725" s="424"/>
      <c r="QMO725" s="423" t="s">
        <v>2795</v>
      </c>
      <c r="QMP725" s="424"/>
      <c r="QMQ725" s="424"/>
      <c r="QMR725" s="424"/>
      <c r="QMS725" s="423" t="s">
        <v>2795</v>
      </c>
      <c r="QMT725" s="424"/>
      <c r="QMU725" s="424"/>
      <c r="QMV725" s="424"/>
      <c r="QMW725" s="423" t="s">
        <v>2795</v>
      </c>
      <c r="QMX725" s="424"/>
      <c r="QMY725" s="424"/>
      <c r="QMZ725" s="424"/>
      <c r="QNA725" s="423" t="s">
        <v>2795</v>
      </c>
      <c r="QNB725" s="424"/>
      <c r="QNC725" s="424"/>
      <c r="QND725" s="424"/>
      <c r="QNE725" s="423" t="s">
        <v>2795</v>
      </c>
      <c r="QNF725" s="424"/>
      <c r="QNG725" s="424"/>
      <c r="QNH725" s="424"/>
      <c r="QNI725" s="423" t="s">
        <v>2795</v>
      </c>
      <c r="QNJ725" s="424"/>
      <c r="QNK725" s="424"/>
      <c r="QNL725" s="424"/>
      <c r="QNM725" s="423" t="s">
        <v>2795</v>
      </c>
      <c r="QNN725" s="424"/>
      <c r="QNO725" s="424"/>
      <c r="QNP725" s="424"/>
      <c r="QNQ725" s="423" t="s">
        <v>2795</v>
      </c>
      <c r="QNR725" s="424"/>
      <c r="QNS725" s="424"/>
      <c r="QNT725" s="424"/>
      <c r="QNU725" s="423" t="s">
        <v>2795</v>
      </c>
      <c r="QNV725" s="424"/>
      <c r="QNW725" s="424"/>
      <c r="QNX725" s="424"/>
      <c r="QNY725" s="423" t="s">
        <v>2795</v>
      </c>
      <c r="QNZ725" s="424"/>
      <c r="QOA725" s="424"/>
      <c r="QOB725" s="424"/>
      <c r="QOC725" s="423" t="s">
        <v>2795</v>
      </c>
      <c r="QOD725" s="424"/>
      <c r="QOE725" s="424"/>
      <c r="QOF725" s="424"/>
      <c r="QOG725" s="423" t="s">
        <v>2795</v>
      </c>
      <c r="QOH725" s="424"/>
      <c r="QOI725" s="424"/>
      <c r="QOJ725" s="424"/>
      <c r="QOK725" s="423" t="s">
        <v>2795</v>
      </c>
      <c r="QOL725" s="424"/>
      <c r="QOM725" s="424"/>
      <c r="QON725" s="424"/>
      <c r="QOO725" s="423" t="s">
        <v>2795</v>
      </c>
      <c r="QOP725" s="424"/>
      <c r="QOQ725" s="424"/>
      <c r="QOR725" s="424"/>
      <c r="QOS725" s="423" t="s">
        <v>2795</v>
      </c>
      <c r="QOT725" s="424"/>
      <c r="QOU725" s="424"/>
      <c r="QOV725" s="424"/>
      <c r="QOW725" s="423" t="s">
        <v>2795</v>
      </c>
      <c r="QOX725" s="424"/>
      <c r="QOY725" s="424"/>
      <c r="QOZ725" s="424"/>
      <c r="QPA725" s="423" t="s">
        <v>2795</v>
      </c>
      <c r="QPB725" s="424"/>
      <c r="QPC725" s="424"/>
      <c r="QPD725" s="424"/>
      <c r="QPE725" s="423" t="s">
        <v>2795</v>
      </c>
      <c r="QPF725" s="424"/>
      <c r="QPG725" s="424"/>
      <c r="QPH725" s="424"/>
      <c r="QPI725" s="423" t="s">
        <v>2795</v>
      </c>
      <c r="QPJ725" s="424"/>
      <c r="QPK725" s="424"/>
      <c r="QPL725" s="424"/>
      <c r="QPM725" s="423" t="s">
        <v>2795</v>
      </c>
      <c r="QPN725" s="424"/>
      <c r="QPO725" s="424"/>
      <c r="QPP725" s="424"/>
      <c r="QPQ725" s="423" t="s">
        <v>2795</v>
      </c>
      <c r="QPR725" s="424"/>
      <c r="QPS725" s="424"/>
      <c r="QPT725" s="424"/>
      <c r="QPU725" s="423" t="s">
        <v>2795</v>
      </c>
      <c r="QPV725" s="424"/>
      <c r="QPW725" s="424"/>
      <c r="QPX725" s="424"/>
      <c r="QPY725" s="423" t="s">
        <v>2795</v>
      </c>
      <c r="QPZ725" s="424"/>
      <c r="QQA725" s="424"/>
      <c r="QQB725" s="424"/>
      <c r="QQC725" s="423" t="s">
        <v>2795</v>
      </c>
      <c r="QQD725" s="424"/>
      <c r="QQE725" s="424"/>
      <c r="QQF725" s="424"/>
      <c r="QQG725" s="423" t="s">
        <v>2795</v>
      </c>
      <c r="QQH725" s="424"/>
      <c r="QQI725" s="424"/>
      <c r="QQJ725" s="424"/>
      <c r="QQK725" s="423" t="s">
        <v>2795</v>
      </c>
      <c r="QQL725" s="424"/>
      <c r="QQM725" s="424"/>
      <c r="QQN725" s="424"/>
      <c r="QQO725" s="423" t="s">
        <v>2795</v>
      </c>
      <c r="QQP725" s="424"/>
      <c r="QQQ725" s="424"/>
      <c r="QQR725" s="424"/>
      <c r="QQS725" s="423" t="s">
        <v>2795</v>
      </c>
      <c r="QQT725" s="424"/>
      <c r="QQU725" s="424"/>
      <c r="QQV725" s="424"/>
      <c r="QQW725" s="423" t="s">
        <v>2795</v>
      </c>
      <c r="QQX725" s="424"/>
      <c r="QQY725" s="424"/>
      <c r="QQZ725" s="424"/>
      <c r="QRA725" s="423" t="s">
        <v>2795</v>
      </c>
      <c r="QRB725" s="424"/>
      <c r="QRC725" s="424"/>
      <c r="QRD725" s="424"/>
      <c r="QRE725" s="423" t="s">
        <v>2795</v>
      </c>
      <c r="QRF725" s="424"/>
      <c r="QRG725" s="424"/>
      <c r="QRH725" s="424"/>
      <c r="QRI725" s="423" t="s">
        <v>2795</v>
      </c>
      <c r="QRJ725" s="424"/>
      <c r="QRK725" s="424"/>
      <c r="QRL725" s="424"/>
      <c r="QRM725" s="423" t="s">
        <v>2795</v>
      </c>
      <c r="QRN725" s="424"/>
      <c r="QRO725" s="424"/>
      <c r="QRP725" s="424"/>
      <c r="QRQ725" s="423" t="s">
        <v>2795</v>
      </c>
      <c r="QRR725" s="424"/>
      <c r="QRS725" s="424"/>
      <c r="QRT725" s="424"/>
      <c r="QRU725" s="423" t="s">
        <v>2795</v>
      </c>
      <c r="QRV725" s="424"/>
      <c r="QRW725" s="424"/>
      <c r="QRX725" s="424"/>
      <c r="QRY725" s="423" t="s">
        <v>2795</v>
      </c>
      <c r="QRZ725" s="424"/>
      <c r="QSA725" s="424"/>
      <c r="QSB725" s="424"/>
      <c r="QSC725" s="423" t="s">
        <v>2795</v>
      </c>
      <c r="QSD725" s="424"/>
      <c r="QSE725" s="424"/>
      <c r="QSF725" s="424"/>
      <c r="QSG725" s="423" t="s">
        <v>2795</v>
      </c>
      <c r="QSH725" s="424"/>
      <c r="QSI725" s="424"/>
      <c r="QSJ725" s="424"/>
      <c r="QSK725" s="423" t="s">
        <v>2795</v>
      </c>
      <c r="QSL725" s="424"/>
      <c r="QSM725" s="424"/>
      <c r="QSN725" s="424"/>
      <c r="QSO725" s="423" t="s">
        <v>2795</v>
      </c>
      <c r="QSP725" s="424"/>
      <c r="QSQ725" s="424"/>
      <c r="QSR725" s="424"/>
      <c r="QSS725" s="423" t="s">
        <v>2795</v>
      </c>
      <c r="QST725" s="424"/>
      <c r="QSU725" s="424"/>
      <c r="QSV725" s="424"/>
      <c r="QSW725" s="423" t="s">
        <v>2795</v>
      </c>
      <c r="QSX725" s="424"/>
      <c r="QSY725" s="424"/>
      <c r="QSZ725" s="424"/>
      <c r="QTA725" s="423" t="s">
        <v>2795</v>
      </c>
      <c r="QTB725" s="424"/>
      <c r="QTC725" s="424"/>
      <c r="QTD725" s="424"/>
      <c r="QTE725" s="423" t="s">
        <v>2795</v>
      </c>
      <c r="QTF725" s="424"/>
      <c r="QTG725" s="424"/>
      <c r="QTH725" s="424"/>
      <c r="QTI725" s="423" t="s">
        <v>2795</v>
      </c>
      <c r="QTJ725" s="424"/>
      <c r="QTK725" s="424"/>
      <c r="QTL725" s="424"/>
      <c r="QTM725" s="423" t="s">
        <v>2795</v>
      </c>
      <c r="QTN725" s="424"/>
      <c r="QTO725" s="424"/>
      <c r="QTP725" s="424"/>
      <c r="QTQ725" s="423" t="s">
        <v>2795</v>
      </c>
      <c r="QTR725" s="424"/>
      <c r="QTS725" s="424"/>
      <c r="QTT725" s="424"/>
      <c r="QTU725" s="423" t="s">
        <v>2795</v>
      </c>
      <c r="QTV725" s="424"/>
      <c r="QTW725" s="424"/>
      <c r="QTX725" s="424"/>
      <c r="QTY725" s="423" t="s">
        <v>2795</v>
      </c>
      <c r="QTZ725" s="424"/>
      <c r="QUA725" s="424"/>
      <c r="QUB725" s="424"/>
      <c r="QUC725" s="423" t="s">
        <v>2795</v>
      </c>
      <c r="QUD725" s="424"/>
      <c r="QUE725" s="424"/>
      <c r="QUF725" s="424"/>
      <c r="QUG725" s="423" t="s">
        <v>2795</v>
      </c>
      <c r="QUH725" s="424"/>
      <c r="QUI725" s="424"/>
      <c r="QUJ725" s="424"/>
      <c r="QUK725" s="423" t="s">
        <v>2795</v>
      </c>
      <c r="QUL725" s="424"/>
      <c r="QUM725" s="424"/>
      <c r="QUN725" s="424"/>
      <c r="QUO725" s="423" t="s">
        <v>2795</v>
      </c>
      <c r="QUP725" s="424"/>
      <c r="QUQ725" s="424"/>
      <c r="QUR725" s="424"/>
      <c r="QUS725" s="423" t="s">
        <v>2795</v>
      </c>
      <c r="QUT725" s="424"/>
      <c r="QUU725" s="424"/>
      <c r="QUV725" s="424"/>
      <c r="QUW725" s="423" t="s">
        <v>2795</v>
      </c>
      <c r="QUX725" s="424"/>
      <c r="QUY725" s="424"/>
      <c r="QUZ725" s="424"/>
      <c r="QVA725" s="423" t="s">
        <v>2795</v>
      </c>
      <c r="QVB725" s="424"/>
      <c r="QVC725" s="424"/>
      <c r="QVD725" s="424"/>
      <c r="QVE725" s="423" t="s">
        <v>2795</v>
      </c>
      <c r="QVF725" s="424"/>
      <c r="QVG725" s="424"/>
      <c r="QVH725" s="424"/>
      <c r="QVI725" s="423" t="s">
        <v>2795</v>
      </c>
      <c r="QVJ725" s="424"/>
      <c r="QVK725" s="424"/>
      <c r="QVL725" s="424"/>
      <c r="QVM725" s="423" t="s">
        <v>2795</v>
      </c>
      <c r="QVN725" s="424"/>
      <c r="QVO725" s="424"/>
      <c r="QVP725" s="424"/>
      <c r="QVQ725" s="423" t="s">
        <v>2795</v>
      </c>
      <c r="QVR725" s="424"/>
      <c r="QVS725" s="424"/>
      <c r="QVT725" s="424"/>
      <c r="QVU725" s="423" t="s">
        <v>2795</v>
      </c>
      <c r="QVV725" s="424"/>
      <c r="QVW725" s="424"/>
      <c r="QVX725" s="424"/>
      <c r="QVY725" s="423" t="s">
        <v>2795</v>
      </c>
      <c r="QVZ725" s="424"/>
      <c r="QWA725" s="424"/>
      <c r="QWB725" s="424"/>
      <c r="QWC725" s="423" t="s">
        <v>2795</v>
      </c>
      <c r="QWD725" s="424"/>
      <c r="QWE725" s="424"/>
      <c r="QWF725" s="424"/>
      <c r="QWG725" s="423" t="s">
        <v>2795</v>
      </c>
      <c r="QWH725" s="424"/>
      <c r="QWI725" s="424"/>
      <c r="QWJ725" s="424"/>
      <c r="QWK725" s="423" t="s">
        <v>2795</v>
      </c>
      <c r="QWL725" s="424"/>
      <c r="QWM725" s="424"/>
      <c r="QWN725" s="424"/>
      <c r="QWO725" s="423" t="s">
        <v>2795</v>
      </c>
      <c r="QWP725" s="424"/>
      <c r="QWQ725" s="424"/>
      <c r="QWR725" s="424"/>
      <c r="QWS725" s="423" t="s">
        <v>2795</v>
      </c>
      <c r="QWT725" s="424"/>
      <c r="QWU725" s="424"/>
      <c r="QWV725" s="424"/>
      <c r="QWW725" s="423" t="s">
        <v>2795</v>
      </c>
      <c r="QWX725" s="424"/>
      <c r="QWY725" s="424"/>
      <c r="QWZ725" s="424"/>
      <c r="QXA725" s="423" t="s">
        <v>2795</v>
      </c>
      <c r="QXB725" s="424"/>
      <c r="QXC725" s="424"/>
      <c r="QXD725" s="424"/>
      <c r="QXE725" s="423" t="s">
        <v>2795</v>
      </c>
      <c r="QXF725" s="424"/>
      <c r="QXG725" s="424"/>
      <c r="QXH725" s="424"/>
      <c r="QXI725" s="423" t="s">
        <v>2795</v>
      </c>
      <c r="QXJ725" s="424"/>
      <c r="QXK725" s="424"/>
      <c r="QXL725" s="424"/>
      <c r="QXM725" s="423" t="s">
        <v>2795</v>
      </c>
      <c r="QXN725" s="424"/>
      <c r="QXO725" s="424"/>
      <c r="QXP725" s="424"/>
      <c r="QXQ725" s="423" t="s">
        <v>2795</v>
      </c>
      <c r="QXR725" s="424"/>
      <c r="QXS725" s="424"/>
      <c r="QXT725" s="424"/>
      <c r="QXU725" s="423" t="s">
        <v>2795</v>
      </c>
      <c r="QXV725" s="424"/>
      <c r="QXW725" s="424"/>
      <c r="QXX725" s="424"/>
      <c r="QXY725" s="423" t="s">
        <v>2795</v>
      </c>
      <c r="QXZ725" s="424"/>
      <c r="QYA725" s="424"/>
      <c r="QYB725" s="424"/>
      <c r="QYC725" s="423" t="s">
        <v>2795</v>
      </c>
      <c r="QYD725" s="424"/>
      <c r="QYE725" s="424"/>
      <c r="QYF725" s="424"/>
      <c r="QYG725" s="423" t="s">
        <v>2795</v>
      </c>
      <c r="QYH725" s="424"/>
      <c r="QYI725" s="424"/>
      <c r="QYJ725" s="424"/>
      <c r="QYK725" s="423" t="s">
        <v>2795</v>
      </c>
      <c r="QYL725" s="424"/>
      <c r="QYM725" s="424"/>
      <c r="QYN725" s="424"/>
      <c r="QYO725" s="423" t="s">
        <v>2795</v>
      </c>
      <c r="QYP725" s="424"/>
      <c r="QYQ725" s="424"/>
      <c r="QYR725" s="424"/>
      <c r="QYS725" s="423" t="s">
        <v>2795</v>
      </c>
      <c r="QYT725" s="424"/>
      <c r="QYU725" s="424"/>
      <c r="QYV725" s="424"/>
      <c r="QYW725" s="423" t="s">
        <v>2795</v>
      </c>
      <c r="QYX725" s="424"/>
      <c r="QYY725" s="424"/>
      <c r="QYZ725" s="424"/>
      <c r="QZA725" s="423" t="s">
        <v>2795</v>
      </c>
      <c r="QZB725" s="424"/>
      <c r="QZC725" s="424"/>
      <c r="QZD725" s="424"/>
      <c r="QZE725" s="423" t="s">
        <v>2795</v>
      </c>
      <c r="QZF725" s="424"/>
      <c r="QZG725" s="424"/>
      <c r="QZH725" s="424"/>
      <c r="QZI725" s="423" t="s">
        <v>2795</v>
      </c>
      <c r="QZJ725" s="424"/>
      <c r="QZK725" s="424"/>
      <c r="QZL725" s="424"/>
      <c r="QZM725" s="423" t="s">
        <v>2795</v>
      </c>
      <c r="QZN725" s="424"/>
      <c r="QZO725" s="424"/>
      <c r="QZP725" s="424"/>
      <c r="QZQ725" s="423" t="s">
        <v>2795</v>
      </c>
      <c r="QZR725" s="424"/>
      <c r="QZS725" s="424"/>
      <c r="QZT725" s="424"/>
      <c r="QZU725" s="423" t="s">
        <v>2795</v>
      </c>
      <c r="QZV725" s="424"/>
      <c r="QZW725" s="424"/>
      <c r="QZX725" s="424"/>
      <c r="QZY725" s="423" t="s">
        <v>2795</v>
      </c>
      <c r="QZZ725" s="424"/>
      <c r="RAA725" s="424"/>
      <c r="RAB725" s="424"/>
      <c r="RAC725" s="423" t="s">
        <v>2795</v>
      </c>
      <c r="RAD725" s="424"/>
      <c r="RAE725" s="424"/>
      <c r="RAF725" s="424"/>
      <c r="RAG725" s="423" t="s">
        <v>2795</v>
      </c>
      <c r="RAH725" s="424"/>
      <c r="RAI725" s="424"/>
      <c r="RAJ725" s="424"/>
      <c r="RAK725" s="423" t="s">
        <v>2795</v>
      </c>
      <c r="RAL725" s="424"/>
      <c r="RAM725" s="424"/>
      <c r="RAN725" s="424"/>
      <c r="RAO725" s="423" t="s">
        <v>2795</v>
      </c>
      <c r="RAP725" s="424"/>
      <c r="RAQ725" s="424"/>
      <c r="RAR725" s="424"/>
      <c r="RAS725" s="423" t="s">
        <v>2795</v>
      </c>
      <c r="RAT725" s="424"/>
      <c r="RAU725" s="424"/>
      <c r="RAV725" s="424"/>
      <c r="RAW725" s="423" t="s">
        <v>2795</v>
      </c>
      <c r="RAX725" s="424"/>
      <c r="RAY725" s="424"/>
      <c r="RAZ725" s="424"/>
      <c r="RBA725" s="423" t="s">
        <v>2795</v>
      </c>
      <c r="RBB725" s="424"/>
      <c r="RBC725" s="424"/>
      <c r="RBD725" s="424"/>
      <c r="RBE725" s="423" t="s">
        <v>2795</v>
      </c>
      <c r="RBF725" s="424"/>
      <c r="RBG725" s="424"/>
      <c r="RBH725" s="424"/>
      <c r="RBI725" s="423" t="s">
        <v>2795</v>
      </c>
      <c r="RBJ725" s="424"/>
      <c r="RBK725" s="424"/>
      <c r="RBL725" s="424"/>
      <c r="RBM725" s="423" t="s">
        <v>2795</v>
      </c>
      <c r="RBN725" s="424"/>
      <c r="RBO725" s="424"/>
      <c r="RBP725" s="424"/>
      <c r="RBQ725" s="423" t="s">
        <v>2795</v>
      </c>
      <c r="RBR725" s="424"/>
      <c r="RBS725" s="424"/>
      <c r="RBT725" s="424"/>
      <c r="RBU725" s="423" t="s">
        <v>2795</v>
      </c>
      <c r="RBV725" s="424"/>
      <c r="RBW725" s="424"/>
      <c r="RBX725" s="424"/>
      <c r="RBY725" s="423" t="s">
        <v>2795</v>
      </c>
      <c r="RBZ725" s="424"/>
      <c r="RCA725" s="424"/>
      <c r="RCB725" s="424"/>
      <c r="RCC725" s="423" t="s">
        <v>2795</v>
      </c>
      <c r="RCD725" s="424"/>
      <c r="RCE725" s="424"/>
      <c r="RCF725" s="424"/>
      <c r="RCG725" s="423" t="s">
        <v>2795</v>
      </c>
      <c r="RCH725" s="424"/>
      <c r="RCI725" s="424"/>
      <c r="RCJ725" s="424"/>
      <c r="RCK725" s="423" t="s">
        <v>2795</v>
      </c>
      <c r="RCL725" s="424"/>
      <c r="RCM725" s="424"/>
      <c r="RCN725" s="424"/>
      <c r="RCO725" s="423" t="s">
        <v>2795</v>
      </c>
      <c r="RCP725" s="424"/>
      <c r="RCQ725" s="424"/>
      <c r="RCR725" s="424"/>
      <c r="RCS725" s="423" t="s">
        <v>2795</v>
      </c>
      <c r="RCT725" s="424"/>
      <c r="RCU725" s="424"/>
      <c r="RCV725" s="424"/>
      <c r="RCW725" s="423" t="s">
        <v>2795</v>
      </c>
      <c r="RCX725" s="424"/>
      <c r="RCY725" s="424"/>
      <c r="RCZ725" s="424"/>
      <c r="RDA725" s="423" t="s">
        <v>2795</v>
      </c>
      <c r="RDB725" s="424"/>
      <c r="RDC725" s="424"/>
      <c r="RDD725" s="424"/>
      <c r="RDE725" s="423" t="s">
        <v>2795</v>
      </c>
      <c r="RDF725" s="424"/>
      <c r="RDG725" s="424"/>
      <c r="RDH725" s="424"/>
      <c r="RDI725" s="423" t="s">
        <v>2795</v>
      </c>
      <c r="RDJ725" s="424"/>
      <c r="RDK725" s="424"/>
      <c r="RDL725" s="424"/>
      <c r="RDM725" s="423" t="s">
        <v>2795</v>
      </c>
      <c r="RDN725" s="424"/>
      <c r="RDO725" s="424"/>
      <c r="RDP725" s="424"/>
      <c r="RDQ725" s="423" t="s">
        <v>2795</v>
      </c>
      <c r="RDR725" s="424"/>
      <c r="RDS725" s="424"/>
      <c r="RDT725" s="424"/>
      <c r="RDU725" s="423" t="s">
        <v>2795</v>
      </c>
      <c r="RDV725" s="424"/>
      <c r="RDW725" s="424"/>
      <c r="RDX725" s="424"/>
      <c r="RDY725" s="423" t="s">
        <v>2795</v>
      </c>
      <c r="RDZ725" s="424"/>
      <c r="REA725" s="424"/>
      <c r="REB725" s="424"/>
      <c r="REC725" s="423" t="s">
        <v>2795</v>
      </c>
      <c r="RED725" s="424"/>
      <c r="REE725" s="424"/>
      <c r="REF725" s="424"/>
      <c r="REG725" s="423" t="s">
        <v>2795</v>
      </c>
      <c r="REH725" s="424"/>
      <c r="REI725" s="424"/>
      <c r="REJ725" s="424"/>
      <c r="REK725" s="423" t="s">
        <v>2795</v>
      </c>
      <c r="REL725" s="424"/>
      <c r="REM725" s="424"/>
      <c r="REN725" s="424"/>
      <c r="REO725" s="423" t="s">
        <v>2795</v>
      </c>
      <c r="REP725" s="424"/>
      <c r="REQ725" s="424"/>
      <c r="RER725" s="424"/>
      <c r="RES725" s="423" t="s">
        <v>2795</v>
      </c>
      <c r="RET725" s="424"/>
      <c r="REU725" s="424"/>
      <c r="REV725" s="424"/>
      <c r="REW725" s="423" t="s">
        <v>2795</v>
      </c>
      <c r="REX725" s="424"/>
      <c r="REY725" s="424"/>
      <c r="REZ725" s="424"/>
      <c r="RFA725" s="423" t="s">
        <v>2795</v>
      </c>
      <c r="RFB725" s="424"/>
      <c r="RFC725" s="424"/>
      <c r="RFD725" s="424"/>
      <c r="RFE725" s="423" t="s">
        <v>2795</v>
      </c>
      <c r="RFF725" s="424"/>
      <c r="RFG725" s="424"/>
      <c r="RFH725" s="424"/>
      <c r="RFI725" s="423" t="s">
        <v>2795</v>
      </c>
      <c r="RFJ725" s="424"/>
      <c r="RFK725" s="424"/>
      <c r="RFL725" s="424"/>
      <c r="RFM725" s="423" t="s">
        <v>2795</v>
      </c>
      <c r="RFN725" s="424"/>
      <c r="RFO725" s="424"/>
      <c r="RFP725" s="424"/>
      <c r="RFQ725" s="423" t="s">
        <v>2795</v>
      </c>
      <c r="RFR725" s="424"/>
      <c r="RFS725" s="424"/>
      <c r="RFT725" s="424"/>
      <c r="RFU725" s="423" t="s">
        <v>2795</v>
      </c>
      <c r="RFV725" s="424"/>
      <c r="RFW725" s="424"/>
      <c r="RFX725" s="424"/>
      <c r="RFY725" s="423" t="s">
        <v>2795</v>
      </c>
      <c r="RFZ725" s="424"/>
      <c r="RGA725" s="424"/>
      <c r="RGB725" s="424"/>
      <c r="RGC725" s="423" t="s">
        <v>2795</v>
      </c>
      <c r="RGD725" s="424"/>
      <c r="RGE725" s="424"/>
      <c r="RGF725" s="424"/>
      <c r="RGG725" s="423" t="s">
        <v>2795</v>
      </c>
      <c r="RGH725" s="424"/>
      <c r="RGI725" s="424"/>
      <c r="RGJ725" s="424"/>
      <c r="RGK725" s="423" t="s">
        <v>2795</v>
      </c>
      <c r="RGL725" s="424"/>
      <c r="RGM725" s="424"/>
      <c r="RGN725" s="424"/>
      <c r="RGO725" s="423" t="s">
        <v>2795</v>
      </c>
      <c r="RGP725" s="424"/>
      <c r="RGQ725" s="424"/>
      <c r="RGR725" s="424"/>
      <c r="RGS725" s="423" t="s">
        <v>2795</v>
      </c>
      <c r="RGT725" s="424"/>
      <c r="RGU725" s="424"/>
      <c r="RGV725" s="424"/>
      <c r="RGW725" s="423" t="s">
        <v>2795</v>
      </c>
      <c r="RGX725" s="424"/>
      <c r="RGY725" s="424"/>
      <c r="RGZ725" s="424"/>
      <c r="RHA725" s="423" t="s">
        <v>2795</v>
      </c>
      <c r="RHB725" s="424"/>
      <c r="RHC725" s="424"/>
      <c r="RHD725" s="424"/>
      <c r="RHE725" s="423" t="s">
        <v>2795</v>
      </c>
      <c r="RHF725" s="424"/>
      <c r="RHG725" s="424"/>
      <c r="RHH725" s="424"/>
      <c r="RHI725" s="423" t="s">
        <v>2795</v>
      </c>
      <c r="RHJ725" s="424"/>
      <c r="RHK725" s="424"/>
      <c r="RHL725" s="424"/>
      <c r="RHM725" s="423" t="s">
        <v>2795</v>
      </c>
      <c r="RHN725" s="424"/>
      <c r="RHO725" s="424"/>
      <c r="RHP725" s="424"/>
      <c r="RHQ725" s="423" t="s">
        <v>2795</v>
      </c>
      <c r="RHR725" s="424"/>
      <c r="RHS725" s="424"/>
      <c r="RHT725" s="424"/>
      <c r="RHU725" s="423" t="s">
        <v>2795</v>
      </c>
      <c r="RHV725" s="424"/>
      <c r="RHW725" s="424"/>
      <c r="RHX725" s="424"/>
      <c r="RHY725" s="423" t="s">
        <v>2795</v>
      </c>
      <c r="RHZ725" s="424"/>
      <c r="RIA725" s="424"/>
      <c r="RIB725" s="424"/>
      <c r="RIC725" s="423" t="s">
        <v>2795</v>
      </c>
      <c r="RID725" s="424"/>
      <c r="RIE725" s="424"/>
      <c r="RIF725" s="424"/>
      <c r="RIG725" s="423" t="s">
        <v>2795</v>
      </c>
      <c r="RIH725" s="424"/>
      <c r="RII725" s="424"/>
      <c r="RIJ725" s="424"/>
      <c r="RIK725" s="423" t="s">
        <v>2795</v>
      </c>
      <c r="RIL725" s="424"/>
      <c r="RIM725" s="424"/>
      <c r="RIN725" s="424"/>
      <c r="RIO725" s="423" t="s">
        <v>2795</v>
      </c>
      <c r="RIP725" s="424"/>
      <c r="RIQ725" s="424"/>
      <c r="RIR725" s="424"/>
      <c r="RIS725" s="423" t="s">
        <v>2795</v>
      </c>
      <c r="RIT725" s="424"/>
      <c r="RIU725" s="424"/>
      <c r="RIV725" s="424"/>
      <c r="RIW725" s="423" t="s">
        <v>2795</v>
      </c>
      <c r="RIX725" s="424"/>
      <c r="RIY725" s="424"/>
      <c r="RIZ725" s="424"/>
      <c r="RJA725" s="423" t="s">
        <v>2795</v>
      </c>
      <c r="RJB725" s="424"/>
      <c r="RJC725" s="424"/>
      <c r="RJD725" s="424"/>
      <c r="RJE725" s="423" t="s">
        <v>2795</v>
      </c>
      <c r="RJF725" s="424"/>
      <c r="RJG725" s="424"/>
      <c r="RJH725" s="424"/>
      <c r="RJI725" s="423" t="s">
        <v>2795</v>
      </c>
      <c r="RJJ725" s="424"/>
      <c r="RJK725" s="424"/>
      <c r="RJL725" s="424"/>
      <c r="RJM725" s="423" t="s">
        <v>2795</v>
      </c>
      <c r="RJN725" s="424"/>
      <c r="RJO725" s="424"/>
      <c r="RJP725" s="424"/>
      <c r="RJQ725" s="423" t="s">
        <v>2795</v>
      </c>
      <c r="RJR725" s="424"/>
      <c r="RJS725" s="424"/>
      <c r="RJT725" s="424"/>
      <c r="RJU725" s="423" t="s">
        <v>2795</v>
      </c>
      <c r="RJV725" s="424"/>
      <c r="RJW725" s="424"/>
      <c r="RJX725" s="424"/>
      <c r="RJY725" s="423" t="s">
        <v>2795</v>
      </c>
      <c r="RJZ725" s="424"/>
      <c r="RKA725" s="424"/>
      <c r="RKB725" s="424"/>
      <c r="RKC725" s="423" t="s">
        <v>2795</v>
      </c>
      <c r="RKD725" s="424"/>
      <c r="RKE725" s="424"/>
      <c r="RKF725" s="424"/>
      <c r="RKG725" s="423" t="s">
        <v>2795</v>
      </c>
      <c r="RKH725" s="424"/>
      <c r="RKI725" s="424"/>
      <c r="RKJ725" s="424"/>
      <c r="RKK725" s="423" t="s">
        <v>2795</v>
      </c>
      <c r="RKL725" s="424"/>
      <c r="RKM725" s="424"/>
      <c r="RKN725" s="424"/>
      <c r="RKO725" s="423" t="s">
        <v>2795</v>
      </c>
      <c r="RKP725" s="424"/>
      <c r="RKQ725" s="424"/>
      <c r="RKR725" s="424"/>
      <c r="RKS725" s="423" t="s">
        <v>2795</v>
      </c>
      <c r="RKT725" s="424"/>
      <c r="RKU725" s="424"/>
      <c r="RKV725" s="424"/>
      <c r="RKW725" s="423" t="s">
        <v>2795</v>
      </c>
      <c r="RKX725" s="424"/>
      <c r="RKY725" s="424"/>
      <c r="RKZ725" s="424"/>
      <c r="RLA725" s="423" t="s">
        <v>2795</v>
      </c>
      <c r="RLB725" s="424"/>
      <c r="RLC725" s="424"/>
      <c r="RLD725" s="424"/>
      <c r="RLE725" s="423" t="s">
        <v>2795</v>
      </c>
      <c r="RLF725" s="424"/>
      <c r="RLG725" s="424"/>
      <c r="RLH725" s="424"/>
      <c r="RLI725" s="423" t="s">
        <v>2795</v>
      </c>
      <c r="RLJ725" s="424"/>
      <c r="RLK725" s="424"/>
      <c r="RLL725" s="424"/>
      <c r="RLM725" s="423" t="s">
        <v>2795</v>
      </c>
      <c r="RLN725" s="424"/>
      <c r="RLO725" s="424"/>
      <c r="RLP725" s="424"/>
      <c r="RLQ725" s="423" t="s">
        <v>2795</v>
      </c>
      <c r="RLR725" s="424"/>
      <c r="RLS725" s="424"/>
      <c r="RLT725" s="424"/>
      <c r="RLU725" s="423" t="s">
        <v>2795</v>
      </c>
      <c r="RLV725" s="424"/>
      <c r="RLW725" s="424"/>
      <c r="RLX725" s="424"/>
      <c r="RLY725" s="423" t="s">
        <v>2795</v>
      </c>
      <c r="RLZ725" s="424"/>
      <c r="RMA725" s="424"/>
      <c r="RMB725" s="424"/>
      <c r="RMC725" s="423" t="s">
        <v>2795</v>
      </c>
      <c r="RMD725" s="424"/>
      <c r="RME725" s="424"/>
      <c r="RMF725" s="424"/>
      <c r="RMG725" s="423" t="s">
        <v>2795</v>
      </c>
      <c r="RMH725" s="424"/>
      <c r="RMI725" s="424"/>
      <c r="RMJ725" s="424"/>
      <c r="RMK725" s="423" t="s">
        <v>2795</v>
      </c>
      <c r="RML725" s="424"/>
      <c r="RMM725" s="424"/>
      <c r="RMN725" s="424"/>
      <c r="RMO725" s="423" t="s">
        <v>2795</v>
      </c>
      <c r="RMP725" s="424"/>
      <c r="RMQ725" s="424"/>
      <c r="RMR725" s="424"/>
      <c r="RMS725" s="423" t="s">
        <v>2795</v>
      </c>
      <c r="RMT725" s="424"/>
      <c r="RMU725" s="424"/>
      <c r="RMV725" s="424"/>
      <c r="RMW725" s="423" t="s">
        <v>2795</v>
      </c>
      <c r="RMX725" s="424"/>
      <c r="RMY725" s="424"/>
      <c r="RMZ725" s="424"/>
      <c r="RNA725" s="423" t="s">
        <v>2795</v>
      </c>
      <c r="RNB725" s="424"/>
      <c r="RNC725" s="424"/>
      <c r="RND725" s="424"/>
      <c r="RNE725" s="423" t="s">
        <v>2795</v>
      </c>
      <c r="RNF725" s="424"/>
      <c r="RNG725" s="424"/>
      <c r="RNH725" s="424"/>
      <c r="RNI725" s="423" t="s">
        <v>2795</v>
      </c>
      <c r="RNJ725" s="424"/>
      <c r="RNK725" s="424"/>
      <c r="RNL725" s="424"/>
      <c r="RNM725" s="423" t="s">
        <v>2795</v>
      </c>
      <c r="RNN725" s="424"/>
      <c r="RNO725" s="424"/>
      <c r="RNP725" s="424"/>
      <c r="RNQ725" s="423" t="s">
        <v>2795</v>
      </c>
      <c r="RNR725" s="424"/>
      <c r="RNS725" s="424"/>
      <c r="RNT725" s="424"/>
      <c r="RNU725" s="423" t="s">
        <v>2795</v>
      </c>
      <c r="RNV725" s="424"/>
      <c r="RNW725" s="424"/>
      <c r="RNX725" s="424"/>
      <c r="RNY725" s="423" t="s">
        <v>2795</v>
      </c>
      <c r="RNZ725" s="424"/>
      <c r="ROA725" s="424"/>
      <c r="ROB725" s="424"/>
      <c r="ROC725" s="423" t="s">
        <v>2795</v>
      </c>
      <c r="ROD725" s="424"/>
      <c r="ROE725" s="424"/>
      <c r="ROF725" s="424"/>
      <c r="ROG725" s="423" t="s">
        <v>2795</v>
      </c>
      <c r="ROH725" s="424"/>
      <c r="ROI725" s="424"/>
      <c r="ROJ725" s="424"/>
      <c r="ROK725" s="423" t="s">
        <v>2795</v>
      </c>
      <c r="ROL725" s="424"/>
      <c r="ROM725" s="424"/>
      <c r="RON725" s="424"/>
      <c r="ROO725" s="423" t="s">
        <v>2795</v>
      </c>
      <c r="ROP725" s="424"/>
      <c r="ROQ725" s="424"/>
      <c r="ROR725" s="424"/>
      <c r="ROS725" s="423" t="s">
        <v>2795</v>
      </c>
      <c r="ROT725" s="424"/>
      <c r="ROU725" s="424"/>
      <c r="ROV725" s="424"/>
      <c r="ROW725" s="423" t="s">
        <v>2795</v>
      </c>
      <c r="ROX725" s="424"/>
      <c r="ROY725" s="424"/>
      <c r="ROZ725" s="424"/>
      <c r="RPA725" s="423" t="s">
        <v>2795</v>
      </c>
      <c r="RPB725" s="424"/>
      <c r="RPC725" s="424"/>
      <c r="RPD725" s="424"/>
      <c r="RPE725" s="423" t="s">
        <v>2795</v>
      </c>
      <c r="RPF725" s="424"/>
      <c r="RPG725" s="424"/>
      <c r="RPH725" s="424"/>
      <c r="RPI725" s="423" t="s">
        <v>2795</v>
      </c>
      <c r="RPJ725" s="424"/>
      <c r="RPK725" s="424"/>
      <c r="RPL725" s="424"/>
      <c r="RPM725" s="423" t="s">
        <v>2795</v>
      </c>
      <c r="RPN725" s="424"/>
      <c r="RPO725" s="424"/>
      <c r="RPP725" s="424"/>
      <c r="RPQ725" s="423" t="s">
        <v>2795</v>
      </c>
      <c r="RPR725" s="424"/>
      <c r="RPS725" s="424"/>
      <c r="RPT725" s="424"/>
      <c r="RPU725" s="423" t="s">
        <v>2795</v>
      </c>
      <c r="RPV725" s="424"/>
      <c r="RPW725" s="424"/>
      <c r="RPX725" s="424"/>
      <c r="RPY725" s="423" t="s">
        <v>2795</v>
      </c>
      <c r="RPZ725" s="424"/>
      <c r="RQA725" s="424"/>
      <c r="RQB725" s="424"/>
      <c r="RQC725" s="423" t="s">
        <v>2795</v>
      </c>
      <c r="RQD725" s="424"/>
      <c r="RQE725" s="424"/>
      <c r="RQF725" s="424"/>
      <c r="RQG725" s="423" t="s">
        <v>2795</v>
      </c>
      <c r="RQH725" s="424"/>
      <c r="RQI725" s="424"/>
      <c r="RQJ725" s="424"/>
      <c r="RQK725" s="423" t="s">
        <v>2795</v>
      </c>
      <c r="RQL725" s="424"/>
      <c r="RQM725" s="424"/>
      <c r="RQN725" s="424"/>
      <c r="RQO725" s="423" t="s">
        <v>2795</v>
      </c>
      <c r="RQP725" s="424"/>
      <c r="RQQ725" s="424"/>
      <c r="RQR725" s="424"/>
      <c r="RQS725" s="423" t="s">
        <v>2795</v>
      </c>
      <c r="RQT725" s="424"/>
      <c r="RQU725" s="424"/>
      <c r="RQV725" s="424"/>
      <c r="RQW725" s="423" t="s">
        <v>2795</v>
      </c>
      <c r="RQX725" s="424"/>
      <c r="RQY725" s="424"/>
      <c r="RQZ725" s="424"/>
      <c r="RRA725" s="423" t="s">
        <v>2795</v>
      </c>
      <c r="RRB725" s="424"/>
      <c r="RRC725" s="424"/>
      <c r="RRD725" s="424"/>
      <c r="RRE725" s="423" t="s">
        <v>2795</v>
      </c>
      <c r="RRF725" s="424"/>
      <c r="RRG725" s="424"/>
      <c r="RRH725" s="424"/>
      <c r="RRI725" s="423" t="s">
        <v>2795</v>
      </c>
      <c r="RRJ725" s="424"/>
      <c r="RRK725" s="424"/>
      <c r="RRL725" s="424"/>
      <c r="RRM725" s="423" t="s">
        <v>2795</v>
      </c>
      <c r="RRN725" s="424"/>
      <c r="RRO725" s="424"/>
      <c r="RRP725" s="424"/>
      <c r="RRQ725" s="423" t="s">
        <v>2795</v>
      </c>
      <c r="RRR725" s="424"/>
      <c r="RRS725" s="424"/>
      <c r="RRT725" s="424"/>
      <c r="RRU725" s="423" t="s">
        <v>2795</v>
      </c>
      <c r="RRV725" s="424"/>
      <c r="RRW725" s="424"/>
      <c r="RRX725" s="424"/>
      <c r="RRY725" s="423" t="s">
        <v>2795</v>
      </c>
      <c r="RRZ725" s="424"/>
      <c r="RSA725" s="424"/>
      <c r="RSB725" s="424"/>
      <c r="RSC725" s="423" t="s">
        <v>2795</v>
      </c>
      <c r="RSD725" s="424"/>
      <c r="RSE725" s="424"/>
      <c r="RSF725" s="424"/>
      <c r="RSG725" s="423" t="s">
        <v>2795</v>
      </c>
      <c r="RSH725" s="424"/>
      <c r="RSI725" s="424"/>
      <c r="RSJ725" s="424"/>
      <c r="RSK725" s="423" t="s">
        <v>2795</v>
      </c>
      <c r="RSL725" s="424"/>
      <c r="RSM725" s="424"/>
      <c r="RSN725" s="424"/>
      <c r="RSO725" s="423" t="s">
        <v>2795</v>
      </c>
      <c r="RSP725" s="424"/>
      <c r="RSQ725" s="424"/>
      <c r="RSR725" s="424"/>
      <c r="RSS725" s="423" t="s">
        <v>2795</v>
      </c>
      <c r="RST725" s="424"/>
      <c r="RSU725" s="424"/>
      <c r="RSV725" s="424"/>
      <c r="RSW725" s="423" t="s">
        <v>2795</v>
      </c>
      <c r="RSX725" s="424"/>
      <c r="RSY725" s="424"/>
      <c r="RSZ725" s="424"/>
      <c r="RTA725" s="423" t="s">
        <v>2795</v>
      </c>
      <c r="RTB725" s="424"/>
      <c r="RTC725" s="424"/>
      <c r="RTD725" s="424"/>
      <c r="RTE725" s="423" t="s">
        <v>2795</v>
      </c>
      <c r="RTF725" s="424"/>
      <c r="RTG725" s="424"/>
      <c r="RTH725" s="424"/>
      <c r="RTI725" s="423" t="s">
        <v>2795</v>
      </c>
      <c r="RTJ725" s="424"/>
      <c r="RTK725" s="424"/>
      <c r="RTL725" s="424"/>
      <c r="RTM725" s="423" t="s">
        <v>2795</v>
      </c>
      <c r="RTN725" s="424"/>
      <c r="RTO725" s="424"/>
      <c r="RTP725" s="424"/>
      <c r="RTQ725" s="423" t="s">
        <v>2795</v>
      </c>
      <c r="RTR725" s="424"/>
      <c r="RTS725" s="424"/>
      <c r="RTT725" s="424"/>
      <c r="RTU725" s="423" t="s">
        <v>2795</v>
      </c>
      <c r="RTV725" s="424"/>
      <c r="RTW725" s="424"/>
      <c r="RTX725" s="424"/>
      <c r="RTY725" s="423" t="s">
        <v>2795</v>
      </c>
      <c r="RTZ725" s="424"/>
      <c r="RUA725" s="424"/>
      <c r="RUB725" s="424"/>
      <c r="RUC725" s="423" t="s">
        <v>2795</v>
      </c>
      <c r="RUD725" s="424"/>
      <c r="RUE725" s="424"/>
      <c r="RUF725" s="424"/>
      <c r="RUG725" s="423" t="s">
        <v>2795</v>
      </c>
      <c r="RUH725" s="424"/>
      <c r="RUI725" s="424"/>
      <c r="RUJ725" s="424"/>
      <c r="RUK725" s="423" t="s">
        <v>2795</v>
      </c>
      <c r="RUL725" s="424"/>
      <c r="RUM725" s="424"/>
      <c r="RUN725" s="424"/>
      <c r="RUO725" s="423" t="s">
        <v>2795</v>
      </c>
      <c r="RUP725" s="424"/>
      <c r="RUQ725" s="424"/>
      <c r="RUR725" s="424"/>
      <c r="RUS725" s="423" t="s">
        <v>2795</v>
      </c>
      <c r="RUT725" s="424"/>
      <c r="RUU725" s="424"/>
      <c r="RUV725" s="424"/>
      <c r="RUW725" s="423" t="s">
        <v>2795</v>
      </c>
      <c r="RUX725" s="424"/>
      <c r="RUY725" s="424"/>
      <c r="RUZ725" s="424"/>
      <c r="RVA725" s="423" t="s">
        <v>2795</v>
      </c>
      <c r="RVB725" s="424"/>
      <c r="RVC725" s="424"/>
      <c r="RVD725" s="424"/>
      <c r="RVE725" s="423" t="s">
        <v>2795</v>
      </c>
      <c r="RVF725" s="424"/>
      <c r="RVG725" s="424"/>
      <c r="RVH725" s="424"/>
      <c r="RVI725" s="423" t="s">
        <v>2795</v>
      </c>
      <c r="RVJ725" s="424"/>
      <c r="RVK725" s="424"/>
      <c r="RVL725" s="424"/>
      <c r="RVM725" s="423" t="s">
        <v>2795</v>
      </c>
      <c r="RVN725" s="424"/>
      <c r="RVO725" s="424"/>
      <c r="RVP725" s="424"/>
      <c r="RVQ725" s="423" t="s">
        <v>2795</v>
      </c>
      <c r="RVR725" s="424"/>
      <c r="RVS725" s="424"/>
      <c r="RVT725" s="424"/>
      <c r="RVU725" s="423" t="s">
        <v>2795</v>
      </c>
      <c r="RVV725" s="424"/>
      <c r="RVW725" s="424"/>
      <c r="RVX725" s="424"/>
      <c r="RVY725" s="423" t="s">
        <v>2795</v>
      </c>
      <c r="RVZ725" s="424"/>
      <c r="RWA725" s="424"/>
      <c r="RWB725" s="424"/>
      <c r="RWC725" s="423" t="s">
        <v>2795</v>
      </c>
      <c r="RWD725" s="424"/>
      <c r="RWE725" s="424"/>
      <c r="RWF725" s="424"/>
      <c r="RWG725" s="423" t="s">
        <v>2795</v>
      </c>
      <c r="RWH725" s="424"/>
      <c r="RWI725" s="424"/>
      <c r="RWJ725" s="424"/>
      <c r="RWK725" s="423" t="s">
        <v>2795</v>
      </c>
      <c r="RWL725" s="424"/>
      <c r="RWM725" s="424"/>
      <c r="RWN725" s="424"/>
      <c r="RWO725" s="423" t="s">
        <v>2795</v>
      </c>
      <c r="RWP725" s="424"/>
      <c r="RWQ725" s="424"/>
      <c r="RWR725" s="424"/>
      <c r="RWS725" s="423" t="s">
        <v>2795</v>
      </c>
      <c r="RWT725" s="424"/>
      <c r="RWU725" s="424"/>
      <c r="RWV725" s="424"/>
      <c r="RWW725" s="423" t="s">
        <v>2795</v>
      </c>
      <c r="RWX725" s="424"/>
      <c r="RWY725" s="424"/>
      <c r="RWZ725" s="424"/>
      <c r="RXA725" s="423" t="s">
        <v>2795</v>
      </c>
      <c r="RXB725" s="424"/>
      <c r="RXC725" s="424"/>
      <c r="RXD725" s="424"/>
      <c r="RXE725" s="423" t="s">
        <v>2795</v>
      </c>
      <c r="RXF725" s="424"/>
      <c r="RXG725" s="424"/>
      <c r="RXH725" s="424"/>
      <c r="RXI725" s="423" t="s">
        <v>2795</v>
      </c>
      <c r="RXJ725" s="424"/>
      <c r="RXK725" s="424"/>
      <c r="RXL725" s="424"/>
      <c r="RXM725" s="423" t="s">
        <v>2795</v>
      </c>
      <c r="RXN725" s="424"/>
      <c r="RXO725" s="424"/>
      <c r="RXP725" s="424"/>
      <c r="RXQ725" s="423" t="s">
        <v>2795</v>
      </c>
      <c r="RXR725" s="424"/>
      <c r="RXS725" s="424"/>
      <c r="RXT725" s="424"/>
      <c r="RXU725" s="423" t="s">
        <v>2795</v>
      </c>
      <c r="RXV725" s="424"/>
      <c r="RXW725" s="424"/>
      <c r="RXX725" s="424"/>
      <c r="RXY725" s="423" t="s">
        <v>2795</v>
      </c>
      <c r="RXZ725" s="424"/>
      <c r="RYA725" s="424"/>
      <c r="RYB725" s="424"/>
      <c r="RYC725" s="423" t="s">
        <v>2795</v>
      </c>
      <c r="RYD725" s="424"/>
      <c r="RYE725" s="424"/>
      <c r="RYF725" s="424"/>
      <c r="RYG725" s="423" t="s">
        <v>2795</v>
      </c>
      <c r="RYH725" s="424"/>
      <c r="RYI725" s="424"/>
      <c r="RYJ725" s="424"/>
      <c r="RYK725" s="423" t="s">
        <v>2795</v>
      </c>
      <c r="RYL725" s="424"/>
      <c r="RYM725" s="424"/>
      <c r="RYN725" s="424"/>
      <c r="RYO725" s="423" t="s">
        <v>2795</v>
      </c>
      <c r="RYP725" s="424"/>
      <c r="RYQ725" s="424"/>
      <c r="RYR725" s="424"/>
      <c r="RYS725" s="423" t="s">
        <v>2795</v>
      </c>
      <c r="RYT725" s="424"/>
      <c r="RYU725" s="424"/>
      <c r="RYV725" s="424"/>
      <c r="RYW725" s="423" t="s">
        <v>2795</v>
      </c>
      <c r="RYX725" s="424"/>
      <c r="RYY725" s="424"/>
      <c r="RYZ725" s="424"/>
      <c r="RZA725" s="423" t="s">
        <v>2795</v>
      </c>
      <c r="RZB725" s="424"/>
      <c r="RZC725" s="424"/>
      <c r="RZD725" s="424"/>
      <c r="RZE725" s="423" t="s">
        <v>2795</v>
      </c>
      <c r="RZF725" s="424"/>
      <c r="RZG725" s="424"/>
      <c r="RZH725" s="424"/>
      <c r="RZI725" s="423" t="s">
        <v>2795</v>
      </c>
      <c r="RZJ725" s="424"/>
      <c r="RZK725" s="424"/>
      <c r="RZL725" s="424"/>
      <c r="RZM725" s="423" t="s">
        <v>2795</v>
      </c>
      <c r="RZN725" s="424"/>
      <c r="RZO725" s="424"/>
      <c r="RZP725" s="424"/>
      <c r="RZQ725" s="423" t="s">
        <v>2795</v>
      </c>
      <c r="RZR725" s="424"/>
      <c r="RZS725" s="424"/>
      <c r="RZT725" s="424"/>
      <c r="RZU725" s="423" t="s">
        <v>2795</v>
      </c>
      <c r="RZV725" s="424"/>
      <c r="RZW725" s="424"/>
      <c r="RZX725" s="424"/>
      <c r="RZY725" s="423" t="s">
        <v>2795</v>
      </c>
      <c r="RZZ725" s="424"/>
      <c r="SAA725" s="424"/>
      <c r="SAB725" s="424"/>
      <c r="SAC725" s="423" t="s">
        <v>2795</v>
      </c>
      <c r="SAD725" s="424"/>
      <c r="SAE725" s="424"/>
      <c r="SAF725" s="424"/>
      <c r="SAG725" s="423" t="s">
        <v>2795</v>
      </c>
      <c r="SAH725" s="424"/>
      <c r="SAI725" s="424"/>
      <c r="SAJ725" s="424"/>
      <c r="SAK725" s="423" t="s">
        <v>2795</v>
      </c>
      <c r="SAL725" s="424"/>
      <c r="SAM725" s="424"/>
      <c r="SAN725" s="424"/>
      <c r="SAO725" s="423" t="s">
        <v>2795</v>
      </c>
      <c r="SAP725" s="424"/>
      <c r="SAQ725" s="424"/>
      <c r="SAR725" s="424"/>
      <c r="SAS725" s="423" t="s">
        <v>2795</v>
      </c>
      <c r="SAT725" s="424"/>
      <c r="SAU725" s="424"/>
      <c r="SAV725" s="424"/>
      <c r="SAW725" s="423" t="s">
        <v>2795</v>
      </c>
      <c r="SAX725" s="424"/>
      <c r="SAY725" s="424"/>
      <c r="SAZ725" s="424"/>
      <c r="SBA725" s="423" t="s">
        <v>2795</v>
      </c>
      <c r="SBB725" s="424"/>
      <c r="SBC725" s="424"/>
      <c r="SBD725" s="424"/>
      <c r="SBE725" s="423" t="s">
        <v>2795</v>
      </c>
      <c r="SBF725" s="424"/>
      <c r="SBG725" s="424"/>
      <c r="SBH725" s="424"/>
      <c r="SBI725" s="423" t="s">
        <v>2795</v>
      </c>
      <c r="SBJ725" s="424"/>
      <c r="SBK725" s="424"/>
      <c r="SBL725" s="424"/>
      <c r="SBM725" s="423" t="s">
        <v>2795</v>
      </c>
      <c r="SBN725" s="424"/>
      <c r="SBO725" s="424"/>
      <c r="SBP725" s="424"/>
      <c r="SBQ725" s="423" t="s">
        <v>2795</v>
      </c>
      <c r="SBR725" s="424"/>
      <c r="SBS725" s="424"/>
      <c r="SBT725" s="424"/>
      <c r="SBU725" s="423" t="s">
        <v>2795</v>
      </c>
      <c r="SBV725" s="424"/>
      <c r="SBW725" s="424"/>
      <c r="SBX725" s="424"/>
      <c r="SBY725" s="423" t="s">
        <v>2795</v>
      </c>
      <c r="SBZ725" s="424"/>
      <c r="SCA725" s="424"/>
      <c r="SCB725" s="424"/>
      <c r="SCC725" s="423" t="s">
        <v>2795</v>
      </c>
      <c r="SCD725" s="424"/>
      <c r="SCE725" s="424"/>
      <c r="SCF725" s="424"/>
      <c r="SCG725" s="423" t="s">
        <v>2795</v>
      </c>
      <c r="SCH725" s="424"/>
      <c r="SCI725" s="424"/>
      <c r="SCJ725" s="424"/>
      <c r="SCK725" s="423" t="s">
        <v>2795</v>
      </c>
      <c r="SCL725" s="424"/>
      <c r="SCM725" s="424"/>
      <c r="SCN725" s="424"/>
      <c r="SCO725" s="423" t="s">
        <v>2795</v>
      </c>
      <c r="SCP725" s="424"/>
      <c r="SCQ725" s="424"/>
      <c r="SCR725" s="424"/>
      <c r="SCS725" s="423" t="s">
        <v>2795</v>
      </c>
      <c r="SCT725" s="424"/>
      <c r="SCU725" s="424"/>
      <c r="SCV725" s="424"/>
      <c r="SCW725" s="423" t="s">
        <v>2795</v>
      </c>
      <c r="SCX725" s="424"/>
      <c r="SCY725" s="424"/>
      <c r="SCZ725" s="424"/>
      <c r="SDA725" s="423" t="s">
        <v>2795</v>
      </c>
      <c r="SDB725" s="424"/>
      <c r="SDC725" s="424"/>
      <c r="SDD725" s="424"/>
      <c r="SDE725" s="423" t="s">
        <v>2795</v>
      </c>
      <c r="SDF725" s="424"/>
      <c r="SDG725" s="424"/>
      <c r="SDH725" s="424"/>
      <c r="SDI725" s="423" t="s">
        <v>2795</v>
      </c>
      <c r="SDJ725" s="424"/>
      <c r="SDK725" s="424"/>
      <c r="SDL725" s="424"/>
      <c r="SDM725" s="423" t="s">
        <v>2795</v>
      </c>
      <c r="SDN725" s="424"/>
      <c r="SDO725" s="424"/>
      <c r="SDP725" s="424"/>
      <c r="SDQ725" s="423" t="s">
        <v>2795</v>
      </c>
      <c r="SDR725" s="424"/>
      <c r="SDS725" s="424"/>
      <c r="SDT725" s="424"/>
      <c r="SDU725" s="423" t="s">
        <v>2795</v>
      </c>
      <c r="SDV725" s="424"/>
      <c r="SDW725" s="424"/>
      <c r="SDX725" s="424"/>
      <c r="SDY725" s="423" t="s">
        <v>2795</v>
      </c>
      <c r="SDZ725" s="424"/>
      <c r="SEA725" s="424"/>
      <c r="SEB725" s="424"/>
      <c r="SEC725" s="423" t="s">
        <v>2795</v>
      </c>
      <c r="SED725" s="424"/>
      <c r="SEE725" s="424"/>
      <c r="SEF725" s="424"/>
      <c r="SEG725" s="423" t="s">
        <v>2795</v>
      </c>
      <c r="SEH725" s="424"/>
      <c r="SEI725" s="424"/>
      <c r="SEJ725" s="424"/>
      <c r="SEK725" s="423" t="s">
        <v>2795</v>
      </c>
      <c r="SEL725" s="424"/>
      <c r="SEM725" s="424"/>
      <c r="SEN725" s="424"/>
      <c r="SEO725" s="423" t="s">
        <v>2795</v>
      </c>
      <c r="SEP725" s="424"/>
      <c r="SEQ725" s="424"/>
      <c r="SER725" s="424"/>
      <c r="SES725" s="423" t="s">
        <v>2795</v>
      </c>
      <c r="SET725" s="424"/>
      <c r="SEU725" s="424"/>
      <c r="SEV725" s="424"/>
      <c r="SEW725" s="423" t="s">
        <v>2795</v>
      </c>
      <c r="SEX725" s="424"/>
      <c r="SEY725" s="424"/>
      <c r="SEZ725" s="424"/>
      <c r="SFA725" s="423" t="s">
        <v>2795</v>
      </c>
      <c r="SFB725" s="424"/>
      <c r="SFC725" s="424"/>
      <c r="SFD725" s="424"/>
      <c r="SFE725" s="423" t="s">
        <v>2795</v>
      </c>
      <c r="SFF725" s="424"/>
      <c r="SFG725" s="424"/>
      <c r="SFH725" s="424"/>
      <c r="SFI725" s="423" t="s">
        <v>2795</v>
      </c>
      <c r="SFJ725" s="424"/>
      <c r="SFK725" s="424"/>
      <c r="SFL725" s="424"/>
      <c r="SFM725" s="423" t="s">
        <v>2795</v>
      </c>
      <c r="SFN725" s="424"/>
      <c r="SFO725" s="424"/>
      <c r="SFP725" s="424"/>
      <c r="SFQ725" s="423" t="s">
        <v>2795</v>
      </c>
      <c r="SFR725" s="424"/>
      <c r="SFS725" s="424"/>
      <c r="SFT725" s="424"/>
      <c r="SFU725" s="423" t="s">
        <v>2795</v>
      </c>
      <c r="SFV725" s="424"/>
      <c r="SFW725" s="424"/>
      <c r="SFX725" s="424"/>
      <c r="SFY725" s="423" t="s">
        <v>2795</v>
      </c>
      <c r="SFZ725" s="424"/>
      <c r="SGA725" s="424"/>
      <c r="SGB725" s="424"/>
      <c r="SGC725" s="423" t="s">
        <v>2795</v>
      </c>
      <c r="SGD725" s="424"/>
      <c r="SGE725" s="424"/>
      <c r="SGF725" s="424"/>
      <c r="SGG725" s="423" t="s">
        <v>2795</v>
      </c>
      <c r="SGH725" s="424"/>
      <c r="SGI725" s="424"/>
      <c r="SGJ725" s="424"/>
      <c r="SGK725" s="423" t="s">
        <v>2795</v>
      </c>
      <c r="SGL725" s="424"/>
      <c r="SGM725" s="424"/>
      <c r="SGN725" s="424"/>
      <c r="SGO725" s="423" t="s">
        <v>2795</v>
      </c>
      <c r="SGP725" s="424"/>
      <c r="SGQ725" s="424"/>
      <c r="SGR725" s="424"/>
      <c r="SGS725" s="423" t="s">
        <v>2795</v>
      </c>
      <c r="SGT725" s="424"/>
      <c r="SGU725" s="424"/>
      <c r="SGV725" s="424"/>
      <c r="SGW725" s="423" t="s">
        <v>2795</v>
      </c>
      <c r="SGX725" s="424"/>
      <c r="SGY725" s="424"/>
      <c r="SGZ725" s="424"/>
      <c r="SHA725" s="423" t="s">
        <v>2795</v>
      </c>
      <c r="SHB725" s="424"/>
      <c r="SHC725" s="424"/>
      <c r="SHD725" s="424"/>
      <c r="SHE725" s="423" t="s">
        <v>2795</v>
      </c>
      <c r="SHF725" s="424"/>
      <c r="SHG725" s="424"/>
      <c r="SHH725" s="424"/>
      <c r="SHI725" s="423" t="s">
        <v>2795</v>
      </c>
      <c r="SHJ725" s="424"/>
      <c r="SHK725" s="424"/>
      <c r="SHL725" s="424"/>
      <c r="SHM725" s="423" t="s">
        <v>2795</v>
      </c>
      <c r="SHN725" s="424"/>
      <c r="SHO725" s="424"/>
      <c r="SHP725" s="424"/>
      <c r="SHQ725" s="423" t="s">
        <v>2795</v>
      </c>
      <c r="SHR725" s="424"/>
      <c r="SHS725" s="424"/>
      <c r="SHT725" s="424"/>
      <c r="SHU725" s="423" t="s">
        <v>2795</v>
      </c>
      <c r="SHV725" s="424"/>
      <c r="SHW725" s="424"/>
      <c r="SHX725" s="424"/>
      <c r="SHY725" s="423" t="s">
        <v>2795</v>
      </c>
      <c r="SHZ725" s="424"/>
      <c r="SIA725" s="424"/>
      <c r="SIB725" s="424"/>
      <c r="SIC725" s="423" t="s">
        <v>2795</v>
      </c>
      <c r="SID725" s="424"/>
      <c r="SIE725" s="424"/>
      <c r="SIF725" s="424"/>
      <c r="SIG725" s="423" t="s">
        <v>2795</v>
      </c>
      <c r="SIH725" s="424"/>
      <c r="SII725" s="424"/>
      <c r="SIJ725" s="424"/>
      <c r="SIK725" s="423" t="s">
        <v>2795</v>
      </c>
      <c r="SIL725" s="424"/>
      <c r="SIM725" s="424"/>
      <c r="SIN725" s="424"/>
      <c r="SIO725" s="423" t="s">
        <v>2795</v>
      </c>
      <c r="SIP725" s="424"/>
      <c r="SIQ725" s="424"/>
      <c r="SIR725" s="424"/>
      <c r="SIS725" s="423" t="s">
        <v>2795</v>
      </c>
      <c r="SIT725" s="424"/>
      <c r="SIU725" s="424"/>
      <c r="SIV725" s="424"/>
      <c r="SIW725" s="423" t="s">
        <v>2795</v>
      </c>
      <c r="SIX725" s="424"/>
      <c r="SIY725" s="424"/>
      <c r="SIZ725" s="424"/>
      <c r="SJA725" s="423" t="s">
        <v>2795</v>
      </c>
      <c r="SJB725" s="424"/>
      <c r="SJC725" s="424"/>
      <c r="SJD725" s="424"/>
      <c r="SJE725" s="423" t="s">
        <v>2795</v>
      </c>
      <c r="SJF725" s="424"/>
      <c r="SJG725" s="424"/>
      <c r="SJH725" s="424"/>
      <c r="SJI725" s="423" t="s">
        <v>2795</v>
      </c>
      <c r="SJJ725" s="424"/>
      <c r="SJK725" s="424"/>
      <c r="SJL725" s="424"/>
      <c r="SJM725" s="423" t="s">
        <v>2795</v>
      </c>
      <c r="SJN725" s="424"/>
      <c r="SJO725" s="424"/>
      <c r="SJP725" s="424"/>
      <c r="SJQ725" s="423" t="s">
        <v>2795</v>
      </c>
      <c r="SJR725" s="424"/>
      <c r="SJS725" s="424"/>
      <c r="SJT725" s="424"/>
      <c r="SJU725" s="423" t="s">
        <v>2795</v>
      </c>
      <c r="SJV725" s="424"/>
      <c r="SJW725" s="424"/>
      <c r="SJX725" s="424"/>
      <c r="SJY725" s="423" t="s">
        <v>2795</v>
      </c>
      <c r="SJZ725" s="424"/>
      <c r="SKA725" s="424"/>
      <c r="SKB725" s="424"/>
      <c r="SKC725" s="423" t="s">
        <v>2795</v>
      </c>
      <c r="SKD725" s="424"/>
      <c r="SKE725" s="424"/>
      <c r="SKF725" s="424"/>
      <c r="SKG725" s="423" t="s">
        <v>2795</v>
      </c>
      <c r="SKH725" s="424"/>
      <c r="SKI725" s="424"/>
      <c r="SKJ725" s="424"/>
      <c r="SKK725" s="423" t="s">
        <v>2795</v>
      </c>
      <c r="SKL725" s="424"/>
      <c r="SKM725" s="424"/>
      <c r="SKN725" s="424"/>
      <c r="SKO725" s="423" t="s">
        <v>2795</v>
      </c>
      <c r="SKP725" s="424"/>
      <c r="SKQ725" s="424"/>
      <c r="SKR725" s="424"/>
      <c r="SKS725" s="423" t="s">
        <v>2795</v>
      </c>
      <c r="SKT725" s="424"/>
      <c r="SKU725" s="424"/>
      <c r="SKV725" s="424"/>
      <c r="SKW725" s="423" t="s">
        <v>2795</v>
      </c>
      <c r="SKX725" s="424"/>
      <c r="SKY725" s="424"/>
      <c r="SKZ725" s="424"/>
      <c r="SLA725" s="423" t="s">
        <v>2795</v>
      </c>
      <c r="SLB725" s="424"/>
      <c r="SLC725" s="424"/>
      <c r="SLD725" s="424"/>
      <c r="SLE725" s="423" t="s">
        <v>2795</v>
      </c>
      <c r="SLF725" s="424"/>
      <c r="SLG725" s="424"/>
      <c r="SLH725" s="424"/>
      <c r="SLI725" s="423" t="s">
        <v>2795</v>
      </c>
      <c r="SLJ725" s="424"/>
      <c r="SLK725" s="424"/>
      <c r="SLL725" s="424"/>
      <c r="SLM725" s="423" t="s">
        <v>2795</v>
      </c>
      <c r="SLN725" s="424"/>
      <c r="SLO725" s="424"/>
      <c r="SLP725" s="424"/>
      <c r="SLQ725" s="423" t="s">
        <v>2795</v>
      </c>
      <c r="SLR725" s="424"/>
      <c r="SLS725" s="424"/>
      <c r="SLT725" s="424"/>
      <c r="SLU725" s="423" t="s">
        <v>2795</v>
      </c>
      <c r="SLV725" s="424"/>
      <c r="SLW725" s="424"/>
      <c r="SLX725" s="424"/>
      <c r="SLY725" s="423" t="s">
        <v>2795</v>
      </c>
      <c r="SLZ725" s="424"/>
      <c r="SMA725" s="424"/>
      <c r="SMB725" s="424"/>
      <c r="SMC725" s="423" t="s">
        <v>2795</v>
      </c>
      <c r="SMD725" s="424"/>
      <c r="SME725" s="424"/>
      <c r="SMF725" s="424"/>
      <c r="SMG725" s="423" t="s">
        <v>2795</v>
      </c>
      <c r="SMH725" s="424"/>
      <c r="SMI725" s="424"/>
      <c r="SMJ725" s="424"/>
      <c r="SMK725" s="423" t="s">
        <v>2795</v>
      </c>
      <c r="SML725" s="424"/>
      <c r="SMM725" s="424"/>
      <c r="SMN725" s="424"/>
      <c r="SMO725" s="423" t="s">
        <v>2795</v>
      </c>
      <c r="SMP725" s="424"/>
      <c r="SMQ725" s="424"/>
      <c r="SMR725" s="424"/>
      <c r="SMS725" s="423" t="s">
        <v>2795</v>
      </c>
      <c r="SMT725" s="424"/>
      <c r="SMU725" s="424"/>
      <c r="SMV725" s="424"/>
      <c r="SMW725" s="423" t="s">
        <v>2795</v>
      </c>
      <c r="SMX725" s="424"/>
      <c r="SMY725" s="424"/>
      <c r="SMZ725" s="424"/>
      <c r="SNA725" s="423" t="s">
        <v>2795</v>
      </c>
      <c r="SNB725" s="424"/>
      <c r="SNC725" s="424"/>
      <c r="SND725" s="424"/>
      <c r="SNE725" s="423" t="s">
        <v>2795</v>
      </c>
      <c r="SNF725" s="424"/>
      <c r="SNG725" s="424"/>
      <c r="SNH725" s="424"/>
      <c r="SNI725" s="423" t="s">
        <v>2795</v>
      </c>
      <c r="SNJ725" s="424"/>
      <c r="SNK725" s="424"/>
      <c r="SNL725" s="424"/>
      <c r="SNM725" s="423" t="s">
        <v>2795</v>
      </c>
      <c r="SNN725" s="424"/>
      <c r="SNO725" s="424"/>
      <c r="SNP725" s="424"/>
      <c r="SNQ725" s="423" t="s">
        <v>2795</v>
      </c>
      <c r="SNR725" s="424"/>
      <c r="SNS725" s="424"/>
      <c r="SNT725" s="424"/>
      <c r="SNU725" s="423" t="s">
        <v>2795</v>
      </c>
      <c r="SNV725" s="424"/>
      <c r="SNW725" s="424"/>
      <c r="SNX725" s="424"/>
      <c r="SNY725" s="423" t="s">
        <v>2795</v>
      </c>
      <c r="SNZ725" s="424"/>
      <c r="SOA725" s="424"/>
      <c r="SOB725" s="424"/>
      <c r="SOC725" s="423" t="s">
        <v>2795</v>
      </c>
      <c r="SOD725" s="424"/>
      <c r="SOE725" s="424"/>
      <c r="SOF725" s="424"/>
      <c r="SOG725" s="423" t="s">
        <v>2795</v>
      </c>
      <c r="SOH725" s="424"/>
      <c r="SOI725" s="424"/>
      <c r="SOJ725" s="424"/>
      <c r="SOK725" s="423" t="s">
        <v>2795</v>
      </c>
      <c r="SOL725" s="424"/>
      <c r="SOM725" s="424"/>
      <c r="SON725" s="424"/>
      <c r="SOO725" s="423" t="s">
        <v>2795</v>
      </c>
      <c r="SOP725" s="424"/>
      <c r="SOQ725" s="424"/>
      <c r="SOR725" s="424"/>
      <c r="SOS725" s="423" t="s">
        <v>2795</v>
      </c>
      <c r="SOT725" s="424"/>
      <c r="SOU725" s="424"/>
      <c r="SOV725" s="424"/>
      <c r="SOW725" s="423" t="s">
        <v>2795</v>
      </c>
      <c r="SOX725" s="424"/>
      <c r="SOY725" s="424"/>
      <c r="SOZ725" s="424"/>
      <c r="SPA725" s="423" t="s">
        <v>2795</v>
      </c>
      <c r="SPB725" s="424"/>
      <c r="SPC725" s="424"/>
      <c r="SPD725" s="424"/>
      <c r="SPE725" s="423" t="s">
        <v>2795</v>
      </c>
      <c r="SPF725" s="424"/>
      <c r="SPG725" s="424"/>
      <c r="SPH725" s="424"/>
      <c r="SPI725" s="423" t="s">
        <v>2795</v>
      </c>
      <c r="SPJ725" s="424"/>
      <c r="SPK725" s="424"/>
      <c r="SPL725" s="424"/>
      <c r="SPM725" s="423" t="s">
        <v>2795</v>
      </c>
      <c r="SPN725" s="424"/>
      <c r="SPO725" s="424"/>
      <c r="SPP725" s="424"/>
      <c r="SPQ725" s="423" t="s">
        <v>2795</v>
      </c>
      <c r="SPR725" s="424"/>
      <c r="SPS725" s="424"/>
      <c r="SPT725" s="424"/>
      <c r="SPU725" s="423" t="s">
        <v>2795</v>
      </c>
      <c r="SPV725" s="424"/>
      <c r="SPW725" s="424"/>
      <c r="SPX725" s="424"/>
      <c r="SPY725" s="423" t="s">
        <v>2795</v>
      </c>
      <c r="SPZ725" s="424"/>
      <c r="SQA725" s="424"/>
      <c r="SQB725" s="424"/>
      <c r="SQC725" s="423" t="s">
        <v>2795</v>
      </c>
      <c r="SQD725" s="424"/>
      <c r="SQE725" s="424"/>
      <c r="SQF725" s="424"/>
      <c r="SQG725" s="423" t="s">
        <v>2795</v>
      </c>
      <c r="SQH725" s="424"/>
      <c r="SQI725" s="424"/>
      <c r="SQJ725" s="424"/>
      <c r="SQK725" s="423" t="s">
        <v>2795</v>
      </c>
      <c r="SQL725" s="424"/>
      <c r="SQM725" s="424"/>
      <c r="SQN725" s="424"/>
      <c r="SQO725" s="423" t="s">
        <v>2795</v>
      </c>
      <c r="SQP725" s="424"/>
      <c r="SQQ725" s="424"/>
      <c r="SQR725" s="424"/>
      <c r="SQS725" s="423" t="s">
        <v>2795</v>
      </c>
      <c r="SQT725" s="424"/>
      <c r="SQU725" s="424"/>
      <c r="SQV725" s="424"/>
      <c r="SQW725" s="423" t="s">
        <v>2795</v>
      </c>
      <c r="SQX725" s="424"/>
      <c r="SQY725" s="424"/>
      <c r="SQZ725" s="424"/>
      <c r="SRA725" s="423" t="s">
        <v>2795</v>
      </c>
      <c r="SRB725" s="424"/>
      <c r="SRC725" s="424"/>
      <c r="SRD725" s="424"/>
      <c r="SRE725" s="423" t="s">
        <v>2795</v>
      </c>
      <c r="SRF725" s="424"/>
      <c r="SRG725" s="424"/>
      <c r="SRH725" s="424"/>
      <c r="SRI725" s="423" t="s">
        <v>2795</v>
      </c>
      <c r="SRJ725" s="424"/>
      <c r="SRK725" s="424"/>
      <c r="SRL725" s="424"/>
      <c r="SRM725" s="423" t="s">
        <v>2795</v>
      </c>
      <c r="SRN725" s="424"/>
      <c r="SRO725" s="424"/>
      <c r="SRP725" s="424"/>
      <c r="SRQ725" s="423" t="s">
        <v>2795</v>
      </c>
      <c r="SRR725" s="424"/>
      <c r="SRS725" s="424"/>
      <c r="SRT725" s="424"/>
      <c r="SRU725" s="423" t="s">
        <v>2795</v>
      </c>
      <c r="SRV725" s="424"/>
      <c r="SRW725" s="424"/>
      <c r="SRX725" s="424"/>
      <c r="SRY725" s="423" t="s">
        <v>2795</v>
      </c>
      <c r="SRZ725" s="424"/>
      <c r="SSA725" s="424"/>
      <c r="SSB725" s="424"/>
      <c r="SSC725" s="423" t="s">
        <v>2795</v>
      </c>
      <c r="SSD725" s="424"/>
      <c r="SSE725" s="424"/>
      <c r="SSF725" s="424"/>
      <c r="SSG725" s="423" t="s">
        <v>2795</v>
      </c>
      <c r="SSH725" s="424"/>
      <c r="SSI725" s="424"/>
      <c r="SSJ725" s="424"/>
      <c r="SSK725" s="423" t="s">
        <v>2795</v>
      </c>
      <c r="SSL725" s="424"/>
      <c r="SSM725" s="424"/>
      <c r="SSN725" s="424"/>
      <c r="SSO725" s="423" t="s">
        <v>2795</v>
      </c>
      <c r="SSP725" s="424"/>
      <c r="SSQ725" s="424"/>
      <c r="SSR725" s="424"/>
      <c r="SSS725" s="423" t="s">
        <v>2795</v>
      </c>
      <c r="SST725" s="424"/>
      <c r="SSU725" s="424"/>
      <c r="SSV725" s="424"/>
      <c r="SSW725" s="423" t="s">
        <v>2795</v>
      </c>
      <c r="SSX725" s="424"/>
      <c r="SSY725" s="424"/>
      <c r="SSZ725" s="424"/>
      <c r="STA725" s="423" t="s">
        <v>2795</v>
      </c>
      <c r="STB725" s="424"/>
      <c r="STC725" s="424"/>
      <c r="STD725" s="424"/>
      <c r="STE725" s="423" t="s">
        <v>2795</v>
      </c>
      <c r="STF725" s="424"/>
      <c r="STG725" s="424"/>
      <c r="STH725" s="424"/>
      <c r="STI725" s="423" t="s">
        <v>2795</v>
      </c>
      <c r="STJ725" s="424"/>
      <c r="STK725" s="424"/>
      <c r="STL725" s="424"/>
      <c r="STM725" s="423" t="s">
        <v>2795</v>
      </c>
      <c r="STN725" s="424"/>
      <c r="STO725" s="424"/>
      <c r="STP725" s="424"/>
      <c r="STQ725" s="423" t="s">
        <v>2795</v>
      </c>
      <c r="STR725" s="424"/>
      <c r="STS725" s="424"/>
      <c r="STT725" s="424"/>
      <c r="STU725" s="423" t="s">
        <v>2795</v>
      </c>
      <c r="STV725" s="424"/>
      <c r="STW725" s="424"/>
      <c r="STX725" s="424"/>
      <c r="STY725" s="423" t="s">
        <v>2795</v>
      </c>
      <c r="STZ725" s="424"/>
      <c r="SUA725" s="424"/>
      <c r="SUB725" s="424"/>
      <c r="SUC725" s="423" t="s">
        <v>2795</v>
      </c>
      <c r="SUD725" s="424"/>
      <c r="SUE725" s="424"/>
      <c r="SUF725" s="424"/>
      <c r="SUG725" s="423" t="s">
        <v>2795</v>
      </c>
      <c r="SUH725" s="424"/>
      <c r="SUI725" s="424"/>
      <c r="SUJ725" s="424"/>
      <c r="SUK725" s="423" t="s">
        <v>2795</v>
      </c>
      <c r="SUL725" s="424"/>
      <c r="SUM725" s="424"/>
      <c r="SUN725" s="424"/>
      <c r="SUO725" s="423" t="s">
        <v>2795</v>
      </c>
      <c r="SUP725" s="424"/>
      <c r="SUQ725" s="424"/>
      <c r="SUR725" s="424"/>
      <c r="SUS725" s="423" t="s">
        <v>2795</v>
      </c>
      <c r="SUT725" s="424"/>
      <c r="SUU725" s="424"/>
      <c r="SUV725" s="424"/>
      <c r="SUW725" s="423" t="s">
        <v>2795</v>
      </c>
      <c r="SUX725" s="424"/>
      <c r="SUY725" s="424"/>
      <c r="SUZ725" s="424"/>
      <c r="SVA725" s="423" t="s">
        <v>2795</v>
      </c>
      <c r="SVB725" s="424"/>
      <c r="SVC725" s="424"/>
      <c r="SVD725" s="424"/>
      <c r="SVE725" s="423" t="s">
        <v>2795</v>
      </c>
      <c r="SVF725" s="424"/>
      <c r="SVG725" s="424"/>
      <c r="SVH725" s="424"/>
      <c r="SVI725" s="423" t="s">
        <v>2795</v>
      </c>
      <c r="SVJ725" s="424"/>
      <c r="SVK725" s="424"/>
      <c r="SVL725" s="424"/>
      <c r="SVM725" s="423" t="s">
        <v>2795</v>
      </c>
      <c r="SVN725" s="424"/>
      <c r="SVO725" s="424"/>
      <c r="SVP725" s="424"/>
      <c r="SVQ725" s="423" t="s">
        <v>2795</v>
      </c>
      <c r="SVR725" s="424"/>
      <c r="SVS725" s="424"/>
      <c r="SVT725" s="424"/>
      <c r="SVU725" s="423" t="s">
        <v>2795</v>
      </c>
      <c r="SVV725" s="424"/>
      <c r="SVW725" s="424"/>
      <c r="SVX725" s="424"/>
      <c r="SVY725" s="423" t="s">
        <v>2795</v>
      </c>
      <c r="SVZ725" s="424"/>
      <c r="SWA725" s="424"/>
      <c r="SWB725" s="424"/>
      <c r="SWC725" s="423" t="s">
        <v>2795</v>
      </c>
      <c r="SWD725" s="424"/>
      <c r="SWE725" s="424"/>
      <c r="SWF725" s="424"/>
      <c r="SWG725" s="423" t="s">
        <v>2795</v>
      </c>
      <c r="SWH725" s="424"/>
      <c r="SWI725" s="424"/>
      <c r="SWJ725" s="424"/>
      <c r="SWK725" s="423" t="s">
        <v>2795</v>
      </c>
      <c r="SWL725" s="424"/>
      <c r="SWM725" s="424"/>
      <c r="SWN725" s="424"/>
      <c r="SWO725" s="423" t="s">
        <v>2795</v>
      </c>
      <c r="SWP725" s="424"/>
      <c r="SWQ725" s="424"/>
      <c r="SWR725" s="424"/>
      <c r="SWS725" s="423" t="s">
        <v>2795</v>
      </c>
      <c r="SWT725" s="424"/>
      <c r="SWU725" s="424"/>
      <c r="SWV725" s="424"/>
      <c r="SWW725" s="423" t="s">
        <v>2795</v>
      </c>
      <c r="SWX725" s="424"/>
      <c r="SWY725" s="424"/>
      <c r="SWZ725" s="424"/>
      <c r="SXA725" s="423" t="s">
        <v>2795</v>
      </c>
      <c r="SXB725" s="424"/>
      <c r="SXC725" s="424"/>
      <c r="SXD725" s="424"/>
      <c r="SXE725" s="423" t="s">
        <v>2795</v>
      </c>
      <c r="SXF725" s="424"/>
      <c r="SXG725" s="424"/>
      <c r="SXH725" s="424"/>
      <c r="SXI725" s="423" t="s">
        <v>2795</v>
      </c>
      <c r="SXJ725" s="424"/>
      <c r="SXK725" s="424"/>
      <c r="SXL725" s="424"/>
      <c r="SXM725" s="423" t="s">
        <v>2795</v>
      </c>
      <c r="SXN725" s="424"/>
      <c r="SXO725" s="424"/>
      <c r="SXP725" s="424"/>
      <c r="SXQ725" s="423" t="s">
        <v>2795</v>
      </c>
      <c r="SXR725" s="424"/>
      <c r="SXS725" s="424"/>
      <c r="SXT725" s="424"/>
      <c r="SXU725" s="423" t="s">
        <v>2795</v>
      </c>
      <c r="SXV725" s="424"/>
      <c r="SXW725" s="424"/>
      <c r="SXX725" s="424"/>
      <c r="SXY725" s="423" t="s">
        <v>2795</v>
      </c>
      <c r="SXZ725" s="424"/>
      <c r="SYA725" s="424"/>
      <c r="SYB725" s="424"/>
      <c r="SYC725" s="423" t="s">
        <v>2795</v>
      </c>
      <c r="SYD725" s="424"/>
      <c r="SYE725" s="424"/>
      <c r="SYF725" s="424"/>
      <c r="SYG725" s="423" t="s">
        <v>2795</v>
      </c>
      <c r="SYH725" s="424"/>
      <c r="SYI725" s="424"/>
      <c r="SYJ725" s="424"/>
      <c r="SYK725" s="423" t="s">
        <v>2795</v>
      </c>
      <c r="SYL725" s="424"/>
      <c r="SYM725" s="424"/>
      <c r="SYN725" s="424"/>
      <c r="SYO725" s="423" t="s">
        <v>2795</v>
      </c>
      <c r="SYP725" s="424"/>
      <c r="SYQ725" s="424"/>
      <c r="SYR725" s="424"/>
      <c r="SYS725" s="423" t="s">
        <v>2795</v>
      </c>
      <c r="SYT725" s="424"/>
      <c r="SYU725" s="424"/>
      <c r="SYV725" s="424"/>
      <c r="SYW725" s="423" t="s">
        <v>2795</v>
      </c>
      <c r="SYX725" s="424"/>
      <c r="SYY725" s="424"/>
      <c r="SYZ725" s="424"/>
      <c r="SZA725" s="423" t="s">
        <v>2795</v>
      </c>
      <c r="SZB725" s="424"/>
      <c r="SZC725" s="424"/>
      <c r="SZD725" s="424"/>
      <c r="SZE725" s="423" t="s">
        <v>2795</v>
      </c>
      <c r="SZF725" s="424"/>
      <c r="SZG725" s="424"/>
      <c r="SZH725" s="424"/>
      <c r="SZI725" s="423" t="s">
        <v>2795</v>
      </c>
      <c r="SZJ725" s="424"/>
      <c r="SZK725" s="424"/>
      <c r="SZL725" s="424"/>
      <c r="SZM725" s="423" t="s">
        <v>2795</v>
      </c>
      <c r="SZN725" s="424"/>
      <c r="SZO725" s="424"/>
      <c r="SZP725" s="424"/>
      <c r="SZQ725" s="423" t="s">
        <v>2795</v>
      </c>
      <c r="SZR725" s="424"/>
      <c r="SZS725" s="424"/>
      <c r="SZT725" s="424"/>
      <c r="SZU725" s="423" t="s">
        <v>2795</v>
      </c>
      <c r="SZV725" s="424"/>
      <c r="SZW725" s="424"/>
      <c r="SZX725" s="424"/>
      <c r="SZY725" s="423" t="s">
        <v>2795</v>
      </c>
      <c r="SZZ725" s="424"/>
      <c r="TAA725" s="424"/>
      <c r="TAB725" s="424"/>
      <c r="TAC725" s="423" t="s">
        <v>2795</v>
      </c>
      <c r="TAD725" s="424"/>
      <c r="TAE725" s="424"/>
      <c r="TAF725" s="424"/>
      <c r="TAG725" s="423" t="s">
        <v>2795</v>
      </c>
      <c r="TAH725" s="424"/>
      <c r="TAI725" s="424"/>
      <c r="TAJ725" s="424"/>
      <c r="TAK725" s="423" t="s">
        <v>2795</v>
      </c>
      <c r="TAL725" s="424"/>
      <c r="TAM725" s="424"/>
      <c r="TAN725" s="424"/>
      <c r="TAO725" s="423" t="s">
        <v>2795</v>
      </c>
      <c r="TAP725" s="424"/>
      <c r="TAQ725" s="424"/>
      <c r="TAR725" s="424"/>
      <c r="TAS725" s="423" t="s">
        <v>2795</v>
      </c>
      <c r="TAT725" s="424"/>
      <c r="TAU725" s="424"/>
      <c r="TAV725" s="424"/>
      <c r="TAW725" s="423" t="s">
        <v>2795</v>
      </c>
      <c r="TAX725" s="424"/>
      <c r="TAY725" s="424"/>
      <c r="TAZ725" s="424"/>
      <c r="TBA725" s="423" t="s">
        <v>2795</v>
      </c>
      <c r="TBB725" s="424"/>
      <c r="TBC725" s="424"/>
      <c r="TBD725" s="424"/>
      <c r="TBE725" s="423" t="s">
        <v>2795</v>
      </c>
      <c r="TBF725" s="424"/>
      <c r="TBG725" s="424"/>
      <c r="TBH725" s="424"/>
      <c r="TBI725" s="423" t="s">
        <v>2795</v>
      </c>
      <c r="TBJ725" s="424"/>
      <c r="TBK725" s="424"/>
      <c r="TBL725" s="424"/>
      <c r="TBM725" s="423" t="s">
        <v>2795</v>
      </c>
      <c r="TBN725" s="424"/>
      <c r="TBO725" s="424"/>
      <c r="TBP725" s="424"/>
      <c r="TBQ725" s="423" t="s">
        <v>2795</v>
      </c>
      <c r="TBR725" s="424"/>
      <c r="TBS725" s="424"/>
      <c r="TBT725" s="424"/>
      <c r="TBU725" s="423" t="s">
        <v>2795</v>
      </c>
      <c r="TBV725" s="424"/>
      <c r="TBW725" s="424"/>
      <c r="TBX725" s="424"/>
      <c r="TBY725" s="423" t="s">
        <v>2795</v>
      </c>
      <c r="TBZ725" s="424"/>
      <c r="TCA725" s="424"/>
      <c r="TCB725" s="424"/>
      <c r="TCC725" s="423" t="s">
        <v>2795</v>
      </c>
      <c r="TCD725" s="424"/>
      <c r="TCE725" s="424"/>
      <c r="TCF725" s="424"/>
      <c r="TCG725" s="423" t="s">
        <v>2795</v>
      </c>
      <c r="TCH725" s="424"/>
      <c r="TCI725" s="424"/>
      <c r="TCJ725" s="424"/>
      <c r="TCK725" s="423" t="s">
        <v>2795</v>
      </c>
      <c r="TCL725" s="424"/>
      <c r="TCM725" s="424"/>
      <c r="TCN725" s="424"/>
      <c r="TCO725" s="423" t="s">
        <v>2795</v>
      </c>
      <c r="TCP725" s="424"/>
      <c r="TCQ725" s="424"/>
      <c r="TCR725" s="424"/>
      <c r="TCS725" s="423" t="s">
        <v>2795</v>
      </c>
      <c r="TCT725" s="424"/>
      <c r="TCU725" s="424"/>
      <c r="TCV725" s="424"/>
      <c r="TCW725" s="423" t="s">
        <v>2795</v>
      </c>
      <c r="TCX725" s="424"/>
      <c r="TCY725" s="424"/>
      <c r="TCZ725" s="424"/>
      <c r="TDA725" s="423" t="s">
        <v>2795</v>
      </c>
      <c r="TDB725" s="424"/>
      <c r="TDC725" s="424"/>
      <c r="TDD725" s="424"/>
      <c r="TDE725" s="423" t="s">
        <v>2795</v>
      </c>
      <c r="TDF725" s="424"/>
      <c r="TDG725" s="424"/>
      <c r="TDH725" s="424"/>
      <c r="TDI725" s="423" t="s">
        <v>2795</v>
      </c>
      <c r="TDJ725" s="424"/>
      <c r="TDK725" s="424"/>
      <c r="TDL725" s="424"/>
      <c r="TDM725" s="423" t="s">
        <v>2795</v>
      </c>
      <c r="TDN725" s="424"/>
      <c r="TDO725" s="424"/>
      <c r="TDP725" s="424"/>
      <c r="TDQ725" s="423" t="s">
        <v>2795</v>
      </c>
      <c r="TDR725" s="424"/>
      <c r="TDS725" s="424"/>
      <c r="TDT725" s="424"/>
      <c r="TDU725" s="423" t="s">
        <v>2795</v>
      </c>
      <c r="TDV725" s="424"/>
      <c r="TDW725" s="424"/>
      <c r="TDX725" s="424"/>
      <c r="TDY725" s="423" t="s">
        <v>2795</v>
      </c>
      <c r="TDZ725" s="424"/>
      <c r="TEA725" s="424"/>
      <c r="TEB725" s="424"/>
      <c r="TEC725" s="423" t="s">
        <v>2795</v>
      </c>
      <c r="TED725" s="424"/>
      <c r="TEE725" s="424"/>
      <c r="TEF725" s="424"/>
      <c r="TEG725" s="423" t="s">
        <v>2795</v>
      </c>
      <c r="TEH725" s="424"/>
      <c r="TEI725" s="424"/>
      <c r="TEJ725" s="424"/>
      <c r="TEK725" s="423" t="s">
        <v>2795</v>
      </c>
      <c r="TEL725" s="424"/>
      <c r="TEM725" s="424"/>
      <c r="TEN725" s="424"/>
      <c r="TEO725" s="423" t="s">
        <v>2795</v>
      </c>
      <c r="TEP725" s="424"/>
      <c r="TEQ725" s="424"/>
      <c r="TER725" s="424"/>
      <c r="TES725" s="423" t="s">
        <v>2795</v>
      </c>
      <c r="TET725" s="424"/>
      <c r="TEU725" s="424"/>
      <c r="TEV725" s="424"/>
      <c r="TEW725" s="423" t="s">
        <v>2795</v>
      </c>
      <c r="TEX725" s="424"/>
      <c r="TEY725" s="424"/>
      <c r="TEZ725" s="424"/>
      <c r="TFA725" s="423" t="s">
        <v>2795</v>
      </c>
      <c r="TFB725" s="424"/>
      <c r="TFC725" s="424"/>
      <c r="TFD725" s="424"/>
      <c r="TFE725" s="423" t="s">
        <v>2795</v>
      </c>
      <c r="TFF725" s="424"/>
      <c r="TFG725" s="424"/>
      <c r="TFH725" s="424"/>
      <c r="TFI725" s="423" t="s">
        <v>2795</v>
      </c>
      <c r="TFJ725" s="424"/>
      <c r="TFK725" s="424"/>
      <c r="TFL725" s="424"/>
      <c r="TFM725" s="423" t="s">
        <v>2795</v>
      </c>
      <c r="TFN725" s="424"/>
      <c r="TFO725" s="424"/>
      <c r="TFP725" s="424"/>
      <c r="TFQ725" s="423" t="s">
        <v>2795</v>
      </c>
      <c r="TFR725" s="424"/>
      <c r="TFS725" s="424"/>
      <c r="TFT725" s="424"/>
      <c r="TFU725" s="423" t="s">
        <v>2795</v>
      </c>
      <c r="TFV725" s="424"/>
      <c r="TFW725" s="424"/>
      <c r="TFX725" s="424"/>
      <c r="TFY725" s="423" t="s">
        <v>2795</v>
      </c>
      <c r="TFZ725" s="424"/>
      <c r="TGA725" s="424"/>
      <c r="TGB725" s="424"/>
      <c r="TGC725" s="423" t="s">
        <v>2795</v>
      </c>
      <c r="TGD725" s="424"/>
      <c r="TGE725" s="424"/>
      <c r="TGF725" s="424"/>
      <c r="TGG725" s="423" t="s">
        <v>2795</v>
      </c>
      <c r="TGH725" s="424"/>
      <c r="TGI725" s="424"/>
      <c r="TGJ725" s="424"/>
      <c r="TGK725" s="423" t="s">
        <v>2795</v>
      </c>
      <c r="TGL725" s="424"/>
      <c r="TGM725" s="424"/>
      <c r="TGN725" s="424"/>
      <c r="TGO725" s="423" t="s">
        <v>2795</v>
      </c>
      <c r="TGP725" s="424"/>
      <c r="TGQ725" s="424"/>
      <c r="TGR725" s="424"/>
      <c r="TGS725" s="423" t="s">
        <v>2795</v>
      </c>
      <c r="TGT725" s="424"/>
      <c r="TGU725" s="424"/>
      <c r="TGV725" s="424"/>
      <c r="TGW725" s="423" t="s">
        <v>2795</v>
      </c>
      <c r="TGX725" s="424"/>
      <c r="TGY725" s="424"/>
      <c r="TGZ725" s="424"/>
      <c r="THA725" s="423" t="s">
        <v>2795</v>
      </c>
      <c r="THB725" s="424"/>
      <c r="THC725" s="424"/>
      <c r="THD725" s="424"/>
      <c r="THE725" s="423" t="s">
        <v>2795</v>
      </c>
      <c r="THF725" s="424"/>
      <c r="THG725" s="424"/>
      <c r="THH725" s="424"/>
      <c r="THI725" s="423" t="s">
        <v>2795</v>
      </c>
      <c r="THJ725" s="424"/>
      <c r="THK725" s="424"/>
      <c r="THL725" s="424"/>
      <c r="THM725" s="423" t="s">
        <v>2795</v>
      </c>
      <c r="THN725" s="424"/>
      <c r="THO725" s="424"/>
      <c r="THP725" s="424"/>
      <c r="THQ725" s="423" t="s">
        <v>2795</v>
      </c>
      <c r="THR725" s="424"/>
      <c r="THS725" s="424"/>
      <c r="THT725" s="424"/>
      <c r="THU725" s="423" t="s">
        <v>2795</v>
      </c>
      <c r="THV725" s="424"/>
      <c r="THW725" s="424"/>
      <c r="THX725" s="424"/>
      <c r="THY725" s="423" t="s">
        <v>2795</v>
      </c>
      <c r="THZ725" s="424"/>
      <c r="TIA725" s="424"/>
      <c r="TIB725" s="424"/>
      <c r="TIC725" s="423" t="s">
        <v>2795</v>
      </c>
      <c r="TID725" s="424"/>
      <c r="TIE725" s="424"/>
      <c r="TIF725" s="424"/>
      <c r="TIG725" s="423" t="s">
        <v>2795</v>
      </c>
      <c r="TIH725" s="424"/>
      <c r="TII725" s="424"/>
      <c r="TIJ725" s="424"/>
      <c r="TIK725" s="423" t="s">
        <v>2795</v>
      </c>
      <c r="TIL725" s="424"/>
      <c r="TIM725" s="424"/>
      <c r="TIN725" s="424"/>
      <c r="TIO725" s="423" t="s">
        <v>2795</v>
      </c>
      <c r="TIP725" s="424"/>
      <c r="TIQ725" s="424"/>
      <c r="TIR725" s="424"/>
      <c r="TIS725" s="423" t="s">
        <v>2795</v>
      </c>
      <c r="TIT725" s="424"/>
      <c r="TIU725" s="424"/>
      <c r="TIV725" s="424"/>
      <c r="TIW725" s="423" t="s">
        <v>2795</v>
      </c>
      <c r="TIX725" s="424"/>
      <c r="TIY725" s="424"/>
      <c r="TIZ725" s="424"/>
      <c r="TJA725" s="423" t="s">
        <v>2795</v>
      </c>
      <c r="TJB725" s="424"/>
      <c r="TJC725" s="424"/>
      <c r="TJD725" s="424"/>
      <c r="TJE725" s="423" t="s">
        <v>2795</v>
      </c>
      <c r="TJF725" s="424"/>
      <c r="TJG725" s="424"/>
      <c r="TJH725" s="424"/>
      <c r="TJI725" s="423" t="s">
        <v>2795</v>
      </c>
      <c r="TJJ725" s="424"/>
      <c r="TJK725" s="424"/>
      <c r="TJL725" s="424"/>
      <c r="TJM725" s="423" t="s">
        <v>2795</v>
      </c>
      <c r="TJN725" s="424"/>
      <c r="TJO725" s="424"/>
      <c r="TJP725" s="424"/>
      <c r="TJQ725" s="423" t="s">
        <v>2795</v>
      </c>
      <c r="TJR725" s="424"/>
      <c r="TJS725" s="424"/>
      <c r="TJT725" s="424"/>
      <c r="TJU725" s="423" t="s">
        <v>2795</v>
      </c>
      <c r="TJV725" s="424"/>
      <c r="TJW725" s="424"/>
      <c r="TJX725" s="424"/>
      <c r="TJY725" s="423" t="s">
        <v>2795</v>
      </c>
      <c r="TJZ725" s="424"/>
      <c r="TKA725" s="424"/>
      <c r="TKB725" s="424"/>
      <c r="TKC725" s="423" t="s">
        <v>2795</v>
      </c>
      <c r="TKD725" s="424"/>
      <c r="TKE725" s="424"/>
      <c r="TKF725" s="424"/>
      <c r="TKG725" s="423" t="s">
        <v>2795</v>
      </c>
      <c r="TKH725" s="424"/>
      <c r="TKI725" s="424"/>
      <c r="TKJ725" s="424"/>
      <c r="TKK725" s="423" t="s">
        <v>2795</v>
      </c>
      <c r="TKL725" s="424"/>
      <c r="TKM725" s="424"/>
      <c r="TKN725" s="424"/>
      <c r="TKO725" s="423" t="s">
        <v>2795</v>
      </c>
      <c r="TKP725" s="424"/>
      <c r="TKQ725" s="424"/>
      <c r="TKR725" s="424"/>
      <c r="TKS725" s="423" t="s">
        <v>2795</v>
      </c>
      <c r="TKT725" s="424"/>
      <c r="TKU725" s="424"/>
      <c r="TKV725" s="424"/>
      <c r="TKW725" s="423" t="s">
        <v>2795</v>
      </c>
      <c r="TKX725" s="424"/>
      <c r="TKY725" s="424"/>
      <c r="TKZ725" s="424"/>
      <c r="TLA725" s="423" t="s">
        <v>2795</v>
      </c>
      <c r="TLB725" s="424"/>
      <c r="TLC725" s="424"/>
      <c r="TLD725" s="424"/>
      <c r="TLE725" s="423" t="s">
        <v>2795</v>
      </c>
      <c r="TLF725" s="424"/>
      <c r="TLG725" s="424"/>
      <c r="TLH725" s="424"/>
      <c r="TLI725" s="423" t="s">
        <v>2795</v>
      </c>
      <c r="TLJ725" s="424"/>
      <c r="TLK725" s="424"/>
      <c r="TLL725" s="424"/>
      <c r="TLM725" s="423" t="s">
        <v>2795</v>
      </c>
      <c r="TLN725" s="424"/>
      <c r="TLO725" s="424"/>
      <c r="TLP725" s="424"/>
      <c r="TLQ725" s="423" t="s">
        <v>2795</v>
      </c>
      <c r="TLR725" s="424"/>
      <c r="TLS725" s="424"/>
      <c r="TLT725" s="424"/>
      <c r="TLU725" s="423" t="s">
        <v>2795</v>
      </c>
      <c r="TLV725" s="424"/>
      <c r="TLW725" s="424"/>
      <c r="TLX725" s="424"/>
      <c r="TLY725" s="423" t="s">
        <v>2795</v>
      </c>
      <c r="TLZ725" s="424"/>
      <c r="TMA725" s="424"/>
      <c r="TMB725" s="424"/>
      <c r="TMC725" s="423" t="s">
        <v>2795</v>
      </c>
      <c r="TMD725" s="424"/>
      <c r="TME725" s="424"/>
      <c r="TMF725" s="424"/>
      <c r="TMG725" s="423" t="s">
        <v>2795</v>
      </c>
      <c r="TMH725" s="424"/>
      <c r="TMI725" s="424"/>
      <c r="TMJ725" s="424"/>
      <c r="TMK725" s="423" t="s">
        <v>2795</v>
      </c>
      <c r="TML725" s="424"/>
      <c r="TMM725" s="424"/>
      <c r="TMN725" s="424"/>
      <c r="TMO725" s="423" t="s">
        <v>2795</v>
      </c>
      <c r="TMP725" s="424"/>
      <c r="TMQ725" s="424"/>
      <c r="TMR725" s="424"/>
      <c r="TMS725" s="423" t="s">
        <v>2795</v>
      </c>
      <c r="TMT725" s="424"/>
      <c r="TMU725" s="424"/>
      <c r="TMV725" s="424"/>
      <c r="TMW725" s="423" t="s">
        <v>2795</v>
      </c>
      <c r="TMX725" s="424"/>
      <c r="TMY725" s="424"/>
      <c r="TMZ725" s="424"/>
      <c r="TNA725" s="423" t="s">
        <v>2795</v>
      </c>
      <c r="TNB725" s="424"/>
      <c r="TNC725" s="424"/>
      <c r="TND725" s="424"/>
      <c r="TNE725" s="423" t="s">
        <v>2795</v>
      </c>
      <c r="TNF725" s="424"/>
      <c r="TNG725" s="424"/>
      <c r="TNH725" s="424"/>
      <c r="TNI725" s="423" t="s">
        <v>2795</v>
      </c>
      <c r="TNJ725" s="424"/>
      <c r="TNK725" s="424"/>
      <c r="TNL725" s="424"/>
      <c r="TNM725" s="423" t="s">
        <v>2795</v>
      </c>
      <c r="TNN725" s="424"/>
      <c r="TNO725" s="424"/>
      <c r="TNP725" s="424"/>
      <c r="TNQ725" s="423" t="s">
        <v>2795</v>
      </c>
      <c r="TNR725" s="424"/>
      <c r="TNS725" s="424"/>
      <c r="TNT725" s="424"/>
      <c r="TNU725" s="423" t="s">
        <v>2795</v>
      </c>
      <c r="TNV725" s="424"/>
      <c r="TNW725" s="424"/>
      <c r="TNX725" s="424"/>
      <c r="TNY725" s="423" t="s">
        <v>2795</v>
      </c>
      <c r="TNZ725" s="424"/>
      <c r="TOA725" s="424"/>
      <c r="TOB725" s="424"/>
      <c r="TOC725" s="423" t="s">
        <v>2795</v>
      </c>
      <c r="TOD725" s="424"/>
      <c r="TOE725" s="424"/>
      <c r="TOF725" s="424"/>
      <c r="TOG725" s="423" t="s">
        <v>2795</v>
      </c>
      <c r="TOH725" s="424"/>
      <c r="TOI725" s="424"/>
      <c r="TOJ725" s="424"/>
      <c r="TOK725" s="423" t="s">
        <v>2795</v>
      </c>
      <c r="TOL725" s="424"/>
      <c r="TOM725" s="424"/>
      <c r="TON725" s="424"/>
      <c r="TOO725" s="423" t="s">
        <v>2795</v>
      </c>
      <c r="TOP725" s="424"/>
      <c r="TOQ725" s="424"/>
      <c r="TOR725" s="424"/>
      <c r="TOS725" s="423" t="s">
        <v>2795</v>
      </c>
      <c r="TOT725" s="424"/>
      <c r="TOU725" s="424"/>
      <c r="TOV725" s="424"/>
      <c r="TOW725" s="423" t="s">
        <v>2795</v>
      </c>
      <c r="TOX725" s="424"/>
      <c r="TOY725" s="424"/>
      <c r="TOZ725" s="424"/>
      <c r="TPA725" s="423" t="s">
        <v>2795</v>
      </c>
      <c r="TPB725" s="424"/>
      <c r="TPC725" s="424"/>
      <c r="TPD725" s="424"/>
      <c r="TPE725" s="423" t="s">
        <v>2795</v>
      </c>
      <c r="TPF725" s="424"/>
      <c r="TPG725" s="424"/>
      <c r="TPH725" s="424"/>
      <c r="TPI725" s="423" t="s">
        <v>2795</v>
      </c>
      <c r="TPJ725" s="424"/>
      <c r="TPK725" s="424"/>
      <c r="TPL725" s="424"/>
      <c r="TPM725" s="423" t="s">
        <v>2795</v>
      </c>
      <c r="TPN725" s="424"/>
      <c r="TPO725" s="424"/>
      <c r="TPP725" s="424"/>
      <c r="TPQ725" s="423" t="s">
        <v>2795</v>
      </c>
      <c r="TPR725" s="424"/>
      <c r="TPS725" s="424"/>
      <c r="TPT725" s="424"/>
      <c r="TPU725" s="423" t="s">
        <v>2795</v>
      </c>
      <c r="TPV725" s="424"/>
      <c r="TPW725" s="424"/>
      <c r="TPX725" s="424"/>
      <c r="TPY725" s="423" t="s">
        <v>2795</v>
      </c>
      <c r="TPZ725" s="424"/>
      <c r="TQA725" s="424"/>
      <c r="TQB725" s="424"/>
      <c r="TQC725" s="423" t="s">
        <v>2795</v>
      </c>
      <c r="TQD725" s="424"/>
      <c r="TQE725" s="424"/>
      <c r="TQF725" s="424"/>
      <c r="TQG725" s="423" t="s">
        <v>2795</v>
      </c>
      <c r="TQH725" s="424"/>
      <c r="TQI725" s="424"/>
      <c r="TQJ725" s="424"/>
      <c r="TQK725" s="423" t="s">
        <v>2795</v>
      </c>
      <c r="TQL725" s="424"/>
      <c r="TQM725" s="424"/>
      <c r="TQN725" s="424"/>
      <c r="TQO725" s="423" t="s">
        <v>2795</v>
      </c>
      <c r="TQP725" s="424"/>
      <c r="TQQ725" s="424"/>
      <c r="TQR725" s="424"/>
      <c r="TQS725" s="423" t="s">
        <v>2795</v>
      </c>
      <c r="TQT725" s="424"/>
      <c r="TQU725" s="424"/>
      <c r="TQV725" s="424"/>
      <c r="TQW725" s="423" t="s">
        <v>2795</v>
      </c>
      <c r="TQX725" s="424"/>
      <c r="TQY725" s="424"/>
      <c r="TQZ725" s="424"/>
      <c r="TRA725" s="423" t="s">
        <v>2795</v>
      </c>
      <c r="TRB725" s="424"/>
      <c r="TRC725" s="424"/>
      <c r="TRD725" s="424"/>
      <c r="TRE725" s="423" t="s">
        <v>2795</v>
      </c>
      <c r="TRF725" s="424"/>
      <c r="TRG725" s="424"/>
      <c r="TRH725" s="424"/>
      <c r="TRI725" s="423" t="s">
        <v>2795</v>
      </c>
      <c r="TRJ725" s="424"/>
      <c r="TRK725" s="424"/>
      <c r="TRL725" s="424"/>
      <c r="TRM725" s="423" t="s">
        <v>2795</v>
      </c>
      <c r="TRN725" s="424"/>
      <c r="TRO725" s="424"/>
      <c r="TRP725" s="424"/>
      <c r="TRQ725" s="423" t="s">
        <v>2795</v>
      </c>
      <c r="TRR725" s="424"/>
      <c r="TRS725" s="424"/>
      <c r="TRT725" s="424"/>
      <c r="TRU725" s="423" t="s">
        <v>2795</v>
      </c>
      <c r="TRV725" s="424"/>
      <c r="TRW725" s="424"/>
      <c r="TRX725" s="424"/>
      <c r="TRY725" s="423" t="s">
        <v>2795</v>
      </c>
      <c r="TRZ725" s="424"/>
      <c r="TSA725" s="424"/>
      <c r="TSB725" s="424"/>
      <c r="TSC725" s="423" t="s">
        <v>2795</v>
      </c>
      <c r="TSD725" s="424"/>
      <c r="TSE725" s="424"/>
      <c r="TSF725" s="424"/>
      <c r="TSG725" s="423" t="s">
        <v>2795</v>
      </c>
      <c r="TSH725" s="424"/>
      <c r="TSI725" s="424"/>
      <c r="TSJ725" s="424"/>
      <c r="TSK725" s="423" t="s">
        <v>2795</v>
      </c>
      <c r="TSL725" s="424"/>
      <c r="TSM725" s="424"/>
      <c r="TSN725" s="424"/>
      <c r="TSO725" s="423" t="s">
        <v>2795</v>
      </c>
      <c r="TSP725" s="424"/>
      <c r="TSQ725" s="424"/>
      <c r="TSR725" s="424"/>
      <c r="TSS725" s="423" t="s">
        <v>2795</v>
      </c>
      <c r="TST725" s="424"/>
      <c r="TSU725" s="424"/>
      <c r="TSV725" s="424"/>
      <c r="TSW725" s="423" t="s">
        <v>2795</v>
      </c>
      <c r="TSX725" s="424"/>
      <c r="TSY725" s="424"/>
      <c r="TSZ725" s="424"/>
      <c r="TTA725" s="423" t="s">
        <v>2795</v>
      </c>
      <c r="TTB725" s="424"/>
      <c r="TTC725" s="424"/>
      <c r="TTD725" s="424"/>
      <c r="TTE725" s="423" t="s">
        <v>2795</v>
      </c>
      <c r="TTF725" s="424"/>
      <c r="TTG725" s="424"/>
      <c r="TTH725" s="424"/>
      <c r="TTI725" s="423" t="s">
        <v>2795</v>
      </c>
      <c r="TTJ725" s="424"/>
      <c r="TTK725" s="424"/>
      <c r="TTL725" s="424"/>
      <c r="TTM725" s="423" t="s">
        <v>2795</v>
      </c>
      <c r="TTN725" s="424"/>
      <c r="TTO725" s="424"/>
      <c r="TTP725" s="424"/>
      <c r="TTQ725" s="423" t="s">
        <v>2795</v>
      </c>
      <c r="TTR725" s="424"/>
      <c r="TTS725" s="424"/>
      <c r="TTT725" s="424"/>
      <c r="TTU725" s="423" t="s">
        <v>2795</v>
      </c>
      <c r="TTV725" s="424"/>
      <c r="TTW725" s="424"/>
      <c r="TTX725" s="424"/>
      <c r="TTY725" s="423" t="s">
        <v>2795</v>
      </c>
      <c r="TTZ725" s="424"/>
      <c r="TUA725" s="424"/>
      <c r="TUB725" s="424"/>
      <c r="TUC725" s="423" t="s">
        <v>2795</v>
      </c>
      <c r="TUD725" s="424"/>
      <c r="TUE725" s="424"/>
      <c r="TUF725" s="424"/>
      <c r="TUG725" s="423" t="s">
        <v>2795</v>
      </c>
      <c r="TUH725" s="424"/>
      <c r="TUI725" s="424"/>
      <c r="TUJ725" s="424"/>
      <c r="TUK725" s="423" t="s">
        <v>2795</v>
      </c>
      <c r="TUL725" s="424"/>
      <c r="TUM725" s="424"/>
      <c r="TUN725" s="424"/>
      <c r="TUO725" s="423" t="s">
        <v>2795</v>
      </c>
      <c r="TUP725" s="424"/>
      <c r="TUQ725" s="424"/>
      <c r="TUR725" s="424"/>
      <c r="TUS725" s="423" t="s">
        <v>2795</v>
      </c>
      <c r="TUT725" s="424"/>
      <c r="TUU725" s="424"/>
      <c r="TUV725" s="424"/>
      <c r="TUW725" s="423" t="s">
        <v>2795</v>
      </c>
      <c r="TUX725" s="424"/>
      <c r="TUY725" s="424"/>
      <c r="TUZ725" s="424"/>
      <c r="TVA725" s="423" t="s">
        <v>2795</v>
      </c>
      <c r="TVB725" s="424"/>
      <c r="TVC725" s="424"/>
      <c r="TVD725" s="424"/>
      <c r="TVE725" s="423" t="s">
        <v>2795</v>
      </c>
      <c r="TVF725" s="424"/>
      <c r="TVG725" s="424"/>
      <c r="TVH725" s="424"/>
      <c r="TVI725" s="423" t="s">
        <v>2795</v>
      </c>
      <c r="TVJ725" s="424"/>
      <c r="TVK725" s="424"/>
      <c r="TVL725" s="424"/>
      <c r="TVM725" s="423" t="s">
        <v>2795</v>
      </c>
      <c r="TVN725" s="424"/>
      <c r="TVO725" s="424"/>
      <c r="TVP725" s="424"/>
      <c r="TVQ725" s="423" t="s">
        <v>2795</v>
      </c>
      <c r="TVR725" s="424"/>
      <c r="TVS725" s="424"/>
      <c r="TVT725" s="424"/>
      <c r="TVU725" s="423" t="s">
        <v>2795</v>
      </c>
      <c r="TVV725" s="424"/>
      <c r="TVW725" s="424"/>
      <c r="TVX725" s="424"/>
      <c r="TVY725" s="423" t="s">
        <v>2795</v>
      </c>
      <c r="TVZ725" s="424"/>
      <c r="TWA725" s="424"/>
      <c r="TWB725" s="424"/>
      <c r="TWC725" s="423" t="s">
        <v>2795</v>
      </c>
      <c r="TWD725" s="424"/>
      <c r="TWE725" s="424"/>
      <c r="TWF725" s="424"/>
      <c r="TWG725" s="423" t="s">
        <v>2795</v>
      </c>
      <c r="TWH725" s="424"/>
      <c r="TWI725" s="424"/>
      <c r="TWJ725" s="424"/>
      <c r="TWK725" s="423" t="s">
        <v>2795</v>
      </c>
      <c r="TWL725" s="424"/>
      <c r="TWM725" s="424"/>
      <c r="TWN725" s="424"/>
      <c r="TWO725" s="423" t="s">
        <v>2795</v>
      </c>
      <c r="TWP725" s="424"/>
      <c r="TWQ725" s="424"/>
      <c r="TWR725" s="424"/>
      <c r="TWS725" s="423" t="s">
        <v>2795</v>
      </c>
      <c r="TWT725" s="424"/>
      <c r="TWU725" s="424"/>
      <c r="TWV725" s="424"/>
      <c r="TWW725" s="423" t="s">
        <v>2795</v>
      </c>
      <c r="TWX725" s="424"/>
      <c r="TWY725" s="424"/>
      <c r="TWZ725" s="424"/>
      <c r="TXA725" s="423" t="s">
        <v>2795</v>
      </c>
      <c r="TXB725" s="424"/>
      <c r="TXC725" s="424"/>
      <c r="TXD725" s="424"/>
      <c r="TXE725" s="423" t="s">
        <v>2795</v>
      </c>
      <c r="TXF725" s="424"/>
      <c r="TXG725" s="424"/>
      <c r="TXH725" s="424"/>
      <c r="TXI725" s="423" t="s">
        <v>2795</v>
      </c>
      <c r="TXJ725" s="424"/>
      <c r="TXK725" s="424"/>
      <c r="TXL725" s="424"/>
      <c r="TXM725" s="423" t="s">
        <v>2795</v>
      </c>
      <c r="TXN725" s="424"/>
      <c r="TXO725" s="424"/>
      <c r="TXP725" s="424"/>
      <c r="TXQ725" s="423" t="s">
        <v>2795</v>
      </c>
      <c r="TXR725" s="424"/>
      <c r="TXS725" s="424"/>
      <c r="TXT725" s="424"/>
      <c r="TXU725" s="423" t="s">
        <v>2795</v>
      </c>
      <c r="TXV725" s="424"/>
      <c r="TXW725" s="424"/>
      <c r="TXX725" s="424"/>
      <c r="TXY725" s="423" t="s">
        <v>2795</v>
      </c>
      <c r="TXZ725" s="424"/>
      <c r="TYA725" s="424"/>
      <c r="TYB725" s="424"/>
      <c r="TYC725" s="423" t="s">
        <v>2795</v>
      </c>
      <c r="TYD725" s="424"/>
      <c r="TYE725" s="424"/>
      <c r="TYF725" s="424"/>
      <c r="TYG725" s="423" t="s">
        <v>2795</v>
      </c>
      <c r="TYH725" s="424"/>
      <c r="TYI725" s="424"/>
      <c r="TYJ725" s="424"/>
      <c r="TYK725" s="423" t="s">
        <v>2795</v>
      </c>
      <c r="TYL725" s="424"/>
      <c r="TYM725" s="424"/>
      <c r="TYN725" s="424"/>
      <c r="TYO725" s="423" t="s">
        <v>2795</v>
      </c>
      <c r="TYP725" s="424"/>
      <c r="TYQ725" s="424"/>
      <c r="TYR725" s="424"/>
      <c r="TYS725" s="423" t="s">
        <v>2795</v>
      </c>
      <c r="TYT725" s="424"/>
      <c r="TYU725" s="424"/>
      <c r="TYV725" s="424"/>
      <c r="TYW725" s="423" t="s">
        <v>2795</v>
      </c>
      <c r="TYX725" s="424"/>
      <c r="TYY725" s="424"/>
      <c r="TYZ725" s="424"/>
      <c r="TZA725" s="423" t="s">
        <v>2795</v>
      </c>
      <c r="TZB725" s="424"/>
      <c r="TZC725" s="424"/>
      <c r="TZD725" s="424"/>
      <c r="TZE725" s="423" t="s">
        <v>2795</v>
      </c>
      <c r="TZF725" s="424"/>
      <c r="TZG725" s="424"/>
      <c r="TZH725" s="424"/>
      <c r="TZI725" s="423" t="s">
        <v>2795</v>
      </c>
      <c r="TZJ725" s="424"/>
      <c r="TZK725" s="424"/>
      <c r="TZL725" s="424"/>
      <c r="TZM725" s="423" t="s">
        <v>2795</v>
      </c>
      <c r="TZN725" s="424"/>
      <c r="TZO725" s="424"/>
      <c r="TZP725" s="424"/>
      <c r="TZQ725" s="423" t="s">
        <v>2795</v>
      </c>
      <c r="TZR725" s="424"/>
      <c r="TZS725" s="424"/>
      <c r="TZT725" s="424"/>
      <c r="TZU725" s="423" t="s">
        <v>2795</v>
      </c>
      <c r="TZV725" s="424"/>
      <c r="TZW725" s="424"/>
      <c r="TZX725" s="424"/>
      <c r="TZY725" s="423" t="s">
        <v>2795</v>
      </c>
      <c r="TZZ725" s="424"/>
      <c r="UAA725" s="424"/>
      <c r="UAB725" s="424"/>
      <c r="UAC725" s="423" t="s">
        <v>2795</v>
      </c>
      <c r="UAD725" s="424"/>
      <c r="UAE725" s="424"/>
      <c r="UAF725" s="424"/>
      <c r="UAG725" s="423" t="s">
        <v>2795</v>
      </c>
      <c r="UAH725" s="424"/>
      <c r="UAI725" s="424"/>
      <c r="UAJ725" s="424"/>
      <c r="UAK725" s="423" t="s">
        <v>2795</v>
      </c>
      <c r="UAL725" s="424"/>
      <c r="UAM725" s="424"/>
      <c r="UAN725" s="424"/>
      <c r="UAO725" s="423" t="s">
        <v>2795</v>
      </c>
      <c r="UAP725" s="424"/>
      <c r="UAQ725" s="424"/>
      <c r="UAR725" s="424"/>
      <c r="UAS725" s="423" t="s">
        <v>2795</v>
      </c>
      <c r="UAT725" s="424"/>
      <c r="UAU725" s="424"/>
      <c r="UAV725" s="424"/>
      <c r="UAW725" s="423" t="s">
        <v>2795</v>
      </c>
      <c r="UAX725" s="424"/>
      <c r="UAY725" s="424"/>
      <c r="UAZ725" s="424"/>
      <c r="UBA725" s="423" t="s">
        <v>2795</v>
      </c>
      <c r="UBB725" s="424"/>
      <c r="UBC725" s="424"/>
      <c r="UBD725" s="424"/>
      <c r="UBE725" s="423" t="s">
        <v>2795</v>
      </c>
      <c r="UBF725" s="424"/>
      <c r="UBG725" s="424"/>
      <c r="UBH725" s="424"/>
      <c r="UBI725" s="423" t="s">
        <v>2795</v>
      </c>
      <c r="UBJ725" s="424"/>
      <c r="UBK725" s="424"/>
      <c r="UBL725" s="424"/>
      <c r="UBM725" s="423" t="s">
        <v>2795</v>
      </c>
      <c r="UBN725" s="424"/>
      <c r="UBO725" s="424"/>
      <c r="UBP725" s="424"/>
      <c r="UBQ725" s="423" t="s">
        <v>2795</v>
      </c>
      <c r="UBR725" s="424"/>
      <c r="UBS725" s="424"/>
      <c r="UBT725" s="424"/>
      <c r="UBU725" s="423" t="s">
        <v>2795</v>
      </c>
      <c r="UBV725" s="424"/>
      <c r="UBW725" s="424"/>
      <c r="UBX725" s="424"/>
      <c r="UBY725" s="423" t="s">
        <v>2795</v>
      </c>
      <c r="UBZ725" s="424"/>
      <c r="UCA725" s="424"/>
      <c r="UCB725" s="424"/>
      <c r="UCC725" s="423" t="s">
        <v>2795</v>
      </c>
      <c r="UCD725" s="424"/>
      <c r="UCE725" s="424"/>
      <c r="UCF725" s="424"/>
      <c r="UCG725" s="423" t="s">
        <v>2795</v>
      </c>
      <c r="UCH725" s="424"/>
      <c r="UCI725" s="424"/>
      <c r="UCJ725" s="424"/>
      <c r="UCK725" s="423" t="s">
        <v>2795</v>
      </c>
      <c r="UCL725" s="424"/>
      <c r="UCM725" s="424"/>
      <c r="UCN725" s="424"/>
      <c r="UCO725" s="423" t="s">
        <v>2795</v>
      </c>
      <c r="UCP725" s="424"/>
      <c r="UCQ725" s="424"/>
      <c r="UCR725" s="424"/>
      <c r="UCS725" s="423" t="s">
        <v>2795</v>
      </c>
      <c r="UCT725" s="424"/>
      <c r="UCU725" s="424"/>
      <c r="UCV725" s="424"/>
      <c r="UCW725" s="423" t="s">
        <v>2795</v>
      </c>
      <c r="UCX725" s="424"/>
      <c r="UCY725" s="424"/>
      <c r="UCZ725" s="424"/>
      <c r="UDA725" s="423" t="s">
        <v>2795</v>
      </c>
      <c r="UDB725" s="424"/>
      <c r="UDC725" s="424"/>
      <c r="UDD725" s="424"/>
      <c r="UDE725" s="423" t="s">
        <v>2795</v>
      </c>
      <c r="UDF725" s="424"/>
      <c r="UDG725" s="424"/>
      <c r="UDH725" s="424"/>
      <c r="UDI725" s="423" t="s">
        <v>2795</v>
      </c>
      <c r="UDJ725" s="424"/>
      <c r="UDK725" s="424"/>
      <c r="UDL725" s="424"/>
      <c r="UDM725" s="423" t="s">
        <v>2795</v>
      </c>
      <c r="UDN725" s="424"/>
      <c r="UDO725" s="424"/>
      <c r="UDP725" s="424"/>
      <c r="UDQ725" s="423" t="s">
        <v>2795</v>
      </c>
      <c r="UDR725" s="424"/>
      <c r="UDS725" s="424"/>
      <c r="UDT725" s="424"/>
      <c r="UDU725" s="423" t="s">
        <v>2795</v>
      </c>
      <c r="UDV725" s="424"/>
      <c r="UDW725" s="424"/>
      <c r="UDX725" s="424"/>
      <c r="UDY725" s="423" t="s">
        <v>2795</v>
      </c>
      <c r="UDZ725" s="424"/>
      <c r="UEA725" s="424"/>
      <c r="UEB725" s="424"/>
      <c r="UEC725" s="423" t="s">
        <v>2795</v>
      </c>
      <c r="UED725" s="424"/>
      <c r="UEE725" s="424"/>
      <c r="UEF725" s="424"/>
      <c r="UEG725" s="423" t="s">
        <v>2795</v>
      </c>
      <c r="UEH725" s="424"/>
      <c r="UEI725" s="424"/>
      <c r="UEJ725" s="424"/>
      <c r="UEK725" s="423" t="s">
        <v>2795</v>
      </c>
      <c r="UEL725" s="424"/>
      <c r="UEM725" s="424"/>
      <c r="UEN725" s="424"/>
      <c r="UEO725" s="423" t="s">
        <v>2795</v>
      </c>
      <c r="UEP725" s="424"/>
      <c r="UEQ725" s="424"/>
      <c r="UER725" s="424"/>
      <c r="UES725" s="423" t="s">
        <v>2795</v>
      </c>
      <c r="UET725" s="424"/>
      <c r="UEU725" s="424"/>
      <c r="UEV725" s="424"/>
      <c r="UEW725" s="423" t="s">
        <v>2795</v>
      </c>
      <c r="UEX725" s="424"/>
      <c r="UEY725" s="424"/>
      <c r="UEZ725" s="424"/>
      <c r="UFA725" s="423" t="s">
        <v>2795</v>
      </c>
      <c r="UFB725" s="424"/>
      <c r="UFC725" s="424"/>
      <c r="UFD725" s="424"/>
      <c r="UFE725" s="423" t="s">
        <v>2795</v>
      </c>
      <c r="UFF725" s="424"/>
      <c r="UFG725" s="424"/>
      <c r="UFH725" s="424"/>
      <c r="UFI725" s="423" t="s">
        <v>2795</v>
      </c>
      <c r="UFJ725" s="424"/>
      <c r="UFK725" s="424"/>
      <c r="UFL725" s="424"/>
      <c r="UFM725" s="423" t="s">
        <v>2795</v>
      </c>
      <c r="UFN725" s="424"/>
      <c r="UFO725" s="424"/>
      <c r="UFP725" s="424"/>
      <c r="UFQ725" s="423" t="s">
        <v>2795</v>
      </c>
      <c r="UFR725" s="424"/>
      <c r="UFS725" s="424"/>
      <c r="UFT725" s="424"/>
      <c r="UFU725" s="423" t="s">
        <v>2795</v>
      </c>
      <c r="UFV725" s="424"/>
      <c r="UFW725" s="424"/>
      <c r="UFX725" s="424"/>
      <c r="UFY725" s="423" t="s">
        <v>2795</v>
      </c>
      <c r="UFZ725" s="424"/>
      <c r="UGA725" s="424"/>
      <c r="UGB725" s="424"/>
      <c r="UGC725" s="423" t="s">
        <v>2795</v>
      </c>
      <c r="UGD725" s="424"/>
      <c r="UGE725" s="424"/>
      <c r="UGF725" s="424"/>
      <c r="UGG725" s="423" t="s">
        <v>2795</v>
      </c>
      <c r="UGH725" s="424"/>
      <c r="UGI725" s="424"/>
      <c r="UGJ725" s="424"/>
      <c r="UGK725" s="423" t="s">
        <v>2795</v>
      </c>
      <c r="UGL725" s="424"/>
      <c r="UGM725" s="424"/>
      <c r="UGN725" s="424"/>
      <c r="UGO725" s="423" t="s">
        <v>2795</v>
      </c>
      <c r="UGP725" s="424"/>
      <c r="UGQ725" s="424"/>
      <c r="UGR725" s="424"/>
      <c r="UGS725" s="423" t="s">
        <v>2795</v>
      </c>
      <c r="UGT725" s="424"/>
      <c r="UGU725" s="424"/>
      <c r="UGV725" s="424"/>
      <c r="UGW725" s="423" t="s">
        <v>2795</v>
      </c>
      <c r="UGX725" s="424"/>
      <c r="UGY725" s="424"/>
      <c r="UGZ725" s="424"/>
      <c r="UHA725" s="423" t="s">
        <v>2795</v>
      </c>
      <c r="UHB725" s="424"/>
      <c r="UHC725" s="424"/>
      <c r="UHD725" s="424"/>
      <c r="UHE725" s="423" t="s">
        <v>2795</v>
      </c>
      <c r="UHF725" s="424"/>
      <c r="UHG725" s="424"/>
      <c r="UHH725" s="424"/>
      <c r="UHI725" s="423" t="s">
        <v>2795</v>
      </c>
      <c r="UHJ725" s="424"/>
      <c r="UHK725" s="424"/>
      <c r="UHL725" s="424"/>
      <c r="UHM725" s="423" t="s">
        <v>2795</v>
      </c>
      <c r="UHN725" s="424"/>
      <c r="UHO725" s="424"/>
      <c r="UHP725" s="424"/>
      <c r="UHQ725" s="423" t="s">
        <v>2795</v>
      </c>
      <c r="UHR725" s="424"/>
      <c r="UHS725" s="424"/>
      <c r="UHT725" s="424"/>
      <c r="UHU725" s="423" t="s">
        <v>2795</v>
      </c>
      <c r="UHV725" s="424"/>
      <c r="UHW725" s="424"/>
      <c r="UHX725" s="424"/>
      <c r="UHY725" s="423" t="s">
        <v>2795</v>
      </c>
      <c r="UHZ725" s="424"/>
      <c r="UIA725" s="424"/>
      <c r="UIB725" s="424"/>
      <c r="UIC725" s="423" t="s">
        <v>2795</v>
      </c>
      <c r="UID725" s="424"/>
      <c r="UIE725" s="424"/>
      <c r="UIF725" s="424"/>
      <c r="UIG725" s="423" t="s">
        <v>2795</v>
      </c>
      <c r="UIH725" s="424"/>
      <c r="UII725" s="424"/>
      <c r="UIJ725" s="424"/>
      <c r="UIK725" s="423" t="s">
        <v>2795</v>
      </c>
      <c r="UIL725" s="424"/>
      <c r="UIM725" s="424"/>
      <c r="UIN725" s="424"/>
      <c r="UIO725" s="423" t="s">
        <v>2795</v>
      </c>
      <c r="UIP725" s="424"/>
      <c r="UIQ725" s="424"/>
      <c r="UIR725" s="424"/>
      <c r="UIS725" s="423" t="s">
        <v>2795</v>
      </c>
      <c r="UIT725" s="424"/>
      <c r="UIU725" s="424"/>
      <c r="UIV725" s="424"/>
      <c r="UIW725" s="423" t="s">
        <v>2795</v>
      </c>
      <c r="UIX725" s="424"/>
      <c r="UIY725" s="424"/>
      <c r="UIZ725" s="424"/>
      <c r="UJA725" s="423" t="s">
        <v>2795</v>
      </c>
      <c r="UJB725" s="424"/>
      <c r="UJC725" s="424"/>
      <c r="UJD725" s="424"/>
      <c r="UJE725" s="423" t="s">
        <v>2795</v>
      </c>
      <c r="UJF725" s="424"/>
      <c r="UJG725" s="424"/>
      <c r="UJH725" s="424"/>
      <c r="UJI725" s="423" t="s">
        <v>2795</v>
      </c>
      <c r="UJJ725" s="424"/>
      <c r="UJK725" s="424"/>
      <c r="UJL725" s="424"/>
      <c r="UJM725" s="423" t="s">
        <v>2795</v>
      </c>
      <c r="UJN725" s="424"/>
      <c r="UJO725" s="424"/>
      <c r="UJP725" s="424"/>
      <c r="UJQ725" s="423" t="s">
        <v>2795</v>
      </c>
      <c r="UJR725" s="424"/>
      <c r="UJS725" s="424"/>
      <c r="UJT725" s="424"/>
      <c r="UJU725" s="423" t="s">
        <v>2795</v>
      </c>
      <c r="UJV725" s="424"/>
      <c r="UJW725" s="424"/>
      <c r="UJX725" s="424"/>
      <c r="UJY725" s="423" t="s">
        <v>2795</v>
      </c>
      <c r="UJZ725" s="424"/>
      <c r="UKA725" s="424"/>
      <c r="UKB725" s="424"/>
      <c r="UKC725" s="423" t="s">
        <v>2795</v>
      </c>
      <c r="UKD725" s="424"/>
      <c r="UKE725" s="424"/>
      <c r="UKF725" s="424"/>
      <c r="UKG725" s="423" t="s">
        <v>2795</v>
      </c>
      <c r="UKH725" s="424"/>
      <c r="UKI725" s="424"/>
      <c r="UKJ725" s="424"/>
      <c r="UKK725" s="423" t="s">
        <v>2795</v>
      </c>
      <c r="UKL725" s="424"/>
      <c r="UKM725" s="424"/>
      <c r="UKN725" s="424"/>
      <c r="UKO725" s="423" t="s">
        <v>2795</v>
      </c>
      <c r="UKP725" s="424"/>
      <c r="UKQ725" s="424"/>
      <c r="UKR725" s="424"/>
      <c r="UKS725" s="423" t="s">
        <v>2795</v>
      </c>
      <c r="UKT725" s="424"/>
      <c r="UKU725" s="424"/>
      <c r="UKV725" s="424"/>
      <c r="UKW725" s="423" t="s">
        <v>2795</v>
      </c>
      <c r="UKX725" s="424"/>
      <c r="UKY725" s="424"/>
      <c r="UKZ725" s="424"/>
      <c r="ULA725" s="423" t="s">
        <v>2795</v>
      </c>
      <c r="ULB725" s="424"/>
      <c r="ULC725" s="424"/>
      <c r="ULD725" s="424"/>
      <c r="ULE725" s="423" t="s">
        <v>2795</v>
      </c>
      <c r="ULF725" s="424"/>
      <c r="ULG725" s="424"/>
      <c r="ULH725" s="424"/>
      <c r="ULI725" s="423" t="s">
        <v>2795</v>
      </c>
      <c r="ULJ725" s="424"/>
      <c r="ULK725" s="424"/>
      <c r="ULL725" s="424"/>
      <c r="ULM725" s="423" t="s">
        <v>2795</v>
      </c>
      <c r="ULN725" s="424"/>
      <c r="ULO725" s="424"/>
      <c r="ULP725" s="424"/>
      <c r="ULQ725" s="423" t="s">
        <v>2795</v>
      </c>
      <c r="ULR725" s="424"/>
      <c r="ULS725" s="424"/>
      <c r="ULT725" s="424"/>
      <c r="ULU725" s="423" t="s">
        <v>2795</v>
      </c>
      <c r="ULV725" s="424"/>
      <c r="ULW725" s="424"/>
      <c r="ULX725" s="424"/>
      <c r="ULY725" s="423" t="s">
        <v>2795</v>
      </c>
      <c r="ULZ725" s="424"/>
      <c r="UMA725" s="424"/>
      <c r="UMB725" s="424"/>
      <c r="UMC725" s="423" t="s">
        <v>2795</v>
      </c>
      <c r="UMD725" s="424"/>
      <c r="UME725" s="424"/>
      <c r="UMF725" s="424"/>
      <c r="UMG725" s="423" t="s">
        <v>2795</v>
      </c>
      <c r="UMH725" s="424"/>
      <c r="UMI725" s="424"/>
      <c r="UMJ725" s="424"/>
      <c r="UMK725" s="423" t="s">
        <v>2795</v>
      </c>
      <c r="UML725" s="424"/>
      <c r="UMM725" s="424"/>
      <c r="UMN725" s="424"/>
      <c r="UMO725" s="423" t="s">
        <v>2795</v>
      </c>
      <c r="UMP725" s="424"/>
      <c r="UMQ725" s="424"/>
      <c r="UMR725" s="424"/>
      <c r="UMS725" s="423" t="s">
        <v>2795</v>
      </c>
      <c r="UMT725" s="424"/>
      <c r="UMU725" s="424"/>
      <c r="UMV725" s="424"/>
      <c r="UMW725" s="423" t="s">
        <v>2795</v>
      </c>
      <c r="UMX725" s="424"/>
      <c r="UMY725" s="424"/>
      <c r="UMZ725" s="424"/>
      <c r="UNA725" s="423" t="s">
        <v>2795</v>
      </c>
      <c r="UNB725" s="424"/>
      <c r="UNC725" s="424"/>
      <c r="UND725" s="424"/>
      <c r="UNE725" s="423" t="s">
        <v>2795</v>
      </c>
      <c r="UNF725" s="424"/>
      <c r="UNG725" s="424"/>
      <c r="UNH725" s="424"/>
      <c r="UNI725" s="423" t="s">
        <v>2795</v>
      </c>
      <c r="UNJ725" s="424"/>
      <c r="UNK725" s="424"/>
      <c r="UNL725" s="424"/>
      <c r="UNM725" s="423" t="s">
        <v>2795</v>
      </c>
      <c r="UNN725" s="424"/>
      <c r="UNO725" s="424"/>
      <c r="UNP725" s="424"/>
      <c r="UNQ725" s="423" t="s">
        <v>2795</v>
      </c>
      <c r="UNR725" s="424"/>
      <c r="UNS725" s="424"/>
      <c r="UNT725" s="424"/>
      <c r="UNU725" s="423" t="s">
        <v>2795</v>
      </c>
      <c r="UNV725" s="424"/>
      <c r="UNW725" s="424"/>
      <c r="UNX725" s="424"/>
      <c r="UNY725" s="423" t="s">
        <v>2795</v>
      </c>
      <c r="UNZ725" s="424"/>
      <c r="UOA725" s="424"/>
      <c r="UOB725" s="424"/>
      <c r="UOC725" s="423" t="s">
        <v>2795</v>
      </c>
      <c r="UOD725" s="424"/>
      <c r="UOE725" s="424"/>
      <c r="UOF725" s="424"/>
      <c r="UOG725" s="423" t="s">
        <v>2795</v>
      </c>
      <c r="UOH725" s="424"/>
      <c r="UOI725" s="424"/>
      <c r="UOJ725" s="424"/>
      <c r="UOK725" s="423" t="s">
        <v>2795</v>
      </c>
      <c r="UOL725" s="424"/>
      <c r="UOM725" s="424"/>
      <c r="UON725" s="424"/>
      <c r="UOO725" s="423" t="s">
        <v>2795</v>
      </c>
      <c r="UOP725" s="424"/>
      <c r="UOQ725" s="424"/>
      <c r="UOR725" s="424"/>
      <c r="UOS725" s="423" t="s">
        <v>2795</v>
      </c>
      <c r="UOT725" s="424"/>
      <c r="UOU725" s="424"/>
      <c r="UOV725" s="424"/>
      <c r="UOW725" s="423" t="s">
        <v>2795</v>
      </c>
      <c r="UOX725" s="424"/>
      <c r="UOY725" s="424"/>
      <c r="UOZ725" s="424"/>
      <c r="UPA725" s="423" t="s">
        <v>2795</v>
      </c>
      <c r="UPB725" s="424"/>
      <c r="UPC725" s="424"/>
      <c r="UPD725" s="424"/>
      <c r="UPE725" s="423" t="s">
        <v>2795</v>
      </c>
      <c r="UPF725" s="424"/>
      <c r="UPG725" s="424"/>
      <c r="UPH725" s="424"/>
      <c r="UPI725" s="423" t="s">
        <v>2795</v>
      </c>
      <c r="UPJ725" s="424"/>
      <c r="UPK725" s="424"/>
      <c r="UPL725" s="424"/>
      <c r="UPM725" s="423" t="s">
        <v>2795</v>
      </c>
      <c r="UPN725" s="424"/>
      <c r="UPO725" s="424"/>
      <c r="UPP725" s="424"/>
      <c r="UPQ725" s="423" t="s">
        <v>2795</v>
      </c>
      <c r="UPR725" s="424"/>
      <c r="UPS725" s="424"/>
      <c r="UPT725" s="424"/>
      <c r="UPU725" s="423" t="s">
        <v>2795</v>
      </c>
      <c r="UPV725" s="424"/>
      <c r="UPW725" s="424"/>
      <c r="UPX725" s="424"/>
      <c r="UPY725" s="423" t="s">
        <v>2795</v>
      </c>
      <c r="UPZ725" s="424"/>
      <c r="UQA725" s="424"/>
      <c r="UQB725" s="424"/>
      <c r="UQC725" s="423" t="s">
        <v>2795</v>
      </c>
      <c r="UQD725" s="424"/>
      <c r="UQE725" s="424"/>
      <c r="UQF725" s="424"/>
      <c r="UQG725" s="423" t="s">
        <v>2795</v>
      </c>
      <c r="UQH725" s="424"/>
      <c r="UQI725" s="424"/>
      <c r="UQJ725" s="424"/>
      <c r="UQK725" s="423" t="s">
        <v>2795</v>
      </c>
      <c r="UQL725" s="424"/>
      <c r="UQM725" s="424"/>
      <c r="UQN725" s="424"/>
      <c r="UQO725" s="423" t="s">
        <v>2795</v>
      </c>
      <c r="UQP725" s="424"/>
      <c r="UQQ725" s="424"/>
      <c r="UQR725" s="424"/>
      <c r="UQS725" s="423" t="s">
        <v>2795</v>
      </c>
      <c r="UQT725" s="424"/>
      <c r="UQU725" s="424"/>
      <c r="UQV725" s="424"/>
      <c r="UQW725" s="423" t="s">
        <v>2795</v>
      </c>
      <c r="UQX725" s="424"/>
      <c r="UQY725" s="424"/>
      <c r="UQZ725" s="424"/>
      <c r="URA725" s="423" t="s">
        <v>2795</v>
      </c>
      <c r="URB725" s="424"/>
      <c r="URC725" s="424"/>
      <c r="URD725" s="424"/>
      <c r="URE725" s="423" t="s">
        <v>2795</v>
      </c>
      <c r="URF725" s="424"/>
      <c r="URG725" s="424"/>
      <c r="URH725" s="424"/>
      <c r="URI725" s="423" t="s">
        <v>2795</v>
      </c>
      <c r="URJ725" s="424"/>
      <c r="URK725" s="424"/>
      <c r="URL725" s="424"/>
      <c r="URM725" s="423" t="s">
        <v>2795</v>
      </c>
      <c r="URN725" s="424"/>
      <c r="URO725" s="424"/>
      <c r="URP725" s="424"/>
      <c r="URQ725" s="423" t="s">
        <v>2795</v>
      </c>
      <c r="URR725" s="424"/>
      <c r="URS725" s="424"/>
      <c r="URT725" s="424"/>
      <c r="URU725" s="423" t="s">
        <v>2795</v>
      </c>
      <c r="URV725" s="424"/>
      <c r="URW725" s="424"/>
      <c r="URX725" s="424"/>
      <c r="URY725" s="423" t="s">
        <v>2795</v>
      </c>
      <c r="URZ725" s="424"/>
      <c r="USA725" s="424"/>
      <c r="USB725" s="424"/>
      <c r="USC725" s="423" t="s">
        <v>2795</v>
      </c>
      <c r="USD725" s="424"/>
      <c r="USE725" s="424"/>
      <c r="USF725" s="424"/>
      <c r="USG725" s="423" t="s">
        <v>2795</v>
      </c>
      <c r="USH725" s="424"/>
      <c r="USI725" s="424"/>
      <c r="USJ725" s="424"/>
      <c r="USK725" s="423" t="s">
        <v>2795</v>
      </c>
      <c r="USL725" s="424"/>
      <c r="USM725" s="424"/>
      <c r="USN725" s="424"/>
      <c r="USO725" s="423" t="s">
        <v>2795</v>
      </c>
      <c r="USP725" s="424"/>
      <c r="USQ725" s="424"/>
      <c r="USR725" s="424"/>
      <c r="USS725" s="423" t="s">
        <v>2795</v>
      </c>
      <c r="UST725" s="424"/>
      <c r="USU725" s="424"/>
      <c r="USV725" s="424"/>
      <c r="USW725" s="423" t="s">
        <v>2795</v>
      </c>
      <c r="USX725" s="424"/>
      <c r="USY725" s="424"/>
      <c r="USZ725" s="424"/>
      <c r="UTA725" s="423" t="s">
        <v>2795</v>
      </c>
      <c r="UTB725" s="424"/>
      <c r="UTC725" s="424"/>
      <c r="UTD725" s="424"/>
      <c r="UTE725" s="423" t="s">
        <v>2795</v>
      </c>
      <c r="UTF725" s="424"/>
      <c r="UTG725" s="424"/>
      <c r="UTH725" s="424"/>
      <c r="UTI725" s="423" t="s">
        <v>2795</v>
      </c>
      <c r="UTJ725" s="424"/>
      <c r="UTK725" s="424"/>
      <c r="UTL725" s="424"/>
      <c r="UTM725" s="423" t="s">
        <v>2795</v>
      </c>
      <c r="UTN725" s="424"/>
      <c r="UTO725" s="424"/>
      <c r="UTP725" s="424"/>
      <c r="UTQ725" s="423" t="s">
        <v>2795</v>
      </c>
      <c r="UTR725" s="424"/>
      <c r="UTS725" s="424"/>
      <c r="UTT725" s="424"/>
      <c r="UTU725" s="423" t="s">
        <v>2795</v>
      </c>
      <c r="UTV725" s="424"/>
      <c r="UTW725" s="424"/>
      <c r="UTX725" s="424"/>
      <c r="UTY725" s="423" t="s">
        <v>2795</v>
      </c>
      <c r="UTZ725" s="424"/>
      <c r="UUA725" s="424"/>
      <c r="UUB725" s="424"/>
      <c r="UUC725" s="423" t="s">
        <v>2795</v>
      </c>
      <c r="UUD725" s="424"/>
      <c r="UUE725" s="424"/>
      <c r="UUF725" s="424"/>
      <c r="UUG725" s="423" t="s">
        <v>2795</v>
      </c>
      <c r="UUH725" s="424"/>
      <c r="UUI725" s="424"/>
      <c r="UUJ725" s="424"/>
      <c r="UUK725" s="423" t="s">
        <v>2795</v>
      </c>
      <c r="UUL725" s="424"/>
      <c r="UUM725" s="424"/>
      <c r="UUN725" s="424"/>
      <c r="UUO725" s="423" t="s">
        <v>2795</v>
      </c>
      <c r="UUP725" s="424"/>
      <c r="UUQ725" s="424"/>
      <c r="UUR725" s="424"/>
      <c r="UUS725" s="423" t="s">
        <v>2795</v>
      </c>
      <c r="UUT725" s="424"/>
      <c r="UUU725" s="424"/>
      <c r="UUV725" s="424"/>
      <c r="UUW725" s="423" t="s">
        <v>2795</v>
      </c>
      <c r="UUX725" s="424"/>
      <c r="UUY725" s="424"/>
      <c r="UUZ725" s="424"/>
      <c r="UVA725" s="423" t="s">
        <v>2795</v>
      </c>
      <c r="UVB725" s="424"/>
      <c r="UVC725" s="424"/>
      <c r="UVD725" s="424"/>
      <c r="UVE725" s="423" t="s">
        <v>2795</v>
      </c>
      <c r="UVF725" s="424"/>
      <c r="UVG725" s="424"/>
      <c r="UVH725" s="424"/>
      <c r="UVI725" s="423" t="s">
        <v>2795</v>
      </c>
      <c r="UVJ725" s="424"/>
      <c r="UVK725" s="424"/>
      <c r="UVL725" s="424"/>
      <c r="UVM725" s="423" t="s">
        <v>2795</v>
      </c>
      <c r="UVN725" s="424"/>
      <c r="UVO725" s="424"/>
      <c r="UVP725" s="424"/>
      <c r="UVQ725" s="423" t="s">
        <v>2795</v>
      </c>
      <c r="UVR725" s="424"/>
      <c r="UVS725" s="424"/>
      <c r="UVT725" s="424"/>
      <c r="UVU725" s="423" t="s">
        <v>2795</v>
      </c>
      <c r="UVV725" s="424"/>
      <c r="UVW725" s="424"/>
      <c r="UVX725" s="424"/>
      <c r="UVY725" s="423" t="s">
        <v>2795</v>
      </c>
      <c r="UVZ725" s="424"/>
      <c r="UWA725" s="424"/>
      <c r="UWB725" s="424"/>
      <c r="UWC725" s="423" t="s">
        <v>2795</v>
      </c>
      <c r="UWD725" s="424"/>
      <c r="UWE725" s="424"/>
      <c r="UWF725" s="424"/>
      <c r="UWG725" s="423" t="s">
        <v>2795</v>
      </c>
      <c r="UWH725" s="424"/>
      <c r="UWI725" s="424"/>
      <c r="UWJ725" s="424"/>
      <c r="UWK725" s="423" t="s">
        <v>2795</v>
      </c>
      <c r="UWL725" s="424"/>
      <c r="UWM725" s="424"/>
      <c r="UWN725" s="424"/>
      <c r="UWO725" s="423" t="s">
        <v>2795</v>
      </c>
      <c r="UWP725" s="424"/>
      <c r="UWQ725" s="424"/>
      <c r="UWR725" s="424"/>
      <c r="UWS725" s="423" t="s">
        <v>2795</v>
      </c>
      <c r="UWT725" s="424"/>
      <c r="UWU725" s="424"/>
      <c r="UWV725" s="424"/>
      <c r="UWW725" s="423" t="s">
        <v>2795</v>
      </c>
      <c r="UWX725" s="424"/>
      <c r="UWY725" s="424"/>
      <c r="UWZ725" s="424"/>
      <c r="UXA725" s="423" t="s">
        <v>2795</v>
      </c>
      <c r="UXB725" s="424"/>
      <c r="UXC725" s="424"/>
      <c r="UXD725" s="424"/>
      <c r="UXE725" s="423" t="s">
        <v>2795</v>
      </c>
      <c r="UXF725" s="424"/>
      <c r="UXG725" s="424"/>
      <c r="UXH725" s="424"/>
      <c r="UXI725" s="423" t="s">
        <v>2795</v>
      </c>
      <c r="UXJ725" s="424"/>
      <c r="UXK725" s="424"/>
      <c r="UXL725" s="424"/>
      <c r="UXM725" s="423" t="s">
        <v>2795</v>
      </c>
      <c r="UXN725" s="424"/>
      <c r="UXO725" s="424"/>
      <c r="UXP725" s="424"/>
      <c r="UXQ725" s="423" t="s">
        <v>2795</v>
      </c>
      <c r="UXR725" s="424"/>
      <c r="UXS725" s="424"/>
      <c r="UXT725" s="424"/>
      <c r="UXU725" s="423" t="s">
        <v>2795</v>
      </c>
      <c r="UXV725" s="424"/>
      <c r="UXW725" s="424"/>
      <c r="UXX725" s="424"/>
      <c r="UXY725" s="423" t="s">
        <v>2795</v>
      </c>
      <c r="UXZ725" s="424"/>
      <c r="UYA725" s="424"/>
      <c r="UYB725" s="424"/>
      <c r="UYC725" s="423" t="s">
        <v>2795</v>
      </c>
      <c r="UYD725" s="424"/>
      <c r="UYE725" s="424"/>
      <c r="UYF725" s="424"/>
      <c r="UYG725" s="423" t="s">
        <v>2795</v>
      </c>
      <c r="UYH725" s="424"/>
      <c r="UYI725" s="424"/>
      <c r="UYJ725" s="424"/>
      <c r="UYK725" s="423" t="s">
        <v>2795</v>
      </c>
      <c r="UYL725" s="424"/>
      <c r="UYM725" s="424"/>
      <c r="UYN725" s="424"/>
      <c r="UYO725" s="423" t="s">
        <v>2795</v>
      </c>
      <c r="UYP725" s="424"/>
      <c r="UYQ725" s="424"/>
      <c r="UYR725" s="424"/>
      <c r="UYS725" s="423" t="s">
        <v>2795</v>
      </c>
      <c r="UYT725" s="424"/>
      <c r="UYU725" s="424"/>
      <c r="UYV725" s="424"/>
      <c r="UYW725" s="423" t="s">
        <v>2795</v>
      </c>
      <c r="UYX725" s="424"/>
      <c r="UYY725" s="424"/>
      <c r="UYZ725" s="424"/>
      <c r="UZA725" s="423" t="s">
        <v>2795</v>
      </c>
      <c r="UZB725" s="424"/>
      <c r="UZC725" s="424"/>
      <c r="UZD725" s="424"/>
      <c r="UZE725" s="423" t="s">
        <v>2795</v>
      </c>
      <c r="UZF725" s="424"/>
      <c r="UZG725" s="424"/>
      <c r="UZH725" s="424"/>
      <c r="UZI725" s="423" t="s">
        <v>2795</v>
      </c>
      <c r="UZJ725" s="424"/>
      <c r="UZK725" s="424"/>
      <c r="UZL725" s="424"/>
      <c r="UZM725" s="423" t="s">
        <v>2795</v>
      </c>
      <c r="UZN725" s="424"/>
      <c r="UZO725" s="424"/>
      <c r="UZP725" s="424"/>
      <c r="UZQ725" s="423" t="s">
        <v>2795</v>
      </c>
      <c r="UZR725" s="424"/>
      <c r="UZS725" s="424"/>
      <c r="UZT725" s="424"/>
      <c r="UZU725" s="423" t="s">
        <v>2795</v>
      </c>
      <c r="UZV725" s="424"/>
      <c r="UZW725" s="424"/>
      <c r="UZX725" s="424"/>
      <c r="UZY725" s="423" t="s">
        <v>2795</v>
      </c>
      <c r="UZZ725" s="424"/>
      <c r="VAA725" s="424"/>
      <c r="VAB725" s="424"/>
      <c r="VAC725" s="423" t="s">
        <v>2795</v>
      </c>
      <c r="VAD725" s="424"/>
      <c r="VAE725" s="424"/>
      <c r="VAF725" s="424"/>
      <c r="VAG725" s="423" t="s">
        <v>2795</v>
      </c>
      <c r="VAH725" s="424"/>
      <c r="VAI725" s="424"/>
      <c r="VAJ725" s="424"/>
      <c r="VAK725" s="423" t="s">
        <v>2795</v>
      </c>
      <c r="VAL725" s="424"/>
      <c r="VAM725" s="424"/>
      <c r="VAN725" s="424"/>
      <c r="VAO725" s="423" t="s">
        <v>2795</v>
      </c>
      <c r="VAP725" s="424"/>
      <c r="VAQ725" s="424"/>
      <c r="VAR725" s="424"/>
      <c r="VAS725" s="423" t="s">
        <v>2795</v>
      </c>
      <c r="VAT725" s="424"/>
      <c r="VAU725" s="424"/>
      <c r="VAV725" s="424"/>
      <c r="VAW725" s="423" t="s">
        <v>2795</v>
      </c>
      <c r="VAX725" s="424"/>
      <c r="VAY725" s="424"/>
      <c r="VAZ725" s="424"/>
      <c r="VBA725" s="423" t="s">
        <v>2795</v>
      </c>
      <c r="VBB725" s="424"/>
      <c r="VBC725" s="424"/>
      <c r="VBD725" s="424"/>
      <c r="VBE725" s="423" t="s">
        <v>2795</v>
      </c>
      <c r="VBF725" s="424"/>
      <c r="VBG725" s="424"/>
      <c r="VBH725" s="424"/>
      <c r="VBI725" s="423" t="s">
        <v>2795</v>
      </c>
      <c r="VBJ725" s="424"/>
      <c r="VBK725" s="424"/>
      <c r="VBL725" s="424"/>
      <c r="VBM725" s="423" t="s">
        <v>2795</v>
      </c>
      <c r="VBN725" s="424"/>
      <c r="VBO725" s="424"/>
      <c r="VBP725" s="424"/>
      <c r="VBQ725" s="423" t="s">
        <v>2795</v>
      </c>
      <c r="VBR725" s="424"/>
      <c r="VBS725" s="424"/>
      <c r="VBT725" s="424"/>
      <c r="VBU725" s="423" t="s">
        <v>2795</v>
      </c>
      <c r="VBV725" s="424"/>
      <c r="VBW725" s="424"/>
      <c r="VBX725" s="424"/>
      <c r="VBY725" s="423" t="s">
        <v>2795</v>
      </c>
      <c r="VBZ725" s="424"/>
      <c r="VCA725" s="424"/>
      <c r="VCB725" s="424"/>
      <c r="VCC725" s="423" t="s">
        <v>2795</v>
      </c>
      <c r="VCD725" s="424"/>
      <c r="VCE725" s="424"/>
      <c r="VCF725" s="424"/>
      <c r="VCG725" s="423" t="s">
        <v>2795</v>
      </c>
      <c r="VCH725" s="424"/>
      <c r="VCI725" s="424"/>
      <c r="VCJ725" s="424"/>
      <c r="VCK725" s="423" t="s">
        <v>2795</v>
      </c>
      <c r="VCL725" s="424"/>
      <c r="VCM725" s="424"/>
      <c r="VCN725" s="424"/>
      <c r="VCO725" s="423" t="s">
        <v>2795</v>
      </c>
      <c r="VCP725" s="424"/>
      <c r="VCQ725" s="424"/>
      <c r="VCR725" s="424"/>
      <c r="VCS725" s="423" t="s">
        <v>2795</v>
      </c>
      <c r="VCT725" s="424"/>
      <c r="VCU725" s="424"/>
      <c r="VCV725" s="424"/>
      <c r="VCW725" s="423" t="s">
        <v>2795</v>
      </c>
      <c r="VCX725" s="424"/>
      <c r="VCY725" s="424"/>
      <c r="VCZ725" s="424"/>
      <c r="VDA725" s="423" t="s">
        <v>2795</v>
      </c>
      <c r="VDB725" s="424"/>
      <c r="VDC725" s="424"/>
      <c r="VDD725" s="424"/>
      <c r="VDE725" s="423" t="s">
        <v>2795</v>
      </c>
      <c r="VDF725" s="424"/>
      <c r="VDG725" s="424"/>
      <c r="VDH725" s="424"/>
      <c r="VDI725" s="423" t="s">
        <v>2795</v>
      </c>
      <c r="VDJ725" s="424"/>
      <c r="VDK725" s="424"/>
      <c r="VDL725" s="424"/>
      <c r="VDM725" s="423" t="s">
        <v>2795</v>
      </c>
      <c r="VDN725" s="424"/>
      <c r="VDO725" s="424"/>
      <c r="VDP725" s="424"/>
      <c r="VDQ725" s="423" t="s">
        <v>2795</v>
      </c>
      <c r="VDR725" s="424"/>
      <c r="VDS725" s="424"/>
      <c r="VDT725" s="424"/>
      <c r="VDU725" s="423" t="s">
        <v>2795</v>
      </c>
      <c r="VDV725" s="424"/>
      <c r="VDW725" s="424"/>
      <c r="VDX725" s="424"/>
      <c r="VDY725" s="423" t="s">
        <v>2795</v>
      </c>
      <c r="VDZ725" s="424"/>
      <c r="VEA725" s="424"/>
      <c r="VEB725" s="424"/>
      <c r="VEC725" s="423" t="s">
        <v>2795</v>
      </c>
      <c r="VED725" s="424"/>
      <c r="VEE725" s="424"/>
      <c r="VEF725" s="424"/>
      <c r="VEG725" s="423" t="s">
        <v>2795</v>
      </c>
      <c r="VEH725" s="424"/>
      <c r="VEI725" s="424"/>
      <c r="VEJ725" s="424"/>
      <c r="VEK725" s="423" t="s">
        <v>2795</v>
      </c>
      <c r="VEL725" s="424"/>
      <c r="VEM725" s="424"/>
      <c r="VEN725" s="424"/>
      <c r="VEO725" s="423" t="s">
        <v>2795</v>
      </c>
      <c r="VEP725" s="424"/>
      <c r="VEQ725" s="424"/>
      <c r="VER725" s="424"/>
      <c r="VES725" s="423" t="s">
        <v>2795</v>
      </c>
      <c r="VET725" s="424"/>
      <c r="VEU725" s="424"/>
      <c r="VEV725" s="424"/>
      <c r="VEW725" s="423" t="s">
        <v>2795</v>
      </c>
      <c r="VEX725" s="424"/>
      <c r="VEY725" s="424"/>
      <c r="VEZ725" s="424"/>
      <c r="VFA725" s="423" t="s">
        <v>2795</v>
      </c>
      <c r="VFB725" s="424"/>
      <c r="VFC725" s="424"/>
      <c r="VFD725" s="424"/>
      <c r="VFE725" s="423" t="s">
        <v>2795</v>
      </c>
      <c r="VFF725" s="424"/>
      <c r="VFG725" s="424"/>
      <c r="VFH725" s="424"/>
      <c r="VFI725" s="423" t="s">
        <v>2795</v>
      </c>
      <c r="VFJ725" s="424"/>
      <c r="VFK725" s="424"/>
      <c r="VFL725" s="424"/>
      <c r="VFM725" s="423" t="s">
        <v>2795</v>
      </c>
      <c r="VFN725" s="424"/>
      <c r="VFO725" s="424"/>
      <c r="VFP725" s="424"/>
      <c r="VFQ725" s="423" t="s">
        <v>2795</v>
      </c>
      <c r="VFR725" s="424"/>
      <c r="VFS725" s="424"/>
      <c r="VFT725" s="424"/>
      <c r="VFU725" s="423" t="s">
        <v>2795</v>
      </c>
      <c r="VFV725" s="424"/>
      <c r="VFW725" s="424"/>
      <c r="VFX725" s="424"/>
      <c r="VFY725" s="423" t="s">
        <v>2795</v>
      </c>
      <c r="VFZ725" s="424"/>
      <c r="VGA725" s="424"/>
      <c r="VGB725" s="424"/>
      <c r="VGC725" s="423" t="s">
        <v>2795</v>
      </c>
      <c r="VGD725" s="424"/>
      <c r="VGE725" s="424"/>
      <c r="VGF725" s="424"/>
      <c r="VGG725" s="423" t="s">
        <v>2795</v>
      </c>
      <c r="VGH725" s="424"/>
      <c r="VGI725" s="424"/>
      <c r="VGJ725" s="424"/>
      <c r="VGK725" s="423" t="s">
        <v>2795</v>
      </c>
      <c r="VGL725" s="424"/>
      <c r="VGM725" s="424"/>
      <c r="VGN725" s="424"/>
      <c r="VGO725" s="423" t="s">
        <v>2795</v>
      </c>
      <c r="VGP725" s="424"/>
      <c r="VGQ725" s="424"/>
      <c r="VGR725" s="424"/>
      <c r="VGS725" s="423" t="s">
        <v>2795</v>
      </c>
      <c r="VGT725" s="424"/>
      <c r="VGU725" s="424"/>
      <c r="VGV725" s="424"/>
      <c r="VGW725" s="423" t="s">
        <v>2795</v>
      </c>
      <c r="VGX725" s="424"/>
      <c r="VGY725" s="424"/>
      <c r="VGZ725" s="424"/>
      <c r="VHA725" s="423" t="s">
        <v>2795</v>
      </c>
      <c r="VHB725" s="424"/>
      <c r="VHC725" s="424"/>
      <c r="VHD725" s="424"/>
      <c r="VHE725" s="423" t="s">
        <v>2795</v>
      </c>
      <c r="VHF725" s="424"/>
      <c r="VHG725" s="424"/>
      <c r="VHH725" s="424"/>
      <c r="VHI725" s="423" t="s">
        <v>2795</v>
      </c>
      <c r="VHJ725" s="424"/>
      <c r="VHK725" s="424"/>
      <c r="VHL725" s="424"/>
      <c r="VHM725" s="423" t="s">
        <v>2795</v>
      </c>
      <c r="VHN725" s="424"/>
      <c r="VHO725" s="424"/>
      <c r="VHP725" s="424"/>
      <c r="VHQ725" s="423" t="s">
        <v>2795</v>
      </c>
      <c r="VHR725" s="424"/>
      <c r="VHS725" s="424"/>
      <c r="VHT725" s="424"/>
      <c r="VHU725" s="423" t="s">
        <v>2795</v>
      </c>
      <c r="VHV725" s="424"/>
      <c r="VHW725" s="424"/>
      <c r="VHX725" s="424"/>
      <c r="VHY725" s="423" t="s">
        <v>2795</v>
      </c>
      <c r="VHZ725" s="424"/>
      <c r="VIA725" s="424"/>
      <c r="VIB725" s="424"/>
      <c r="VIC725" s="423" t="s">
        <v>2795</v>
      </c>
      <c r="VID725" s="424"/>
      <c r="VIE725" s="424"/>
      <c r="VIF725" s="424"/>
      <c r="VIG725" s="423" t="s">
        <v>2795</v>
      </c>
      <c r="VIH725" s="424"/>
      <c r="VII725" s="424"/>
      <c r="VIJ725" s="424"/>
      <c r="VIK725" s="423" t="s">
        <v>2795</v>
      </c>
      <c r="VIL725" s="424"/>
      <c r="VIM725" s="424"/>
      <c r="VIN725" s="424"/>
      <c r="VIO725" s="423" t="s">
        <v>2795</v>
      </c>
      <c r="VIP725" s="424"/>
      <c r="VIQ725" s="424"/>
      <c r="VIR725" s="424"/>
      <c r="VIS725" s="423" t="s">
        <v>2795</v>
      </c>
      <c r="VIT725" s="424"/>
      <c r="VIU725" s="424"/>
      <c r="VIV725" s="424"/>
      <c r="VIW725" s="423" t="s">
        <v>2795</v>
      </c>
      <c r="VIX725" s="424"/>
      <c r="VIY725" s="424"/>
      <c r="VIZ725" s="424"/>
      <c r="VJA725" s="423" t="s">
        <v>2795</v>
      </c>
      <c r="VJB725" s="424"/>
      <c r="VJC725" s="424"/>
      <c r="VJD725" s="424"/>
      <c r="VJE725" s="423" t="s">
        <v>2795</v>
      </c>
      <c r="VJF725" s="424"/>
      <c r="VJG725" s="424"/>
      <c r="VJH725" s="424"/>
      <c r="VJI725" s="423" t="s">
        <v>2795</v>
      </c>
      <c r="VJJ725" s="424"/>
      <c r="VJK725" s="424"/>
      <c r="VJL725" s="424"/>
      <c r="VJM725" s="423" t="s">
        <v>2795</v>
      </c>
      <c r="VJN725" s="424"/>
      <c r="VJO725" s="424"/>
      <c r="VJP725" s="424"/>
      <c r="VJQ725" s="423" t="s">
        <v>2795</v>
      </c>
      <c r="VJR725" s="424"/>
      <c r="VJS725" s="424"/>
      <c r="VJT725" s="424"/>
      <c r="VJU725" s="423" t="s">
        <v>2795</v>
      </c>
      <c r="VJV725" s="424"/>
      <c r="VJW725" s="424"/>
      <c r="VJX725" s="424"/>
      <c r="VJY725" s="423" t="s">
        <v>2795</v>
      </c>
      <c r="VJZ725" s="424"/>
      <c r="VKA725" s="424"/>
      <c r="VKB725" s="424"/>
      <c r="VKC725" s="423" t="s">
        <v>2795</v>
      </c>
      <c r="VKD725" s="424"/>
      <c r="VKE725" s="424"/>
      <c r="VKF725" s="424"/>
      <c r="VKG725" s="423" t="s">
        <v>2795</v>
      </c>
      <c r="VKH725" s="424"/>
      <c r="VKI725" s="424"/>
      <c r="VKJ725" s="424"/>
      <c r="VKK725" s="423" t="s">
        <v>2795</v>
      </c>
      <c r="VKL725" s="424"/>
      <c r="VKM725" s="424"/>
      <c r="VKN725" s="424"/>
      <c r="VKO725" s="423" t="s">
        <v>2795</v>
      </c>
      <c r="VKP725" s="424"/>
      <c r="VKQ725" s="424"/>
      <c r="VKR725" s="424"/>
      <c r="VKS725" s="423" t="s">
        <v>2795</v>
      </c>
      <c r="VKT725" s="424"/>
      <c r="VKU725" s="424"/>
      <c r="VKV725" s="424"/>
      <c r="VKW725" s="423" t="s">
        <v>2795</v>
      </c>
      <c r="VKX725" s="424"/>
      <c r="VKY725" s="424"/>
      <c r="VKZ725" s="424"/>
      <c r="VLA725" s="423" t="s">
        <v>2795</v>
      </c>
      <c r="VLB725" s="424"/>
      <c r="VLC725" s="424"/>
      <c r="VLD725" s="424"/>
      <c r="VLE725" s="423" t="s">
        <v>2795</v>
      </c>
      <c r="VLF725" s="424"/>
      <c r="VLG725" s="424"/>
      <c r="VLH725" s="424"/>
      <c r="VLI725" s="423" t="s">
        <v>2795</v>
      </c>
      <c r="VLJ725" s="424"/>
      <c r="VLK725" s="424"/>
      <c r="VLL725" s="424"/>
      <c r="VLM725" s="423" t="s">
        <v>2795</v>
      </c>
      <c r="VLN725" s="424"/>
      <c r="VLO725" s="424"/>
      <c r="VLP725" s="424"/>
      <c r="VLQ725" s="423" t="s">
        <v>2795</v>
      </c>
      <c r="VLR725" s="424"/>
      <c r="VLS725" s="424"/>
      <c r="VLT725" s="424"/>
      <c r="VLU725" s="423" t="s">
        <v>2795</v>
      </c>
      <c r="VLV725" s="424"/>
      <c r="VLW725" s="424"/>
      <c r="VLX725" s="424"/>
      <c r="VLY725" s="423" t="s">
        <v>2795</v>
      </c>
      <c r="VLZ725" s="424"/>
      <c r="VMA725" s="424"/>
      <c r="VMB725" s="424"/>
      <c r="VMC725" s="423" t="s">
        <v>2795</v>
      </c>
      <c r="VMD725" s="424"/>
      <c r="VME725" s="424"/>
      <c r="VMF725" s="424"/>
      <c r="VMG725" s="423" t="s">
        <v>2795</v>
      </c>
      <c r="VMH725" s="424"/>
      <c r="VMI725" s="424"/>
      <c r="VMJ725" s="424"/>
      <c r="VMK725" s="423" t="s">
        <v>2795</v>
      </c>
      <c r="VML725" s="424"/>
      <c r="VMM725" s="424"/>
      <c r="VMN725" s="424"/>
      <c r="VMO725" s="423" t="s">
        <v>2795</v>
      </c>
      <c r="VMP725" s="424"/>
      <c r="VMQ725" s="424"/>
      <c r="VMR725" s="424"/>
      <c r="VMS725" s="423" t="s">
        <v>2795</v>
      </c>
      <c r="VMT725" s="424"/>
      <c r="VMU725" s="424"/>
      <c r="VMV725" s="424"/>
      <c r="VMW725" s="423" t="s">
        <v>2795</v>
      </c>
      <c r="VMX725" s="424"/>
      <c r="VMY725" s="424"/>
      <c r="VMZ725" s="424"/>
      <c r="VNA725" s="423" t="s">
        <v>2795</v>
      </c>
      <c r="VNB725" s="424"/>
      <c r="VNC725" s="424"/>
      <c r="VND725" s="424"/>
      <c r="VNE725" s="423" t="s">
        <v>2795</v>
      </c>
      <c r="VNF725" s="424"/>
      <c r="VNG725" s="424"/>
      <c r="VNH725" s="424"/>
      <c r="VNI725" s="423" t="s">
        <v>2795</v>
      </c>
      <c r="VNJ725" s="424"/>
      <c r="VNK725" s="424"/>
      <c r="VNL725" s="424"/>
      <c r="VNM725" s="423" t="s">
        <v>2795</v>
      </c>
      <c r="VNN725" s="424"/>
      <c r="VNO725" s="424"/>
      <c r="VNP725" s="424"/>
      <c r="VNQ725" s="423" t="s">
        <v>2795</v>
      </c>
      <c r="VNR725" s="424"/>
      <c r="VNS725" s="424"/>
      <c r="VNT725" s="424"/>
      <c r="VNU725" s="423" t="s">
        <v>2795</v>
      </c>
      <c r="VNV725" s="424"/>
      <c r="VNW725" s="424"/>
      <c r="VNX725" s="424"/>
      <c r="VNY725" s="423" t="s">
        <v>2795</v>
      </c>
      <c r="VNZ725" s="424"/>
      <c r="VOA725" s="424"/>
      <c r="VOB725" s="424"/>
      <c r="VOC725" s="423" t="s">
        <v>2795</v>
      </c>
      <c r="VOD725" s="424"/>
      <c r="VOE725" s="424"/>
      <c r="VOF725" s="424"/>
      <c r="VOG725" s="423" t="s">
        <v>2795</v>
      </c>
      <c r="VOH725" s="424"/>
      <c r="VOI725" s="424"/>
      <c r="VOJ725" s="424"/>
      <c r="VOK725" s="423" t="s">
        <v>2795</v>
      </c>
      <c r="VOL725" s="424"/>
      <c r="VOM725" s="424"/>
      <c r="VON725" s="424"/>
      <c r="VOO725" s="423" t="s">
        <v>2795</v>
      </c>
      <c r="VOP725" s="424"/>
      <c r="VOQ725" s="424"/>
      <c r="VOR725" s="424"/>
      <c r="VOS725" s="423" t="s">
        <v>2795</v>
      </c>
      <c r="VOT725" s="424"/>
      <c r="VOU725" s="424"/>
      <c r="VOV725" s="424"/>
      <c r="VOW725" s="423" t="s">
        <v>2795</v>
      </c>
      <c r="VOX725" s="424"/>
      <c r="VOY725" s="424"/>
      <c r="VOZ725" s="424"/>
      <c r="VPA725" s="423" t="s">
        <v>2795</v>
      </c>
      <c r="VPB725" s="424"/>
      <c r="VPC725" s="424"/>
      <c r="VPD725" s="424"/>
      <c r="VPE725" s="423" t="s">
        <v>2795</v>
      </c>
      <c r="VPF725" s="424"/>
      <c r="VPG725" s="424"/>
      <c r="VPH725" s="424"/>
      <c r="VPI725" s="423" t="s">
        <v>2795</v>
      </c>
      <c r="VPJ725" s="424"/>
      <c r="VPK725" s="424"/>
      <c r="VPL725" s="424"/>
      <c r="VPM725" s="423" t="s">
        <v>2795</v>
      </c>
      <c r="VPN725" s="424"/>
      <c r="VPO725" s="424"/>
      <c r="VPP725" s="424"/>
      <c r="VPQ725" s="423" t="s">
        <v>2795</v>
      </c>
      <c r="VPR725" s="424"/>
      <c r="VPS725" s="424"/>
      <c r="VPT725" s="424"/>
      <c r="VPU725" s="423" t="s">
        <v>2795</v>
      </c>
      <c r="VPV725" s="424"/>
      <c r="VPW725" s="424"/>
      <c r="VPX725" s="424"/>
      <c r="VPY725" s="423" t="s">
        <v>2795</v>
      </c>
      <c r="VPZ725" s="424"/>
      <c r="VQA725" s="424"/>
      <c r="VQB725" s="424"/>
      <c r="VQC725" s="423" t="s">
        <v>2795</v>
      </c>
      <c r="VQD725" s="424"/>
      <c r="VQE725" s="424"/>
      <c r="VQF725" s="424"/>
      <c r="VQG725" s="423" t="s">
        <v>2795</v>
      </c>
      <c r="VQH725" s="424"/>
      <c r="VQI725" s="424"/>
      <c r="VQJ725" s="424"/>
      <c r="VQK725" s="423" t="s">
        <v>2795</v>
      </c>
      <c r="VQL725" s="424"/>
      <c r="VQM725" s="424"/>
      <c r="VQN725" s="424"/>
      <c r="VQO725" s="423" t="s">
        <v>2795</v>
      </c>
      <c r="VQP725" s="424"/>
      <c r="VQQ725" s="424"/>
      <c r="VQR725" s="424"/>
      <c r="VQS725" s="423" t="s">
        <v>2795</v>
      </c>
      <c r="VQT725" s="424"/>
      <c r="VQU725" s="424"/>
      <c r="VQV725" s="424"/>
      <c r="VQW725" s="423" t="s">
        <v>2795</v>
      </c>
      <c r="VQX725" s="424"/>
      <c r="VQY725" s="424"/>
      <c r="VQZ725" s="424"/>
      <c r="VRA725" s="423" t="s">
        <v>2795</v>
      </c>
      <c r="VRB725" s="424"/>
      <c r="VRC725" s="424"/>
      <c r="VRD725" s="424"/>
      <c r="VRE725" s="423" t="s">
        <v>2795</v>
      </c>
      <c r="VRF725" s="424"/>
      <c r="VRG725" s="424"/>
      <c r="VRH725" s="424"/>
      <c r="VRI725" s="423" t="s">
        <v>2795</v>
      </c>
      <c r="VRJ725" s="424"/>
      <c r="VRK725" s="424"/>
      <c r="VRL725" s="424"/>
      <c r="VRM725" s="423" t="s">
        <v>2795</v>
      </c>
      <c r="VRN725" s="424"/>
      <c r="VRO725" s="424"/>
      <c r="VRP725" s="424"/>
      <c r="VRQ725" s="423" t="s">
        <v>2795</v>
      </c>
      <c r="VRR725" s="424"/>
      <c r="VRS725" s="424"/>
      <c r="VRT725" s="424"/>
      <c r="VRU725" s="423" t="s">
        <v>2795</v>
      </c>
      <c r="VRV725" s="424"/>
      <c r="VRW725" s="424"/>
      <c r="VRX725" s="424"/>
      <c r="VRY725" s="423" t="s">
        <v>2795</v>
      </c>
      <c r="VRZ725" s="424"/>
      <c r="VSA725" s="424"/>
      <c r="VSB725" s="424"/>
      <c r="VSC725" s="423" t="s">
        <v>2795</v>
      </c>
      <c r="VSD725" s="424"/>
      <c r="VSE725" s="424"/>
      <c r="VSF725" s="424"/>
      <c r="VSG725" s="423" t="s">
        <v>2795</v>
      </c>
      <c r="VSH725" s="424"/>
      <c r="VSI725" s="424"/>
      <c r="VSJ725" s="424"/>
      <c r="VSK725" s="423" t="s">
        <v>2795</v>
      </c>
      <c r="VSL725" s="424"/>
      <c r="VSM725" s="424"/>
      <c r="VSN725" s="424"/>
      <c r="VSO725" s="423" t="s">
        <v>2795</v>
      </c>
      <c r="VSP725" s="424"/>
      <c r="VSQ725" s="424"/>
      <c r="VSR725" s="424"/>
      <c r="VSS725" s="423" t="s">
        <v>2795</v>
      </c>
      <c r="VST725" s="424"/>
      <c r="VSU725" s="424"/>
      <c r="VSV725" s="424"/>
      <c r="VSW725" s="423" t="s">
        <v>2795</v>
      </c>
      <c r="VSX725" s="424"/>
      <c r="VSY725" s="424"/>
      <c r="VSZ725" s="424"/>
      <c r="VTA725" s="423" t="s">
        <v>2795</v>
      </c>
      <c r="VTB725" s="424"/>
      <c r="VTC725" s="424"/>
      <c r="VTD725" s="424"/>
      <c r="VTE725" s="423" t="s">
        <v>2795</v>
      </c>
      <c r="VTF725" s="424"/>
      <c r="VTG725" s="424"/>
      <c r="VTH725" s="424"/>
      <c r="VTI725" s="423" t="s">
        <v>2795</v>
      </c>
      <c r="VTJ725" s="424"/>
      <c r="VTK725" s="424"/>
      <c r="VTL725" s="424"/>
      <c r="VTM725" s="423" t="s">
        <v>2795</v>
      </c>
      <c r="VTN725" s="424"/>
      <c r="VTO725" s="424"/>
      <c r="VTP725" s="424"/>
      <c r="VTQ725" s="423" t="s">
        <v>2795</v>
      </c>
      <c r="VTR725" s="424"/>
      <c r="VTS725" s="424"/>
      <c r="VTT725" s="424"/>
      <c r="VTU725" s="423" t="s">
        <v>2795</v>
      </c>
      <c r="VTV725" s="424"/>
      <c r="VTW725" s="424"/>
      <c r="VTX725" s="424"/>
      <c r="VTY725" s="423" t="s">
        <v>2795</v>
      </c>
      <c r="VTZ725" s="424"/>
      <c r="VUA725" s="424"/>
      <c r="VUB725" s="424"/>
      <c r="VUC725" s="423" t="s">
        <v>2795</v>
      </c>
      <c r="VUD725" s="424"/>
      <c r="VUE725" s="424"/>
      <c r="VUF725" s="424"/>
      <c r="VUG725" s="423" t="s">
        <v>2795</v>
      </c>
      <c r="VUH725" s="424"/>
      <c r="VUI725" s="424"/>
      <c r="VUJ725" s="424"/>
      <c r="VUK725" s="423" t="s">
        <v>2795</v>
      </c>
      <c r="VUL725" s="424"/>
      <c r="VUM725" s="424"/>
      <c r="VUN725" s="424"/>
      <c r="VUO725" s="423" t="s">
        <v>2795</v>
      </c>
      <c r="VUP725" s="424"/>
      <c r="VUQ725" s="424"/>
      <c r="VUR725" s="424"/>
      <c r="VUS725" s="423" t="s">
        <v>2795</v>
      </c>
      <c r="VUT725" s="424"/>
      <c r="VUU725" s="424"/>
      <c r="VUV725" s="424"/>
      <c r="VUW725" s="423" t="s">
        <v>2795</v>
      </c>
      <c r="VUX725" s="424"/>
      <c r="VUY725" s="424"/>
      <c r="VUZ725" s="424"/>
      <c r="VVA725" s="423" t="s">
        <v>2795</v>
      </c>
      <c r="VVB725" s="424"/>
      <c r="VVC725" s="424"/>
      <c r="VVD725" s="424"/>
      <c r="VVE725" s="423" t="s">
        <v>2795</v>
      </c>
      <c r="VVF725" s="424"/>
      <c r="VVG725" s="424"/>
      <c r="VVH725" s="424"/>
      <c r="VVI725" s="423" t="s">
        <v>2795</v>
      </c>
      <c r="VVJ725" s="424"/>
      <c r="VVK725" s="424"/>
      <c r="VVL725" s="424"/>
      <c r="VVM725" s="423" t="s">
        <v>2795</v>
      </c>
      <c r="VVN725" s="424"/>
      <c r="VVO725" s="424"/>
      <c r="VVP725" s="424"/>
      <c r="VVQ725" s="423" t="s">
        <v>2795</v>
      </c>
      <c r="VVR725" s="424"/>
      <c r="VVS725" s="424"/>
      <c r="VVT725" s="424"/>
      <c r="VVU725" s="423" t="s">
        <v>2795</v>
      </c>
      <c r="VVV725" s="424"/>
      <c r="VVW725" s="424"/>
      <c r="VVX725" s="424"/>
      <c r="VVY725" s="423" t="s">
        <v>2795</v>
      </c>
      <c r="VVZ725" s="424"/>
      <c r="VWA725" s="424"/>
      <c r="VWB725" s="424"/>
      <c r="VWC725" s="423" t="s">
        <v>2795</v>
      </c>
      <c r="VWD725" s="424"/>
      <c r="VWE725" s="424"/>
      <c r="VWF725" s="424"/>
      <c r="VWG725" s="423" t="s">
        <v>2795</v>
      </c>
      <c r="VWH725" s="424"/>
      <c r="VWI725" s="424"/>
      <c r="VWJ725" s="424"/>
      <c r="VWK725" s="423" t="s">
        <v>2795</v>
      </c>
      <c r="VWL725" s="424"/>
      <c r="VWM725" s="424"/>
      <c r="VWN725" s="424"/>
      <c r="VWO725" s="423" t="s">
        <v>2795</v>
      </c>
      <c r="VWP725" s="424"/>
      <c r="VWQ725" s="424"/>
      <c r="VWR725" s="424"/>
      <c r="VWS725" s="423" t="s">
        <v>2795</v>
      </c>
      <c r="VWT725" s="424"/>
      <c r="VWU725" s="424"/>
      <c r="VWV725" s="424"/>
      <c r="VWW725" s="423" t="s">
        <v>2795</v>
      </c>
      <c r="VWX725" s="424"/>
      <c r="VWY725" s="424"/>
      <c r="VWZ725" s="424"/>
      <c r="VXA725" s="423" t="s">
        <v>2795</v>
      </c>
      <c r="VXB725" s="424"/>
      <c r="VXC725" s="424"/>
      <c r="VXD725" s="424"/>
      <c r="VXE725" s="423" t="s">
        <v>2795</v>
      </c>
      <c r="VXF725" s="424"/>
      <c r="VXG725" s="424"/>
      <c r="VXH725" s="424"/>
      <c r="VXI725" s="423" t="s">
        <v>2795</v>
      </c>
      <c r="VXJ725" s="424"/>
      <c r="VXK725" s="424"/>
      <c r="VXL725" s="424"/>
      <c r="VXM725" s="423" t="s">
        <v>2795</v>
      </c>
      <c r="VXN725" s="424"/>
      <c r="VXO725" s="424"/>
      <c r="VXP725" s="424"/>
      <c r="VXQ725" s="423" t="s">
        <v>2795</v>
      </c>
      <c r="VXR725" s="424"/>
      <c r="VXS725" s="424"/>
      <c r="VXT725" s="424"/>
      <c r="VXU725" s="423" t="s">
        <v>2795</v>
      </c>
      <c r="VXV725" s="424"/>
      <c r="VXW725" s="424"/>
      <c r="VXX725" s="424"/>
      <c r="VXY725" s="423" t="s">
        <v>2795</v>
      </c>
      <c r="VXZ725" s="424"/>
      <c r="VYA725" s="424"/>
      <c r="VYB725" s="424"/>
      <c r="VYC725" s="423" t="s">
        <v>2795</v>
      </c>
      <c r="VYD725" s="424"/>
      <c r="VYE725" s="424"/>
      <c r="VYF725" s="424"/>
      <c r="VYG725" s="423" t="s">
        <v>2795</v>
      </c>
      <c r="VYH725" s="424"/>
      <c r="VYI725" s="424"/>
      <c r="VYJ725" s="424"/>
      <c r="VYK725" s="423" t="s">
        <v>2795</v>
      </c>
      <c r="VYL725" s="424"/>
      <c r="VYM725" s="424"/>
      <c r="VYN725" s="424"/>
      <c r="VYO725" s="423" t="s">
        <v>2795</v>
      </c>
      <c r="VYP725" s="424"/>
      <c r="VYQ725" s="424"/>
      <c r="VYR725" s="424"/>
      <c r="VYS725" s="423" t="s">
        <v>2795</v>
      </c>
      <c r="VYT725" s="424"/>
      <c r="VYU725" s="424"/>
      <c r="VYV725" s="424"/>
      <c r="VYW725" s="423" t="s">
        <v>2795</v>
      </c>
      <c r="VYX725" s="424"/>
      <c r="VYY725" s="424"/>
      <c r="VYZ725" s="424"/>
      <c r="VZA725" s="423" t="s">
        <v>2795</v>
      </c>
      <c r="VZB725" s="424"/>
      <c r="VZC725" s="424"/>
      <c r="VZD725" s="424"/>
      <c r="VZE725" s="423" t="s">
        <v>2795</v>
      </c>
      <c r="VZF725" s="424"/>
      <c r="VZG725" s="424"/>
      <c r="VZH725" s="424"/>
      <c r="VZI725" s="423" t="s">
        <v>2795</v>
      </c>
      <c r="VZJ725" s="424"/>
      <c r="VZK725" s="424"/>
      <c r="VZL725" s="424"/>
      <c r="VZM725" s="423" t="s">
        <v>2795</v>
      </c>
      <c r="VZN725" s="424"/>
      <c r="VZO725" s="424"/>
      <c r="VZP725" s="424"/>
      <c r="VZQ725" s="423" t="s">
        <v>2795</v>
      </c>
      <c r="VZR725" s="424"/>
      <c r="VZS725" s="424"/>
      <c r="VZT725" s="424"/>
      <c r="VZU725" s="423" t="s">
        <v>2795</v>
      </c>
      <c r="VZV725" s="424"/>
      <c r="VZW725" s="424"/>
      <c r="VZX725" s="424"/>
      <c r="VZY725" s="423" t="s">
        <v>2795</v>
      </c>
      <c r="VZZ725" s="424"/>
      <c r="WAA725" s="424"/>
      <c r="WAB725" s="424"/>
      <c r="WAC725" s="423" t="s">
        <v>2795</v>
      </c>
      <c r="WAD725" s="424"/>
      <c r="WAE725" s="424"/>
      <c r="WAF725" s="424"/>
      <c r="WAG725" s="423" t="s">
        <v>2795</v>
      </c>
      <c r="WAH725" s="424"/>
      <c r="WAI725" s="424"/>
      <c r="WAJ725" s="424"/>
      <c r="WAK725" s="423" t="s">
        <v>2795</v>
      </c>
      <c r="WAL725" s="424"/>
      <c r="WAM725" s="424"/>
      <c r="WAN725" s="424"/>
      <c r="WAO725" s="423" t="s">
        <v>2795</v>
      </c>
      <c r="WAP725" s="424"/>
      <c r="WAQ725" s="424"/>
      <c r="WAR725" s="424"/>
      <c r="WAS725" s="423" t="s">
        <v>2795</v>
      </c>
      <c r="WAT725" s="424"/>
      <c r="WAU725" s="424"/>
      <c r="WAV725" s="424"/>
      <c r="WAW725" s="423" t="s">
        <v>2795</v>
      </c>
      <c r="WAX725" s="424"/>
      <c r="WAY725" s="424"/>
      <c r="WAZ725" s="424"/>
      <c r="WBA725" s="423" t="s">
        <v>2795</v>
      </c>
      <c r="WBB725" s="424"/>
      <c r="WBC725" s="424"/>
      <c r="WBD725" s="424"/>
      <c r="WBE725" s="423" t="s">
        <v>2795</v>
      </c>
      <c r="WBF725" s="424"/>
      <c r="WBG725" s="424"/>
      <c r="WBH725" s="424"/>
      <c r="WBI725" s="423" t="s">
        <v>2795</v>
      </c>
      <c r="WBJ725" s="424"/>
      <c r="WBK725" s="424"/>
      <c r="WBL725" s="424"/>
      <c r="WBM725" s="423" t="s">
        <v>2795</v>
      </c>
      <c r="WBN725" s="424"/>
      <c r="WBO725" s="424"/>
      <c r="WBP725" s="424"/>
      <c r="WBQ725" s="423" t="s">
        <v>2795</v>
      </c>
      <c r="WBR725" s="424"/>
      <c r="WBS725" s="424"/>
      <c r="WBT725" s="424"/>
      <c r="WBU725" s="423" t="s">
        <v>2795</v>
      </c>
      <c r="WBV725" s="424"/>
      <c r="WBW725" s="424"/>
      <c r="WBX725" s="424"/>
      <c r="WBY725" s="423" t="s">
        <v>2795</v>
      </c>
      <c r="WBZ725" s="424"/>
      <c r="WCA725" s="424"/>
      <c r="WCB725" s="424"/>
      <c r="WCC725" s="423" t="s">
        <v>2795</v>
      </c>
      <c r="WCD725" s="424"/>
      <c r="WCE725" s="424"/>
      <c r="WCF725" s="424"/>
      <c r="WCG725" s="423" t="s">
        <v>2795</v>
      </c>
      <c r="WCH725" s="424"/>
      <c r="WCI725" s="424"/>
      <c r="WCJ725" s="424"/>
      <c r="WCK725" s="423" t="s">
        <v>2795</v>
      </c>
      <c r="WCL725" s="424"/>
      <c r="WCM725" s="424"/>
      <c r="WCN725" s="424"/>
      <c r="WCO725" s="423" t="s">
        <v>2795</v>
      </c>
      <c r="WCP725" s="424"/>
      <c r="WCQ725" s="424"/>
      <c r="WCR725" s="424"/>
      <c r="WCS725" s="423" t="s">
        <v>2795</v>
      </c>
      <c r="WCT725" s="424"/>
      <c r="WCU725" s="424"/>
      <c r="WCV725" s="424"/>
      <c r="WCW725" s="423" t="s">
        <v>2795</v>
      </c>
      <c r="WCX725" s="424"/>
      <c r="WCY725" s="424"/>
      <c r="WCZ725" s="424"/>
      <c r="WDA725" s="423" t="s">
        <v>2795</v>
      </c>
      <c r="WDB725" s="424"/>
      <c r="WDC725" s="424"/>
      <c r="WDD725" s="424"/>
      <c r="WDE725" s="423" t="s">
        <v>2795</v>
      </c>
      <c r="WDF725" s="424"/>
      <c r="WDG725" s="424"/>
      <c r="WDH725" s="424"/>
      <c r="WDI725" s="423" t="s">
        <v>2795</v>
      </c>
      <c r="WDJ725" s="424"/>
      <c r="WDK725" s="424"/>
      <c r="WDL725" s="424"/>
      <c r="WDM725" s="423" t="s">
        <v>2795</v>
      </c>
      <c r="WDN725" s="424"/>
      <c r="WDO725" s="424"/>
      <c r="WDP725" s="424"/>
      <c r="WDQ725" s="423" t="s">
        <v>2795</v>
      </c>
      <c r="WDR725" s="424"/>
      <c r="WDS725" s="424"/>
      <c r="WDT725" s="424"/>
      <c r="WDU725" s="423" t="s">
        <v>2795</v>
      </c>
      <c r="WDV725" s="424"/>
      <c r="WDW725" s="424"/>
      <c r="WDX725" s="424"/>
      <c r="WDY725" s="423" t="s">
        <v>2795</v>
      </c>
      <c r="WDZ725" s="424"/>
      <c r="WEA725" s="424"/>
      <c r="WEB725" s="424"/>
      <c r="WEC725" s="423" t="s">
        <v>2795</v>
      </c>
      <c r="WED725" s="424"/>
      <c r="WEE725" s="424"/>
      <c r="WEF725" s="424"/>
      <c r="WEG725" s="423" t="s">
        <v>2795</v>
      </c>
      <c r="WEH725" s="424"/>
      <c r="WEI725" s="424"/>
      <c r="WEJ725" s="424"/>
      <c r="WEK725" s="423" t="s">
        <v>2795</v>
      </c>
      <c r="WEL725" s="424"/>
      <c r="WEM725" s="424"/>
      <c r="WEN725" s="424"/>
      <c r="WEO725" s="423" t="s">
        <v>2795</v>
      </c>
      <c r="WEP725" s="424"/>
      <c r="WEQ725" s="424"/>
      <c r="WER725" s="424"/>
      <c r="WES725" s="423" t="s">
        <v>2795</v>
      </c>
      <c r="WET725" s="424"/>
      <c r="WEU725" s="424"/>
      <c r="WEV725" s="424"/>
      <c r="WEW725" s="423" t="s">
        <v>2795</v>
      </c>
      <c r="WEX725" s="424"/>
      <c r="WEY725" s="424"/>
      <c r="WEZ725" s="424"/>
      <c r="WFA725" s="423" t="s">
        <v>2795</v>
      </c>
      <c r="WFB725" s="424"/>
      <c r="WFC725" s="424"/>
      <c r="WFD725" s="424"/>
      <c r="WFE725" s="423" t="s">
        <v>2795</v>
      </c>
      <c r="WFF725" s="424"/>
      <c r="WFG725" s="424"/>
      <c r="WFH725" s="424"/>
      <c r="WFI725" s="423" t="s">
        <v>2795</v>
      </c>
      <c r="WFJ725" s="424"/>
      <c r="WFK725" s="424"/>
      <c r="WFL725" s="424"/>
      <c r="WFM725" s="423" t="s">
        <v>2795</v>
      </c>
      <c r="WFN725" s="424"/>
      <c r="WFO725" s="424"/>
      <c r="WFP725" s="424"/>
      <c r="WFQ725" s="423" t="s">
        <v>2795</v>
      </c>
      <c r="WFR725" s="424"/>
      <c r="WFS725" s="424"/>
      <c r="WFT725" s="424"/>
      <c r="WFU725" s="423" t="s">
        <v>2795</v>
      </c>
      <c r="WFV725" s="424"/>
      <c r="WFW725" s="424"/>
      <c r="WFX725" s="424"/>
      <c r="WFY725" s="423" t="s">
        <v>2795</v>
      </c>
      <c r="WFZ725" s="424"/>
      <c r="WGA725" s="424"/>
      <c r="WGB725" s="424"/>
      <c r="WGC725" s="423" t="s">
        <v>2795</v>
      </c>
      <c r="WGD725" s="424"/>
      <c r="WGE725" s="424"/>
      <c r="WGF725" s="424"/>
      <c r="WGG725" s="423" t="s">
        <v>2795</v>
      </c>
      <c r="WGH725" s="424"/>
      <c r="WGI725" s="424"/>
      <c r="WGJ725" s="424"/>
      <c r="WGK725" s="423" t="s">
        <v>2795</v>
      </c>
      <c r="WGL725" s="424"/>
      <c r="WGM725" s="424"/>
      <c r="WGN725" s="424"/>
      <c r="WGO725" s="423" t="s">
        <v>2795</v>
      </c>
      <c r="WGP725" s="424"/>
      <c r="WGQ725" s="424"/>
      <c r="WGR725" s="424"/>
      <c r="WGS725" s="423" t="s">
        <v>2795</v>
      </c>
      <c r="WGT725" s="424"/>
      <c r="WGU725" s="424"/>
      <c r="WGV725" s="424"/>
      <c r="WGW725" s="423" t="s">
        <v>2795</v>
      </c>
      <c r="WGX725" s="424"/>
      <c r="WGY725" s="424"/>
      <c r="WGZ725" s="424"/>
      <c r="WHA725" s="423" t="s">
        <v>2795</v>
      </c>
      <c r="WHB725" s="424"/>
      <c r="WHC725" s="424"/>
      <c r="WHD725" s="424"/>
      <c r="WHE725" s="423" t="s">
        <v>2795</v>
      </c>
      <c r="WHF725" s="424"/>
      <c r="WHG725" s="424"/>
      <c r="WHH725" s="424"/>
      <c r="WHI725" s="423" t="s">
        <v>2795</v>
      </c>
      <c r="WHJ725" s="424"/>
      <c r="WHK725" s="424"/>
      <c r="WHL725" s="424"/>
      <c r="WHM725" s="423" t="s">
        <v>2795</v>
      </c>
      <c r="WHN725" s="424"/>
      <c r="WHO725" s="424"/>
      <c r="WHP725" s="424"/>
      <c r="WHQ725" s="423" t="s">
        <v>2795</v>
      </c>
      <c r="WHR725" s="424"/>
      <c r="WHS725" s="424"/>
      <c r="WHT725" s="424"/>
      <c r="WHU725" s="423" t="s">
        <v>2795</v>
      </c>
      <c r="WHV725" s="424"/>
      <c r="WHW725" s="424"/>
      <c r="WHX725" s="424"/>
      <c r="WHY725" s="423" t="s">
        <v>2795</v>
      </c>
      <c r="WHZ725" s="424"/>
      <c r="WIA725" s="424"/>
      <c r="WIB725" s="424"/>
      <c r="WIC725" s="423" t="s">
        <v>2795</v>
      </c>
      <c r="WID725" s="424"/>
      <c r="WIE725" s="424"/>
      <c r="WIF725" s="424"/>
      <c r="WIG725" s="423" t="s">
        <v>2795</v>
      </c>
      <c r="WIH725" s="424"/>
      <c r="WII725" s="424"/>
      <c r="WIJ725" s="424"/>
      <c r="WIK725" s="423" t="s">
        <v>2795</v>
      </c>
      <c r="WIL725" s="424"/>
      <c r="WIM725" s="424"/>
      <c r="WIN725" s="424"/>
      <c r="WIO725" s="423" t="s">
        <v>2795</v>
      </c>
      <c r="WIP725" s="424"/>
      <c r="WIQ725" s="424"/>
      <c r="WIR725" s="424"/>
      <c r="WIS725" s="423" t="s">
        <v>2795</v>
      </c>
      <c r="WIT725" s="424"/>
      <c r="WIU725" s="424"/>
      <c r="WIV725" s="424"/>
      <c r="WIW725" s="423" t="s">
        <v>2795</v>
      </c>
      <c r="WIX725" s="424"/>
      <c r="WIY725" s="424"/>
      <c r="WIZ725" s="424"/>
      <c r="WJA725" s="423" t="s">
        <v>2795</v>
      </c>
      <c r="WJB725" s="424"/>
      <c r="WJC725" s="424"/>
      <c r="WJD725" s="424"/>
      <c r="WJE725" s="423" t="s">
        <v>2795</v>
      </c>
      <c r="WJF725" s="424"/>
      <c r="WJG725" s="424"/>
      <c r="WJH725" s="424"/>
      <c r="WJI725" s="423" t="s">
        <v>2795</v>
      </c>
      <c r="WJJ725" s="424"/>
      <c r="WJK725" s="424"/>
      <c r="WJL725" s="424"/>
      <c r="WJM725" s="423" t="s">
        <v>2795</v>
      </c>
      <c r="WJN725" s="424"/>
      <c r="WJO725" s="424"/>
      <c r="WJP725" s="424"/>
      <c r="WJQ725" s="423" t="s">
        <v>2795</v>
      </c>
      <c r="WJR725" s="424"/>
      <c r="WJS725" s="424"/>
      <c r="WJT725" s="424"/>
      <c r="WJU725" s="423" t="s">
        <v>2795</v>
      </c>
      <c r="WJV725" s="424"/>
      <c r="WJW725" s="424"/>
      <c r="WJX725" s="424"/>
      <c r="WJY725" s="423" t="s">
        <v>2795</v>
      </c>
      <c r="WJZ725" s="424"/>
      <c r="WKA725" s="424"/>
      <c r="WKB725" s="424"/>
      <c r="WKC725" s="423" t="s">
        <v>2795</v>
      </c>
      <c r="WKD725" s="424"/>
      <c r="WKE725" s="424"/>
      <c r="WKF725" s="424"/>
      <c r="WKG725" s="423" t="s">
        <v>2795</v>
      </c>
      <c r="WKH725" s="424"/>
      <c r="WKI725" s="424"/>
      <c r="WKJ725" s="424"/>
      <c r="WKK725" s="423" t="s">
        <v>2795</v>
      </c>
      <c r="WKL725" s="424"/>
      <c r="WKM725" s="424"/>
      <c r="WKN725" s="424"/>
      <c r="WKO725" s="423" t="s">
        <v>2795</v>
      </c>
      <c r="WKP725" s="424"/>
      <c r="WKQ725" s="424"/>
      <c r="WKR725" s="424"/>
      <c r="WKS725" s="423" t="s">
        <v>2795</v>
      </c>
      <c r="WKT725" s="424"/>
      <c r="WKU725" s="424"/>
      <c r="WKV725" s="424"/>
      <c r="WKW725" s="423" t="s">
        <v>2795</v>
      </c>
      <c r="WKX725" s="424"/>
      <c r="WKY725" s="424"/>
      <c r="WKZ725" s="424"/>
      <c r="WLA725" s="423" t="s">
        <v>2795</v>
      </c>
      <c r="WLB725" s="424"/>
      <c r="WLC725" s="424"/>
      <c r="WLD725" s="424"/>
      <c r="WLE725" s="423" t="s">
        <v>2795</v>
      </c>
      <c r="WLF725" s="424"/>
      <c r="WLG725" s="424"/>
      <c r="WLH725" s="424"/>
      <c r="WLI725" s="423" t="s">
        <v>2795</v>
      </c>
      <c r="WLJ725" s="424"/>
      <c r="WLK725" s="424"/>
      <c r="WLL725" s="424"/>
      <c r="WLM725" s="423" t="s">
        <v>2795</v>
      </c>
      <c r="WLN725" s="424"/>
      <c r="WLO725" s="424"/>
      <c r="WLP725" s="424"/>
      <c r="WLQ725" s="423" t="s">
        <v>2795</v>
      </c>
      <c r="WLR725" s="424"/>
      <c r="WLS725" s="424"/>
      <c r="WLT725" s="424"/>
      <c r="WLU725" s="423" t="s">
        <v>2795</v>
      </c>
      <c r="WLV725" s="424"/>
      <c r="WLW725" s="424"/>
      <c r="WLX725" s="424"/>
      <c r="WLY725" s="423" t="s">
        <v>2795</v>
      </c>
      <c r="WLZ725" s="424"/>
      <c r="WMA725" s="424"/>
      <c r="WMB725" s="424"/>
      <c r="WMC725" s="423" t="s">
        <v>2795</v>
      </c>
      <c r="WMD725" s="424"/>
      <c r="WME725" s="424"/>
      <c r="WMF725" s="424"/>
      <c r="WMG725" s="423" t="s">
        <v>2795</v>
      </c>
      <c r="WMH725" s="424"/>
      <c r="WMI725" s="424"/>
      <c r="WMJ725" s="424"/>
      <c r="WMK725" s="423" t="s">
        <v>2795</v>
      </c>
      <c r="WML725" s="424"/>
      <c r="WMM725" s="424"/>
      <c r="WMN725" s="424"/>
      <c r="WMO725" s="423" t="s">
        <v>2795</v>
      </c>
      <c r="WMP725" s="424"/>
      <c r="WMQ725" s="424"/>
      <c r="WMR725" s="424"/>
      <c r="WMS725" s="423" t="s">
        <v>2795</v>
      </c>
      <c r="WMT725" s="424"/>
      <c r="WMU725" s="424"/>
      <c r="WMV725" s="424"/>
      <c r="WMW725" s="423" t="s">
        <v>2795</v>
      </c>
      <c r="WMX725" s="424"/>
      <c r="WMY725" s="424"/>
      <c r="WMZ725" s="424"/>
      <c r="WNA725" s="423" t="s">
        <v>2795</v>
      </c>
      <c r="WNB725" s="424"/>
      <c r="WNC725" s="424"/>
      <c r="WND725" s="424"/>
      <c r="WNE725" s="423" t="s">
        <v>2795</v>
      </c>
      <c r="WNF725" s="424"/>
      <c r="WNG725" s="424"/>
      <c r="WNH725" s="424"/>
      <c r="WNI725" s="423" t="s">
        <v>2795</v>
      </c>
      <c r="WNJ725" s="424"/>
      <c r="WNK725" s="424"/>
      <c r="WNL725" s="424"/>
      <c r="WNM725" s="423" t="s">
        <v>2795</v>
      </c>
      <c r="WNN725" s="424"/>
      <c r="WNO725" s="424"/>
      <c r="WNP725" s="424"/>
      <c r="WNQ725" s="423" t="s">
        <v>2795</v>
      </c>
      <c r="WNR725" s="424"/>
      <c r="WNS725" s="424"/>
      <c r="WNT725" s="424"/>
      <c r="WNU725" s="423" t="s">
        <v>2795</v>
      </c>
      <c r="WNV725" s="424"/>
      <c r="WNW725" s="424"/>
      <c r="WNX725" s="424"/>
      <c r="WNY725" s="423" t="s">
        <v>2795</v>
      </c>
      <c r="WNZ725" s="424"/>
      <c r="WOA725" s="424"/>
      <c r="WOB725" s="424"/>
      <c r="WOC725" s="423" t="s">
        <v>2795</v>
      </c>
      <c r="WOD725" s="424"/>
      <c r="WOE725" s="424"/>
      <c r="WOF725" s="424"/>
      <c r="WOG725" s="423" t="s">
        <v>2795</v>
      </c>
      <c r="WOH725" s="424"/>
      <c r="WOI725" s="424"/>
      <c r="WOJ725" s="424"/>
      <c r="WOK725" s="423" t="s">
        <v>2795</v>
      </c>
      <c r="WOL725" s="424"/>
      <c r="WOM725" s="424"/>
      <c r="WON725" s="424"/>
      <c r="WOO725" s="423" t="s">
        <v>2795</v>
      </c>
      <c r="WOP725" s="424"/>
      <c r="WOQ725" s="424"/>
      <c r="WOR725" s="424"/>
      <c r="WOS725" s="423" t="s">
        <v>2795</v>
      </c>
      <c r="WOT725" s="424"/>
      <c r="WOU725" s="424"/>
      <c r="WOV725" s="424"/>
      <c r="WOW725" s="423" t="s">
        <v>2795</v>
      </c>
      <c r="WOX725" s="424"/>
      <c r="WOY725" s="424"/>
      <c r="WOZ725" s="424"/>
      <c r="WPA725" s="423" t="s">
        <v>2795</v>
      </c>
      <c r="WPB725" s="424"/>
      <c r="WPC725" s="424"/>
      <c r="WPD725" s="424"/>
      <c r="WPE725" s="423" t="s">
        <v>2795</v>
      </c>
      <c r="WPF725" s="424"/>
      <c r="WPG725" s="424"/>
      <c r="WPH725" s="424"/>
      <c r="WPI725" s="423" t="s">
        <v>2795</v>
      </c>
      <c r="WPJ725" s="424"/>
      <c r="WPK725" s="424"/>
      <c r="WPL725" s="424"/>
      <c r="WPM725" s="423" t="s">
        <v>2795</v>
      </c>
      <c r="WPN725" s="424"/>
      <c r="WPO725" s="424"/>
      <c r="WPP725" s="424"/>
      <c r="WPQ725" s="423" t="s">
        <v>2795</v>
      </c>
      <c r="WPR725" s="424"/>
      <c r="WPS725" s="424"/>
      <c r="WPT725" s="424"/>
      <c r="WPU725" s="423" t="s">
        <v>2795</v>
      </c>
      <c r="WPV725" s="424"/>
      <c r="WPW725" s="424"/>
      <c r="WPX725" s="424"/>
      <c r="WPY725" s="423" t="s">
        <v>2795</v>
      </c>
      <c r="WPZ725" s="424"/>
      <c r="WQA725" s="424"/>
      <c r="WQB725" s="424"/>
      <c r="WQC725" s="423" t="s">
        <v>2795</v>
      </c>
      <c r="WQD725" s="424"/>
      <c r="WQE725" s="424"/>
      <c r="WQF725" s="424"/>
      <c r="WQG725" s="423" t="s">
        <v>2795</v>
      </c>
      <c r="WQH725" s="424"/>
      <c r="WQI725" s="424"/>
      <c r="WQJ725" s="424"/>
      <c r="WQK725" s="423" t="s">
        <v>2795</v>
      </c>
      <c r="WQL725" s="424"/>
      <c r="WQM725" s="424"/>
      <c r="WQN725" s="424"/>
      <c r="WQO725" s="423" t="s">
        <v>2795</v>
      </c>
      <c r="WQP725" s="424"/>
      <c r="WQQ725" s="424"/>
      <c r="WQR725" s="424"/>
      <c r="WQS725" s="423" t="s">
        <v>2795</v>
      </c>
      <c r="WQT725" s="424"/>
      <c r="WQU725" s="424"/>
      <c r="WQV725" s="424"/>
      <c r="WQW725" s="423" t="s">
        <v>2795</v>
      </c>
      <c r="WQX725" s="424"/>
      <c r="WQY725" s="424"/>
      <c r="WQZ725" s="424"/>
      <c r="WRA725" s="423" t="s">
        <v>2795</v>
      </c>
      <c r="WRB725" s="424"/>
      <c r="WRC725" s="424"/>
      <c r="WRD725" s="424"/>
      <c r="WRE725" s="423" t="s">
        <v>2795</v>
      </c>
      <c r="WRF725" s="424"/>
      <c r="WRG725" s="424"/>
      <c r="WRH725" s="424"/>
      <c r="WRI725" s="423" t="s">
        <v>2795</v>
      </c>
      <c r="WRJ725" s="424"/>
      <c r="WRK725" s="424"/>
      <c r="WRL725" s="424"/>
      <c r="WRM725" s="423" t="s">
        <v>2795</v>
      </c>
      <c r="WRN725" s="424"/>
      <c r="WRO725" s="424"/>
      <c r="WRP725" s="424"/>
      <c r="WRQ725" s="423" t="s">
        <v>2795</v>
      </c>
      <c r="WRR725" s="424"/>
      <c r="WRS725" s="424"/>
      <c r="WRT725" s="424"/>
      <c r="WRU725" s="423" t="s">
        <v>2795</v>
      </c>
      <c r="WRV725" s="424"/>
      <c r="WRW725" s="424"/>
      <c r="WRX725" s="424"/>
      <c r="WRY725" s="423" t="s">
        <v>2795</v>
      </c>
      <c r="WRZ725" s="424"/>
      <c r="WSA725" s="424"/>
      <c r="WSB725" s="424"/>
      <c r="WSC725" s="423" t="s">
        <v>2795</v>
      </c>
      <c r="WSD725" s="424"/>
      <c r="WSE725" s="424"/>
      <c r="WSF725" s="424"/>
      <c r="WSG725" s="423" t="s">
        <v>2795</v>
      </c>
      <c r="WSH725" s="424"/>
      <c r="WSI725" s="424"/>
      <c r="WSJ725" s="424"/>
      <c r="WSK725" s="423" t="s">
        <v>2795</v>
      </c>
      <c r="WSL725" s="424"/>
      <c r="WSM725" s="424"/>
      <c r="WSN725" s="424"/>
      <c r="WSO725" s="423" t="s">
        <v>2795</v>
      </c>
      <c r="WSP725" s="424"/>
      <c r="WSQ725" s="424"/>
      <c r="WSR725" s="424"/>
      <c r="WSS725" s="423" t="s">
        <v>2795</v>
      </c>
      <c r="WST725" s="424"/>
      <c r="WSU725" s="424"/>
      <c r="WSV725" s="424"/>
      <c r="WSW725" s="423" t="s">
        <v>2795</v>
      </c>
      <c r="WSX725" s="424"/>
      <c r="WSY725" s="424"/>
      <c r="WSZ725" s="424"/>
      <c r="WTA725" s="423" t="s">
        <v>2795</v>
      </c>
      <c r="WTB725" s="424"/>
      <c r="WTC725" s="424"/>
      <c r="WTD725" s="424"/>
      <c r="WTE725" s="423" t="s">
        <v>2795</v>
      </c>
      <c r="WTF725" s="424"/>
      <c r="WTG725" s="424"/>
      <c r="WTH725" s="424"/>
      <c r="WTI725" s="423" t="s">
        <v>2795</v>
      </c>
      <c r="WTJ725" s="424"/>
      <c r="WTK725" s="424"/>
      <c r="WTL725" s="424"/>
      <c r="WTM725" s="423" t="s">
        <v>2795</v>
      </c>
      <c r="WTN725" s="424"/>
      <c r="WTO725" s="424"/>
      <c r="WTP725" s="424"/>
      <c r="WTQ725" s="423" t="s">
        <v>2795</v>
      </c>
      <c r="WTR725" s="424"/>
      <c r="WTS725" s="424"/>
      <c r="WTT725" s="424"/>
      <c r="WTU725" s="423" t="s">
        <v>2795</v>
      </c>
      <c r="WTV725" s="424"/>
      <c r="WTW725" s="424"/>
      <c r="WTX725" s="424"/>
      <c r="WTY725" s="423" t="s">
        <v>2795</v>
      </c>
      <c r="WTZ725" s="424"/>
      <c r="WUA725" s="424"/>
      <c r="WUB725" s="424"/>
      <c r="WUC725" s="423" t="s">
        <v>2795</v>
      </c>
      <c r="WUD725" s="424"/>
      <c r="WUE725" s="424"/>
      <c r="WUF725" s="424"/>
      <c r="WUG725" s="423" t="s">
        <v>2795</v>
      </c>
      <c r="WUH725" s="424"/>
      <c r="WUI725" s="424"/>
      <c r="WUJ725" s="424"/>
      <c r="WUK725" s="423" t="s">
        <v>2795</v>
      </c>
      <c r="WUL725" s="424"/>
      <c r="WUM725" s="424"/>
      <c r="WUN725" s="424"/>
      <c r="WUO725" s="423" t="s">
        <v>2795</v>
      </c>
      <c r="WUP725" s="424"/>
      <c r="WUQ725" s="424"/>
      <c r="WUR725" s="424"/>
      <c r="WUS725" s="423" t="s">
        <v>2795</v>
      </c>
      <c r="WUT725" s="424"/>
      <c r="WUU725" s="424"/>
      <c r="WUV725" s="424"/>
      <c r="WUW725" s="423" t="s">
        <v>2795</v>
      </c>
      <c r="WUX725" s="424"/>
      <c r="WUY725" s="424"/>
      <c r="WUZ725" s="424"/>
      <c r="WVA725" s="423" t="s">
        <v>2795</v>
      </c>
      <c r="WVB725" s="424"/>
      <c r="WVC725" s="424"/>
      <c r="WVD725" s="424"/>
      <c r="WVE725" s="423" t="s">
        <v>2795</v>
      </c>
      <c r="WVF725" s="424"/>
      <c r="WVG725" s="424"/>
      <c r="WVH725" s="424"/>
      <c r="WVI725" s="423" t="s">
        <v>2795</v>
      </c>
      <c r="WVJ725" s="424"/>
      <c r="WVK725" s="424"/>
      <c r="WVL725" s="424"/>
      <c r="WVM725" s="423" t="s">
        <v>2795</v>
      </c>
      <c r="WVN725" s="424"/>
      <c r="WVO725" s="424"/>
      <c r="WVP725" s="424"/>
      <c r="WVQ725" s="423" t="s">
        <v>2795</v>
      </c>
      <c r="WVR725" s="424"/>
      <c r="WVS725" s="424"/>
      <c r="WVT725" s="424"/>
      <c r="WVU725" s="423" t="s">
        <v>2795</v>
      </c>
      <c r="WVV725" s="424"/>
      <c r="WVW725" s="424"/>
      <c r="WVX725" s="424"/>
      <c r="WVY725" s="423" t="s">
        <v>2795</v>
      </c>
      <c r="WVZ725" s="424"/>
      <c r="WWA725" s="424"/>
      <c r="WWB725" s="424"/>
      <c r="WWC725" s="423" t="s">
        <v>2795</v>
      </c>
      <c r="WWD725" s="424"/>
      <c r="WWE725" s="424"/>
      <c r="WWF725" s="424"/>
      <c r="WWG725" s="423" t="s">
        <v>2795</v>
      </c>
      <c r="WWH725" s="424"/>
      <c r="WWI725" s="424"/>
      <c r="WWJ725" s="424"/>
      <c r="WWK725" s="423" t="s">
        <v>2795</v>
      </c>
      <c r="WWL725" s="424"/>
      <c r="WWM725" s="424"/>
      <c r="WWN725" s="424"/>
      <c r="WWO725" s="423" t="s">
        <v>2795</v>
      </c>
      <c r="WWP725" s="424"/>
      <c r="WWQ725" s="424"/>
      <c r="WWR725" s="424"/>
      <c r="WWS725" s="423" t="s">
        <v>2795</v>
      </c>
      <c r="WWT725" s="424"/>
      <c r="WWU725" s="424"/>
      <c r="WWV725" s="424"/>
      <c r="WWW725" s="423" t="s">
        <v>2795</v>
      </c>
      <c r="WWX725" s="424"/>
      <c r="WWY725" s="424"/>
      <c r="WWZ725" s="424"/>
      <c r="WXA725" s="423" t="s">
        <v>2795</v>
      </c>
      <c r="WXB725" s="424"/>
      <c r="WXC725" s="424"/>
      <c r="WXD725" s="424"/>
      <c r="WXE725" s="423" t="s">
        <v>2795</v>
      </c>
      <c r="WXF725" s="424"/>
      <c r="WXG725" s="424"/>
      <c r="WXH725" s="424"/>
      <c r="WXI725" s="423" t="s">
        <v>2795</v>
      </c>
      <c r="WXJ725" s="424"/>
      <c r="WXK725" s="424"/>
      <c r="WXL725" s="424"/>
      <c r="WXM725" s="423" t="s">
        <v>2795</v>
      </c>
      <c r="WXN725" s="424"/>
      <c r="WXO725" s="424"/>
      <c r="WXP725" s="424"/>
      <c r="WXQ725" s="423" t="s">
        <v>2795</v>
      </c>
      <c r="WXR725" s="424"/>
      <c r="WXS725" s="424"/>
      <c r="WXT725" s="424"/>
      <c r="WXU725" s="423" t="s">
        <v>2795</v>
      </c>
      <c r="WXV725" s="424"/>
      <c r="WXW725" s="424"/>
      <c r="WXX725" s="424"/>
      <c r="WXY725" s="423" t="s">
        <v>2795</v>
      </c>
      <c r="WXZ725" s="424"/>
      <c r="WYA725" s="424"/>
      <c r="WYB725" s="424"/>
      <c r="WYC725" s="423" t="s">
        <v>2795</v>
      </c>
      <c r="WYD725" s="424"/>
      <c r="WYE725" s="424"/>
      <c r="WYF725" s="424"/>
      <c r="WYG725" s="423" t="s">
        <v>2795</v>
      </c>
      <c r="WYH725" s="424"/>
      <c r="WYI725" s="424"/>
      <c r="WYJ725" s="424"/>
      <c r="WYK725" s="423" t="s">
        <v>2795</v>
      </c>
      <c r="WYL725" s="424"/>
      <c r="WYM725" s="424"/>
      <c r="WYN725" s="424"/>
      <c r="WYO725" s="423" t="s">
        <v>2795</v>
      </c>
      <c r="WYP725" s="424"/>
      <c r="WYQ725" s="424"/>
      <c r="WYR725" s="424"/>
      <c r="WYS725" s="423" t="s">
        <v>2795</v>
      </c>
      <c r="WYT725" s="424"/>
      <c r="WYU725" s="424"/>
      <c r="WYV725" s="424"/>
      <c r="WYW725" s="423" t="s">
        <v>2795</v>
      </c>
      <c r="WYX725" s="424"/>
      <c r="WYY725" s="424"/>
      <c r="WYZ725" s="424"/>
      <c r="WZA725" s="423" t="s">
        <v>2795</v>
      </c>
      <c r="WZB725" s="424"/>
      <c r="WZC725" s="424"/>
      <c r="WZD725" s="424"/>
      <c r="WZE725" s="423" t="s">
        <v>2795</v>
      </c>
      <c r="WZF725" s="424"/>
      <c r="WZG725" s="424"/>
      <c r="WZH725" s="424"/>
      <c r="WZI725" s="423" t="s">
        <v>2795</v>
      </c>
      <c r="WZJ725" s="424"/>
      <c r="WZK725" s="424"/>
      <c r="WZL725" s="424"/>
      <c r="WZM725" s="423" t="s">
        <v>2795</v>
      </c>
      <c r="WZN725" s="424"/>
      <c r="WZO725" s="424"/>
      <c r="WZP725" s="424"/>
      <c r="WZQ725" s="423" t="s">
        <v>2795</v>
      </c>
      <c r="WZR725" s="424"/>
      <c r="WZS725" s="424"/>
      <c r="WZT725" s="424"/>
      <c r="WZU725" s="423" t="s">
        <v>2795</v>
      </c>
      <c r="WZV725" s="424"/>
      <c r="WZW725" s="424"/>
      <c r="WZX725" s="424"/>
      <c r="WZY725" s="423" t="s">
        <v>2795</v>
      </c>
      <c r="WZZ725" s="424"/>
      <c r="XAA725" s="424"/>
      <c r="XAB725" s="424"/>
      <c r="XAC725" s="423" t="s">
        <v>2795</v>
      </c>
      <c r="XAD725" s="424"/>
      <c r="XAE725" s="424"/>
      <c r="XAF725" s="424"/>
      <c r="XAG725" s="423" t="s">
        <v>2795</v>
      </c>
      <c r="XAH725" s="424"/>
      <c r="XAI725" s="424"/>
      <c r="XAJ725" s="424"/>
      <c r="XAK725" s="423" t="s">
        <v>2795</v>
      </c>
      <c r="XAL725" s="424"/>
      <c r="XAM725" s="424"/>
      <c r="XAN725" s="424"/>
      <c r="XAO725" s="423" t="s">
        <v>2795</v>
      </c>
      <c r="XAP725" s="424"/>
      <c r="XAQ725" s="424"/>
      <c r="XAR725" s="424"/>
      <c r="XAS725" s="423" t="s">
        <v>2795</v>
      </c>
      <c r="XAT725" s="424"/>
      <c r="XAU725" s="424"/>
      <c r="XAV725" s="424"/>
      <c r="XAW725" s="423" t="s">
        <v>2795</v>
      </c>
      <c r="XAX725" s="424"/>
      <c r="XAY725" s="424"/>
      <c r="XAZ725" s="424"/>
      <c r="XBA725" s="423" t="s">
        <v>2795</v>
      </c>
      <c r="XBB725" s="424"/>
      <c r="XBC725" s="424"/>
      <c r="XBD725" s="424"/>
      <c r="XBE725" s="423" t="s">
        <v>2795</v>
      </c>
      <c r="XBF725" s="424"/>
      <c r="XBG725" s="424"/>
      <c r="XBH725" s="424"/>
      <c r="XBI725" s="423" t="s">
        <v>2795</v>
      </c>
      <c r="XBJ725" s="424"/>
      <c r="XBK725" s="424"/>
      <c r="XBL725" s="424"/>
      <c r="XBM725" s="423" t="s">
        <v>2795</v>
      </c>
      <c r="XBN725" s="424"/>
      <c r="XBO725" s="424"/>
      <c r="XBP725" s="424"/>
      <c r="XBQ725" s="423" t="s">
        <v>2795</v>
      </c>
      <c r="XBR725" s="424"/>
      <c r="XBS725" s="424"/>
      <c r="XBT725" s="424"/>
      <c r="XBU725" s="423" t="s">
        <v>2795</v>
      </c>
      <c r="XBV725" s="424"/>
      <c r="XBW725" s="424"/>
      <c r="XBX725" s="424"/>
      <c r="XBY725" s="423" t="s">
        <v>2795</v>
      </c>
      <c r="XBZ725" s="424"/>
      <c r="XCA725" s="424"/>
      <c r="XCB725" s="424"/>
      <c r="XCC725" s="423" t="s">
        <v>2795</v>
      </c>
      <c r="XCD725" s="424"/>
      <c r="XCE725" s="424"/>
      <c r="XCF725" s="424"/>
      <c r="XCG725" s="423" t="s">
        <v>2795</v>
      </c>
      <c r="XCH725" s="424"/>
      <c r="XCI725" s="424"/>
      <c r="XCJ725" s="424"/>
      <c r="XCK725" s="423" t="s">
        <v>2795</v>
      </c>
      <c r="XCL725" s="424"/>
      <c r="XCM725" s="424"/>
      <c r="XCN725" s="424"/>
      <c r="XCO725" s="423" t="s">
        <v>2795</v>
      </c>
      <c r="XCP725" s="424"/>
      <c r="XCQ725" s="424"/>
      <c r="XCR725" s="424"/>
      <c r="XCS725" s="423" t="s">
        <v>2795</v>
      </c>
      <c r="XCT725" s="424"/>
      <c r="XCU725" s="424"/>
      <c r="XCV725" s="424"/>
      <c r="XCW725" s="423" t="s">
        <v>2795</v>
      </c>
      <c r="XCX725" s="424"/>
      <c r="XCY725" s="424"/>
      <c r="XCZ725" s="424"/>
      <c r="XDA725" s="423" t="s">
        <v>2795</v>
      </c>
      <c r="XDB725" s="424"/>
      <c r="XDC725" s="424"/>
      <c r="XDD725" s="424"/>
      <c r="XDE725" s="423" t="s">
        <v>2795</v>
      </c>
      <c r="XDF725" s="424"/>
      <c r="XDG725" s="424"/>
      <c r="XDH725" s="424"/>
      <c r="XDI725" s="423" t="s">
        <v>2795</v>
      </c>
      <c r="XDJ725" s="424"/>
      <c r="XDK725" s="424"/>
      <c r="XDL725" s="424"/>
      <c r="XDM725" s="423" t="s">
        <v>2795</v>
      </c>
      <c r="XDN725" s="424"/>
      <c r="XDO725" s="424"/>
      <c r="XDP725" s="424"/>
      <c r="XDQ725" s="423" t="s">
        <v>2795</v>
      </c>
      <c r="XDR725" s="424"/>
      <c r="XDS725" s="424"/>
      <c r="XDT725" s="424"/>
      <c r="XDU725" s="423" t="s">
        <v>2795</v>
      </c>
      <c r="XDV725" s="424"/>
      <c r="XDW725" s="424"/>
      <c r="XDX725" s="424"/>
      <c r="XDY725" s="423" t="s">
        <v>2795</v>
      </c>
      <c r="XDZ725" s="424"/>
      <c r="XEA725" s="424"/>
      <c r="XEB725" s="424"/>
      <c r="XEC725" s="423" t="s">
        <v>2795</v>
      </c>
      <c r="XED725" s="424"/>
      <c r="XEE725" s="424"/>
      <c r="XEF725" s="424"/>
      <c r="XEG725" s="423" t="s">
        <v>2795</v>
      </c>
      <c r="XEH725" s="424"/>
      <c r="XEI725" s="424"/>
      <c r="XEJ725" s="424"/>
      <c r="XEK725" s="423" t="s">
        <v>2795</v>
      </c>
      <c r="XEL725" s="424"/>
      <c r="XEM725" s="424"/>
      <c r="XEN725" s="424"/>
      <c r="XEO725" s="423" t="s">
        <v>2795</v>
      </c>
      <c r="XEP725" s="424"/>
      <c r="XEQ725" s="424"/>
      <c r="XER725" s="424"/>
      <c r="XES725" s="423" t="s">
        <v>2795</v>
      </c>
      <c r="XET725" s="424"/>
      <c r="XEU725" s="424"/>
      <c r="XEV725" s="424"/>
      <c r="XEW725" s="423" t="s">
        <v>2795</v>
      </c>
      <c r="XEX725" s="424"/>
      <c r="XEY725" s="424"/>
      <c r="XEZ725" s="424"/>
      <c r="XFA725" s="423" t="s">
        <v>2795</v>
      </c>
      <c r="XFB725" s="424"/>
      <c r="XFC725" s="424"/>
      <c r="XFD725" s="424"/>
    </row>
    <row r="726" spans="1:16384" s="8" customFormat="1" ht="20" hidden="1">
      <c r="A726" s="423" t="s">
        <v>2795</v>
      </c>
      <c r="B726" s="424"/>
      <c r="C726" s="424"/>
      <c r="D726" s="424"/>
      <c r="E726" s="423" t="s">
        <v>2795</v>
      </c>
      <c r="F726" s="424"/>
      <c r="G726" s="424"/>
      <c r="H726" s="424"/>
      <c r="I726" s="423" t="s">
        <v>2795</v>
      </c>
      <c r="J726" s="424"/>
      <c r="K726" s="424"/>
      <c r="L726" s="424"/>
      <c r="M726" s="423" t="s">
        <v>2795</v>
      </c>
      <c r="N726" s="424"/>
      <c r="O726" s="424"/>
      <c r="P726" s="424"/>
      <c r="Q726" s="426" t="s">
        <v>2795</v>
      </c>
      <c r="R726" s="427"/>
      <c r="S726" s="427"/>
      <c r="T726" s="427"/>
      <c r="U726" s="423" t="s">
        <v>2795</v>
      </c>
      <c r="V726" s="424"/>
      <c r="W726" s="424"/>
      <c r="X726" s="424"/>
      <c r="Y726" s="423" t="s">
        <v>2795</v>
      </c>
      <c r="Z726" s="424"/>
      <c r="AA726" s="424"/>
      <c r="AB726" s="424"/>
      <c r="AC726" s="423" t="s">
        <v>2795</v>
      </c>
      <c r="AD726" s="424"/>
      <c r="AE726" s="424"/>
      <c r="AF726" s="424"/>
      <c r="AG726" s="423" t="s">
        <v>2795</v>
      </c>
      <c r="AH726" s="424"/>
      <c r="AI726" s="424"/>
      <c r="AJ726" s="424"/>
      <c r="AK726" s="423" t="s">
        <v>2795</v>
      </c>
      <c r="AL726" s="424"/>
      <c r="AM726" s="424"/>
      <c r="AN726" s="424"/>
      <c r="AO726" s="423" t="s">
        <v>2795</v>
      </c>
      <c r="AP726" s="424"/>
      <c r="AQ726" s="424"/>
      <c r="AR726" s="424"/>
      <c r="AS726" s="423" t="s">
        <v>2795</v>
      </c>
      <c r="AT726" s="424"/>
      <c r="AU726" s="424"/>
      <c r="AV726" s="424"/>
      <c r="AW726" s="423" t="s">
        <v>2795</v>
      </c>
      <c r="AX726" s="424"/>
      <c r="AY726" s="424"/>
      <c r="AZ726" s="424"/>
      <c r="BA726" s="423" t="s">
        <v>2795</v>
      </c>
      <c r="BB726" s="424"/>
      <c r="BC726" s="424"/>
      <c r="BD726" s="424"/>
      <c r="BE726" s="423" t="s">
        <v>2795</v>
      </c>
      <c r="BF726" s="424"/>
      <c r="BG726" s="424"/>
      <c r="BH726" s="424"/>
      <c r="BI726" s="423" t="s">
        <v>2795</v>
      </c>
      <c r="BJ726" s="424"/>
      <c r="BK726" s="424"/>
      <c r="BL726" s="424"/>
      <c r="BM726" s="423" t="s">
        <v>2795</v>
      </c>
      <c r="BN726" s="424"/>
      <c r="BO726" s="424"/>
      <c r="BP726" s="424"/>
      <c r="BQ726" s="423" t="s">
        <v>2795</v>
      </c>
      <c r="BR726" s="424"/>
      <c r="BS726" s="424"/>
      <c r="BT726" s="424"/>
      <c r="BU726" s="423" t="s">
        <v>2795</v>
      </c>
      <c r="BV726" s="424"/>
      <c r="BW726" s="424"/>
      <c r="BX726" s="424"/>
      <c r="BY726" s="423" t="s">
        <v>2795</v>
      </c>
      <c r="BZ726" s="424"/>
      <c r="CA726" s="424"/>
      <c r="CB726" s="424"/>
      <c r="CC726" s="423" t="s">
        <v>2795</v>
      </c>
      <c r="CD726" s="424"/>
      <c r="CE726" s="424"/>
      <c r="CF726" s="424"/>
      <c r="CG726" s="423" t="s">
        <v>2795</v>
      </c>
      <c r="CH726" s="424"/>
      <c r="CI726" s="424"/>
      <c r="CJ726" s="424"/>
      <c r="CK726" s="423" t="s">
        <v>2795</v>
      </c>
      <c r="CL726" s="424"/>
      <c r="CM726" s="424"/>
      <c r="CN726" s="424"/>
      <c r="CO726" s="423" t="s">
        <v>2795</v>
      </c>
      <c r="CP726" s="424"/>
      <c r="CQ726" s="424"/>
      <c r="CR726" s="424"/>
      <c r="CS726" s="423" t="s">
        <v>2795</v>
      </c>
      <c r="CT726" s="424"/>
      <c r="CU726" s="424"/>
      <c r="CV726" s="424"/>
      <c r="CW726" s="423" t="s">
        <v>2795</v>
      </c>
      <c r="CX726" s="424"/>
      <c r="CY726" s="424"/>
      <c r="CZ726" s="424"/>
      <c r="DA726" s="423" t="s">
        <v>2795</v>
      </c>
      <c r="DB726" s="424"/>
      <c r="DC726" s="424"/>
      <c r="DD726" s="424"/>
      <c r="DE726" s="423" t="s">
        <v>2795</v>
      </c>
      <c r="DF726" s="424"/>
      <c r="DG726" s="424"/>
      <c r="DH726" s="424"/>
      <c r="DI726" s="423" t="s">
        <v>2795</v>
      </c>
      <c r="DJ726" s="424"/>
      <c r="DK726" s="424"/>
      <c r="DL726" s="424"/>
      <c r="DM726" s="423" t="s">
        <v>2795</v>
      </c>
      <c r="DN726" s="424"/>
      <c r="DO726" s="424"/>
      <c r="DP726" s="424"/>
      <c r="DQ726" s="423" t="s">
        <v>2795</v>
      </c>
      <c r="DR726" s="424"/>
      <c r="DS726" s="424"/>
      <c r="DT726" s="424"/>
      <c r="DU726" s="423" t="s">
        <v>2795</v>
      </c>
      <c r="DV726" s="424"/>
      <c r="DW726" s="424"/>
      <c r="DX726" s="424"/>
      <c r="DY726" s="423" t="s">
        <v>2795</v>
      </c>
      <c r="DZ726" s="424"/>
      <c r="EA726" s="424"/>
      <c r="EB726" s="424"/>
      <c r="EC726" s="423" t="s">
        <v>2795</v>
      </c>
      <c r="ED726" s="424"/>
      <c r="EE726" s="424"/>
      <c r="EF726" s="424"/>
      <c r="EG726" s="423" t="s">
        <v>2795</v>
      </c>
      <c r="EH726" s="424"/>
      <c r="EI726" s="424"/>
      <c r="EJ726" s="424"/>
      <c r="EK726" s="423" t="s">
        <v>2795</v>
      </c>
      <c r="EL726" s="424"/>
      <c r="EM726" s="424"/>
      <c r="EN726" s="424"/>
      <c r="EO726" s="423" t="s">
        <v>2795</v>
      </c>
      <c r="EP726" s="424"/>
      <c r="EQ726" s="424"/>
      <c r="ER726" s="424"/>
      <c r="ES726" s="423" t="s">
        <v>2795</v>
      </c>
      <c r="ET726" s="424"/>
      <c r="EU726" s="424"/>
      <c r="EV726" s="424"/>
      <c r="EW726" s="423" t="s">
        <v>2795</v>
      </c>
      <c r="EX726" s="424"/>
      <c r="EY726" s="424"/>
      <c r="EZ726" s="424"/>
      <c r="FA726" s="423" t="s">
        <v>2795</v>
      </c>
      <c r="FB726" s="424"/>
      <c r="FC726" s="424"/>
      <c r="FD726" s="424"/>
      <c r="FE726" s="423" t="s">
        <v>2795</v>
      </c>
      <c r="FF726" s="424"/>
      <c r="FG726" s="424"/>
      <c r="FH726" s="424"/>
      <c r="FI726" s="423" t="s">
        <v>2795</v>
      </c>
      <c r="FJ726" s="424"/>
      <c r="FK726" s="424"/>
      <c r="FL726" s="424"/>
      <c r="FM726" s="423" t="s">
        <v>2795</v>
      </c>
      <c r="FN726" s="424"/>
      <c r="FO726" s="424"/>
      <c r="FP726" s="424"/>
      <c r="FQ726" s="423" t="s">
        <v>2795</v>
      </c>
      <c r="FR726" s="424"/>
      <c r="FS726" s="424"/>
      <c r="FT726" s="424"/>
      <c r="FU726" s="423" t="s">
        <v>2795</v>
      </c>
      <c r="FV726" s="424"/>
      <c r="FW726" s="424"/>
      <c r="FX726" s="424"/>
      <c r="FY726" s="423" t="s">
        <v>2795</v>
      </c>
      <c r="FZ726" s="424"/>
      <c r="GA726" s="424"/>
      <c r="GB726" s="424"/>
      <c r="GC726" s="423" t="s">
        <v>2795</v>
      </c>
      <c r="GD726" s="424"/>
      <c r="GE726" s="424"/>
      <c r="GF726" s="424"/>
      <c r="GG726" s="423" t="s">
        <v>2795</v>
      </c>
      <c r="GH726" s="424"/>
      <c r="GI726" s="424"/>
      <c r="GJ726" s="424"/>
      <c r="GK726" s="423" t="s">
        <v>2795</v>
      </c>
      <c r="GL726" s="424"/>
      <c r="GM726" s="424"/>
      <c r="GN726" s="424"/>
      <c r="GO726" s="423" t="s">
        <v>2795</v>
      </c>
      <c r="GP726" s="424"/>
      <c r="GQ726" s="424"/>
      <c r="GR726" s="424"/>
      <c r="GS726" s="423" t="s">
        <v>2795</v>
      </c>
      <c r="GT726" s="424"/>
      <c r="GU726" s="424"/>
      <c r="GV726" s="424"/>
      <c r="GW726" s="423" t="s">
        <v>2795</v>
      </c>
      <c r="GX726" s="424"/>
      <c r="GY726" s="424"/>
      <c r="GZ726" s="424"/>
      <c r="HA726" s="423" t="s">
        <v>2795</v>
      </c>
      <c r="HB726" s="424"/>
      <c r="HC726" s="424"/>
      <c r="HD726" s="424"/>
      <c r="HE726" s="423" t="s">
        <v>2795</v>
      </c>
      <c r="HF726" s="424"/>
      <c r="HG726" s="424"/>
      <c r="HH726" s="424"/>
      <c r="HI726" s="423" t="s">
        <v>2795</v>
      </c>
      <c r="HJ726" s="424"/>
      <c r="HK726" s="424"/>
      <c r="HL726" s="424"/>
      <c r="HM726" s="423" t="s">
        <v>2795</v>
      </c>
      <c r="HN726" s="424"/>
      <c r="HO726" s="424"/>
      <c r="HP726" s="424"/>
      <c r="HQ726" s="423" t="s">
        <v>2795</v>
      </c>
      <c r="HR726" s="424"/>
      <c r="HS726" s="424"/>
      <c r="HT726" s="424"/>
      <c r="HU726" s="423" t="s">
        <v>2795</v>
      </c>
      <c r="HV726" s="424"/>
      <c r="HW726" s="424"/>
      <c r="HX726" s="424"/>
      <c r="HY726" s="423" t="s">
        <v>2795</v>
      </c>
      <c r="HZ726" s="424"/>
      <c r="IA726" s="424"/>
      <c r="IB726" s="424"/>
      <c r="IC726" s="423" t="s">
        <v>2795</v>
      </c>
      <c r="ID726" s="424"/>
      <c r="IE726" s="424"/>
      <c r="IF726" s="424"/>
      <c r="IG726" s="423" t="s">
        <v>2795</v>
      </c>
      <c r="IH726" s="424"/>
      <c r="II726" s="424"/>
      <c r="IJ726" s="424"/>
      <c r="IK726" s="423" t="s">
        <v>2795</v>
      </c>
      <c r="IL726" s="424"/>
      <c r="IM726" s="424"/>
      <c r="IN726" s="424"/>
      <c r="IO726" s="423" t="s">
        <v>2795</v>
      </c>
      <c r="IP726" s="424"/>
      <c r="IQ726" s="424"/>
      <c r="IR726" s="424"/>
      <c r="IS726" s="423" t="s">
        <v>2795</v>
      </c>
      <c r="IT726" s="424"/>
      <c r="IU726" s="424"/>
      <c r="IV726" s="424"/>
      <c r="IW726" s="423" t="s">
        <v>2795</v>
      </c>
      <c r="IX726" s="424"/>
      <c r="IY726" s="424"/>
      <c r="IZ726" s="424"/>
      <c r="JA726" s="423" t="s">
        <v>2795</v>
      </c>
      <c r="JB726" s="424"/>
      <c r="JC726" s="424"/>
      <c r="JD726" s="424"/>
      <c r="JE726" s="423" t="s">
        <v>2795</v>
      </c>
      <c r="JF726" s="424"/>
      <c r="JG726" s="424"/>
      <c r="JH726" s="424"/>
      <c r="JI726" s="423" t="s">
        <v>2795</v>
      </c>
      <c r="JJ726" s="424"/>
      <c r="JK726" s="424"/>
      <c r="JL726" s="424"/>
      <c r="JM726" s="423" t="s">
        <v>2795</v>
      </c>
      <c r="JN726" s="424"/>
      <c r="JO726" s="424"/>
      <c r="JP726" s="424"/>
      <c r="JQ726" s="423" t="s">
        <v>2795</v>
      </c>
      <c r="JR726" s="424"/>
      <c r="JS726" s="424"/>
      <c r="JT726" s="424"/>
      <c r="JU726" s="423" t="s">
        <v>2795</v>
      </c>
      <c r="JV726" s="424"/>
      <c r="JW726" s="424"/>
      <c r="JX726" s="424"/>
      <c r="JY726" s="423" t="s">
        <v>2795</v>
      </c>
      <c r="JZ726" s="424"/>
      <c r="KA726" s="424"/>
      <c r="KB726" s="424"/>
      <c r="KC726" s="423" t="s">
        <v>2795</v>
      </c>
      <c r="KD726" s="424"/>
      <c r="KE726" s="424"/>
      <c r="KF726" s="424"/>
      <c r="KG726" s="423" t="s">
        <v>2795</v>
      </c>
      <c r="KH726" s="424"/>
      <c r="KI726" s="424"/>
      <c r="KJ726" s="424"/>
      <c r="KK726" s="423" t="s">
        <v>2795</v>
      </c>
      <c r="KL726" s="424"/>
      <c r="KM726" s="424"/>
      <c r="KN726" s="424"/>
      <c r="KO726" s="423" t="s">
        <v>2795</v>
      </c>
      <c r="KP726" s="424"/>
      <c r="KQ726" s="424"/>
      <c r="KR726" s="424"/>
      <c r="KS726" s="423" t="s">
        <v>2795</v>
      </c>
      <c r="KT726" s="424"/>
      <c r="KU726" s="424"/>
      <c r="KV726" s="424"/>
      <c r="KW726" s="423" t="s">
        <v>2795</v>
      </c>
      <c r="KX726" s="424"/>
      <c r="KY726" s="424"/>
      <c r="KZ726" s="424"/>
      <c r="LA726" s="423" t="s">
        <v>2795</v>
      </c>
      <c r="LB726" s="424"/>
      <c r="LC726" s="424"/>
      <c r="LD726" s="424"/>
      <c r="LE726" s="423" t="s">
        <v>2795</v>
      </c>
      <c r="LF726" s="424"/>
      <c r="LG726" s="424"/>
      <c r="LH726" s="424"/>
      <c r="LI726" s="423" t="s">
        <v>2795</v>
      </c>
      <c r="LJ726" s="424"/>
      <c r="LK726" s="424"/>
      <c r="LL726" s="424"/>
      <c r="LM726" s="423" t="s">
        <v>2795</v>
      </c>
      <c r="LN726" s="424"/>
      <c r="LO726" s="424"/>
      <c r="LP726" s="424"/>
      <c r="LQ726" s="423" t="s">
        <v>2795</v>
      </c>
      <c r="LR726" s="424"/>
      <c r="LS726" s="424"/>
      <c r="LT726" s="424"/>
      <c r="LU726" s="423" t="s">
        <v>2795</v>
      </c>
      <c r="LV726" s="424"/>
      <c r="LW726" s="424"/>
      <c r="LX726" s="424"/>
      <c r="LY726" s="423" t="s">
        <v>2795</v>
      </c>
      <c r="LZ726" s="424"/>
      <c r="MA726" s="424"/>
      <c r="MB726" s="424"/>
      <c r="MC726" s="423" t="s">
        <v>2795</v>
      </c>
      <c r="MD726" s="424"/>
      <c r="ME726" s="424"/>
      <c r="MF726" s="424"/>
      <c r="MG726" s="423" t="s">
        <v>2795</v>
      </c>
      <c r="MH726" s="424"/>
      <c r="MI726" s="424"/>
      <c r="MJ726" s="424"/>
      <c r="MK726" s="423" t="s">
        <v>2795</v>
      </c>
      <c r="ML726" s="424"/>
      <c r="MM726" s="424"/>
      <c r="MN726" s="424"/>
      <c r="MO726" s="423" t="s">
        <v>2795</v>
      </c>
      <c r="MP726" s="424"/>
      <c r="MQ726" s="424"/>
      <c r="MR726" s="424"/>
      <c r="MS726" s="423" t="s">
        <v>2795</v>
      </c>
      <c r="MT726" s="424"/>
      <c r="MU726" s="424"/>
      <c r="MV726" s="424"/>
      <c r="MW726" s="423" t="s">
        <v>2795</v>
      </c>
      <c r="MX726" s="424"/>
      <c r="MY726" s="424"/>
      <c r="MZ726" s="424"/>
      <c r="NA726" s="423" t="s">
        <v>2795</v>
      </c>
      <c r="NB726" s="424"/>
      <c r="NC726" s="424"/>
      <c r="ND726" s="424"/>
      <c r="NE726" s="423" t="s">
        <v>2795</v>
      </c>
      <c r="NF726" s="424"/>
      <c r="NG726" s="424"/>
      <c r="NH726" s="424"/>
      <c r="NI726" s="423" t="s">
        <v>2795</v>
      </c>
      <c r="NJ726" s="424"/>
      <c r="NK726" s="424"/>
      <c r="NL726" s="424"/>
      <c r="NM726" s="423" t="s">
        <v>2795</v>
      </c>
      <c r="NN726" s="424"/>
      <c r="NO726" s="424"/>
      <c r="NP726" s="424"/>
      <c r="NQ726" s="423" t="s">
        <v>2795</v>
      </c>
      <c r="NR726" s="424"/>
      <c r="NS726" s="424"/>
      <c r="NT726" s="424"/>
      <c r="NU726" s="423" t="s">
        <v>2795</v>
      </c>
      <c r="NV726" s="424"/>
      <c r="NW726" s="424"/>
      <c r="NX726" s="424"/>
      <c r="NY726" s="423" t="s">
        <v>2795</v>
      </c>
      <c r="NZ726" s="424"/>
      <c r="OA726" s="424"/>
      <c r="OB726" s="424"/>
      <c r="OC726" s="423" t="s">
        <v>2795</v>
      </c>
      <c r="OD726" s="424"/>
      <c r="OE726" s="424"/>
      <c r="OF726" s="424"/>
      <c r="OG726" s="423" t="s">
        <v>2795</v>
      </c>
      <c r="OH726" s="424"/>
      <c r="OI726" s="424"/>
      <c r="OJ726" s="424"/>
      <c r="OK726" s="423" t="s">
        <v>2795</v>
      </c>
      <c r="OL726" s="424"/>
      <c r="OM726" s="424"/>
      <c r="ON726" s="424"/>
      <c r="OO726" s="423" t="s">
        <v>2795</v>
      </c>
      <c r="OP726" s="424"/>
      <c r="OQ726" s="424"/>
      <c r="OR726" s="424"/>
      <c r="OS726" s="423" t="s">
        <v>2795</v>
      </c>
      <c r="OT726" s="424"/>
      <c r="OU726" s="424"/>
      <c r="OV726" s="424"/>
      <c r="OW726" s="423" t="s">
        <v>2795</v>
      </c>
      <c r="OX726" s="424"/>
      <c r="OY726" s="424"/>
      <c r="OZ726" s="424"/>
      <c r="PA726" s="423" t="s">
        <v>2795</v>
      </c>
      <c r="PB726" s="424"/>
      <c r="PC726" s="424"/>
      <c r="PD726" s="424"/>
      <c r="PE726" s="423" t="s">
        <v>2795</v>
      </c>
      <c r="PF726" s="424"/>
      <c r="PG726" s="424"/>
      <c r="PH726" s="424"/>
      <c r="PI726" s="423" t="s">
        <v>2795</v>
      </c>
      <c r="PJ726" s="424"/>
      <c r="PK726" s="424"/>
      <c r="PL726" s="424"/>
      <c r="PM726" s="423" t="s">
        <v>2795</v>
      </c>
      <c r="PN726" s="424"/>
      <c r="PO726" s="424"/>
      <c r="PP726" s="424"/>
      <c r="PQ726" s="423" t="s">
        <v>2795</v>
      </c>
      <c r="PR726" s="424"/>
      <c r="PS726" s="424"/>
      <c r="PT726" s="424"/>
      <c r="PU726" s="423" t="s">
        <v>2795</v>
      </c>
      <c r="PV726" s="424"/>
      <c r="PW726" s="424"/>
      <c r="PX726" s="424"/>
      <c r="PY726" s="423" t="s">
        <v>2795</v>
      </c>
      <c r="PZ726" s="424"/>
      <c r="QA726" s="424"/>
      <c r="QB726" s="424"/>
      <c r="QC726" s="423" t="s">
        <v>2795</v>
      </c>
      <c r="QD726" s="424"/>
      <c r="QE726" s="424"/>
      <c r="QF726" s="424"/>
      <c r="QG726" s="423" t="s">
        <v>2795</v>
      </c>
      <c r="QH726" s="424"/>
      <c r="QI726" s="424"/>
      <c r="QJ726" s="424"/>
      <c r="QK726" s="423" t="s">
        <v>2795</v>
      </c>
      <c r="QL726" s="424"/>
      <c r="QM726" s="424"/>
      <c r="QN726" s="424"/>
      <c r="QO726" s="423" t="s">
        <v>2795</v>
      </c>
      <c r="QP726" s="424"/>
      <c r="QQ726" s="424"/>
      <c r="QR726" s="424"/>
      <c r="QS726" s="423" t="s">
        <v>2795</v>
      </c>
      <c r="QT726" s="424"/>
      <c r="QU726" s="424"/>
      <c r="QV726" s="424"/>
      <c r="QW726" s="423" t="s">
        <v>2795</v>
      </c>
      <c r="QX726" s="424"/>
      <c r="QY726" s="424"/>
      <c r="QZ726" s="424"/>
      <c r="RA726" s="423" t="s">
        <v>2795</v>
      </c>
      <c r="RB726" s="424"/>
      <c r="RC726" s="424"/>
      <c r="RD726" s="424"/>
      <c r="RE726" s="423" t="s">
        <v>2795</v>
      </c>
      <c r="RF726" s="424"/>
      <c r="RG726" s="424"/>
      <c r="RH726" s="424"/>
      <c r="RI726" s="423" t="s">
        <v>2795</v>
      </c>
      <c r="RJ726" s="424"/>
      <c r="RK726" s="424"/>
      <c r="RL726" s="424"/>
      <c r="RM726" s="423" t="s">
        <v>2795</v>
      </c>
      <c r="RN726" s="424"/>
      <c r="RO726" s="424"/>
      <c r="RP726" s="424"/>
      <c r="RQ726" s="423" t="s">
        <v>2795</v>
      </c>
      <c r="RR726" s="424"/>
      <c r="RS726" s="424"/>
      <c r="RT726" s="424"/>
      <c r="RU726" s="423" t="s">
        <v>2795</v>
      </c>
      <c r="RV726" s="424"/>
      <c r="RW726" s="424"/>
      <c r="RX726" s="424"/>
      <c r="RY726" s="423" t="s">
        <v>2795</v>
      </c>
      <c r="RZ726" s="424"/>
      <c r="SA726" s="424"/>
      <c r="SB726" s="424"/>
      <c r="SC726" s="423" t="s">
        <v>2795</v>
      </c>
      <c r="SD726" s="424"/>
      <c r="SE726" s="424"/>
      <c r="SF726" s="424"/>
      <c r="SG726" s="423" t="s">
        <v>2795</v>
      </c>
      <c r="SH726" s="424"/>
      <c r="SI726" s="424"/>
      <c r="SJ726" s="424"/>
      <c r="SK726" s="423" t="s">
        <v>2795</v>
      </c>
      <c r="SL726" s="424"/>
      <c r="SM726" s="424"/>
      <c r="SN726" s="424"/>
      <c r="SO726" s="423" t="s">
        <v>2795</v>
      </c>
      <c r="SP726" s="424"/>
      <c r="SQ726" s="424"/>
      <c r="SR726" s="424"/>
      <c r="SS726" s="423" t="s">
        <v>2795</v>
      </c>
      <c r="ST726" s="424"/>
      <c r="SU726" s="424"/>
      <c r="SV726" s="424"/>
      <c r="SW726" s="423" t="s">
        <v>2795</v>
      </c>
      <c r="SX726" s="424"/>
      <c r="SY726" s="424"/>
      <c r="SZ726" s="424"/>
      <c r="TA726" s="423" t="s">
        <v>2795</v>
      </c>
      <c r="TB726" s="424"/>
      <c r="TC726" s="424"/>
      <c r="TD726" s="424"/>
      <c r="TE726" s="423" t="s">
        <v>2795</v>
      </c>
      <c r="TF726" s="424"/>
      <c r="TG726" s="424"/>
      <c r="TH726" s="424"/>
      <c r="TI726" s="423" t="s">
        <v>2795</v>
      </c>
      <c r="TJ726" s="424"/>
      <c r="TK726" s="424"/>
      <c r="TL726" s="424"/>
      <c r="TM726" s="423" t="s">
        <v>2795</v>
      </c>
      <c r="TN726" s="424"/>
      <c r="TO726" s="424"/>
      <c r="TP726" s="424"/>
      <c r="TQ726" s="423" t="s">
        <v>2795</v>
      </c>
      <c r="TR726" s="424"/>
      <c r="TS726" s="424"/>
      <c r="TT726" s="424"/>
      <c r="TU726" s="423" t="s">
        <v>2795</v>
      </c>
      <c r="TV726" s="424"/>
      <c r="TW726" s="424"/>
      <c r="TX726" s="424"/>
      <c r="TY726" s="423" t="s">
        <v>2795</v>
      </c>
      <c r="TZ726" s="424"/>
      <c r="UA726" s="424"/>
      <c r="UB726" s="424"/>
      <c r="UC726" s="423" t="s">
        <v>2795</v>
      </c>
      <c r="UD726" s="424"/>
      <c r="UE726" s="424"/>
      <c r="UF726" s="424"/>
      <c r="UG726" s="423" t="s">
        <v>2795</v>
      </c>
      <c r="UH726" s="424"/>
      <c r="UI726" s="424"/>
      <c r="UJ726" s="424"/>
      <c r="UK726" s="423" t="s">
        <v>2795</v>
      </c>
      <c r="UL726" s="424"/>
      <c r="UM726" s="424"/>
      <c r="UN726" s="424"/>
      <c r="UO726" s="423" t="s">
        <v>2795</v>
      </c>
      <c r="UP726" s="424"/>
      <c r="UQ726" s="424"/>
      <c r="UR726" s="424"/>
      <c r="US726" s="423" t="s">
        <v>2795</v>
      </c>
      <c r="UT726" s="424"/>
      <c r="UU726" s="424"/>
      <c r="UV726" s="424"/>
      <c r="UW726" s="423" t="s">
        <v>2795</v>
      </c>
      <c r="UX726" s="424"/>
      <c r="UY726" s="424"/>
      <c r="UZ726" s="424"/>
      <c r="VA726" s="423" t="s">
        <v>2795</v>
      </c>
      <c r="VB726" s="424"/>
      <c r="VC726" s="424"/>
      <c r="VD726" s="424"/>
      <c r="VE726" s="423" t="s">
        <v>2795</v>
      </c>
      <c r="VF726" s="424"/>
      <c r="VG726" s="424"/>
      <c r="VH726" s="424"/>
      <c r="VI726" s="423" t="s">
        <v>2795</v>
      </c>
      <c r="VJ726" s="424"/>
      <c r="VK726" s="424"/>
      <c r="VL726" s="424"/>
      <c r="VM726" s="423" t="s">
        <v>2795</v>
      </c>
      <c r="VN726" s="424"/>
      <c r="VO726" s="424"/>
      <c r="VP726" s="424"/>
      <c r="VQ726" s="423" t="s">
        <v>2795</v>
      </c>
      <c r="VR726" s="424"/>
      <c r="VS726" s="424"/>
      <c r="VT726" s="424"/>
      <c r="VU726" s="423" t="s">
        <v>2795</v>
      </c>
      <c r="VV726" s="424"/>
      <c r="VW726" s="424"/>
      <c r="VX726" s="424"/>
      <c r="VY726" s="423" t="s">
        <v>2795</v>
      </c>
      <c r="VZ726" s="424"/>
      <c r="WA726" s="424"/>
      <c r="WB726" s="424"/>
      <c r="WC726" s="423" t="s">
        <v>2795</v>
      </c>
      <c r="WD726" s="424"/>
      <c r="WE726" s="424"/>
      <c r="WF726" s="424"/>
      <c r="WG726" s="423" t="s">
        <v>2795</v>
      </c>
      <c r="WH726" s="424"/>
      <c r="WI726" s="424"/>
      <c r="WJ726" s="424"/>
      <c r="WK726" s="423" t="s">
        <v>2795</v>
      </c>
      <c r="WL726" s="424"/>
      <c r="WM726" s="424"/>
      <c r="WN726" s="424"/>
      <c r="WO726" s="423" t="s">
        <v>2795</v>
      </c>
      <c r="WP726" s="424"/>
      <c r="WQ726" s="424"/>
      <c r="WR726" s="424"/>
      <c r="WS726" s="423" t="s">
        <v>2795</v>
      </c>
      <c r="WT726" s="424"/>
      <c r="WU726" s="424"/>
      <c r="WV726" s="424"/>
      <c r="WW726" s="423" t="s">
        <v>2795</v>
      </c>
      <c r="WX726" s="424"/>
      <c r="WY726" s="424"/>
      <c r="WZ726" s="424"/>
      <c r="XA726" s="423" t="s">
        <v>2795</v>
      </c>
      <c r="XB726" s="424"/>
      <c r="XC726" s="424"/>
      <c r="XD726" s="424"/>
      <c r="XE726" s="423" t="s">
        <v>2795</v>
      </c>
      <c r="XF726" s="424"/>
      <c r="XG726" s="424"/>
      <c r="XH726" s="424"/>
      <c r="XI726" s="423" t="s">
        <v>2795</v>
      </c>
      <c r="XJ726" s="424"/>
      <c r="XK726" s="424"/>
      <c r="XL726" s="424"/>
      <c r="XM726" s="423" t="s">
        <v>2795</v>
      </c>
      <c r="XN726" s="424"/>
      <c r="XO726" s="424"/>
      <c r="XP726" s="424"/>
      <c r="XQ726" s="423" t="s">
        <v>2795</v>
      </c>
      <c r="XR726" s="424"/>
      <c r="XS726" s="424"/>
      <c r="XT726" s="424"/>
      <c r="XU726" s="423" t="s">
        <v>2795</v>
      </c>
      <c r="XV726" s="424"/>
      <c r="XW726" s="424"/>
      <c r="XX726" s="424"/>
      <c r="XY726" s="423" t="s">
        <v>2795</v>
      </c>
      <c r="XZ726" s="424"/>
      <c r="YA726" s="424"/>
      <c r="YB726" s="424"/>
      <c r="YC726" s="423" t="s">
        <v>2795</v>
      </c>
      <c r="YD726" s="424"/>
      <c r="YE726" s="424"/>
      <c r="YF726" s="424"/>
      <c r="YG726" s="423" t="s">
        <v>2795</v>
      </c>
      <c r="YH726" s="424"/>
      <c r="YI726" s="424"/>
      <c r="YJ726" s="424"/>
      <c r="YK726" s="423" t="s">
        <v>2795</v>
      </c>
      <c r="YL726" s="424"/>
      <c r="YM726" s="424"/>
      <c r="YN726" s="424"/>
      <c r="YO726" s="423" t="s">
        <v>2795</v>
      </c>
      <c r="YP726" s="424"/>
      <c r="YQ726" s="424"/>
      <c r="YR726" s="424"/>
      <c r="YS726" s="423" t="s">
        <v>2795</v>
      </c>
      <c r="YT726" s="424"/>
      <c r="YU726" s="424"/>
      <c r="YV726" s="424"/>
      <c r="YW726" s="423" t="s">
        <v>2795</v>
      </c>
      <c r="YX726" s="424"/>
      <c r="YY726" s="424"/>
      <c r="YZ726" s="424"/>
      <c r="ZA726" s="423" t="s">
        <v>2795</v>
      </c>
      <c r="ZB726" s="424"/>
      <c r="ZC726" s="424"/>
      <c r="ZD726" s="424"/>
      <c r="ZE726" s="423" t="s">
        <v>2795</v>
      </c>
      <c r="ZF726" s="424"/>
      <c r="ZG726" s="424"/>
      <c r="ZH726" s="424"/>
      <c r="ZI726" s="423" t="s">
        <v>2795</v>
      </c>
      <c r="ZJ726" s="424"/>
      <c r="ZK726" s="424"/>
      <c r="ZL726" s="424"/>
      <c r="ZM726" s="423" t="s">
        <v>2795</v>
      </c>
      <c r="ZN726" s="424"/>
      <c r="ZO726" s="424"/>
      <c r="ZP726" s="424"/>
      <c r="ZQ726" s="423" t="s">
        <v>2795</v>
      </c>
      <c r="ZR726" s="424"/>
      <c r="ZS726" s="424"/>
      <c r="ZT726" s="424"/>
      <c r="ZU726" s="423" t="s">
        <v>2795</v>
      </c>
      <c r="ZV726" s="424"/>
      <c r="ZW726" s="424"/>
      <c r="ZX726" s="424"/>
      <c r="ZY726" s="423" t="s">
        <v>2795</v>
      </c>
      <c r="ZZ726" s="424"/>
      <c r="AAA726" s="424"/>
      <c r="AAB726" s="424"/>
      <c r="AAC726" s="423" t="s">
        <v>2795</v>
      </c>
      <c r="AAD726" s="424"/>
      <c r="AAE726" s="424"/>
      <c r="AAF726" s="424"/>
      <c r="AAG726" s="423" t="s">
        <v>2795</v>
      </c>
      <c r="AAH726" s="424"/>
      <c r="AAI726" s="424"/>
      <c r="AAJ726" s="424"/>
      <c r="AAK726" s="423" t="s">
        <v>2795</v>
      </c>
      <c r="AAL726" s="424"/>
      <c r="AAM726" s="424"/>
      <c r="AAN726" s="424"/>
      <c r="AAO726" s="423" t="s">
        <v>2795</v>
      </c>
      <c r="AAP726" s="424"/>
      <c r="AAQ726" s="424"/>
      <c r="AAR726" s="424"/>
      <c r="AAS726" s="423" t="s">
        <v>2795</v>
      </c>
      <c r="AAT726" s="424"/>
      <c r="AAU726" s="424"/>
      <c r="AAV726" s="424"/>
      <c r="AAW726" s="423" t="s">
        <v>2795</v>
      </c>
      <c r="AAX726" s="424"/>
      <c r="AAY726" s="424"/>
      <c r="AAZ726" s="424"/>
      <c r="ABA726" s="423" t="s">
        <v>2795</v>
      </c>
      <c r="ABB726" s="424"/>
      <c r="ABC726" s="424"/>
      <c r="ABD726" s="424"/>
      <c r="ABE726" s="423" t="s">
        <v>2795</v>
      </c>
      <c r="ABF726" s="424"/>
      <c r="ABG726" s="424"/>
      <c r="ABH726" s="424"/>
      <c r="ABI726" s="423" t="s">
        <v>2795</v>
      </c>
      <c r="ABJ726" s="424"/>
      <c r="ABK726" s="424"/>
      <c r="ABL726" s="424"/>
      <c r="ABM726" s="423" t="s">
        <v>2795</v>
      </c>
      <c r="ABN726" s="424"/>
      <c r="ABO726" s="424"/>
      <c r="ABP726" s="424"/>
      <c r="ABQ726" s="423" t="s">
        <v>2795</v>
      </c>
      <c r="ABR726" s="424"/>
      <c r="ABS726" s="424"/>
      <c r="ABT726" s="424"/>
      <c r="ABU726" s="423" t="s">
        <v>2795</v>
      </c>
      <c r="ABV726" s="424"/>
      <c r="ABW726" s="424"/>
      <c r="ABX726" s="424"/>
      <c r="ABY726" s="423" t="s">
        <v>2795</v>
      </c>
      <c r="ABZ726" s="424"/>
      <c r="ACA726" s="424"/>
      <c r="ACB726" s="424"/>
      <c r="ACC726" s="423" t="s">
        <v>2795</v>
      </c>
      <c r="ACD726" s="424"/>
      <c r="ACE726" s="424"/>
      <c r="ACF726" s="424"/>
      <c r="ACG726" s="423" t="s">
        <v>2795</v>
      </c>
      <c r="ACH726" s="424"/>
      <c r="ACI726" s="424"/>
      <c r="ACJ726" s="424"/>
      <c r="ACK726" s="423" t="s">
        <v>2795</v>
      </c>
      <c r="ACL726" s="424"/>
      <c r="ACM726" s="424"/>
      <c r="ACN726" s="424"/>
      <c r="ACO726" s="423" t="s">
        <v>2795</v>
      </c>
      <c r="ACP726" s="424"/>
      <c r="ACQ726" s="424"/>
      <c r="ACR726" s="424"/>
      <c r="ACS726" s="423" t="s">
        <v>2795</v>
      </c>
      <c r="ACT726" s="424"/>
      <c r="ACU726" s="424"/>
      <c r="ACV726" s="424"/>
      <c r="ACW726" s="423" t="s">
        <v>2795</v>
      </c>
      <c r="ACX726" s="424"/>
      <c r="ACY726" s="424"/>
      <c r="ACZ726" s="424"/>
      <c r="ADA726" s="423" t="s">
        <v>2795</v>
      </c>
      <c r="ADB726" s="424"/>
      <c r="ADC726" s="424"/>
      <c r="ADD726" s="424"/>
      <c r="ADE726" s="423" t="s">
        <v>2795</v>
      </c>
      <c r="ADF726" s="424"/>
      <c r="ADG726" s="424"/>
      <c r="ADH726" s="424"/>
      <c r="ADI726" s="423" t="s">
        <v>2795</v>
      </c>
      <c r="ADJ726" s="424"/>
      <c r="ADK726" s="424"/>
      <c r="ADL726" s="424"/>
      <c r="ADM726" s="423" t="s">
        <v>2795</v>
      </c>
      <c r="ADN726" s="424"/>
      <c r="ADO726" s="424"/>
      <c r="ADP726" s="424"/>
      <c r="ADQ726" s="423" t="s">
        <v>2795</v>
      </c>
      <c r="ADR726" s="424"/>
      <c r="ADS726" s="424"/>
      <c r="ADT726" s="424"/>
      <c r="ADU726" s="423" t="s">
        <v>2795</v>
      </c>
      <c r="ADV726" s="424"/>
      <c r="ADW726" s="424"/>
      <c r="ADX726" s="424"/>
      <c r="ADY726" s="423" t="s">
        <v>2795</v>
      </c>
      <c r="ADZ726" s="424"/>
      <c r="AEA726" s="424"/>
      <c r="AEB726" s="424"/>
      <c r="AEC726" s="423" t="s">
        <v>2795</v>
      </c>
      <c r="AED726" s="424"/>
      <c r="AEE726" s="424"/>
      <c r="AEF726" s="424"/>
      <c r="AEG726" s="423" t="s">
        <v>2795</v>
      </c>
      <c r="AEH726" s="424"/>
      <c r="AEI726" s="424"/>
      <c r="AEJ726" s="424"/>
      <c r="AEK726" s="423" t="s">
        <v>2795</v>
      </c>
      <c r="AEL726" s="424"/>
      <c r="AEM726" s="424"/>
      <c r="AEN726" s="424"/>
      <c r="AEO726" s="423" t="s">
        <v>2795</v>
      </c>
      <c r="AEP726" s="424"/>
      <c r="AEQ726" s="424"/>
      <c r="AER726" s="424"/>
      <c r="AES726" s="423" t="s">
        <v>2795</v>
      </c>
      <c r="AET726" s="424"/>
      <c r="AEU726" s="424"/>
      <c r="AEV726" s="424"/>
      <c r="AEW726" s="423" t="s">
        <v>2795</v>
      </c>
      <c r="AEX726" s="424"/>
      <c r="AEY726" s="424"/>
      <c r="AEZ726" s="424"/>
      <c r="AFA726" s="423" t="s">
        <v>2795</v>
      </c>
      <c r="AFB726" s="424"/>
      <c r="AFC726" s="424"/>
      <c r="AFD726" s="424"/>
      <c r="AFE726" s="423" t="s">
        <v>2795</v>
      </c>
      <c r="AFF726" s="424"/>
      <c r="AFG726" s="424"/>
      <c r="AFH726" s="424"/>
      <c r="AFI726" s="423" t="s">
        <v>2795</v>
      </c>
      <c r="AFJ726" s="424"/>
      <c r="AFK726" s="424"/>
      <c r="AFL726" s="424"/>
      <c r="AFM726" s="423" t="s">
        <v>2795</v>
      </c>
      <c r="AFN726" s="424"/>
      <c r="AFO726" s="424"/>
      <c r="AFP726" s="424"/>
      <c r="AFQ726" s="423" t="s">
        <v>2795</v>
      </c>
      <c r="AFR726" s="424"/>
      <c r="AFS726" s="424"/>
      <c r="AFT726" s="424"/>
      <c r="AFU726" s="423" t="s">
        <v>2795</v>
      </c>
      <c r="AFV726" s="424"/>
      <c r="AFW726" s="424"/>
      <c r="AFX726" s="424"/>
      <c r="AFY726" s="423" t="s">
        <v>2795</v>
      </c>
      <c r="AFZ726" s="424"/>
      <c r="AGA726" s="424"/>
      <c r="AGB726" s="424"/>
      <c r="AGC726" s="423" t="s">
        <v>2795</v>
      </c>
      <c r="AGD726" s="424"/>
      <c r="AGE726" s="424"/>
      <c r="AGF726" s="424"/>
      <c r="AGG726" s="423" t="s">
        <v>2795</v>
      </c>
      <c r="AGH726" s="424"/>
      <c r="AGI726" s="424"/>
      <c r="AGJ726" s="424"/>
      <c r="AGK726" s="423" t="s">
        <v>2795</v>
      </c>
      <c r="AGL726" s="424"/>
      <c r="AGM726" s="424"/>
      <c r="AGN726" s="424"/>
      <c r="AGO726" s="423" t="s">
        <v>2795</v>
      </c>
      <c r="AGP726" s="424"/>
      <c r="AGQ726" s="424"/>
      <c r="AGR726" s="424"/>
      <c r="AGS726" s="423" t="s">
        <v>2795</v>
      </c>
      <c r="AGT726" s="424"/>
      <c r="AGU726" s="424"/>
      <c r="AGV726" s="424"/>
      <c r="AGW726" s="423" t="s">
        <v>2795</v>
      </c>
      <c r="AGX726" s="424"/>
      <c r="AGY726" s="424"/>
      <c r="AGZ726" s="424"/>
      <c r="AHA726" s="423" t="s">
        <v>2795</v>
      </c>
      <c r="AHB726" s="424"/>
      <c r="AHC726" s="424"/>
      <c r="AHD726" s="424"/>
      <c r="AHE726" s="423" t="s">
        <v>2795</v>
      </c>
      <c r="AHF726" s="424"/>
      <c r="AHG726" s="424"/>
      <c r="AHH726" s="424"/>
      <c r="AHI726" s="423" t="s">
        <v>2795</v>
      </c>
      <c r="AHJ726" s="424"/>
      <c r="AHK726" s="424"/>
      <c r="AHL726" s="424"/>
      <c r="AHM726" s="423" t="s">
        <v>2795</v>
      </c>
      <c r="AHN726" s="424"/>
      <c r="AHO726" s="424"/>
      <c r="AHP726" s="424"/>
      <c r="AHQ726" s="423" t="s">
        <v>2795</v>
      </c>
      <c r="AHR726" s="424"/>
      <c r="AHS726" s="424"/>
      <c r="AHT726" s="424"/>
      <c r="AHU726" s="423" t="s">
        <v>2795</v>
      </c>
      <c r="AHV726" s="424"/>
      <c r="AHW726" s="424"/>
      <c r="AHX726" s="424"/>
      <c r="AHY726" s="423" t="s">
        <v>2795</v>
      </c>
      <c r="AHZ726" s="424"/>
      <c r="AIA726" s="424"/>
      <c r="AIB726" s="424"/>
      <c r="AIC726" s="423" t="s">
        <v>2795</v>
      </c>
      <c r="AID726" s="424"/>
      <c r="AIE726" s="424"/>
      <c r="AIF726" s="424"/>
      <c r="AIG726" s="423" t="s">
        <v>2795</v>
      </c>
      <c r="AIH726" s="424"/>
      <c r="AII726" s="424"/>
      <c r="AIJ726" s="424"/>
      <c r="AIK726" s="423" t="s">
        <v>2795</v>
      </c>
      <c r="AIL726" s="424"/>
      <c r="AIM726" s="424"/>
      <c r="AIN726" s="424"/>
      <c r="AIO726" s="423" t="s">
        <v>2795</v>
      </c>
      <c r="AIP726" s="424"/>
      <c r="AIQ726" s="424"/>
      <c r="AIR726" s="424"/>
      <c r="AIS726" s="423" t="s">
        <v>2795</v>
      </c>
      <c r="AIT726" s="424"/>
      <c r="AIU726" s="424"/>
      <c r="AIV726" s="424"/>
      <c r="AIW726" s="423" t="s">
        <v>2795</v>
      </c>
      <c r="AIX726" s="424"/>
      <c r="AIY726" s="424"/>
      <c r="AIZ726" s="424"/>
      <c r="AJA726" s="423" t="s">
        <v>2795</v>
      </c>
      <c r="AJB726" s="424"/>
      <c r="AJC726" s="424"/>
      <c r="AJD726" s="424"/>
      <c r="AJE726" s="423" t="s">
        <v>2795</v>
      </c>
      <c r="AJF726" s="424"/>
      <c r="AJG726" s="424"/>
      <c r="AJH726" s="424"/>
      <c r="AJI726" s="423" t="s">
        <v>2795</v>
      </c>
      <c r="AJJ726" s="424"/>
      <c r="AJK726" s="424"/>
      <c r="AJL726" s="424"/>
      <c r="AJM726" s="423" t="s">
        <v>2795</v>
      </c>
      <c r="AJN726" s="424"/>
      <c r="AJO726" s="424"/>
      <c r="AJP726" s="424"/>
      <c r="AJQ726" s="423" t="s">
        <v>2795</v>
      </c>
      <c r="AJR726" s="424"/>
      <c r="AJS726" s="424"/>
      <c r="AJT726" s="424"/>
      <c r="AJU726" s="423" t="s">
        <v>2795</v>
      </c>
      <c r="AJV726" s="424"/>
      <c r="AJW726" s="424"/>
      <c r="AJX726" s="424"/>
      <c r="AJY726" s="423" t="s">
        <v>2795</v>
      </c>
      <c r="AJZ726" s="424"/>
      <c r="AKA726" s="424"/>
      <c r="AKB726" s="424"/>
      <c r="AKC726" s="423" t="s">
        <v>2795</v>
      </c>
      <c r="AKD726" s="424"/>
      <c r="AKE726" s="424"/>
      <c r="AKF726" s="424"/>
      <c r="AKG726" s="423" t="s">
        <v>2795</v>
      </c>
      <c r="AKH726" s="424"/>
      <c r="AKI726" s="424"/>
      <c r="AKJ726" s="424"/>
      <c r="AKK726" s="423" t="s">
        <v>2795</v>
      </c>
      <c r="AKL726" s="424"/>
      <c r="AKM726" s="424"/>
      <c r="AKN726" s="424"/>
      <c r="AKO726" s="423" t="s">
        <v>2795</v>
      </c>
      <c r="AKP726" s="424"/>
      <c r="AKQ726" s="424"/>
      <c r="AKR726" s="424"/>
      <c r="AKS726" s="423" t="s">
        <v>2795</v>
      </c>
      <c r="AKT726" s="424"/>
      <c r="AKU726" s="424"/>
      <c r="AKV726" s="424"/>
      <c r="AKW726" s="423" t="s">
        <v>2795</v>
      </c>
      <c r="AKX726" s="424"/>
      <c r="AKY726" s="424"/>
      <c r="AKZ726" s="424"/>
      <c r="ALA726" s="423" t="s">
        <v>2795</v>
      </c>
      <c r="ALB726" s="424"/>
      <c r="ALC726" s="424"/>
      <c r="ALD726" s="424"/>
      <c r="ALE726" s="423" t="s">
        <v>2795</v>
      </c>
      <c r="ALF726" s="424"/>
      <c r="ALG726" s="424"/>
      <c r="ALH726" s="424"/>
      <c r="ALI726" s="423" t="s">
        <v>2795</v>
      </c>
      <c r="ALJ726" s="424"/>
      <c r="ALK726" s="424"/>
      <c r="ALL726" s="424"/>
      <c r="ALM726" s="423" t="s">
        <v>2795</v>
      </c>
      <c r="ALN726" s="424"/>
      <c r="ALO726" s="424"/>
      <c r="ALP726" s="424"/>
      <c r="ALQ726" s="423" t="s">
        <v>2795</v>
      </c>
      <c r="ALR726" s="424"/>
      <c r="ALS726" s="424"/>
      <c r="ALT726" s="424"/>
      <c r="ALU726" s="423" t="s">
        <v>2795</v>
      </c>
      <c r="ALV726" s="424"/>
      <c r="ALW726" s="424"/>
      <c r="ALX726" s="424"/>
      <c r="ALY726" s="423" t="s">
        <v>2795</v>
      </c>
      <c r="ALZ726" s="424"/>
      <c r="AMA726" s="424"/>
      <c r="AMB726" s="424"/>
      <c r="AMC726" s="423" t="s">
        <v>2795</v>
      </c>
      <c r="AMD726" s="424"/>
      <c r="AME726" s="424"/>
      <c r="AMF726" s="424"/>
      <c r="AMG726" s="423" t="s">
        <v>2795</v>
      </c>
      <c r="AMH726" s="424"/>
      <c r="AMI726" s="424"/>
      <c r="AMJ726" s="424"/>
      <c r="AMK726" s="423" t="s">
        <v>2795</v>
      </c>
      <c r="AML726" s="424"/>
      <c r="AMM726" s="424"/>
      <c r="AMN726" s="424"/>
      <c r="AMO726" s="423" t="s">
        <v>2795</v>
      </c>
      <c r="AMP726" s="424"/>
      <c r="AMQ726" s="424"/>
      <c r="AMR726" s="424"/>
      <c r="AMS726" s="423" t="s">
        <v>2795</v>
      </c>
      <c r="AMT726" s="424"/>
      <c r="AMU726" s="424"/>
      <c r="AMV726" s="424"/>
      <c r="AMW726" s="423" t="s">
        <v>2795</v>
      </c>
      <c r="AMX726" s="424"/>
      <c r="AMY726" s="424"/>
      <c r="AMZ726" s="424"/>
      <c r="ANA726" s="423" t="s">
        <v>2795</v>
      </c>
      <c r="ANB726" s="424"/>
      <c r="ANC726" s="424"/>
      <c r="AND726" s="424"/>
      <c r="ANE726" s="423" t="s">
        <v>2795</v>
      </c>
      <c r="ANF726" s="424"/>
      <c r="ANG726" s="424"/>
      <c r="ANH726" s="424"/>
      <c r="ANI726" s="423" t="s">
        <v>2795</v>
      </c>
      <c r="ANJ726" s="424"/>
      <c r="ANK726" s="424"/>
      <c r="ANL726" s="424"/>
      <c r="ANM726" s="423" t="s">
        <v>2795</v>
      </c>
      <c r="ANN726" s="424"/>
      <c r="ANO726" s="424"/>
      <c r="ANP726" s="424"/>
      <c r="ANQ726" s="423" t="s">
        <v>2795</v>
      </c>
      <c r="ANR726" s="424"/>
      <c r="ANS726" s="424"/>
      <c r="ANT726" s="424"/>
      <c r="ANU726" s="423" t="s">
        <v>2795</v>
      </c>
      <c r="ANV726" s="424"/>
      <c r="ANW726" s="424"/>
      <c r="ANX726" s="424"/>
      <c r="ANY726" s="423" t="s">
        <v>2795</v>
      </c>
      <c r="ANZ726" s="424"/>
      <c r="AOA726" s="424"/>
      <c r="AOB726" s="424"/>
      <c r="AOC726" s="423" t="s">
        <v>2795</v>
      </c>
      <c r="AOD726" s="424"/>
      <c r="AOE726" s="424"/>
      <c r="AOF726" s="424"/>
      <c r="AOG726" s="423" t="s">
        <v>2795</v>
      </c>
      <c r="AOH726" s="424"/>
      <c r="AOI726" s="424"/>
      <c r="AOJ726" s="424"/>
      <c r="AOK726" s="423" t="s">
        <v>2795</v>
      </c>
      <c r="AOL726" s="424"/>
      <c r="AOM726" s="424"/>
      <c r="AON726" s="424"/>
      <c r="AOO726" s="423" t="s">
        <v>2795</v>
      </c>
      <c r="AOP726" s="424"/>
      <c r="AOQ726" s="424"/>
      <c r="AOR726" s="424"/>
      <c r="AOS726" s="423" t="s">
        <v>2795</v>
      </c>
      <c r="AOT726" s="424"/>
      <c r="AOU726" s="424"/>
      <c r="AOV726" s="424"/>
      <c r="AOW726" s="423" t="s">
        <v>2795</v>
      </c>
      <c r="AOX726" s="424"/>
      <c r="AOY726" s="424"/>
      <c r="AOZ726" s="424"/>
      <c r="APA726" s="423" t="s">
        <v>2795</v>
      </c>
      <c r="APB726" s="424"/>
      <c r="APC726" s="424"/>
      <c r="APD726" s="424"/>
      <c r="APE726" s="423" t="s">
        <v>2795</v>
      </c>
      <c r="APF726" s="424"/>
      <c r="APG726" s="424"/>
      <c r="APH726" s="424"/>
      <c r="API726" s="423" t="s">
        <v>2795</v>
      </c>
      <c r="APJ726" s="424"/>
      <c r="APK726" s="424"/>
      <c r="APL726" s="424"/>
      <c r="APM726" s="423" t="s">
        <v>2795</v>
      </c>
      <c r="APN726" s="424"/>
      <c r="APO726" s="424"/>
      <c r="APP726" s="424"/>
      <c r="APQ726" s="423" t="s">
        <v>2795</v>
      </c>
      <c r="APR726" s="424"/>
      <c r="APS726" s="424"/>
      <c r="APT726" s="424"/>
      <c r="APU726" s="423" t="s">
        <v>2795</v>
      </c>
      <c r="APV726" s="424"/>
      <c r="APW726" s="424"/>
      <c r="APX726" s="424"/>
      <c r="APY726" s="423" t="s">
        <v>2795</v>
      </c>
      <c r="APZ726" s="424"/>
      <c r="AQA726" s="424"/>
      <c r="AQB726" s="424"/>
      <c r="AQC726" s="423" t="s">
        <v>2795</v>
      </c>
      <c r="AQD726" s="424"/>
      <c r="AQE726" s="424"/>
      <c r="AQF726" s="424"/>
      <c r="AQG726" s="423" t="s">
        <v>2795</v>
      </c>
      <c r="AQH726" s="424"/>
      <c r="AQI726" s="424"/>
      <c r="AQJ726" s="424"/>
      <c r="AQK726" s="423" t="s">
        <v>2795</v>
      </c>
      <c r="AQL726" s="424"/>
      <c r="AQM726" s="424"/>
      <c r="AQN726" s="424"/>
      <c r="AQO726" s="423" t="s">
        <v>2795</v>
      </c>
      <c r="AQP726" s="424"/>
      <c r="AQQ726" s="424"/>
      <c r="AQR726" s="424"/>
      <c r="AQS726" s="423" t="s">
        <v>2795</v>
      </c>
      <c r="AQT726" s="424"/>
      <c r="AQU726" s="424"/>
      <c r="AQV726" s="424"/>
      <c r="AQW726" s="423" t="s">
        <v>2795</v>
      </c>
      <c r="AQX726" s="424"/>
      <c r="AQY726" s="424"/>
      <c r="AQZ726" s="424"/>
      <c r="ARA726" s="423" t="s">
        <v>2795</v>
      </c>
      <c r="ARB726" s="424"/>
      <c r="ARC726" s="424"/>
      <c r="ARD726" s="424"/>
      <c r="ARE726" s="423" t="s">
        <v>2795</v>
      </c>
      <c r="ARF726" s="424"/>
      <c r="ARG726" s="424"/>
      <c r="ARH726" s="424"/>
      <c r="ARI726" s="423" t="s">
        <v>2795</v>
      </c>
      <c r="ARJ726" s="424"/>
      <c r="ARK726" s="424"/>
      <c r="ARL726" s="424"/>
      <c r="ARM726" s="423" t="s">
        <v>2795</v>
      </c>
      <c r="ARN726" s="424"/>
      <c r="ARO726" s="424"/>
      <c r="ARP726" s="424"/>
      <c r="ARQ726" s="423" t="s">
        <v>2795</v>
      </c>
      <c r="ARR726" s="424"/>
      <c r="ARS726" s="424"/>
      <c r="ART726" s="424"/>
      <c r="ARU726" s="423" t="s">
        <v>2795</v>
      </c>
      <c r="ARV726" s="424"/>
      <c r="ARW726" s="424"/>
      <c r="ARX726" s="424"/>
      <c r="ARY726" s="423" t="s">
        <v>2795</v>
      </c>
      <c r="ARZ726" s="424"/>
      <c r="ASA726" s="424"/>
      <c r="ASB726" s="424"/>
      <c r="ASC726" s="423" t="s">
        <v>2795</v>
      </c>
      <c r="ASD726" s="424"/>
      <c r="ASE726" s="424"/>
      <c r="ASF726" s="424"/>
      <c r="ASG726" s="423" t="s">
        <v>2795</v>
      </c>
      <c r="ASH726" s="424"/>
      <c r="ASI726" s="424"/>
      <c r="ASJ726" s="424"/>
      <c r="ASK726" s="423" t="s">
        <v>2795</v>
      </c>
      <c r="ASL726" s="424"/>
      <c r="ASM726" s="424"/>
      <c r="ASN726" s="424"/>
      <c r="ASO726" s="423" t="s">
        <v>2795</v>
      </c>
      <c r="ASP726" s="424"/>
      <c r="ASQ726" s="424"/>
      <c r="ASR726" s="424"/>
      <c r="ASS726" s="423" t="s">
        <v>2795</v>
      </c>
      <c r="AST726" s="424"/>
      <c r="ASU726" s="424"/>
      <c r="ASV726" s="424"/>
      <c r="ASW726" s="423" t="s">
        <v>2795</v>
      </c>
      <c r="ASX726" s="424"/>
      <c r="ASY726" s="424"/>
      <c r="ASZ726" s="424"/>
      <c r="ATA726" s="423" t="s">
        <v>2795</v>
      </c>
      <c r="ATB726" s="424"/>
      <c r="ATC726" s="424"/>
      <c r="ATD726" s="424"/>
      <c r="ATE726" s="423" t="s">
        <v>2795</v>
      </c>
      <c r="ATF726" s="424"/>
      <c r="ATG726" s="424"/>
      <c r="ATH726" s="424"/>
      <c r="ATI726" s="423" t="s">
        <v>2795</v>
      </c>
      <c r="ATJ726" s="424"/>
      <c r="ATK726" s="424"/>
      <c r="ATL726" s="424"/>
      <c r="ATM726" s="423" t="s">
        <v>2795</v>
      </c>
      <c r="ATN726" s="424"/>
      <c r="ATO726" s="424"/>
      <c r="ATP726" s="424"/>
      <c r="ATQ726" s="423" t="s">
        <v>2795</v>
      </c>
      <c r="ATR726" s="424"/>
      <c r="ATS726" s="424"/>
      <c r="ATT726" s="424"/>
      <c r="ATU726" s="423" t="s">
        <v>2795</v>
      </c>
      <c r="ATV726" s="424"/>
      <c r="ATW726" s="424"/>
      <c r="ATX726" s="424"/>
      <c r="ATY726" s="423" t="s">
        <v>2795</v>
      </c>
      <c r="ATZ726" s="424"/>
      <c r="AUA726" s="424"/>
      <c r="AUB726" s="424"/>
      <c r="AUC726" s="423" t="s">
        <v>2795</v>
      </c>
      <c r="AUD726" s="424"/>
      <c r="AUE726" s="424"/>
      <c r="AUF726" s="424"/>
      <c r="AUG726" s="423" t="s">
        <v>2795</v>
      </c>
      <c r="AUH726" s="424"/>
      <c r="AUI726" s="424"/>
      <c r="AUJ726" s="424"/>
      <c r="AUK726" s="423" t="s">
        <v>2795</v>
      </c>
      <c r="AUL726" s="424"/>
      <c r="AUM726" s="424"/>
      <c r="AUN726" s="424"/>
      <c r="AUO726" s="423" t="s">
        <v>2795</v>
      </c>
      <c r="AUP726" s="424"/>
      <c r="AUQ726" s="424"/>
      <c r="AUR726" s="424"/>
      <c r="AUS726" s="423" t="s">
        <v>2795</v>
      </c>
      <c r="AUT726" s="424"/>
      <c r="AUU726" s="424"/>
      <c r="AUV726" s="424"/>
      <c r="AUW726" s="423" t="s">
        <v>2795</v>
      </c>
      <c r="AUX726" s="424"/>
      <c r="AUY726" s="424"/>
      <c r="AUZ726" s="424"/>
      <c r="AVA726" s="423" t="s">
        <v>2795</v>
      </c>
      <c r="AVB726" s="424"/>
      <c r="AVC726" s="424"/>
      <c r="AVD726" s="424"/>
      <c r="AVE726" s="423" t="s">
        <v>2795</v>
      </c>
      <c r="AVF726" s="424"/>
      <c r="AVG726" s="424"/>
      <c r="AVH726" s="424"/>
      <c r="AVI726" s="423" t="s">
        <v>2795</v>
      </c>
      <c r="AVJ726" s="424"/>
      <c r="AVK726" s="424"/>
      <c r="AVL726" s="424"/>
      <c r="AVM726" s="423" t="s">
        <v>2795</v>
      </c>
      <c r="AVN726" s="424"/>
      <c r="AVO726" s="424"/>
      <c r="AVP726" s="424"/>
      <c r="AVQ726" s="423" t="s">
        <v>2795</v>
      </c>
      <c r="AVR726" s="424"/>
      <c r="AVS726" s="424"/>
      <c r="AVT726" s="424"/>
      <c r="AVU726" s="423" t="s">
        <v>2795</v>
      </c>
      <c r="AVV726" s="424"/>
      <c r="AVW726" s="424"/>
      <c r="AVX726" s="424"/>
      <c r="AVY726" s="423" t="s">
        <v>2795</v>
      </c>
      <c r="AVZ726" s="424"/>
      <c r="AWA726" s="424"/>
      <c r="AWB726" s="424"/>
      <c r="AWC726" s="423" t="s">
        <v>2795</v>
      </c>
      <c r="AWD726" s="424"/>
      <c r="AWE726" s="424"/>
      <c r="AWF726" s="424"/>
      <c r="AWG726" s="423" t="s">
        <v>2795</v>
      </c>
      <c r="AWH726" s="424"/>
      <c r="AWI726" s="424"/>
      <c r="AWJ726" s="424"/>
      <c r="AWK726" s="423" t="s">
        <v>2795</v>
      </c>
      <c r="AWL726" s="424"/>
      <c r="AWM726" s="424"/>
      <c r="AWN726" s="424"/>
      <c r="AWO726" s="423" t="s">
        <v>2795</v>
      </c>
      <c r="AWP726" s="424"/>
      <c r="AWQ726" s="424"/>
      <c r="AWR726" s="424"/>
      <c r="AWS726" s="423" t="s">
        <v>2795</v>
      </c>
      <c r="AWT726" s="424"/>
      <c r="AWU726" s="424"/>
      <c r="AWV726" s="424"/>
      <c r="AWW726" s="423" t="s">
        <v>2795</v>
      </c>
      <c r="AWX726" s="424"/>
      <c r="AWY726" s="424"/>
      <c r="AWZ726" s="424"/>
      <c r="AXA726" s="423" t="s">
        <v>2795</v>
      </c>
      <c r="AXB726" s="424"/>
      <c r="AXC726" s="424"/>
      <c r="AXD726" s="424"/>
      <c r="AXE726" s="423" t="s">
        <v>2795</v>
      </c>
      <c r="AXF726" s="424"/>
      <c r="AXG726" s="424"/>
      <c r="AXH726" s="424"/>
      <c r="AXI726" s="423" t="s">
        <v>2795</v>
      </c>
      <c r="AXJ726" s="424"/>
      <c r="AXK726" s="424"/>
      <c r="AXL726" s="424"/>
      <c r="AXM726" s="423" t="s">
        <v>2795</v>
      </c>
      <c r="AXN726" s="424"/>
      <c r="AXO726" s="424"/>
      <c r="AXP726" s="424"/>
      <c r="AXQ726" s="423" t="s">
        <v>2795</v>
      </c>
      <c r="AXR726" s="424"/>
      <c r="AXS726" s="424"/>
      <c r="AXT726" s="424"/>
      <c r="AXU726" s="423" t="s">
        <v>2795</v>
      </c>
      <c r="AXV726" s="424"/>
      <c r="AXW726" s="424"/>
      <c r="AXX726" s="424"/>
      <c r="AXY726" s="423" t="s">
        <v>2795</v>
      </c>
      <c r="AXZ726" s="424"/>
      <c r="AYA726" s="424"/>
      <c r="AYB726" s="424"/>
      <c r="AYC726" s="423" t="s">
        <v>2795</v>
      </c>
      <c r="AYD726" s="424"/>
      <c r="AYE726" s="424"/>
      <c r="AYF726" s="424"/>
      <c r="AYG726" s="423" t="s">
        <v>2795</v>
      </c>
      <c r="AYH726" s="424"/>
      <c r="AYI726" s="424"/>
      <c r="AYJ726" s="424"/>
      <c r="AYK726" s="423" t="s">
        <v>2795</v>
      </c>
      <c r="AYL726" s="424"/>
      <c r="AYM726" s="424"/>
      <c r="AYN726" s="424"/>
      <c r="AYO726" s="423" t="s">
        <v>2795</v>
      </c>
      <c r="AYP726" s="424"/>
      <c r="AYQ726" s="424"/>
      <c r="AYR726" s="424"/>
      <c r="AYS726" s="423" t="s">
        <v>2795</v>
      </c>
      <c r="AYT726" s="424"/>
      <c r="AYU726" s="424"/>
      <c r="AYV726" s="424"/>
      <c r="AYW726" s="423" t="s">
        <v>2795</v>
      </c>
      <c r="AYX726" s="424"/>
      <c r="AYY726" s="424"/>
      <c r="AYZ726" s="424"/>
      <c r="AZA726" s="423" t="s">
        <v>2795</v>
      </c>
      <c r="AZB726" s="424"/>
      <c r="AZC726" s="424"/>
      <c r="AZD726" s="424"/>
      <c r="AZE726" s="423" t="s">
        <v>2795</v>
      </c>
      <c r="AZF726" s="424"/>
      <c r="AZG726" s="424"/>
      <c r="AZH726" s="424"/>
      <c r="AZI726" s="423" t="s">
        <v>2795</v>
      </c>
      <c r="AZJ726" s="424"/>
      <c r="AZK726" s="424"/>
      <c r="AZL726" s="424"/>
      <c r="AZM726" s="423" t="s">
        <v>2795</v>
      </c>
      <c r="AZN726" s="424"/>
      <c r="AZO726" s="424"/>
      <c r="AZP726" s="424"/>
      <c r="AZQ726" s="423" t="s">
        <v>2795</v>
      </c>
      <c r="AZR726" s="424"/>
      <c r="AZS726" s="424"/>
      <c r="AZT726" s="424"/>
      <c r="AZU726" s="423" t="s">
        <v>2795</v>
      </c>
      <c r="AZV726" s="424"/>
      <c r="AZW726" s="424"/>
      <c r="AZX726" s="424"/>
      <c r="AZY726" s="423" t="s">
        <v>2795</v>
      </c>
      <c r="AZZ726" s="424"/>
      <c r="BAA726" s="424"/>
      <c r="BAB726" s="424"/>
      <c r="BAC726" s="423" t="s">
        <v>2795</v>
      </c>
      <c r="BAD726" s="424"/>
      <c r="BAE726" s="424"/>
      <c r="BAF726" s="424"/>
      <c r="BAG726" s="423" t="s">
        <v>2795</v>
      </c>
      <c r="BAH726" s="424"/>
      <c r="BAI726" s="424"/>
      <c r="BAJ726" s="424"/>
      <c r="BAK726" s="423" t="s">
        <v>2795</v>
      </c>
      <c r="BAL726" s="424"/>
      <c r="BAM726" s="424"/>
      <c r="BAN726" s="424"/>
      <c r="BAO726" s="423" t="s">
        <v>2795</v>
      </c>
      <c r="BAP726" s="424"/>
      <c r="BAQ726" s="424"/>
      <c r="BAR726" s="424"/>
      <c r="BAS726" s="423" t="s">
        <v>2795</v>
      </c>
      <c r="BAT726" s="424"/>
      <c r="BAU726" s="424"/>
      <c r="BAV726" s="424"/>
      <c r="BAW726" s="423" t="s">
        <v>2795</v>
      </c>
      <c r="BAX726" s="424"/>
      <c r="BAY726" s="424"/>
      <c r="BAZ726" s="424"/>
      <c r="BBA726" s="423" t="s">
        <v>2795</v>
      </c>
      <c r="BBB726" s="424"/>
      <c r="BBC726" s="424"/>
      <c r="BBD726" s="424"/>
      <c r="BBE726" s="423" t="s">
        <v>2795</v>
      </c>
      <c r="BBF726" s="424"/>
      <c r="BBG726" s="424"/>
      <c r="BBH726" s="424"/>
      <c r="BBI726" s="423" t="s">
        <v>2795</v>
      </c>
      <c r="BBJ726" s="424"/>
      <c r="BBK726" s="424"/>
      <c r="BBL726" s="424"/>
      <c r="BBM726" s="423" t="s">
        <v>2795</v>
      </c>
      <c r="BBN726" s="424"/>
      <c r="BBO726" s="424"/>
      <c r="BBP726" s="424"/>
      <c r="BBQ726" s="423" t="s">
        <v>2795</v>
      </c>
      <c r="BBR726" s="424"/>
      <c r="BBS726" s="424"/>
      <c r="BBT726" s="424"/>
      <c r="BBU726" s="423" t="s">
        <v>2795</v>
      </c>
      <c r="BBV726" s="424"/>
      <c r="BBW726" s="424"/>
      <c r="BBX726" s="424"/>
      <c r="BBY726" s="423" t="s">
        <v>2795</v>
      </c>
      <c r="BBZ726" s="424"/>
      <c r="BCA726" s="424"/>
      <c r="BCB726" s="424"/>
      <c r="BCC726" s="423" t="s">
        <v>2795</v>
      </c>
      <c r="BCD726" s="424"/>
      <c r="BCE726" s="424"/>
      <c r="BCF726" s="424"/>
      <c r="BCG726" s="423" t="s">
        <v>2795</v>
      </c>
      <c r="BCH726" s="424"/>
      <c r="BCI726" s="424"/>
      <c r="BCJ726" s="424"/>
      <c r="BCK726" s="423" t="s">
        <v>2795</v>
      </c>
      <c r="BCL726" s="424"/>
      <c r="BCM726" s="424"/>
      <c r="BCN726" s="424"/>
      <c r="BCO726" s="423" t="s">
        <v>2795</v>
      </c>
      <c r="BCP726" s="424"/>
      <c r="BCQ726" s="424"/>
      <c r="BCR726" s="424"/>
      <c r="BCS726" s="423" t="s">
        <v>2795</v>
      </c>
      <c r="BCT726" s="424"/>
      <c r="BCU726" s="424"/>
      <c r="BCV726" s="424"/>
      <c r="BCW726" s="423" t="s">
        <v>2795</v>
      </c>
      <c r="BCX726" s="424"/>
      <c r="BCY726" s="424"/>
      <c r="BCZ726" s="424"/>
      <c r="BDA726" s="423" t="s">
        <v>2795</v>
      </c>
      <c r="BDB726" s="424"/>
      <c r="BDC726" s="424"/>
      <c r="BDD726" s="424"/>
      <c r="BDE726" s="423" t="s">
        <v>2795</v>
      </c>
      <c r="BDF726" s="424"/>
      <c r="BDG726" s="424"/>
      <c r="BDH726" s="424"/>
      <c r="BDI726" s="423" t="s">
        <v>2795</v>
      </c>
      <c r="BDJ726" s="424"/>
      <c r="BDK726" s="424"/>
      <c r="BDL726" s="424"/>
      <c r="BDM726" s="423" t="s">
        <v>2795</v>
      </c>
      <c r="BDN726" s="424"/>
      <c r="BDO726" s="424"/>
      <c r="BDP726" s="424"/>
      <c r="BDQ726" s="423" t="s">
        <v>2795</v>
      </c>
      <c r="BDR726" s="424"/>
      <c r="BDS726" s="424"/>
      <c r="BDT726" s="424"/>
      <c r="BDU726" s="423" t="s">
        <v>2795</v>
      </c>
      <c r="BDV726" s="424"/>
      <c r="BDW726" s="424"/>
      <c r="BDX726" s="424"/>
      <c r="BDY726" s="423" t="s">
        <v>2795</v>
      </c>
      <c r="BDZ726" s="424"/>
      <c r="BEA726" s="424"/>
      <c r="BEB726" s="424"/>
      <c r="BEC726" s="423" t="s">
        <v>2795</v>
      </c>
      <c r="BED726" s="424"/>
      <c r="BEE726" s="424"/>
      <c r="BEF726" s="424"/>
      <c r="BEG726" s="423" t="s">
        <v>2795</v>
      </c>
      <c r="BEH726" s="424"/>
      <c r="BEI726" s="424"/>
      <c r="BEJ726" s="424"/>
      <c r="BEK726" s="423" t="s">
        <v>2795</v>
      </c>
      <c r="BEL726" s="424"/>
      <c r="BEM726" s="424"/>
      <c r="BEN726" s="424"/>
      <c r="BEO726" s="423" t="s">
        <v>2795</v>
      </c>
      <c r="BEP726" s="424"/>
      <c r="BEQ726" s="424"/>
      <c r="BER726" s="424"/>
      <c r="BES726" s="423" t="s">
        <v>2795</v>
      </c>
      <c r="BET726" s="424"/>
      <c r="BEU726" s="424"/>
      <c r="BEV726" s="424"/>
      <c r="BEW726" s="423" t="s">
        <v>2795</v>
      </c>
      <c r="BEX726" s="424"/>
      <c r="BEY726" s="424"/>
      <c r="BEZ726" s="424"/>
      <c r="BFA726" s="423" t="s">
        <v>2795</v>
      </c>
      <c r="BFB726" s="424"/>
      <c r="BFC726" s="424"/>
      <c r="BFD726" s="424"/>
      <c r="BFE726" s="423" t="s">
        <v>2795</v>
      </c>
      <c r="BFF726" s="424"/>
      <c r="BFG726" s="424"/>
      <c r="BFH726" s="424"/>
      <c r="BFI726" s="423" t="s">
        <v>2795</v>
      </c>
      <c r="BFJ726" s="424"/>
      <c r="BFK726" s="424"/>
      <c r="BFL726" s="424"/>
      <c r="BFM726" s="423" t="s">
        <v>2795</v>
      </c>
      <c r="BFN726" s="424"/>
      <c r="BFO726" s="424"/>
      <c r="BFP726" s="424"/>
      <c r="BFQ726" s="423" t="s">
        <v>2795</v>
      </c>
      <c r="BFR726" s="424"/>
      <c r="BFS726" s="424"/>
      <c r="BFT726" s="424"/>
      <c r="BFU726" s="423" t="s">
        <v>2795</v>
      </c>
      <c r="BFV726" s="424"/>
      <c r="BFW726" s="424"/>
      <c r="BFX726" s="424"/>
      <c r="BFY726" s="423" t="s">
        <v>2795</v>
      </c>
      <c r="BFZ726" s="424"/>
      <c r="BGA726" s="424"/>
      <c r="BGB726" s="424"/>
      <c r="BGC726" s="423" t="s">
        <v>2795</v>
      </c>
      <c r="BGD726" s="424"/>
      <c r="BGE726" s="424"/>
      <c r="BGF726" s="424"/>
      <c r="BGG726" s="423" t="s">
        <v>2795</v>
      </c>
      <c r="BGH726" s="424"/>
      <c r="BGI726" s="424"/>
      <c r="BGJ726" s="424"/>
      <c r="BGK726" s="423" t="s">
        <v>2795</v>
      </c>
      <c r="BGL726" s="424"/>
      <c r="BGM726" s="424"/>
      <c r="BGN726" s="424"/>
      <c r="BGO726" s="423" t="s">
        <v>2795</v>
      </c>
      <c r="BGP726" s="424"/>
      <c r="BGQ726" s="424"/>
      <c r="BGR726" s="424"/>
      <c r="BGS726" s="423" t="s">
        <v>2795</v>
      </c>
      <c r="BGT726" s="424"/>
      <c r="BGU726" s="424"/>
      <c r="BGV726" s="424"/>
      <c r="BGW726" s="423" t="s">
        <v>2795</v>
      </c>
      <c r="BGX726" s="424"/>
      <c r="BGY726" s="424"/>
      <c r="BGZ726" s="424"/>
      <c r="BHA726" s="423" t="s">
        <v>2795</v>
      </c>
      <c r="BHB726" s="424"/>
      <c r="BHC726" s="424"/>
      <c r="BHD726" s="424"/>
      <c r="BHE726" s="423" t="s">
        <v>2795</v>
      </c>
      <c r="BHF726" s="424"/>
      <c r="BHG726" s="424"/>
      <c r="BHH726" s="424"/>
      <c r="BHI726" s="423" t="s">
        <v>2795</v>
      </c>
      <c r="BHJ726" s="424"/>
      <c r="BHK726" s="424"/>
      <c r="BHL726" s="424"/>
      <c r="BHM726" s="423" t="s">
        <v>2795</v>
      </c>
      <c r="BHN726" s="424"/>
      <c r="BHO726" s="424"/>
      <c r="BHP726" s="424"/>
      <c r="BHQ726" s="423" t="s">
        <v>2795</v>
      </c>
      <c r="BHR726" s="424"/>
      <c r="BHS726" s="424"/>
      <c r="BHT726" s="424"/>
      <c r="BHU726" s="423" t="s">
        <v>2795</v>
      </c>
      <c r="BHV726" s="424"/>
      <c r="BHW726" s="424"/>
      <c r="BHX726" s="424"/>
      <c r="BHY726" s="423" t="s">
        <v>2795</v>
      </c>
      <c r="BHZ726" s="424"/>
      <c r="BIA726" s="424"/>
      <c r="BIB726" s="424"/>
      <c r="BIC726" s="423" t="s">
        <v>2795</v>
      </c>
      <c r="BID726" s="424"/>
      <c r="BIE726" s="424"/>
      <c r="BIF726" s="424"/>
      <c r="BIG726" s="423" t="s">
        <v>2795</v>
      </c>
      <c r="BIH726" s="424"/>
      <c r="BII726" s="424"/>
      <c r="BIJ726" s="424"/>
      <c r="BIK726" s="423" t="s">
        <v>2795</v>
      </c>
      <c r="BIL726" s="424"/>
      <c r="BIM726" s="424"/>
      <c r="BIN726" s="424"/>
      <c r="BIO726" s="423" t="s">
        <v>2795</v>
      </c>
      <c r="BIP726" s="424"/>
      <c r="BIQ726" s="424"/>
      <c r="BIR726" s="424"/>
      <c r="BIS726" s="423" t="s">
        <v>2795</v>
      </c>
      <c r="BIT726" s="424"/>
      <c r="BIU726" s="424"/>
      <c r="BIV726" s="424"/>
      <c r="BIW726" s="423" t="s">
        <v>2795</v>
      </c>
      <c r="BIX726" s="424"/>
      <c r="BIY726" s="424"/>
      <c r="BIZ726" s="424"/>
      <c r="BJA726" s="423" t="s">
        <v>2795</v>
      </c>
      <c r="BJB726" s="424"/>
      <c r="BJC726" s="424"/>
      <c r="BJD726" s="424"/>
      <c r="BJE726" s="423" t="s">
        <v>2795</v>
      </c>
      <c r="BJF726" s="424"/>
      <c r="BJG726" s="424"/>
      <c r="BJH726" s="424"/>
      <c r="BJI726" s="423" t="s">
        <v>2795</v>
      </c>
      <c r="BJJ726" s="424"/>
      <c r="BJK726" s="424"/>
      <c r="BJL726" s="424"/>
      <c r="BJM726" s="423" t="s">
        <v>2795</v>
      </c>
      <c r="BJN726" s="424"/>
      <c r="BJO726" s="424"/>
      <c r="BJP726" s="424"/>
      <c r="BJQ726" s="423" t="s">
        <v>2795</v>
      </c>
      <c r="BJR726" s="424"/>
      <c r="BJS726" s="424"/>
      <c r="BJT726" s="424"/>
      <c r="BJU726" s="423" t="s">
        <v>2795</v>
      </c>
      <c r="BJV726" s="424"/>
      <c r="BJW726" s="424"/>
      <c r="BJX726" s="424"/>
      <c r="BJY726" s="423" t="s">
        <v>2795</v>
      </c>
      <c r="BJZ726" s="424"/>
      <c r="BKA726" s="424"/>
      <c r="BKB726" s="424"/>
      <c r="BKC726" s="423" t="s">
        <v>2795</v>
      </c>
      <c r="BKD726" s="424"/>
      <c r="BKE726" s="424"/>
      <c r="BKF726" s="424"/>
      <c r="BKG726" s="423" t="s">
        <v>2795</v>
      </c>
      <c r="BKH726" s="424"/>
      <c r="BKI726" s="424"/>
      <c r="BKJ726" s="424"/>
      <c r="BKK726" s="423" t="s">
        <v>2795</v>
      </c>
      <c r="BKL726" s="424"/>
      <c r="BKM726" s="424"/>
      <c r="BKN726" s="424"/>
      <c r="BKO726" s="423" t="s">
        <v>2795</v>
      </c>
      <c r="BKP726" s="424"/>
      <c r="BKQ726" s="424"/>
      <c r="BKR726" s="424"/>
      <c r="BKS726" s="423" t="s">
        <v>2795</v>
      </c>
      <c r="BKT726" s="424"/>
      <c r="BKU726" s="424"/>
      <c r="BKV726" s="424"/>
      <c r="BKW726" s="423" t="s">
        <v>2795</v>
      </c>
      <c r="BKX726" s="424"/>
      <c r="BKY726" s="424"/>
      <c r="BKZ726" s="424"/>
      <c r="BLA726" s="423" t="s">
        <v>2795</v>
      </c>
      <c r="BLB726" s="424"/>
      <c r="BLC726" s="424"/>
      <c r="BLD726" s="424"/>
      <c r="BLE726" s="423" t="s">
        <v>2795</v>
      </c>
      <c r="BLF726" s="424"/>
      <c r="BLG726" s="424"/>
      <c r="BLH726" s="424"/>
      <c r="BLI726" s="423" t="s">
        <v>2795</v>
      </c>
      <c r="BLJ726" s="424"/>
      <c r="BLK726" s="424"/>
      <c r="BLL726" s="424"/>
      <c r="BLM726" s="423" t="s">
        <v>2795</v>
      </c>
      <c r="BLN726" s="424"/>
      <c r="BLO726" s="424"/>
      <c r="BLP726" s="424"/>
      <c r="BLQ726" s="423" t="s">
        <v>2795</v>
      </c>
      <c r="BLR726" s="424"/>
      <c r="BLS726" s="424"/>
      <c r="BLT726" s="424"/>
      <c r="BLU726" s="423" t="s">
        <v>2795</v>
      </c>
      <c r="BLV726" s="424"/>
      <c r="BLW726" s="424"/>
      <c r="BLX726" s="424"/>
      <c r="BLY726" s="423" t="s">
        <v>2795</v>
      </c>
      <c r="BLZ726" s="424"/>
      <c r="BMA726" s="424"/>
      <c r="BMB726" s="424"/>
      <c r="BMC726" s="423" t="s">
        <v>2795</v>
      </c>
      <c r="BMD726" s="424"/>
      <c r="BME726" s="424"/>
      <c r="BMF726" s="424"/>
      <c r="BMG726" s="423" t="s">
        <v>2795</v>
      </c>
      <c r="BMH726" s="424"/>
      <c r="BMI726" s="424"/>
      <c r="BMJ726" s="424"/>
      <c r="BMK726" s="423" t="s">
        <v>2795</v>
      </c>
      <c r="BML726" s="424"/>
      <c r="BMM726" s="424"/>
      <c r="BMN726" s="424"/>
      <c r="BMO726" s="423" t="s">
        <v>2795</v>
      </c>
      <c r="BMP726" s="424"/>
      <c r="BMQ726" s="424"/>
      <c r="BMR726" s="424"/>
      <c r="BMS726" s="423" t="s">
        <v>2795</v>
      </c>
      <c r="BMT726" s="424"/>
      <c r="BMU726" s="424"/>
      <c r="BMV726" s="424"/>
      <c r="BMW726" s="423" t="s">
        <v>2795</v>
      </c>
      <c r="BMX726" s="424"/>
      <c r="BMY726" s="424"/>
      <c r="BMZ726" s="424"/>
      <c r="BNA726" s="423" t="s">
        <v>2795</v>
      </c>
      <c r="BNB726" s="424"/>
      <c r="BNC726" s="424"/>
      <c r="BND726" s="424"/>
      <c r="BNE726" s="423" t="s">
        <v>2795</v>
      </c>
      <c r="BNF726" s="424"/>
      <c r="BNG726" s="424"/>
      <c r="BNH726" s="424"/>
      <c r="BNI726" s="423" t="s">
        <v>2795</v>
      </c>
      <c r="BNJ726" s="424"/>
      <c r="BNK726" s="424"/>
      <c r="BNL726" s="424"/>
      <c r="BNM726" s="423" t="s">
        <v>2795</v>
      </c>
      <c r="BNN726" s="424"/>
      <c r="BNO726" s="424"/>
      <c r="BNP726" s="424"/>
      <c r="BNQ726" s="423" t="s">
        <v>2795</v>
      </c>
      <c r="BNR726" s="424"/>
      <c r="BNS726" s="424"/>
      <c r="BNT726" s="424"/>
      <c r="BNU726" s="423" t="s">
        <v>2795</v>
      </c>
      <c r="BNV726" s="424"/>
      <c r="BNW726" s="424"/>
      <c r="BNX726" s="424"/>
      <c r="BNY726" s="423" t="s">
        <v>2795</v>
      </c>
      <c r="BNZ726" s="424"/>
      <c r="BOA726" s="424"/>
      <c r="BOB726" s="424"/>
      <c r="BOC726" s="423" t="s">
        <v>2795</v>
      </c>
      <c r="BOD726" s="424"/>
      <c r="BOE726" s="424"/>
      <c r="BOF726" s="424"/>
      <c r="BOG726" s="423" t="s">
        <v>2795</v>
      </c>
      <c r="BOH726" s="424"/>
      <c r="BOI726" s="424"/>
      <c r="BOJ726" s="424"/>
      <c r="BOK726" s="423" t="s">
        <v>2795</v>
      </c>
      <c r="BOL726" s="424"/>
      <c r="BOM726" s="424"/>
      <c r="BON726" s="424"/>
      <c r="BOO726" s="423" t="s">
        <v>2795</v>
      </c>
      <c r="BOP726" s="424"/>
      <c r="BOQ726" s="424"/>
      <c r="BOR726" s="424"/>
      <c r="BOS726" s="423" t="s">
        <v>2795</v>
      </c>
      <c r="BOT726" s="424"/>
      <c r="BOU726" s="424"/>
      <c r="BOV726" s="424"/>
      <c r="BOW726" s="423" t="s">
        <v>2795</v>
      </c>
      <c r="BOX726" s="424"/>
      <c r="BOY726" s="424"/>
      <c r="BOZ726" s="424"/>
      <c r="BPA726" s="423" t="s">
        <v>2795</v>
      </c>
      <c r="BPB726" s="424"/>
      <c r="BPC726" s="424"/>
      <c r="BPD726" s="424"/>
      <c r="BPE726" s="423" t="s">
        <v>2795</v>
      </c>
      <c r="BPF726" s="424"/>
      <c r="BPG726" s="424"/>
      <c r="BPH726" s="424"/>
      <c r="BPI726" s="423" t="s">
        <v>2795</v>
      </c>
      <c r="BPJ726" s="424"/>
      <c r="BPK726" s="424"/>
      <c r="BPL726" s="424"/>
      <c r="BPM726" s="423" t="s">
        <v>2795</v>
      </c>
      <c r="BPN726" s="424"/>
      <c r="BPO726" s="424"/>
      <c r="BPP726" s="424"/>
      <c r="BPQ726" s="423" t="s">
        <v>2795</v>
      </c>
      <c r="BPR726" s="424"/>
      <c r="BPS726" s="424"/>
      <c r="BPT726" s="424"/>
      <c r="BPU726" s="423" t="s">
        <v>2795</v>
      </c>
      <c r="BPV726" s="424"/>
      <c r="BPW726" s="424"/>
      <c r="BPX726" s="424"/>
      <c r="BPY726" s="423" t="s">
        <v>2795</v>
      </c>
      <c r="BPZ726" s="424"/>
      <c r="BQA726" s="424"/>
      <c r="BQB726" s="424"/>
      <c r="BQC726" s="423" t="s">
        <v>2795</v>
      </c>
      <c r="BQD726" s="424"/>
      <c r="BQE726" s="424"/>
      <c r="BQF726" s="424"/>
      <c r="BQG726" s="423" t="s">
        <v>2795</v>
      </c>
      <c r="BQH726" s="424"/>
      <c r="BQI726" s="424"/>
      <c r="BQJ726" s="424"/>
      <c r="BQK726" s="423" t="s">
        <v>2795</v>
      </c>
      <c r="BQL726" s="424"/>
      <c r="BQM726" s="424"/>
      <c r="BQN726" s="424"/>
      <c r="BQO726" s="423" t="s">
        <v>2795</v>
      </c>
      <c r="BQP726" s="424"/>
      <c r="BQQ726" s="424"/>
      <c r="BQR726" s="424"/>
      <c r="BQS726" s="423" t="s">
        <v>2795</v>
      </c>
      <c r="BQT726" s="424"/>
      <c r="BQU726" s="424"/>
      <c r="BQV726" s="424"/>
      <c r="BQW726" s="423" t="s">
        <v>2795</v>
      </c>
      <c r="BQX726" s="424"/>
      <c r="BQY726" s="424"/>
      <c r="BQZ726" s="424"/>
      <c r="BRA726" s="423" t="s">
        <v>2795</v>
      </c>
      <c r="BRB726" s="424"/>
      <c r="BRC726" s="424"/>
      <c r="BRD726" s="424"/>
      <c r="BRE726" s="423" t="s">
        <v>2795</v>
      </c>
      <c r="BRF726" s="424"/>
      <c r="BRG726" s="424"/>
      <c r="BRH726" s="424"/>
      <c r="BRI726" s="423" t="s">
        <v>2795</v>
      </c>
      <c r="BRJ726" s="424"/>
      <c r="BRK726" s="424"/>
      <c r="BRL726" s="424"/>
      <c r="BRM726" s="423" t="s">
        <v>2795</v>
      </c>
      <c r="BRN726" s="424"/>
      <c r="BRO726" s="424"/>
      <c r="BRP726" s="424"/>
      <c r="BRQ726" s="423" t="s">
        <v>2795</v>
      </c>
      <c r="BRR726" s="424"/>
      <c r="BRS726" s="424"/>
      <c r="BRT726" s="424"/>
      <c r="BRU726" s="423" t="s">
        <v>2795</v>
      </c>
      <c r="BRV726" s="424"/>
      <c r="BRW726" s="424"/>
      <c r="BRX726" s="424"/>
      <c r="BRY726" s="423" t="s">
        <v>2795</v>
      </c>
      <c r="BRZ726" s="424"/>
      <c r="BSA726" s="424"/>
      <c r="BSB726" s="424"/>
      <c r="BSC726" s="423" t="s">
        <v>2795</v>
      </c>
      <c r="BSD726" s="424"/>
      <c r="BSE726" s="424"/>
      <c r="BSF726" s="424"/>
      <c r="BSG726" s="423" t="s">
        <v>2795</v>
      </c>
      <c r="BSH726" s="424"/>
      <c r="BSI726" s="424"/>
      <c r="BSJ726" s="424"/>
      <c r="BSK726" s="423" t="s">
        <v>2795</v>
      </c>
      <c r="BSL726" s="424"/>
      <c r="BSM726" s="424"/>
      <c r="BSN726" s="424"/>
      <c r="BSO726" s="423" t="s">
        <v>2795</v>
      </c>
      <c r="BSP726" s="424"/>
      <c r="BSQ726" s="424"/>
      <c r="BSR726" s="424"/>
      <c r="BSS726" s="423" t="s">
        <v>2795</v>
      </c>
      <c r="BST726" s="424"/>
      <c r="BSU726" s="424"/>
      <c r="BSV726" s="424"/>
      <c r="BSW726" s="423" t="s">
        <v>2795</v>
      </c>
      <c r="BSX726" s="424"/>
      <c r="BSY726" s="424"/>
      <c r="BSZ726" s="424"/>
      <c r="BTA726" s="423" t="s">
        <v>2795</v>
      </c>
      <c r="BTB726" s="424"/>
      <c r="BTC726" s="424"/>
      <c r="BTD726" s="424"/>
      <c r="BTE726" s="423" t="s">
        <v>2795</v>
      </c>
      <c r="BTF726" s="424"/>
      <c r="BTG726" s="424"/>
      <c r="BTH726" s="424"/>
      <c r="BTI726" s="423" t="s">
        <v>2795</v>
      </c>
      <c r="BTJ726" s="424"/>
      <c r="BTK726" s="424"/>
      <c r="BTL726" s="424"/>
      <c r="BTM726" s="423" t="s">
        <v>2795</v>
      </c>
      <c r="BTN726" s="424"/>
      <c r="BTO726" s="424"/>
      <c r="BTP726" s="424"/>
      <c r="BTQ726" s="423" t="s">
        <v>2795</v>
      </c>
      <c r="BTR726" s="424"/>
      <c r="BTS726" s="424"/>
      <c r="BTT726" s="424"/>
      <c r="BTU726" s="423" t="s">
        <v>2795</v>
      </c>
      <c r="BTV726" s="424"/>
      <c r="BTW726" s="424"/>
      <c r="BTX726" s="424"/>
      <c r="BTY726" s="423" t="s">
        <v>2795</v>
      </c>
      <c r="BTZ726" s="424"/>
      <c r="BUA726" s="424"/>
      <c r="BUB726" s="424"/>
      <c r="BUC726" s="423" t="s">
        <v>2795</v>
      </c>
      <c r="BUD726" s="424"/>
      <c r="BUE726" s="424"/>
      <c r="BUF726" s="424"/>
      <c r="BUG726" s="423" t="s">
        <v>2795</v>
      </c>
      <c r="BUH726" s="424"/>
      <c r="BUI726" s="424"/>
      <c r="BUJ726" s="424"/>
      <c r="BUK726" s="423" t="s">
        <v>2795</v>
      </c>
      <c r="BUL726" s="424"/>
      <c r="BUM726" s="424"/>
      <c r="BUN726" s="424"/>
      <c r="BUO726" s="423" t="s">
        <v>2795</v>
      </c>
      <c r="BUP726" s="424"/>
      <c r="BUQ726" s="424"/>
      <c r="BUR726" s="424"/>
      <c r="BUS726" s="423" t="s">
        <v>2795</v>
      </c>
      <c r="BUT726" s="424"/>
      <c r="BUU726" s="424"/>
      <c r="BUV726" s="424"/>
      <c r="BUW726" s="423" t="s">
        <v>2795</v>
      </c>
      <c r="BUX726" s="424"/>
      <c r="BUY726" s="424"/>
      <c r="BUZ726" s="424"/>
      <c r="BVA726" s="423" t="s">
        <v>2795</v>
      </c>
      <c r="BVB726" s="424"/>
      <c r="BVC726" s="424"/>
      <c r="BVD726" s="424"/>
      <c r="BVE726" s="423" t="s">
        <v>2795</v>
      </c>
      <c r="BVF726" s="424"/>
      <c r="BVG726" s="424"/>
      <c r="BVH726" s="424"/>
      <c r="BVI726" s="423" t="s">
        <v>2795</v>
      </c>
      <c r="BVJ726" s="424"/>
      <c r="BVK726" s="424"/>
      <c r="BVL726" s="424"/>
      <c r="BVM726" s="423" t="s">
        <v>2795</v>
      </c>
      <c r="BVN726" s="424"/>
      <c r="BVO726" s="424"/>
      <c r="BVP726" s="424"/>
      <c r="BVQ726" s="423" t="s">
        <v>2795</v>
      </c>
      <c r="BVR726" s="424"/>
      <c r="BVS726" s="424"/>
      <c r="BVT726" s="424"/>
      <c r="BVU726" s="423" t="s">
        <v>2795</v>
      </c>
      <c r="BVV726" s="424"/>
      <c r="BVW726" s="424"/>
      <c r="BVX726" s="424"/>
      <c r="BVY726" s="423" t="s">
        <v>2795</v>
      </c>
      <c r="BVZ726" s="424"/>
      <c r="BWA726" s="424"/>
      <c r="BWB726" s="424"/>
      <c r="BWC726" s="423" t="s">
        <v>2795</v>
      </c>
      <c r="BWD726" s="424"/>
      <c r="BWE726" s="424"/>
      <c r="BWF726" s="424"/>
      <c r="BWG726" s="423" t="s">
        <v>2795</v>
      </c>
      <c r="BWH726" s="424"/>
      <c r="BWI726" s="424"/>
      <c r="BWJ726" s="424"/>
      <c r="BWK726" s="423" t="s">
        <v>2795</v>
      </c>
      <c r="BWL726" s="424"/>
      <c r="BWM726" s="424"/>
      <c r="BWN726" s="424"/>
      <c r="BWO726" s="423" t="s">
        <v>2795</v>
      </c>
      <c r="BWP726" s="424"/>
      <c r="BWQ726" s="424"/>
      <c r="BWR726" s="424"/>
      <c r="BWS726" s="423" t="s">
        <v>2795</v>
      </c>
      <c r="BWT726" s="424"/>
      <c r="BWU726" s="424"/>
      <c r="BWV726" s="424"/>
      <c r="BWW726" s="423" t="s">
        <v>2795</v>
      </c>
      <c r="BWX726" s="424"/>
      <c r="BWY726" s="424"/>
      <c r="BWZ726" s="424"/>
      <c r="BXA726" s="423" t="s">
        <v>2795</v>
      </c>
      <c r="BXB726" s="424"/>
      <c r="BXC726" s="424"/>
      <c r="BXD726" s="424"/>
      <c r="BXE726" s="423" t="s">
        <v>2795</v>
      </c>
      <c r="BXF726" s="424"/>
      <c r="BXG726" s="424"/>
      <c r="BXH726" s="424"/>
      <c r="BXI726" s="423" t="s">
        <v>2795</v>
      </c>
      <c r="BXJ726" s="424"/>
      <c r="BXK726" s="424"/>
      <c r="BXL726" s="424"/>
      <c r="BXM726" s="423" t="s">
        <v>2795</v>
      </c>
      <c r="BXN726" s="424"/>
      <c r="BXO726" s="424"/>
      <c r="BXP726" s="424"/>
      <c r="BXQ726" s="423" t="s">
        <v>2795</v>
      </c>
      <c r="BXR726" s="424"/>
      <c r="BXS726" s="424"/>
      <c r="BXT726" s="424"/>
      <c r="BXU726" s="423" t="s">
        <v>2795</v>
      </c>
      <c r="BXV726" s="424"/>
      <c r="BXW726" s="424"/>
      <c r="BXX726" s="424"/>
      <c r="BXY726" s="423" t="s">
        <v>2795</v>
      </c>
      <c r="BXZ726" s="424"/>
      <c r="BYA726" s="424"/>
      <c r="BYB726" s="424"/>
      <c r="BYC726" s="423" t="s">
        <v>2795</v>
      </c>
      <c r="BYD726" s="424"/>
      <c r="BYE726" s="424"/>
      <c r="BYF726" s="424"/>
      <c r="BYG726" s="423" t="s">
        <v>2795</v>
      </c>
      <c r="BYH726" s="424"/>
      <c r="BYI726" s="424"/>
      <c r="BYJ726" s="424"/>
      <c r="BYK726" s="423" t="s">
        <v>2795</v>
      </c>
      <c r="BYL726" s="424"/>
      <c r="BYM726" s="424"/>
      <c r="BYN726" s="424"/>
      <c r="BYO726" s="423" t="s">
        <v>2795</v>
      </c>
      <c r="BYP726" s="424"/>
      <c r="BYQ726" s="424"/>
      <c r="BYR726" s="424"/>
      <c r="BYS726" s="423" t="s">
        <v>2795</v>
      </c>
      <c r="BYT726" s="424"/>
      <c r="BYU726" s="424"/>
      <c r="BYV726" s="424"/>
      <c r="BYW726" s="423" t="s">
        <v>2795</v>
      </c>
      <c r="BYX726" s="424"/>
      <c r="BYY726" s="424"/>
      <c r="BYZ726" s="424"/>
      <c r="BZA726" s="423" t="s">
        <v>2795</v>
      </c>
      <c r="BZB726" s="424"/>
      <c r="BZC726" s="424"/>
      <c r="BZD726" s="424"/>
      <c r="BZE726" s="423" t="s">
        <v>2795</v>
      </c>
      <c r="BZF726" s="424"/>
      <c r="BZG726" s="424"/>
      <c r="BZH726" s="424"/>
      <c r="BZI726" s="423" t="s">
        <v>2795</v>
      </c>
      <c r="BZJ726" s="424"/>
      <c r="BZK726" s="424"/>
      <c r="BZL726" s="424"/>
      <c r="BZM726" s="423" t="s">
        <v>2795</v>
      </c>
      <c r="BZN726" s="424"/>
      <c r="BZO726" s="424"/>
      <c r="BZP726" s="424"/>
      <c r="BZQ726" s="423" t="s">
        <v>2795</v>
      </c>
      <c r="BZR726" s="424"/>
      <c r="BZS726" s="424"/>
      <c r="BZT726" s="424"/>
      <c r="BZU726" s="423" t="s">
        <v>2795</v>
      </c>
      <c r="BZV726" s="424"/>
      <c r="BZW726" s="424"/>
      <c r="BZX726" s="424"/>
      <c r="BZY726" s="423" t="s">
        <v>2795</v>
      </c>
      <c r="BZZ726" s="424"/>
      <c r="CAA726" s="424"/>
      <c r="CAB726" s="424"/>
      <c r="CAC726" s="423" t="s">
        <v>2795</v>
      </c>
      <c r="CAD726" s="424"/>
      <c r="CAE726" s="424"/>
      <c r="CAF726" s="424"/>
      <c r="CAG726" s="423" t="s">
        <v>2795</v>
      </c>
      <c r="CAH726" s="424"/>
      <c r="CAI726" s="424"/>
      <c r="CAJ726" s="424"/>
      <c r="CAK726" s="423" t="s">
        <v>2795</v>
      </c>
      <c r="CAL726" s="424"/>
      <c r="CAM726" s="424"/>
      <c r="CAN726" s="424"/>
      <c r="CAO726" s="423" t="s">
        <v>2795</v>
      </c>
      <c r="CAP726" s="424"/>
      <c r="CAQ726" s="424"/>
      <c r="CAR726" s="424"/>
      <c r="CAS726" s="423" t="s">
        <v>2795</v>
      </c>
      <c r="CAT726" s="424"/>
      <c r="CAU726" s="424"/>
      <c r="CAV726" s="424"/>
      <c r="CAW726" s="423" t="s">
        <v>2795</v>
      </c>
      <c r="CAX726" s="424"/>
      <c r="CAY726" s="424"/>
      <c r="CAZ726" s="424"/>
      <c r="CBA726" s="423" t="s">
        <v>2795</v>
      </c>
      <c r="CBB726" s="424"/>
      <c r="CBC726" s="424"/>
      <c r="CBD726" s="424"/>
      <c r="CBE726" s="423" t="s">
        <v>2795</v>
      </c>
      <c r="CBF726" s="424"/>
      <c r="CBG726" s="424"/>
      <c r="CBH726" s="424"/>
      <c r="CBI726" s="423" t="s">
        <v>2795</v>
      </c>
      <c r="CBJ726" s="424"/>
      <c r="CBK726" s="424"/>
      <c r="CBL726" s="424"/>
      <c r="CBM726" s="423" t="s">
        <v>2795</v>
      </c>
      <c r="CBN726" s="424"/>
      <c r="CBO726" s="424"/>
      <c r="CBP726" s="424"/>
      <c r="CBQ726" s="423" t="s">
        <v>2795</v>
      </c>
      <c r="CBR726" s="424"/>
      <c r="CBS726" s="424"/>
      <c r="CBT726" s="424"/>
      <c r="CBU726" s="423" t="s">
        <v>2795</v>
      </c>
      <c r="CBV726" s="424"/>
      <c r="CBW726" s="424"/>
      <c r="CBX726" s="424"/>
      <c r="CBY726" s="423" t="s">
        <v>2795</v>
      </c>
      <c r="CBZ726" s="424"/>
      <c r="CCA726" s="424"/>
      <c r="CCB726" s="424"/>
      <c r="CCC726" s="423" t="s">
        <v>2795</v>
      </c>
      <c r="CCD726" s="424"/>
      <c r="CCE726" s="424"/>
      <c r="CCF726" s="424"/>
      <c r="CCG726" s="423" t="s">
        <v>2795</v>
      </c>
      <c r="CCH726" s="424"/>
      <c r="CCI726" s="424"/>
      <c r="CCJ726" s="424"/>
      <c r="CCK726" s="423" t="s">
        <v>2795</v>
      </c>
      <c r="CCL726" s="424"/>
      <c r="CCM726" s="424"/>
      <c r="CCN726" s="424"/>
      <c r="CCO726" s="423" t="s">
        <v>2795</v>
      </c>
      <c r="CCP726" s="424"/>
      <c r="CCQ726" s="424"/>
      <c r="CCR726" s="424"/>
      <c r="CCS726" s="423" t="s">
        <v>2795</v>
      </c>
      <c r="CCT726" s="424"/>
      <c r="CCU726" s="424"/>
      <c r="CCV726" s="424"/>
      <c r="CCW726" s="423" t="s">
        <v>2795</v>
      </c>
      <c r="CCX726" s="424"/>
      <c r="CCY726" s="424"/>
      <c r="CCZ726" s="424"/>
      <c r="CDA726" s="423" t="s">
        <v>2795</v>
      </c>
      <c r="CDB726" s="424"/>
      <c r="CDC726" s="424"/>
      <c r="CDD726" s="424"/>
      <c r="CDE726" s="423" t="s">
        <v>2795</v>
      </c>
      <c r="CDF726" s="424"/>
      <c r="CDG726" s="424"/>
      <c r="CDH726" s="424"/>
      <c r="CDI726" s="423" t="s">
        <v>2795</v>
      </c>
      <c r="CDJ726" s="424"/>
      <c r="CDK726" s="424"/>
      <c r="CDL726" s="424"/>
      <c r="CDM726" s="423" t="s">
        <v>2795</v>
      </c>
      <c r="CDN726" s="424"/>
      <c r="CDO726" s="424"/>
      <c r="CDP726" s="424"/>
      <c r="CDQ726" s="423" t="s">
        <v>2795</v>
      </c>
      <c r="CDR726" s="424"/>
      <c r="CDS726" s="424"/>
      <c r="CDT726" s="424"/>
      <c r="CDU726" s="423" t="s">
        <v>2795</v>
      </c>
      <c r="CDV726" s="424"/>
      <c r="CDW726" s="424"/>
      <c r="CDX726" s="424"/>
      <c r="CDY726" s="423" t="s">
        <v>2795</v>
      </c>
      <c r="CDZ726" s="424"/>
      <c r="CEA726" s="424"/>
      <c r="CEB726" s="424"/>
      <c r="CEC726" s="423" t="s">
        <v>2795</v>
      </c>
      <c r="CED726" s="424"/>
      <c r="CEE726" s="424"/>
      <c r="CEF726" s="424"/>
      <c r="CEG726" s="423" t="s">
        <v>2795</v>
      </c>
      <c r="CEH726" s="424"/>
      <c r="CEI726" s="424"/>
      <c r="CEJ726" s="424"/>
      <c r="CEK726" s="423" t="s">
        <v>2795</v>
      </c>
      <c r="CEL726" s="424"/>
      <c r="CEM726" s="424"/>
      <c r="CEN726" s="424"/>
      <c r="CEO726" s="423" t="s">
        <v>2795</v>
      </c>
      <c r="CEP726" s="424"/>
      <c r="CEQ726" s="424"/>
      <c r="CER726" s="424"/>
      <c r="CES726" s="423" t="s">
        <v>2795</v>
      </c>
      <c r="CET726" s="424"/>
      <c r="CEU726" s="424"/>
      <c r="CEV726" s="424"/>
      <c r="CEW726" s="423" t="s">
        <v>2795</v>
      </c>
      <c r="CEX726" s="424"/>
      <c r="CEY726" s="424"/>
      <c r="CEZ726" s="424"/>
      <c r="CFA726" s="423" t="s">
        <v>2795</v>
      </c>
      <c r="CFB726" s="424"/>
      <c r="CFC726" s="424"/>
      <c r="CFD726" s="424"/>
      <c r="CFE726" s="423" t="s">
        <v>2795</v>
      </c>
      <c r="CFF726" s="424"/>
      <c r="CFG726" s="424"/>
      <c r="CFH726" s="424"/>
      <c r="CFI726" s="423" t="s">
        <v>2795</v>
      </c>
      <c r="CFJ726" s="424"/>
      <c r="CFK726" s="424"/>
      <c r="CFL726" s="424"/>
      <c r="CFM726" s="423" t="s">
        <v>2795</v>
      </c>
      <c r="CFN726" s="424"/>
      <c r="CFO726" s="424"/>
      <c r="CFP726" s="424"/>
      <c r="CFQ726" s="423" t="s">
        <v>2795</v>
      </c>
      <c r="CFR726" s="424"/>
      <c r="CFS726" s="424"/>
      <c r="CFT726" s="424"/>
      <c r="CFU726" s="423" t="s">
        <v>2795</v>
      </c>
      <c r="CFV726" s="424"/>
      <c r="CFW726" s="424"/>
      <c r="CFX726" s="424"/>
      <c r="CFY726" s="423" t="s">
        <v>2795</v>
      </c>
      <c r="CFZ726" s="424"/>
      <c r="CGA726" s="424"/>
      <c r="CGB726" s="424"/>
      <c r="CGC726" s="423" t="s">
        <v>2795</v>
      </c>
      <c r="CGD726" s="424"/>
      <c r="CGE726" s="424"/>
      <c r="CGF726" s="424"/>
      <c r="CGG726" s="423" t="s">
        <v>2795</v>
      </c>
      <c r="CGH726" s="424"/>
      <c r="CGI726" s="424"/>
      <c r="CGJ726" s="424"/>
      <c r="CGK726" s="423" t="s">
        <v>2795</v>
      </c>
      <c r="CGL726" s="424"/>
      <c r="CGM726" s="424"/>
      <c r="CGN726" s="424"/>
      <c r="CGO726" s="423" t="s">
        <v>2795</v>
      </c>
      <c r="CGP726" s="424"/>
      <c r="CGQ726" s="424"/>
      <c r="CGR726" s="424"/>
      <c r="CGS726" s="423" t="s">
        <v>2795</v>
      </c>
      <c r="CGT726" s="424"/>
      <c r="CGU726" s="424"/>
      <c r="CGV726" s="424"/>
      <c r="CGW726" s="423" t="s">
        <v>2795</v>
      </c>
      <c r="CGX726" s="424"/>
      <c r="CGY726" s="424"/>
      <c r="CGZ726" s="424"/>
      <c r="CHA726" s="423" t="s">
        <v>2795</v>
      </c>
      <c r="CHB726" s="424"/>
      <c r="CHC726" s="424"/>
      <c r="CHD726" s="424"/>
      <c r="CHE726" s="423" t="s">
        <v>2795</v>
      </c>
      <c r="CHF726" s="424"/>
      <c r="CHG726" s="424"/>
      <c r="CHH726" s="424"/>
      <c r="CHI726" s="423" t="s">
        <v>2795</v>
      </c>
      <c r="CHJ726" s="424"/>
      <c r="CHK726" s="424"/>
      <c r="CHL726" s="424"/>
      <c r="CHM726" s="423" t="s">
        <v>2795</v>
      </c>
      <c r="CHN726" s="424"/>
      <c r="CHO726" s="424"/>
      <c r="CHP726" s="424"/>
      <c r="CHQ726" s="423" t="s">
        <v>2795</v>
      </c>
      <c r="CHR726" s="424"/>
      <c r="CHS726" s="424"/>
      <c r="CHT726" s="424"/>
      <c r="CHU726" s="423" t="s">
        <v>2795</v>
      </c>
      <c r="CHV726" s="424"/>
      <c r="CHW726" s="424"/>
      <c r="CHX726" s="424"/>
      <c r="CHY726" s="423" t="s">
        <v>2795</v>
      </c>
      <c r="CHZ726" s="424"/>
      <c r="CIA726" s="424"/>
      <c r="CIB726" s="424"/>
      <c r="CIC726" s="423" t="s">
        <v>2795</v>
      </c>
      <c r="CID726" s="424"/>
      <c r="CIE726" s="424"/>
      <c r="CIF726" s="424"/>
      <c r="CIG726" s="423" t="s">
        <v>2795</v>
      </c>
      <c r="CIH726" s="424"/>
      <c r="CII726" s="424"/>
      <c r="CIJ726" s="424"/>
      <c r="CIK726" s="423" t="s">
        <v>2795</v>
      </c>
      <c r="CIL726" s="424"/>
      <c r="CIM726" s="424"/>
      <c r="CIN726" s="424"/>
      <c r="CIO726" s="423" t="s">
        <v>2795</v>
      </c>
      <c r="CIP726" s="424"/>
      <c r="CIQ726" s="424"/>
      <c r="CIR726" s="424"/>
      <c r="CIS726" s="423" t="s">
        <v>2795</v>
      </c>
      <c r="CIT726" s="424"/>
      <c r="CIU726" s="424"/>
      <c r="CIV726" s="424"/>
      <c r="CIW726" s="423" t="s">
        <v>2795</v>
      </c>
      <c r="CIX726" s="424"/>
      <c r="CIY726" s="424"/>
      <c r="CIZ726" s="424"/>
      <c r="CJA726" s="423" t="s">
        <v>2795</v>
      </c>
      <c r="CJB726" s="424"/>
      <c r="CJC726" s="424"/>
      <c r="CJD726" s="424"/>
      <c r="CJE726" s="423" t="s">
        <v>2795</v>
      </c>
      <c r="CJF726" s="424"/>
      <c r="CJG726" s="424"/>
      <c r="CJH726" s="424"/>
      <c r="CJI726" s="423" t="s">
        <v>2795</v>
      </c>
      <c r="CJJ726" s="424"/>
      <c r="CJK726" s="424"/>
      <c r="CJL726" s="424"/>
      <c r="CJM726" s="423" t="s">
        <v>2795</v>
      </c>
      <c r="CJN726" s="424"/>
      <c r="CJO726" s="424"/>
      <c r="CJP726" s="424"/>
      <c r="CJQ726" s="423" t="s">
        <v>2795</v>
      </c>
      <c r="CJR726" s="424"/>
      <c r="CJS726" s="424"/>
      <c r="CJT726" s="424"/>
      <c r="CJU726" s="423" t="s">
        <v>2795</v>
      </c>
      <c r="CJV726" s="424"/>
      <c r="CJW726" s="424"/>
      <c r="CJX726" s="424"/>
      <c r="CJY726" s="423" t="s">
        <v>2795</v>
      </c>
      <c r="CJZ726" s="424"/>
      <c r="CKA726" s="424"/>
      <c r="CKB726" s="424"/>
      <c r="CKC726" s="423" t="s">
        <v>2795</v>
      </c>
      <c r="CKD726" s="424"/>
      <c r="CKE726" s="424"/>
      <c r="CKF726" s="424"/>
      <c r="CKG726" s="423" t="s">
        <v>2795</v>
      </c>
      <c r="CKH726" s="424"/>
      <c r="CKI726" s="424"/>
      <c r="CKJ726" s="424"/>
      <c r="CKK726" s="423" t="s">
        <v>2795</v>
      </c>
      <c r="CKL726" s="424"/>
      <c r="CKM726" s="424"/>
      <c r="CKN726" s="424"/>
      <c r="CKO726" s="423" t="s">
        <v>2795</v>
      </c>
      <c r="CKP726" s="424"/>
      <c r="CKQ726" s="424"/>
      <c r="CKR726" s="424"/>
      <c r="CKS726" s="423" t="s">
        <v>2795</v>
      </c>
      <c r="CKT726" s="424"/>
      <c r="CKU726" s="424"/>
      <c r="CKV726" s="424"/>
      <c r="CKW726" s="423" t="s">
        <v>2795</v>
      </c>
      <c r="CKX726" s="424"/>
      <c r="CKY726" s="424"/>
      <c r="CKZ726" s="424"/>
      <c r="CLA726" s="423" t="s">
        <v>2795</v>
      </c>
      <c r="CLB726" s="424"/>
      <c r="CLC726" s="424"/>
      <c r="CLD726" s="424"/>
      <c r="CLE726" s="423" t="s">
        <v>2795</v>
      </c>
      <c r="CLF726" s="424"/>
      <c r="CLG726" s="424"/>
      <c r="CLH726" s="424"/>
      <c r="CLI726" s="423" t="s">
        <v>2795</v>
      </c>
      <c r="CLJ726" s="424"/>
      <c r="CLK726" s="424"/>
      <c r="CLL726" s="424"/>
      <c r="CLM726" s="423" t="s">
        <v>2795</v>
      </c>
      <c r="CLN726" s="424"/>
      <c r="CLO726" s="424"/>
      <c r="CLP726" s="424"/>
      <c r="CLQ726" s="423" t="s">
        <v>2795</v>
      </c>
      <c r="CLR726" s="424"/>
      <c r="CLS726" s="424"/>
      <c r="CLT726" s="424"/>
      <c r="CLU726" s="423" t="s">
        <v>2795</v>
      </c>
      <c r="CLV726" s="424"/>
      <c r="CLW726" s="424"/>
      <c r="CLX726" s="424"/>
      <c r="CLY726" s="423" t="s">
        <v>2795</v>
      </c>
      <c r="CLZ726" s="424"/>
      <c r="CMA726" s="424"/>
      <c r="CMB726" s="424"/>
      <c r="CMC726" s="423" t="s">
        <v>2795</v>
      </c>
      <c r="CMD726" s="424"/>
      <c r="CME726" s="424"/>
      <c r="CMF726" s="424"/>
      <c r="CMG726" s="423" t="s">
        <v>2795</v>
      </c>
      <c r="CMH726" s="424"/>
      <c r="CMI726" s="424"/>
      <c r="CMJ726" s="424"/>
      <c r="CMK726" s="423" t="s">
        <v>2795</v>
      </c>
      <c r="CML726" s="424"/>
      <c r="CMM726" s="424"/>
      <c r="CMN726" s="424"/>
      <c r="CMO726" s="423" t="s">
        <v>2795</v>
      </c>
      <c r="CMP726" s="424"/>
      <c r="CMQ726" s="424"/>
      <c r="CMR726" s="424"/>
      <c r="CMS726" s="423" t="s">
        <v>2795</v>
      </c>
      <c r="CMT726" s="424"/>
      <c r="CMU726" s="424"/>
      <c r="CMV726" s="424"/>
      <c r="CMW726" s="423" t="s">
        <v>2795</v>
      </c>
      <c r="CMX726" s="424"/>
      <c r="CMY726" s="424"/>
      <c r="CMZ726" s="424"/>
      <c r="CNA726" s="423" t="s">
        <v>2795</v>
      </c>
      <c r="CNB726" s="424"/>
      <c r="CNC726" s="424"/>
      <c r="CND726" s="424"/>
      <c r="CNE726" s="423" t="s">
        <v>2795</v>
      </c>
      <c r="CNF726" s="424"/>
      <c r="CNG726" s="424"/>
      <c r="CNH726" s="424"/>
      <c r="CNI726" s="423" t="s">
        <v>2795</v>
      </c>
      <c r="CNJ726" s="424"/>
      <c r="CNK726" s="424"/>
      <c r="CNL726" s="424"/>
      <c r="CNM726" s="423" t="s">
        <v>2795</v>
      </c>
      <c r="CNN726" s="424"/>
      <c r="CNO726" s="424"/>
      <c r="CNP726" s="424"/>
      <c r="CNQ726" s="423" t="s">
        <v>2795</v>
      </c>
      <c r="CNR726" s="424"/>
      <c r="CNS726" s="424"/>
      <c r="CNT726" s="424"/>
      <c r="CNU726" s="423" t="s">
        <v>2795</v>
      </c>
      <c r="CNV726" s="424"/>
      <c r="CNW726" s="424"/>
      <c r="CNX726" s="424"/>
      <c r="CNY726" s="423" t="s">
        <v>2795</v>
      </c>
      <c r="CNZ726" s="424"/>
      <c r="COA726" s="424"/>
      <c r="COB726" s="424"/>
      <c r="COC726" s="423" t="s">
        <v>2795</v>
      </c>
      <c r="COD726" s="424"/>
      <c r="COE726" s="424"/>
      <c r="COF726" s="424"/>
      <c r="COG726" s="423" t="s">
        <v>2795</v>
      </c>
      <c r="COH726" s="424"/>
      <c r="COI726" s="424"/>
      <c r="COJ726" s="424"/>
      <c r="COK726" s="423" t="s">
        <v>2795</v>
      </c>
      <c r="COL726" s="424"/>
      <c r="COM726" s="424"/>
      <c r="CON726" s="424"/>
      <c r="COO726" s="423" t="s">
        <v>2795</v>
      </c>
      <c r="COP726" s="424"/>
      <c r="COQ726" s="424"/>
      <c r="COR726" s="424"/>
      <c r="COS726" s="423" t="s">
        <v>2795</v>
      </c>
      <c r="COT726" s="424"/>
      <c r="COU726" s="424"/>
      <c r="COV726" s="424"/>
      <c r="COW726" s="423" t="s">
        <v>2795</v>
      </c>
      <c r="COX726" s="424"/>
      <c r="COY726" s="424"/>
      <c r="COZ726" s="424"/>
      <c r="CPA726" s="423" t="s">
        <v>2795</v>
      </c>
      <c r="CPB726" s="424"/>
      <c r="CPC726" s="424"/>
      <c r="CPD726" s="424"/>
      <c r="CPE726" s="423" t="s">
        <v>2795</v>
      </c>
      <c r="CPF726" s="424"/>
      <c r="CPG726" s="424"/>
      <c r="CPH726" s="424"/>
      <c r="CPI726" s="423" t="s">
        <v>2795</v>
      </c>
      <c r="CPJ726" s="424"/>
      <c r="CPK726" s="424"/>
      <c r="CPL726" s="424"/>
      <c r="CPM726" s="423" t="s">
        <v>2795</v>
      </c>
      <c r="CPN726" s="424"/>
      <c r="CPO726" s="424"/>
      <c r="CPP726" s="424"/>
      <c r="CPQ726" s="423" t="s">
        <v>2795</v>
      </c>
      <c r="CPR726" s="424"/>
      <c r="CPS726" s="424"/>
      <c r="CPT726" s="424"/>
      <c r="CPU726" s="423" t="s">
        <v>2795</v>
      </c>
      <c r="CPV726" s="424"/>
      <c r="CPW726" s="424"/>
      <c r="CPX726" s="424"/>
      <c r="CPY726" s="423" t="s">
        <v>2795</v>
      </c>
      <c r="CPZ726" s="424"/>
      <c r="CQA726" s="424"/>
      <c r="CQB726" s="424"/>
      <c r="CQC726" s="423" t="s">
        <v>2795</v>
      </c>
      <c r="CQD726" s="424"/>
      <c r="CQE726" s="424"/>
      <c r="CQF726" s="424"/>
      <c r="CQG726" s="423" t="s">
        <v>2795</v>
      </c>
      <c r="CQH726" s="424"/>
      <c r="CQI726" s="424"/>
      <c r="CQJ726" s="424"/>
      <c r="CQK726" s="423" t="s">
        <v>2795</v>
      </c>
      <c r="CQL726" s="424"/>
      <c r="CQM726" s="424"/>
      <c r="CQN726" s="424"/>
      <c r="CQO726" s="423" t="s">
        <v>2795</v>
      </c>
      <c r="CQP726" s="424"/>
      <c r="CQQ726" s="424"/>
      <c r="CQR726" s="424"/>
      <c r="CQS726" s="423" t="s">
        <v>2795</v>
      </c>
      <c r="CQT726" s="424"/>
      <c r="CQU726" s="424"/>
      <c r="CQV726" s="424"/>
      <c r="CQW726" s="423" t="s">
        <v>2795</v>
      </c>
      <c r="CQX726" s="424"/>
      <c r="CQY726" s="424"/>
      <c r="CQZ726" s="424"/>
      <c r="CRA726" s="423" t="s">
        <v>2795</v>
      </c>
      <c r="CRB726" s="424"/>
      <c r="CRC726" s="424"/>
      <c r="CRD726" s="424"/>
      <c r="CRE726" s="423" t="s">
        <v>2795</v>
      </c>
      <c r="CRF726" s="424"/>
      <c r="CRG726" s="424"/>
      <c r="CRH726" s="424"/>
      <c r="CRI726" s="423" t="s">
        <v>2795</v>
      </c>
      <c r="CRJ726" s="424"/>
      <c r="CRK726" s="424"/>
      <c r="CRL726" s="424"/>
      <c r="CRM726" s="423" t="s">
        <v>2795</v>
      </c>
      <c r="CRN726" s="424"/>
      <c r="CRO726" s="424"/>
      <c r="CRP726" s="424"/>
      <c r="CRQ726" s="423" t="s">
        <v>2795</v>
      </c>
      <c r="CRR726" s="424"/>
      <c r="CRS726" s="424"/>
      <c r="CRT726" s="424"/>
      <c r="CRU726" s="423" t="s">
        <v>2795</v>
      </c>
      <c r="CRV726" s="424"/>
      <c r="CRW726" s="424"/>
      <c r="CRX726" s="424"/>
      <c r="CRY726" s="423" t="s">
        <v>2795</v>
      </c>
      <c r="CRZ726" s="424"/>
      <c r="CSA726" s="424"/>
      <c r="CSB726" s="424"/>
      <c r="CSC726" s="423" t="s">
        <v>2795</v>
      </c>
      <c r="CSD726" s="424"/>
      <c r="CSE726" s="424"/>
      <c r="CSF726" s="424"/>
      <c r="CSG726" s="423" t="s">
        <v>2795</v>
      </c>
      <c r="CSH726" s="424"/>
      <c r="CSI726" s="424"/>
      <c r="CSJ726" s="424"/>
      <c r="CSK726" s="423" t="s">
        <v>2795</v>
      </c>
      <c r="CSL726" s="424"/>
      <c r="CSM726" s="424"/>
      <c r="CSN726" s="424"/>
      <c r="CSO726" s="423" t="s">
        <v>2795</v>
      </c>
      <c r="CSP726" s="424"/>
      <c r="CSQ726" s="424"/>
      <c r="CSR726" s="424"/>
      <c r="CSS726" s="423" t="s">
        <v>2795</v>
      </c>
      <c r="CST726" s="424"/>
      <c r="CSU726" s="424"/>
      <c r="CSV726" s="424"/>
      <c r="CSW726" s="423" t="s">
        <v>2795</v>
      </c>
      <c r="CSX726" s="424"/>
      <c r="CSY726" s="424"/>
      <c r="CSZ726" s="424"/>
      <c r="CTA726" s="423" t="s">
        <v>2795</v>
      </c>
      <c r="CTB726" s="424"/>
      <c r="CTC726" s="424"/>
      <c r="CTD726" s="424"/>
      <c r="CTE726" s="423" t="s">
        <v>2795</v>
      </c>
      <c r="CTF726" s="424"/>
      <c r="CTG726" s="424"/>
      <c r="CTH726" s="424"/>
      <c r="CTI726" s="423" t="s">
        <v>2795</v>
      </c>
      <c r="CTJ726" s="424"/>
      <c r="CTK726" s="424"/>
      <c r="CTL726" s="424"/>
      <c r="CTM726" s="423" t="s">
        <v>2795</v>
      </c>
      <c r="CTN726" s="424"/>
      <c r="CTO726" s="424"/>
      <c r="CTP726" s="424"/>
      <c r="CTQ726" s="423" t="s">
        <v>2795</v>
      </c>
      <c r="CTR726" s="424"/>
      <c r="CTS726" s="424"/>
      <c r="CTT726" s="424"/>
      <c r="CTU726" s="423" t="s">
        <v>2795</v>
      </c>
      <c r="CTV726" s="424"/>
      <c r="CTW726" s="424"/>
      <c r="CTX726" s="424"/>
      <c r="CTY726" s="423" t="s">
        <v>2795</v>
      </c>
      <c r="CTZ726" s="424"/>
      <c r="CUA726" s="424"/>
      <c r="CUB726" s="424"/>
      <c r="CUC726" s="423" t="s">
        <v>2795</v>
      </c>
      <c r="CUD726" s="424"/>
      <c r="CUE726" s="424"/>
      <c r="CUF726" s="424"/>
      <c r="CUG726" s="423" t="s">
        <v>2795</v>
      </c>
      <c r="CUH726" s="424"/>
      <c r="CUI726" s="424"/>
      <c r="CUJ726" s="424"/>
      <c r="CUK726" s="423" t="s">
        <v>2795</v>
      </c>
      <c r="CUL726" s="424"/>
      <c r="CUM726" s="424"/>
      <c r="CUN726" s="424"/>
      <c r="CUO726" s="423" t="s">
        <v>2795</v>
      </c>
      <c r="CUP726" s="424"/>
      <c r="CUQ726" s="424"/>
      <c r="CUR726" s="424"/>
      <c r="CUS726" s="423" t="s">
        <v>2795</v>
      </c>
      <c r="CUT726" s="424"/>
      <c r="CUU726" s="424"/>
      <c r="CUV726" s="424"/>
      <c r="CUW726" s="423" t="s">
        <v>2795</v>
      </c>
      <c r="CUX726" s="424"/>
      <c r="CUY726" s="424"/>
      <c r="CUZ726" s="424"/>
      <c r="CVA726" s="423" t="s">
        <v>2795</v>
      </c>
      <c r="CVB726" s="424"/>
      <c r="CVC726" s="424"/>
      <c r="CVD726" s="424"/>
      <c r="CVE726" s="423" t="s">
        <v>2795</v>
      </c>
      <c r="CVF726" s="424"/>
      <c r="CVG726" s="424"/>
      <c r="CVH726" s="424"/>
      <c r="CVI726" s="423" t="s">
        <v>2795</v>
      </c>
      <c r="CVJ726" s="424"/>
      <c r="CVK726" s="424"/>
      <c r="CVL726" s="424"/>
      <c r="CVM726" s="423" t="s">
        <v>2795</v>
      </c>
      <c r="CVN726" s="424"/>
      <c r="CVO726" s="424"/>
      <c r="CVP726" s="424"/>
      <c r="CVQ726" s="423" t="s">
        <v>2795</v>
      </c>
      <c r="CVR726" s="424"/>
      <c r="CVS726" s="424"/>
      <c r="CVT726" s="424"/>
      <c r="CVU726" s="423" t="s">
        <v>2795</v>
      </c>
      <c r="CVV726" s="424"/>
      <c r="CVW726" s="424"/>
      <c r="CVX726" s="424"/>
      <c r="CVY726" s="423" t="s">
        <v>2795</v>
      </c>
      <c r="CVZ726" s="424"/>
      <c r="CWA726" s="424"/>
      <c r="CWB726" s="424"/>
      <c r="CWC726" s="423" t="s">
        <v>2795</v>
      </c>
      <c r="CWD726" s="424"/>
      <c r="CWE726" s="424"/>
      <c r="CWF726" s="424"/>
      <c r="CWG726" s="423" t="s">
        <v>2795</v>
      </c>
      <c r="CWH726" s="424"/>
      <c r="CWI726" s="424"/>
      <c r="CWJ726" s="424"/>
      <c r="CWK726" s="423" t="s">
        <v>2795</v>
      </c>
      <c r="CWL726" s="424"/>
      <c r="CWM726" s="424"/>
      <c r="CWN726" s="424"/>
      <c r="CWO726" s="423" t="s">
        <v>2795</v>
      </c>
      <c r="CWP726" s="424"/>
      <c r="CWQ726" s="424"/>
      <c r="CWR726" s="424"/>
      <c r="CWS726" s="423" t="s">
        <v>2795</v>
      </c>
      <c r="CWT726" s="424"/>
      <c r="CWU726" s="424"/>
      <c r="CWV726" s="424"/>
      <c r="CWW726" s="423" t="s">
        <v>2795</v>
      </c>
      <c r="CWX726" s="424"/>
      <c r="CWY726" s="424"/>
      <c r="CWZ726" s="424"/>
      <c r="CXA726" s="423" t="s">
        <v>2795</v>
      </c>
      <c r="CXB726" s="424"/>
      <c r="CXC726" s="424"/>
      <c r="CXD726" s="424"/>
      <c r="CXE726" s="423" t="s">
        <v>2795</v>
      </c>
      <c r="CXF726" s="424"/>
      <c r="CXG726" s="424"/>
      <c r="CXH726" s="424"/>
      <c r="CXI726" s="423" t="s">
        <v>2795</v>
      </c>
      <c r="CXJ726" s="424"/>
      <c r="CXK726" s="424"/>
      <c r="CXL726" s="424"/>
      <c r="CXM726" s="423" t="s">
        <v>2795</v>
      </c>
      <c r="CXN726" s="424"/>
      <c r="CXO726" s="424"/>
      <c r="CXP726" s="424"/>
      <c r="CXQ726" s="423" t="s">
        <v>2795</v>
      </c>
      <c r="CXR726" s="424"/>
      <c r="CXS726" s="424"/>
      <c r="CXT726" s="424"/>
      <c r="CXU726" s="423" t="s">
        <v>2795</v>
      </c>
      <c r="CXV726" s="424"/>
      <c r="CXW726" s="424"/>
      <c r="CXX726" s="424"/>
      <c r="CXY726" s="423" t="s">
        <v>2795</v>
      </c>
      <c r="CXZ726" s="424"/>
      <c r="CYA726" s="424"/>
      <c r="CYB726" s="424"/>
      <c r="CYC726" s="423" t="s">
        <v>2795</v>
      </c>
      <c r="CYD726" s="424"/>
      <c r="CYE726" s="424"/>
      <c r="CYF726" s="424"/>
      <c r="CYG726" s="423" t="s">
        <v>2795</v>
      </c>
      <c r="CYH726" s="424"/>
      <c r="CYI726" s="424"/>
      <c r="CYJ726" s="424"/>
      <c r="CYK726" s="423" t="s">
        <v>2795</v>
      </c>
      <c r="CYL726" s="424"/>
      <c r="CYM726" s="424"/>
      <c r="CYN726" s="424"/>
      <c r="CYO726" s="423" t="s">
        <v>2795</v>
      </c>
      <c r="CYP726" s="424"/>
      <c r="CYQ726" s="424"/>
      <c r="CYR726" s="424"/>
      <c r="CYS726" s="423" t="s">
        <v>2795</v>
      </c>
      <c r="CYT726" s="424"/>
      <c r="CYU726" s="424"/>
      <c r="CYV726" s="424"/>
      <c r="CYW726" s="423" t="s">
        <v>2795</v>
      </c>
      <c r="CYX726" s="424"/>
      <c r="CYY726" s="424"/>
      <c r="CYZ726" s="424"/>
      <c r="CZA726" s="423" t="s">
        <v>2795</v>
      </c>
      <c r="CZB726" s="424"/>
      <c r="CZC726" s="424"/>
      <c r="CZD726" s="424"/>
      <c r="CZE726" s="423" t="s">
        <v>2795</v>
      </c>
      <c r="CZF726" s="424"/>
      <c r="CZG726" s="424"/>
      <c r="CZH726" s="424"/>
      <c r="CZI726" s="423" t="s">
        <v>2795</v>
      </c>
      <c r="CZJ726" s="424"/>
      <c r="CZK726" s="424"/>
      <c r="CZL726" s="424"/>
      <c r="CZM726" s="423" t="s">
        <v>2795</v>
      </c>
      <c r="CZN726" s="424"/>
      <c r="CZO726" s="424"/>
      <c r="CZP726" s="424"/>
      <c r="CZQ726" s="423" t="s">
        <v>2795</v>
      </c>
      <c r="CZR726" s="424"/>
      <c r="CZS726" s="424"/>
      <c r="CZT726" s="424"/>
      <c r="CZU726" s="423" t="s">
        <v>2795</v>
      </c>
      <c r="CZV726" s="424"/>
      <c r="CZW726" s="424"/>
      <c r="CZX726" s="424"/>
      <c r="CZY726" s="423" t="s">
        <v>2795</v>
      </c>
      <c r="CZZ726" s="424"/>
      <c r="DAA726" s="424"/>
      <c r="DAB726" s="424"/>
      <c r="DAC726" s="423" t="s">
        <v>2795</v>
      </c>
      <c r="DAD726" s="424"/>
      <c r="DAE726" s="424"/>
      <c r="DAF726" s="424"/>
      <c r="DAG726" s="423" t="s">
        <v>2795</v>
      </c>
      <c r="DAH726" s="424"/>
      <c r="DAI726" s="424"/>
      <c r="DAJ726" s="424"/>
      <c r="DAK726" s="423" t="s">
        <v>2795</v>
      </c>
      <c r="DAL726" s="424"/>
      <c r="DAM726" s="424"/>
      <c r="DAN726" s="424"/>
      <c r="DAO726" s="423" t="s">
        <v>2795</v>
      </c>
      <c r="DAP726" s="424"/>
      <c r="DAQ726" s="424"/>
      <c r="DAR726" s="424"/>
      <c r="DAS726" s="423" t="s">
        <v>2795</v>
      </c>
      <c r="DAT726" s="424"/>
      <c r="DAU726" s="424"/>
      <c r="DAV726" s="424"/>
      <c r="DAW726" s="423" t="s">
        <v>2795</v>
      </c>
      <c r="DAX726" s="424"/>
      <c r="DAY726" s="424"/>
      <c r="DAZ726" s="424"/>
      <c r="DBA726" s="423" t="s">
        <v>2795</v>
      </c>
      <c r="DBB726" s="424"/>
      <c r="DBC726" s="424"/>
      <c r="DBD726" s="424"/>
      <c r="DBE726" s="423" t="s">
        <v>2795</v>
      </c>
      <c r="DBF726" s="424"/>
      <c r="DBG726" s="424"/>
      <c r="DBH726" s="424"/>
      <c r="DBI726" s="423" t="s">
        <v>2795</v>
      </c>
      <c r="DBJ726" s="424"/>
      <c r="DBK726" s="424"/>
      <c r="DBL726" s="424"/>
      <c r="DBM726" s="423" t="s">
        <v>2795</v>
      </c>
      <c r="DBN726" s="424"/>
      <c r="DBO726" s="424"/>
      <c r="DBP726" s="424"/>
      <c r="DBQ726" s="423" t="s">
        <v>2795</v>
      </c>
      <c r="DBR726" s="424"/>
      <c r="DBS726" s="424"/>
      <c r="DBT726" s="424"/>
      <c r="DBU726" s="423" t="s">
        <v>2795</v>
      </c>
      <c r="DBV726" s="424"/>
      <c r="DBW726" s="424"/>
      <c r="DBX726" s="424"/>
      <c r="DBY726" s="423" t="s">
        <v>2795</v>
      </c>
      <c r="DBZ726" s="424"/>
      <c r="DCA726" s="424"/>
      <c r="DCB726" s="424"/>
      <c r="DCC726" s="423" t="s">
        <v>2795</v>
      </c>
      <c r="DCD726" s="424"/>
      <c r="DCE726" s="424"/>
      <c r="DCF726" s="424"/>
      <c r="DCG726" s="423" t="s">
        <v>2795</v>
      </c>
      <c r="DCH726" s="424"/>
      <c r="DCI726" s="424"/>
      <c r="DCJ726" s="424"/>
      <c r="DCK726" s="423" t="s">
        <v>2795</v>
      </c>
      <c r="DCL726" s="424"/>
      <c r="DCM726" s="424"/>
      <c r="DCN726" s="424"/>
      <c r="DCO726" s="423" t="s">
        <v>2795</v>
      </c>
      <c r="DCP726" s="424"/>
      <c r="DCQ726" s="424"/>
      <c r="DCR726" s="424"/>
      <c r="DCS726" s="423" t="s">
        <v>2795</v>
      </c>
      <c r="DCT726" s="424"/>
      <c r="DCU726" s="424"/>
      <c r="DCV726" s="424"/>
      <c r="DCW726" s="423" t="s">
        <v>2795</v>
      </c>
      <c r="DCX726" s="424"/>
      <c r="DCY726" s="424"/>
      <c r="DCZ726" s="424"/>
      <c r="DDA726" s="423" t="s">
        <v>2795</v>
      </c>
      <c r="DDB726" s="424"/>
      <c r="DDC726" s="424"/>
      <c r="DDD726" s="424"/>
      <c r="DDE726" s="423" t="s">
        <v>2795</v>
      </c>
      <c r="DDF726" s="424"/>
      <c r="DDG726" s="424"/>
      <c r="DDH726" s="424"/>
      <c r="DDI726" s="423" t="s">
        <v>2795</v>
      </c>
      <c r="DDJ726" s="424"/>
      <c r="DDK726" s="424"/>
      <c r="DDL726" s="424"/>
      <c r="DDM726" s="423" t="s">
        <v>2795</v>
      </c>
      <c r="DDN726" s="424"/>
      <c r="DDO726" s="424"/>
      <c r="DDP726" s="424"/>
      <c r="DDQ726" s="423" t="s">
        <v>2795</v>
      </c>
      <c r="DDR726" s="424"/>
      <c r="DDS726" s="424"/>
      <c r="DDT726" s="424"/>
      <c r="DDU726" s="423" t="s">
        <v>2795</v>
      </c>
      <c r="DDV726" s="424"/>
      <c r="DDW726" s="424"/>
      <c r="DDX726" s="424"/>
      <c r="DDY726" s="423" t="s">
        <v>2795</v>
      </c>
      <c r="DDZ726" s="424"/>
      <c r="DEA726" s="424"/>
      <c r="DEB726" s="424"/>
      <c r="DEC726" s="423" t="s">
        <v>2795</v>
      </c>
      <c r="DED726" s="424"/>
      <c r="DEE726" s="424"/>
      <c r="DEF726" s="424"/>
      <c r="DEG726" s="423" t="s">
        <v>2795</v>
      </c>
      <c r="DEH726" s="424"/>
      <c r="DEI726" s="424"/>
      <c r="DEJ726" s="424"/>
      <c r="DEK726" s="423" t="s">
        <v>2795</v>
      </c>
      <c r="DEL726" s="424"/>
      <c r="DEM726" s="424"/>
      <c r="DEN726" s="424"/>
      <c r="DEO726" s="423" t="s">
        <v>2795</v>
      </c>
      <c r="DEP726" s="424"/>
      <c r="DEQ726" s="424"/>
      <c r="DER726" s="424"/>
      <c r="DES726" s="423" t="s">
        <v>2795</v>
      </c>
      <c r="DET726" s="424"/>
      <c r="DEU726" s="424"/>
      <c r="DEV726" s="424"/>
      <c r="DEW726" s="423" t="s">
        <v>2795</v>
      </c>
      <c r="DEX726" s="424"/>
      <c r="DEY726" s="424"/>
      <c r="DEZ726" s="424"/>
      <c r="DFA726" s="423" t="s">
        <v>2795</v>
      </c>
      <c r="DFB726" s="424"/>
      <c r="DFC726" s="424"/>
      <c r="DFD726" s="424"/>
      <c r="DFE726" s="423" t="s">
        <v>2795</v>
      </c>
      <c r="DFF726" s="424"/>
      <c r="DFG726" s="424"/>
      <c r="DFH726" s="424"/>
      <c r="DFI726" s="423" t="s">
        <v>2795</v>
      </c>
      <c r="DFJ726" s="424"/>
      <c r="DFK726" s="424"/>
      <c r="DFL726" s="424"/>
      <c r="DFM726" s="423" t="s">
        <v>2795</v>
      </c>
      <c r="DFN726" s="424"/>
      <c r="DFO726" s="424"/>
      <c r="DFP726" s="424"/>
      <c r="DFQ726" s="423" t="s">
        <v>2795</v>
      </c>
      <c r="DFR726" s="424"/>
      <c r="DFS726" s="424"/>
      <c r="DFT726" s="424"/>
      <c r="DFU726" s="423" t="s">
        <v>2795</v>
      </c>
      <c r="DFV726" s="424"/>
      <c r="DFW726" s="424"/>
      <c r="DFX726" s="424"/>
      <c r="DFY726" s="423" t="s">
        <v>2795</v>
      </c>
      <c r="DFZ726" s="424"/>
      <c r="DGA726" s="424"/>
      <c r="DGB726" s="424"/>
      <c r="DGC726" s="423" t="s">
        <v>2795</v>
      </c>
      <c r="DGD726" s="424"/>
      <c r="DGE726" s="424"/>
      <c r="DGF726" s="424"/>
      <c r="DGG726" s="423" t="s">
        <v>2795</v>
      </c>
      <c r="DGH726" s="424"/>
      <c r="DGI726" s="424"/>
      <c r="DGJ726" s="424"/>
      <c r="DGK726" s="423" t="s">
        <v>2795</v>
      </c>
      <c r="DGL726" s="424"/>
      <c r="DGM726" s="424"/>
      <c r="DGN726" s="424"/>
      <c r="DGO726" s="423" t="s">
        <v>2795</v>
      </c>
      <c r="DGP726" s="424"/>
      <c r="DGQ726" s="424"/>
      <c r="DGR726" s="424"/>
      <c r="DGS726" s="423" t="s">
        <v>2795</v>
      </c>
      <c r="DGT726" s="424"/>
      <c r="DGU726" s="424"/>
      <c r="DGV726" s="424"/>
      <c r="DGW726" s="423" t="s">
        <v>2795</v>
      </c>
      <c r="DGX726" s="424"/>
      <c r="DGY726" s="424"/>
      <c r="DGZ726" s="424"/>
      <c r="DHA726" s="423" t="s">
        <v>2795</v>
      </c>
      <c r="DHB726" s="424"/>
      <c r="DHC726" s="424"/>
      <c r="DHD726" s="424"/>
      <c r="DHE726" s="423" t="s">
        <v>2795</v>
      </c>
      <c r="DHF726" s="424"/>
      <c r="DHG726" s="424"/>
      <c r="DHH726" s="424"/>
      <c r="DHI726" s="423" t="s">
        <v>2795</v>
      </c>
      <c r="DHJ726" s="424"/>
      <c r="DHK726" s="424"/>
      <c r="DHL726" s="424"/>
      <c r="DHM726" s="423" t="s">
        <v>2795</v>
      </c>
      <c r="DHN726" s="424"/>
      <c r="DHO726" s="424"/>
      <c r="DHP726" s="424"/>
      <c r="DHQ726" s="423" t="s">
        <v>2795</v>
      </c>
      <c r="DHR726" s="424"/>
      <c r="DHS726" s="424"/>
      <c r="DHT726" s="424"/>
      <c r="DHU726" s="423" t="s">
        <v>2795</v>
      </c>
      <c r="DHV726" s="424"/>
      <c r="DHW726" s="424"/>
      <c r="DHX726" s="424"/>
      <c r="DHY726" s="423" t="s">
        <v>2795</v>
      </c>
      <c r="DHZ726" s="424"/>
      <c r="DIA726" s="424"/>
      <c r="DIB726" s="424"/>
      <c r="DIC726" s="423" t="s">
        <v>2795</v>
      </c>
      <c r="DID726" s="424"/>
      <c r="DIE726" s="424"/>
      <c r="DIF726" s="424"/>
      <c r="DIG726" s="423" t="s">
        <v>2795</v>
      </c>
      <c r="DIH726" s="424"/>
      <c r="DII726" s="424"/>
      <c r="DIJ726" s="424"/>
      <c r="DIK726" s="423" t="s">
        <v>2795</v>
      </c>
      <c r="DIL726" s="424"/>
      <c r="DIM726" s="424"/>
      <c r="DIN726" s="424"/>
      <c r="DIO726" s="423" t="s">
        <v>2795</v>
      </c>
      <c r="DIP726" s="424"/>
      <c r="DIQ726" s="424"/>
      <c r="DIR726" s="424"/>
      <c r="DIS726" s="423" t="s">
        <v>2795</v>
      </c>
      <c r="DIT726" s="424"/>
      <c r="DIU726" s="424"/>
      <c r="DIV726" s="424"/>
      <c r="DIW726" s="423" t="s">
        <v>2795</v>
      </c>
      <c r="DIX726" s="424"/>
      <c r="DIY726" s="424"/>
      <c r="DIZ726" s="424"/>
      <c r="DJA726" s="423" t="s">
        <v>2795</v>
      </c>
      <c r="DJB726" s="424"/>
      <c r="DJC726" s="424"/>
      <c r="DJD726" s="424"/>
      <c r="DJE726" s="423" t="s">
        <v>2795</v>
      </c>
      <c r="DJF726" s="424"/>
      <c r="DJG726" s="424"/>
      <c r="DJH726" s="424"/>
      <c r="DJI726" s="423" t="s">
        <v>2795</v>
      </c>
      <c r="DJJ726" s="424"/>
      <c r="DJK726" s="424"/>
      <c r="DJL726" s="424"/>
      <c r="DJM726" s="423" t="s">
        <v>2795</v>
      </c>
      <c r="DJN726" s="424"/>
      <c r="DJO726" s="424"/>
      <c r="DJP726" s="424"/>
      <c r="DJQ726" s="423" t="s">
        <v>2795</v>
      </c>
      <c r="DJR726" s="424"/>
      <c r="DJS726" s="424"/>
      <c r="DJT726" s="424"/>
      <c r="DJU726" s="423" t="s">
        <v>2795</v>
      </c>
      <c r="DJV726" s="424"/>
      <c r="DJW726" s="424"/>
      <c r="DJX726" s="424"/>
      <c r="DJY726" s="423" t="s">
        <v>2795</v>
      </c>
      <c r="DJZ726" s="424"/>
      <c r="DKA726" s="424"/>
      <c r="DKB726" s="424"/>
      <c r="DKC726" s="423" t="s">
        <v>2795</v>
      </c>
      <c r="DKD726" s="424"/>
      <c r="DKE726" s="424"/>
      <c r="DKF726" s="424"/>
      <c r="DKG726" s="423" t="s">
        <v>2795</v>
      </c>
      <c r="DKH726" s="424"/>
      <c r="DKI726" s="424"/>
      <c r="DKJ726" s="424"/>
      <c r="DKK726" s="423" t="s">
        <v>2795</v>
      </c>
      <c r="DKL726" s="424"/>
      <c r="DKM726" s="424"/>
      <c r="DKN726" s="424"/>
      <c r="DKO726" s="423" t="s">
        <v>2795</v>
      </c>
      <c r="DKP726" s="424"/>
      <c r="DKQ726" s="424"/>
      <c r="DKR726" s="424"/>
      <c r="DKS726" s="423" t="s">
        <v>2795</v>
      </c>
      <c r="DKT726" s="424"/>
      <c r="DKU726" s="424"/>
      <c r="DKV726" s="424"/>
      <c r="DKW726" s="423" t="s">
        <v>2795</v>
      </c>
      <c r="DKX726" s="424"/>
      <c r="DKY726" s="424"/>
      <c r="DKZ726" s="424"/>
      <c r="DLA726" s="423" t="s">
        <v>2795</v>
      </c>
      <c r="DLB726" s="424"/>
      <c r="DLC726" s="424"/>
      <c r="DLD726" s="424"/>
      <c r="DLE726" s="423" t="s">
        <v>2795</v>
      </c>
      <c r="DLF726" s="424"/>
      <c r="DLG726" s="424"/>
      <c r="DLH726" s="424"/>
      <c r="DLI726" s="423" t="s">
        <v>2795</v>
      </c>
      <c r="DLJ726" s="424"/>
      <c r="DLK726" s="424"/>
      <c r="DLL726" s="424"/>
      <c r="DLM726" s="423" t="s">
        <v>2795</v>
      </c>
      <c r="DLN726" s="424"/>
      <c r="DLO726" s="424"/>
      <c r="DLP726" s="424"/>
      <c r="DLQ726" s="423" t="s">
        <v>2795</v>
      </c>
      <c r="DLR726" s="424"/>
      <c r="DLS726" s="424"/>
      <c r="DLT726" s="424"/>
      <c r="DLU726" s="423" t="s">
        <v>2795</v>
      </c>
      <c r="DLV726" s="424"/>
      <c r="DLW726" s="424"/>
      <c r="DLX726" s="424"/>
      <c r="DLY726" s="423" t="s">
        <v>2795</v>
      </c>
      <c r="DLZ726" s="424"/>
      <c r="DMA726" s="424"/>
      <c r="DMB726" s="424"/>
      <c r="DMC726" s="423" t="s">
        <v>2795</v>
      </c>
      <c r="DMD726" s="424"/>
      <c r="DME726" s="424"/>
      <c r="DMF726" s="424"/>
      <c r="DMG726" s="423" t="s">
        <v>2795</v>
      </c>
      <c r="DMH726" s="424"/>
      <c r="DMI726" s="424"/>
      <c r="DMJ726" s="424"/>
      <c r="DMK726" s="423" t="s">
        <v>2795</v>
      </c>
      <c r="DML726" s="424"/>
      <c r="DMM726" s="424"/>
      <c r="DMN726" s="424"/>
      <c r="DMO726" s="423" t="s">
        <v>2795</v>
      </c>
      <c r="DMP726" s="424"/>
      <c r="DMQ726" s="424"/>
      <c r="DMR726" s="424"/>
      <c r="DMS726" s="423" t="s">
        <v>2795</v>
      </c>
      <c r="DMT726" s="424"/>
      <c r="DMU726" s="424"/>
      <c r="DMV726" s="424"/>
      <c r="DMW726" s="423" t="s">
        <v>2795</v>
      </c>
      <c r="DMX726" s="424"/>
      <c r="DMY726" s="424"/>
      <c r="DMZ726" s="424"/>
      <c r="DNA726" s="423" t="s">
        <v>2795</v>
      </c>
      <c r="DNB726" s="424"/>
      <c r="DNC726" s="424"/>
      <c r="DND726" s="424"/>
      <c r="DNE726" s="423" t="s">
        <v>2795</v>
      </c>
      <c r="DNF726" s="424"/>
      <c r="DNG726" s="424"/>
      <c r="DNH726" s="424"/>
      <c r="DNI726" s="423" t="s">
        <v>2795</v>
      </c>
      <c r="DNJ726" s="424"/>
      <c r="DNK726" s="424"/>
      <c r="DNL726" s="424"/>
      <c r="DNM726" s="423" t="s">
        <v>2795</v>
      </c>
      <c r="DNN726" s="424"/>
      <c r="DNO726" s="424"/>
      <c r="DNP726" s="424"/>
      <c r="DNQ726" s="423" t="s">
        <v>2795</v>
      </c>
      <c r="DNR726" s="424"/>
      <c r="DNS726" s="424"/>
      <c r="DNT726" s="424"/>
      <c r="DNU726" s="423" t="s">
        <v>2795</v>
      </c>
      <c r="DNV726" s="424"/>
      <c r="DNW726" s="424"/>
      <c r="DNX726" s="424"/>
      <c r="DNY726" s="423" t="s">
        <v>2795</v>
      </c>
      <c r="DNZ726" s="424"/>
      <c r="DOA726" s="424"/>
      <c r="DOB726" s="424"/>
      <c r="DOC726" s="423" t="s">
        <v>2795</v>
      </c>
      <c r="DOD726" s="424"/>
      <c r="DOE726" s="424"/>
      <c r="DOF726" s="424"/>
      <c r="DOG726" s="423" t="s">
        <v>2795</v>
      </c>
      <c r="DOH726" s="424"/>
      <c r="DOI726" s="424"/>
      <c r="DOJ726" s="424"/>
      <c r="DOK726" s="423" t="s">
        <v>2795</v>
      </c>
      <c r="DOL726" s="424"/>
      <c r="DOM726" s="424"/>
      <c r="DON726" s="424"/>
      <c r="DOO726" s="423" t="s">
        <v>2795</v>
      </c>
      <c r="DOP726" s="424"/>
      <c r="DOQ726" s="424"/>
      <c r="DOR726" s="424"/>
      <c r="DOS726" s="423" t="s">
        <v>2795</v>
      </c>
      <c r="DOT726" s="424"/>
      <c r="DOU726" s="424"/>
      <c r="DOV726" s="424"/>
      <c r="DOW726" s="423" t="s">
        <v>2795</v>
      </c>
      <c r="DOX726" s="424"/>
      <c r="DOY726" s="424"/>
      <c r="DOZ726" s="424"/>
      <c r="DPA726" s="423" t="s">
        <v>2795</v>
      </c>
      <c r="DPB726" s="424"/>
      <c r="DPC726" s="424"/>
      <c r="DPD726" s="424"/>
      <c r="DPE726" s="423" t="s">
        <v>2795</v>
      </c>
      <c r="DPF726" s="424"/>
      <c r="DPG726" s="424"/>
      <c r="DPH726" s="424"/>
      <c r="DPI726" s="423" t="s">
        <v>2795</v>
      </c>
      <c r="DPJ726" s="424"/>
      <c r="DPK726" s="424"/>
      <c r="DPL726" s="424"/>
      <c r="DPM726" s="423" t="s">
        <v>2795</v>
      </c>
      <c r="DPN726" s="424"/>
      <c r="DPO726" s="424"/>
      <c r="DPP726" s="424"/>
      <c r="DPQ726" s="423" t="s">
        <v>2795</v>
      </c>
      <c r="DPR726" s="424"/>
      <c r="DPS726" s="424"/>
      <c r="DPT726" s="424"/>
      <c r="DPU726" s="423" t="s">
        <v>2795</v>
      </c>
      <c r="DPV726" s="424"/>
      <c r="DPW726" s="424"/>
      <c r="DPX726" s="424"/>
      <c r="DPY726" s="423" t="s">
        <v>2795</v>
      </c>
      <c r="DPZ726" s="424"/>
      <c r="DQA726" s="424"/>
      <c r="DQB726" s="424"/>
      <c r="DQC726" s="423" t="s">
        <v>2795</v>
      </c>
      <c r="DQD726" s="424"/>
      <c r="DQE726" s="424"/>
      <c r="DQF726" s="424"/>
      <c r="DQG726" s="423" t="s">
        <v>2795</v>
      </c>
      <c r="DQH726" s="424"/>
      <c r="DQI726" s="424"/>
      <c r="DQJ726" s="424"/>
      <c r="DQK726" s="423" t="s">
        <v>2795</v>
      </c>
      <c r="DQL726" s="424"/>
      <c r="DQM726" s="424"/>
      <c r="DQN726" s="424"/>
      <c r="DQO726" s="423" t="s">
        <v>2795</v>
      </c>
      <c r="DQP726" s="424"/>
      <c r="DQQ726" s="424"/>
      <c r="DQR726" s="424"/>
      <c r="DQS726" s="423" t="s">
        <v>2795</v>
      </c>
      <c r="DQT726" s="424"/>
      <c r="DQU726" s="424"/>
      <c r="DQV726" s="424"/>
      <c r="DQW726" s="423" t="s">
        <v>2795</v>
      </c>
      <c r="DQX726" s="424"/>
      <c r="DQY726" s="424"/>
      <c r="DQZ726" s="424"/>
      <c r="DRA726" s="423" t="s">
        <v>2795</v>
      </c>
      <c r="DRB726" s="424"/>
      <c r="DRC726" s="424"/>
      <c r="DRD726" s="424"/>
      <c r="DRE726" s="423" t="s">
        <v>2795</v>
      </c>
      <c r="DRF726" s="424"/>
      <c r="DRG726" s="424"/>
      <c r="DRH726" s="424"/>
      <c r="DRI726" s="423" t="s">
        <v>2795</v>
      </c>
      <c r="DRJ726" s="424"/>
      <c r="DRK726" s="424"/>
      <c r="DRL726" s="424"/>
      <c r="DRM726" s="423" t="s">
        <v>2795</v>
      </c>
      <c r="DRN726" s="424"/>
      <c r="DRO726" s="424"/>
      <c r="DRP726" s="424"/>
      <c r="DRQ726" s="423" t="s">
        <v>2795</v>
      </c>
      <c r="DRR726" s="424"/>
      <c r="DRS726" s="424"/>
      <c r="DRT726" s="424"/>
      <c r="DRU726" s="423" t="s">
        <v>2795</v>
      </c>
      <c r="DRV726" s="424"/>
      <c r="DRW726" s="424"/>
      <c r="DRX726" s="424"/>
      <c r="DRY726" s="423" t="s">
        <v>2795</v>
      </c>
      <c r="DRZ726" s="424"/>
      <c r="DSA726" s="424"/>
      <c r="DSB726" s="424"/>
      <c r="DSC726" s="423" t="s">
        <v>2795</v>
      </c>
      <c r="DSD726" s="424"/>
      <c r="DSE726" s="424"/>
      <c r="DSF726" s="424"/>
      <c r="DSG726" s="423" t="s">
        <v>2795</v>
      </c>
      <c r="DSH726" s="424"/>
      <c r="DSI726" s="424"/>
      <c r="DSJ726" s="424"/>
      <c r="DSK726" s="423" t="s">
        <v>2795</v>
      </c>
      <c r="DSL726" s="424"/>
      <c r="DSM726" s="424"/>
      <c r="DSN726" s="424"/>
      <c r="DSO726" s="423" t="s">
        <v>2795</v>
      </c>
      <c r="DSP726" s="424"/>
      <c r="DSQ726" s="424"/>
      <c r="DSR726" s="424"/>
      <c r="DSS726" s="423" t="s">
        <v>2795</v>
      </c>
      <c r="DST726" s="424"/>
      <c r="DSU726" s="424"/>
      <c r="DSV726" s="424"/>
      <c r="DSW726" s="423" t="s">
        <v>2795</v>
      </c>
      <c r="DSX726" s="424"/>
      <c r="DSY726" s="424"/>
      <c r="DSZ726" s="424"/>
      <c r="DTA726" s="423" t="s">
        <v>2795</v>
      </c>
      <c r="DTB726" s="424"/>
      <c r="DTC726" s="424"/>
      <c r="DTD726" s="424"/>
      <c r="DTE726" s="423" t="s">
        <v>2795</v>
      </c>
      <c r="DTF726" s="424"/>
      <c r="DTG726" s="424"/>
      <c r="DTH726" s="424"/>
      <c r="DTI726" s="423" t="s">
        <v>2795</v>
      </c>
      <c r="DTJ726" s="424"/>
      <c r="DTK726" s="424"/>
      <c r="DTL726" s="424"/>
      <c r="DTM726" s="423" t="s">
        <v>2795</v>
      </c>
      <c r="DTN726" s="424"/>
      <c r="DTO726" s="424"/>
      <c r="DTP726" s="424"/>
      <c r="DTQ726" s="423" t="s">
        <v>2795</v>
      </c>
      <c r="DTR726" s="424"/>
      <c r="DTS726" s="424"/>
      <c r="DTT726" s="424"/>
      <c r="DTU726" s="423" t="s">
        <v>2795</v>
      </c>
      <c r="DTV726" s="424"/>
      <c r="DTW726" s="424"/>
      <c r="DTX726" s="424"/>
      <c r="DTY726" s="423" t="s">
        <v>2795</v>
      </c>
      <c r="DTZ726" s="424"/>
      <c r="DUA726" s="424"/>
      <c r="DUB726" s="424"/>
      <c r="DUC726" s="423" t="s">
        <v>2795</v>
      </c>
      <c r="DUD726" s="424"/>
      <c r="DUE726" s="424"/>
      <c r="DUF726" s="424"/>
      <c r="DUG726" s="423" t="s">
        <v>2795</v>
      </c>
      <c r="DUH726" s="424"/>
      <c r="DUI726" s="424"/>
      <c r="DUJ726" s="424"/>
      <c r="DUK726" s="423" t="s">
        <v>2795</v>
      </c>
      <c r="DUL726" s="424"/>
      <c r="DUM726" s="424"/>
      <c r="DUN726" s="424"/>
      <c r="DUO726" s="423" t="s">
        <v>2795</v>
      </c>
      <c r="DUP726" s="424"/>
      <c r="DUQ726" s="424"/>
      <c r="DUR726" s="424"/>
      <c r="DUS726" s="423" t="s">
        <v>2795</v>
      </c>
      <c r="DUT726" s="424"/>
      <c r="DUU726" s="424"/>
      <c r="DUV726" s="424"/>
      <c r="DUW726" s="423" t="s">
        <v>2795</v>
      </c>
      <c r="DUX726" s="424"/>
      <c r="DUY726" s="424"/>
      <c r="DUZ726" s="424"/>
      <c r="DVA726" s="423" t="s">
        <v>2795</v>
      </c>
      <c r="DVB726" s="424"/>
      <c r="DVC726" s="424"/>
      <c r="DVD726" s="424"/>
      <c r="DVE726" s="423" t="s">
        <v>2795</v>
      </c>
      <c r="DVF726" s="424"/>
      <c r="DVG726" s="424"/>
      <c r="DVH726" s="424"/>
      <c r="DVI726" s="423" t="s">
        <v>2795</v>
      </c>
      <c r="DVJ726" s="424"/>
      <c r="DVK726" s="424"/>
      <c r="DVL726" s="424"/>
      <c r="DVM726" s="423" t="s">
        <v>2795</v>
      </c>
      <c r="DVN726" s="424"/>
      <c r="DVO726" s="424"/>
      <c r="DVP726" s="424"/>
      <c r="DVQ726" s="423" t="s">
        <v>2795</v>
      </c>
      <c r="DVR726" s="424"/>
      <c r="DVS726" s="424"/>
      <c r="DVT726" s="424"/>
      <c r="DVU726" s="423" t="s">
        <v>2795</v>
      </c>
      <c r="DVV726" s="424"/>
      <c r="DVW726" s="424"/>
      <c r="DVX726" s="424"/>
      <c r="DVY726" s="423" t="s">
        <v>2795</v>
      </c>
      <c r="DVZ726" s="424"/>
      <c r="DWA726" s="424"/>
      <c r="DWB726" s="424"/>
      <c r="DWC726" s="423" t="s">
        <v>2795</v>
      </c>
      <c r="DWD726" s="424"/>
      <c r="DWE726" s="424"/>
      <c r="DWF726" s="424"/>
      <c r="DWG726" s="423" t="s">
        <v>2795</v>
      </c>
      <c r="DWH726" s="424"/>
      <c r="DWI726" s="424"/>
      <c r="DWJ726" s="424"/>
      <c r="DWK726" s="423" t="s">
        <v>2795</v>
      </c>
      <c r="DWL726" s="424"/>
      <c r="DWM726" s="424"/>
      <c r="DWN726" s="424"/>
      <c r="DWO726" s="423" t="s">
        <v>2795</v>
      </c>
      <c r="DWP726" s="424"/>
      <c r="DWQ726" s="424"/>
      <c r="DWR726" s="424"/>
      <c r="DWS726" s="423" t="s">
        <v>2795</v>
      </c>
      <c r="DWT726" s="424"/>
      <c r="DWU726" s="424"/>
      <c r="DWV726" s="424"/>
      <c r="DWW726" s="423" t="s">
        <v>2795</v>
      </c>
      <c r="DWX726" s="424"/>
      <c r="DWY726" s="424"/>
      <c r="DWZ726" s="424"/>
      <c r="DXA726" s="423" t="s">
        <v>2795</v>
      </c>
      <c r="DXB726" s="424"/>
      <c r="DXC726" s="424"/>
      <c r="DXD726" s="424"/>
      <c r="DXE726" s="423" t="s">
        <v>2795</v>
      </c>
      <c r="DXF726" s="424"/>
      <c r="DXG726" s="424"/>
      <c r="DXH726" s="424"/>
      <c r="DXI726" s="423" t="s">
        <v>2795</v>
      </c>
      <c r="DXJ726" s="424"/>
      <c r="DXK726" s="424"/>
      <c r="DXL726" s="424"/>
      <c r="DXM726" s="423" t="s">
        <v>2795</v>
      </c>
      <c r="DXN726" s="424"/>
      <c r="DXO726" s="424"/>
      <c r="DXP726" s="424"/>
      <c r="DXQ726" s="423" t="s">
        <v>2795</v>
      </c>
      <c r="DXR726" s="424"/>
      <c r="DXS726" s="424"/>
      <c r="DXT726" s="424"/>
      <c r="DXU726" s="423" t="s">
        <v>2795</v>
      </c>
      <c r="DXV726" s="424"/>
      <c r="DXW726" s="424"/>
      <c r="DXX726" s="424"/>
      <c r="DXY726" s="423" t="s">
        <v>2795</v>
      </c>
      <c r="DXZ726" s="424"/>
      <c r="DYA726" s="424"/>
      <c r="DYB726" s="424"/>
      <c r="DYC726" s="423" t="s">
        <v>2795</v>
      </c>
      <c r="DYD726" s="424"/>
      <c r="DYE726" s="424"/>
      <c r="DYF726" s="424"/>
      <c r="DYG726" s="423" t="s">
        <v>2795</v>
      </c>
      <c r="DYH726" s="424"/>
      <c r="DYI726" s="424"/>
      <c r="DYJ726" s="424"/>
      <c r="DYK726" s="423" t="s">
        <v>2795</v>
      </c>
      <c r="DYL726" s="424"/>
      <c r="DYM726" s="424"/>
      <c r="DYN726" s="424"/>
      <c r="DYO726" s="423" t="s">
        <v>2795</v>
      </c>
      <c r="DYP726" s="424"/>
      <c r="DYQ726" s="424"/>
      <c r="DYR726" s="424"/>
      <c r="DYS726" s="423" t="s">
        <v>2795</v>
      </c>
      <c r="DYT726" s="424"/>
      <c r="DYU726" s="424"/>
      <c r="DYV726" s="424"/>
      <c r="DYW726" s="423" t="s">
        <v>2795</v>
      </c>
      <c r="DYX726" s="424"/>
      <c r="DYY726" s="424"/>
      <c r="DYZ726" s="424"/>
      <c r="DZA726" s="423" t="s">
        <v>2795</v>
      </c>
      <c r="DZB726" s="424"/>
      <c r="DZC726" s="424"/>
      <c r="DZD726" s="424"/>
      <c r="DZE726" s="423" t="s">
        <v>2795</v>
      </c>
      <c r="DZF726" s="424"/>
      <c r="DZG726" s="424"/>
      <c r="DZH726" s="424"/>
      <c r="DZI726" s="423" t="s">
        <v>2795</v>
      </c>
      <c r="DZJ726" s="424"/>
      <c r="DZK726" s="424"/>
      <c r="DZL726" s="424"/>
      <c r="DZM726" s="423" t="s">
        <v>2795</v>
      </c>
      <c r="DZN726" s="424"/>
      <c r="DZO726" s="424"/>
      <c r="DZP726" s="424"/>
      <c r="DZQ726" s="423" t="s">
        <v>2795</v>
      </c>
      <c r="DZR726" s="424"/>
      <c r="DZS726" s="424"/>
      <c r="DZT726" s="424"/>
      <c r="DZU726" s="423" t="s">
        <v>2795</v>
      </c>
      <c r="DZV726" s="424"/>
      <c r="DZW726" s="424"/>
      <c r="DZX726" s="424"/>
      <c r="DZY726" s="423" t="s">
        <v>2795</v>
      </c>
      <c r="DZZ726" s="424"/>
      <c r="EAA726" s="424"/>
      <c r="EAB726" s="424"/>
      <c r="EAC726" s="423" t="s">
        <v>2795</v>
      </c>
      <c r="EAD726" s="424"/>
      <c r="EAE726" s="424"/>
      <c r="EAF726" s="424"/>
      <c r="EAG726" s="423" t="s">
        <v>2795</v>
      </c>
      <c r="EAH726" s="424"/>
      <c r="EAI726" s="424"/>
      <c r="EAJ726" s="424"/>
      <c r="EAK726" s="423" t="s">
        <v>2795</v>
      </c>
      <c r="EAL726" s="424"/>
      <c r="EAM726" s="424"/>
      <c r="EAN726" s="424"/>
      <c r="EAO726" s="423" t="s">
        <v>2795</v>
      </c>
      <c r="EAP726" s="424"/>
      <c r="EAQ726" s="424"/>
      <c r="EAR726" s="424"/>
      <c r="EAS726" s="423" t="s">
        <v>2795</v>
      </c>
      <c r="EAT726" s="424"/>
      <c r="EAU726" s="424"/>
      <c r="EAV726" s="424"/>
      <c r="EAW726" s="423" t="s">
        <v>2795</v>
      </c>
      <c r="EAX726" s="424"/>
      <c r="EAY726" s="424"/>
      <c r="EAZ726" s="424"/>
      <c r="EBA726" s="423" t="s">
        <v>2795</v>
      </c>
      <c r="EBB726" s="424"/>
      <c r="EBC726" s="424"/>
      <c r="EBD726" s="424"/>
      <c r="EBE726" s="423" t="s">
        <v>2795</v>
      </c>
      <c r="EBF726" s="424"/>
      <c r="EBG726" s="424"/>
      <c r="EBH726" s="424"/>
      <c r="EBI726" s="423" t="s">
        <v>2795</v>
      </c>
      <c r="EBJ726" s="424"/>
      <c r="EBK726" s="424"/>
      <c r="EBL726" s="424"/>
      <c r="EBM726" s="423" t="s">
        <v>2795</v>
      </c>
      <c r="EBN726" s="424"/>
      <c r="EBO726" s="424"/>
      <c r="EBP726" s="424"/>
      <c r="EBQ726" s="423" t="s">
        <v>2795</v>
      </c>
      <c r="EBR726" s="424"/>
      <c r="EBS726" s="424"/>
      <c r="EBT726" s="424"/>
      <c r="EBU726" s="423" t="s">
        <v>2795</v>
      </c>
      <c r="EBV726" s="424"/>
      <c r="EBW726" s="424"/>
      <c r="EBX726" s="424"/>
      <c r="EBY726" s="423" t="s">
        <v>2795</v>
      </c>
      <c r="EBZ726" s="424"/>
      <c r="ECA726" s="424"/>
      <c r="ECB726" s="424"/>
      <c r="ECC726" s="423" t="s">
        <v>2795</v>
      </c>
      <c r="ECD726" s="424"/>
      <c r="ECE726" s="424"/>
      <c r="ECF726" s="424"/>
      <c r="ECG726" s="423" t="s">
        <v>2795</v>
      </c>
      <c r="ECH726" s="424"/>
      <c r="ECI726" s="424"/>
      <c r="ECJ726" s="424"/>
      <c r="ECK726" s="423" t="s">
        <v>2795</v>
      </c>
      <c r="ECL726" s="424"/>
      <c r="ECM726" s="424"/>
      <c r="ECN726" s="424"/>
      <c r="ECO726" s="423" t="s">
        <v>2795</v>
      </c>
      <c r="ECP726" s="424"/>
      <c r="ECQ726" s="424"/>
      <c r="ECR726" s="424"/>
      <c r="ECS726" s="423" t="s">
        <v>2795</v>
      </c>
      <c r="ECT726" s="424"/>
      <c r="ECU726" s="424"/>
      <c r="ECV726" s="424"/>
      <c r="ECW726" s="423" t="s">
        <v>2795</v>
      </c>
      <c r="ECX726" s="424"/>
      <c r="ECY726" s="424"/>
      <c r="ECZ726" s="424"/>
      <c r="EDA726" s="423" t="s">
        <v>2795</v>
      </c>
      <c r="EDB726" s="424"/>
      <c r="EDC726" s="424"/>
      <c r="EDD726" s="424"/>
      <c r="EDE726" s="423" t="s">
        <v>2795</v>
      </c>
      <c r="EDF726" s="424"/>
      <c r="EDG726" s="424"/>
      <c r="EDH726" s="424"/>
      <c r="EDI726" s="423" t="s">
        <v>2795</v>
      </c>
      <c r="EDJ726" s="424"/>
      <c r="EDK726" s="424"/>
      <c r="EDL726" s="424"/>
      <c r="EDM726" s="423" t="s">
        <v>2795</v>
      </c>
      <c r="EDN726" s="424"/>
      <c r="EDO726" s="424"/>
      <c r="EDP726" s="424"/>
      <c r="EDQ726" s="423" t="s">
        <v>2795</v>
      </c>
      <c r="EDR726" s="424"/>
      <c r="EDS726" s="424"/>
      <c r="EDT726" s="424"/>
      <c r="EDU726" s="423" t="s">
        <v>2795</v>
      </c>
      <c r="EDV726" s="424"/>
      <c r="EDW726" s="424"/>
      <c r="EDX726" s="424"/>
      <c r="EDY726" s="423" t="s">
        <v>2795</v>
      </c>
      <c r="EDZ726" s="424"/>
      <c r="EEA726" s="424"/>
      <c r="EEB726" s="424"/>
      <c r="EEC726" s="423" t="s">
        <v>2795</v>
      </c>
      <c r="EED726" s="424"/>
      <c r="EEE726" s="424"/>
      <c r="EEF726" s="424"/>
      <c r="EEG726" s="423" t="s">
        <v>2795</v>
      </c>
      <c r="EEH726" s="424"/>
      <c r="EEI726" s="424"/>
      <c r="EEJ726" s="424"/>
      <c r="EEK726" s="423" t="s">
        <v>2795</v>
      </c>
      <c r="EEL726" s="424"/>
      <c r="EEM726" s="424"/>
      <c r="EEN726" s="424"/>
      <c r="EEO726" s="423" t="s">
        <v>2795</v>
      </c>
      <c r="EEP726" s="424"/>
      <c r="EEQ726" s="424"/>
      <c r="EER726" s="424"/>
      <c r="EES726" s="423" t="s">
        <v>2795</v>
      </c>
      <c r="EET726" s="424"/>
      <c r="EEU726" s="424"/>
      <c r="EEV726" s="424"/>
      <c r="EEW726" s="423" t="s">
        <v>2795</v>
      </c>
      <c r="EEX726" s="424"/>
      <c r="EEY726" s="424"/>
      <c r="EEZ726" s="424"/>
      <c r="EFA726" s="423" t="s">
        <v>2795</v>
      </c>
      <c r="EFB726" s="424"/>
      <c r="EFC726" s="424"/>
      <c r="EFD726" s="424"/>
      <c r="EFE726" s="423" t="s">
        <v>2795</v>
      </c>
      <c r="EFF726" s="424"/>
      <c r="EFG726" s="424"/>
      <c r="EFH726" s="424"/>
      <c r="EFI726" s="423" t="s">
        <v>2795</v>
      </c>
      <c r="EFJ726" s="424"/>
      <c r="EFK726" s="424"/>
      <c r="EFL726" s="424"/>
      <c r="EFM726" s="423" t="s">
        <v>2795</v>
      </c>
      <c r="EFN726" s="424"/>
      <c r="EFO726" s="424"/>
      <c r="EFP726" s="424"/>
      <c r="EFQ726" s="423" t="s">
        <v>2795</v>
      </c>
      <c r="EFR726" s="424"/>
      <c r="EFS726" s="424"/>
      <c r="EFT726" s="424"/>
      <c r="EFU726" s="423" t="s">
        <v>2795</v>
      </c>
      <c r="EFV726" s="424"/>
      <c r="EFW726" s="424"/>
      <c r="EFX726" s="424"/>
      <c r="EFY726" s="423" t="s">
        <v>2795</v>
      </c>
      <c r="EFZ726" s="424"/>
      <c r="EGA726" s="424"/>
      <c r="EGB726" s="424"/>
      <c r="EGC726" s="423" t="s">
        <v>2795</v>
      </c>
      <c r="EGD726" s="424"/>
      <c r="EGE726" s="424"/>
      <c r="EGF726" s="424"/>
      <c r="EGG726" s="423" t="s">
        <v>2795</v>
      </c>
      <c r="EGH726" s="424"/>
      <c r="EGI726" s="424"/>
      <c r="EGJ726" s="424"/>
      <c r="EGK726" s="423" t="s">
        <v>2795</v>
      </c>
      <c r="EGL726" s="424"/>
      <c r="EGM726" s="424"/>
      <c r="EGN726" s="424"/>
      <c r="EGO726" s="423" t="s">
        <v>2795</v>
      </c>
      <c r="EGP726" s="424"/>
      <c r="EGQ726" s="424"/>
      <c r="EGR726" s="424"/>
      <c r="EGS726" s="423" t="s">
        <v>2795</v>
      </c>
      <c r="EGT726" s="424"/>
      <c r="EGU726" s="424"/>
      <c r="EGV726" s="424"/>
      <c r="EGW726" s="423" t="s">
        <v>2795</v>
      </c>
      <c r="EGX726" s="424"/>
      <c r="EGY726" s="424"/>
      <c r="EGZ726" s="424"/>
      <c r="EHA726" s="423" t="s">
        <v>2795</v>
      </c>
      <c r="EHB726" s="424"/>
      <c r="EHC726" s="424"/>
      <c r="EHD726" s="424"/>
      <c r="EHE726" s="423" t="s">
        <v>2795</v>
      </c>
      <c r="EHF726" s="424"/>
      <c r="EHG726" s="424"/>
      <c r="EHH726" s="424"/>
      <c r="EHI726" s="423" t="s">
        <v>2795</v>
      </c>
      <c r="EHJ726" s="424"/>
      <c r="EHK726" s="424"/>
      <c r="EHL726" s="424"/>
      <c r="EHM726" s="423" t="s">
        <v>2795</v>
      </c>
      <c r="EHN726" s="424"/>
      <c r="EHO726" s="424"/>
      <c r="EHP726" s="424"/>
      <c r="EHQ726" s="423" t="s">
        <v>2795</v>
      </c>
      <c r="EHR726" s="424"/>
      <c r="EHS726" s="424"/>
      <c r="EHT726" s="424"/>
      <c r="EHU726" s="423" t="s">
        <v>2795</v>
      </c>
      <c r="EHV726" s="424"/>
      <c r="EHW726" s="424"/>
      <c r="EHX726" s="424"/>
      <c r="EHY726" s="423" t="s">
        <v>2795</v>
      </c>
      <c r="EHZ726" s="424"/>
      <c r="EIA726" s="424"/>
      <c r="EIB726" s="424"/>
      <c r="EIC726" s="423" t="s">
        <v>2795</v>
      </c>
      <c r="EID726" s="424"/>
      <c r="EIE726" s="424"/>
      <c r="EIF726" s="424"/>
      <c r="EIG726" s="423" t="s">
        <v>2795</v>
      </c>
      <c r="EIH726" s="424"/>
      <c r="EII726" s="424"/>
      <c r="EIJ726" s="424"/>
      <c r="EIK726" s="423" t="s">
        <v>2795</v>
      </c>
      <c r="EIL726" s="424"/>
      <c r="EIM726" s="424"/>
      <c r="EIN726" s="424"/>
      <c r="EIO726" s="423" t="s">
        <v>2795</v>
      </c>
      <c r="EIP726" s="424"/>
      <c r="EIQ726" s="424"/>
      <c r="EIR726" s="424"/>
      <c r="EIS726" s="423" t="s">
        <v>2795</v>
      </c>
      <c r="EIT726" s="424"/>
      <c r="EIU726" s="424"/>
      <c r="EIV726" s="424"/>
      <c r="EIW726" s="423" t="s">
        <v>2795</v>
      </c>
      <c r="EIX726" s="424"/>
      <c r="EIY726" s="424"/>
      <c r="EIZ726" s="424"/>
      <c r="EJA726" s="423" t="s">
        <v>2795</v>
      </c>
      <c r="EJB726" s="424"/>
      <c r="EJC726" s="424"/>
      <c r="EJD726" s="424"/>
      <c r="EJE726" s="423" t="s">
        <v>2795</v>
      </c>
      <c r="EJF726" s="424"/>
      <c r="EJG726" s="424"/>
      <c r="EJH726" s="424"/>
      <c r="EJI726" s="423" t="s">
        <v>2795</v>
      </c>
      <c r="EJJ726" s="424"/>
      <c r="EJK726" s="424"/>
      <c r="EJL726" s="424"/>
      <c r="EJM726" s="423" t="s">
        <v>2795</v>
      </c>
      <c r="EJN726" s="424"/>
      <c r="EJO726" s="424"/>
      <c r="EJP726" s="424"/>
      <c r="EJQ726" s="423" t="s">
        <v>2795</v>
      </c>
      <c r="EJR726" s="424"/>
      <c r="EJS726" s="424"/>
      <c r="EJT726" s="424"/>
      <c r="EJU726" s="423" t="s">
        <v>2795</v>
      </c>
      <c r="EJV726" s="424"/>
      <c r="EJW726" s="424"/>
      <c r="EJX726" s="424"/>
      <c r="EJY726" s="423" t="s">
        <v>2795</v>
      </c>
      <c r="EJZ726" s="424"/>
      <c r="EKA726" s="424"/>
      <c r="EKB726" s="424"/>
      <c r="EKC726" s="423" t="s">
        <v>2795</v>
      </c>
      <c r="EKD726" s="424"/>
      <c r="EKE726" s="424"/>
      <c r="EKF726" s="424"/>
      <c r="EKG726" s="423" t="s">
        <v>2795</v>
      </c>
      <c r="EKH726" s="424"/>
      <c r="EKI726" s="424"/>
      <c r="EKJ726" s="424"/>
      <c r="EKK726" s="423" t="s">
        <v>2795</v>
      </c>
      <c r="EKL726" s="424"/>
      <c r="EKM726" s="424"/>
      <c r="EKN726" s="424"/>
      <c r="EKO726" s="423" t="s">
        <v>2795</v>
      </c>
      <c r="EKP726" s="424"/>
      <c r="EKQ726" s="424"/>
      <c r="EKR726" s="424"/>
      <c r="EKS726" s="423" t="s">
        <v>2795</v>
      </c>
      <c r="EKT726" s="424"/>
      <c r="EKU726" s="424"/>
      <c r="EKV726" s="424"/>
      <c r="EKW726" s="423" t="s">
        <v>2795</v>
      </c>
      <c r="EKX726" s="424"/>
      <c r="EKY726" s="424"/>
      <c r="EKZ726" s="424"/>
      <c r="ELA726" s="423" t="s">
        <v>2795</v>
      </c>
      <c r="ELB726" s="424"/>
      <c r="ELC726" s="424"/>
      <c r="ELD726" s="424"/>
      <c r="ELE726" s="423" t="s">
        <v>2795</v>
      </c>
      <c r="ELF726" s="424"/>
      <c r="ELG726" s="424"/>
      <c r="ELH726" s="424"/>
      <c r="ELI726" s="423" t="s">
        <v>2795</v>
      </c>
      <c r="ELJ726" s="424"/>
      <c r="ELK726" s="424"/>
      <c r="ELL726" s="424"/>
      <c r="ELM726" s="423" t="s">
        <v>2795</v>
      </c>
      <c r="ELN726" s="424"/>
      <c r="ELO726" s="424"/>
      <c r="ELP726" s="424"/>
      <c r="ELQ726" s="423" t="s">
        <v>2795</v>
      </c>
      <c r="ELR726" s="424"/>
      <c r="ELS726" s="424"/>
      <c r="ELT726" s="424"/>
      <c r="ELU726" s="423" t="s">
        <v>2795</v>
      </c>
      <c r="ELV726" s="424"/>
      <c r="ELW726" s="424"/>
      <c r="ELX726" s="424"/>
      <c r="ELY726" s="423" t="s">
        <v>2795</v>
      </c>
      <c r="ELZ726" s="424"/>
      <c r="EMA726" s="424"/>
      <c r="EMB726" s="424"/>
      <c r="EMC726" s="423" t="s">
        <v>2795</v>
      </c>
      <c r="EMD726" s="424"/>
      <c r="EME726" s="424"/>
      <c r="EMF726" s="424"/>
      <c r="EMG726" s="423" t="s">
        <v>2795</v>
      </c>
      <c r="EMH726" s="424"/>
      <c r="EMI726" s="424"/>
      <c r="EMJ726" s="424"/>
      <c r="EMK726" s="423" t="s">
        <v>2795</v>
      </c>
      <c r="EML726" s="424"/>
      <c r="EMM726" s="424"/>
      <c r="EMN726" s="424"/>
      <c r="EMO726" s="423" t="s">
        <v>2795</v>
      </c>
      <c r="EMP726" s="424"/>
      <c r="EMQ726" s="424"/>
      <c r="EMR726" s="424"/>
      <c r="EMS726" s="423" t="s">
        <v>2795</v>
      </c>
      <c r="EMT726" s="424"/>
      <c r="EMU726" s="424"/>
      <c r="EMV726" s="424"/>
      <c r="EMW726" s="423" t="s">
        <v>2795</v>
      </c>
      <c r="EMX726" s="424"/>
      <c r="EMY726" s="424"/>
      <c r="EMZ726" s="424"/>
      <c r="ENA726" s="423" t="s">
        <v>2795</v>
      </c>
      <c r="ENB726" s="424"/>
      <c r="ENC726" s="424"/>
      <c r="END726" s="424"/>
      <c r="ENE726" s="423" t="s">
        <v>2795</v>
      </c>
      <c r="ENF726" s="424"/>
      <c r="ENG726" s="424"/>
      <c r="ENH726" s="424"/>
      <c r="ENI726" s="423" t="s">
        <v>2795</v>
      </c>
      <c r="ENJ726" s="424"/>
      <c r="ENK726" s="424"/>
      <c r="ENL726" s="424"/>
      <c r="ENM726" s="423" t="s">
        <v>2795</v>
      </c>
      <c r="ENN726" s="424"/>
      <c r="ENO726" s="424"/>
      <c r="ENP726" s="424"/>
      <c r="ENQ726" s="423" t="s">
        <v>2795</v>
      </c>
      <c r="ENR726" s="424"/>
      <c r="ENS726" s="424"/>
      <c r="ENT726" s="424"/>
      <c r="ENU726" s="423" t="s">
        <v>2795</v>
      </c>
      <c r="ENV726" s="424"/>
      <c r="ENW726" s="424"/>
      <c r="ENX726" s="424"/>
      <c r="ENY726" s="423" t="s">
        <v>2795</v>
      </c>
      <c r="ENZ726" s="424"/>
      <c r="EOA726" s="424"/>
      <c r="EOB726" s="424"/>
      <c r="EOC726" s="423" t="s">
        <v>2795</v>
      </c>
      <c r="EOD726" s="424"/>
      <c r="EOE726" s="424"/>
      <c r="EOF726" s="424"/>
      <c r="EOG726" s="423" t="s">
        <v>2795</v>
      </c>
      <c r="EOH726" s="424"/>
      <c r="EOI726" s="424"/>
      <c r="EOJ726" s="424"/>
      <c r="EOK726" s="423" t="s">
        <v>2795</v>
      </c>
      <c r="EOL726" s="424"/>
      <c r="EOM726" s="424"/>
      <c r="EON726" s="424"/>
      <c r="EOO726" s="423" t="s">
        <v>2795</v>
      </c>
      <c r="EOP726" s="424"/>
      <c r="EOQ726" s="424"/>
      <c r="EOR726" s="424"/>
      <c r="EOS726" s="423" t="s">
        <v>2795</v>
      </c>
      <c r="EOT726" s="424"/>
      <c r="EOU726" s="424"/>
      <c r="EOV726" s="424"/>
      <c r="EOW726" s="423" t="s">
        <v>2795</v>
      </c>
      <c r="EOX726" s="424"/>
      <c r="EOY726" s="424"/>
      <c r="EOZ726" s="424"/>
      <c r="EPA726" s="423" t="s">
        <v>2795</v>
      </c>
      <c r="EPB726" s="424"/>
      <c r="EPC726" s="424"/>
      <c r="EPD726" s="424"/>
      <c r="EPE726" s="423" t="s">
        <v>2795</v>
      </c>
      <c r="EPF726" s="424"/>
      <c r="EPG726" s="424"/>
      <c r="EPH726" s="424"/>
      <c r="EPI726" s="423" t="s">
        <v>2795</v>
      </c>
      <c r="EPJ726" s="424"/>
      <c r="EPK726" s="424"/>
      <c r="EPL726" s="424"/>
      <c r="EPM726" s="423" t="s">
        <v>2795</v>
      </c>
      <c r="EPN726" s="424"/>
      <c r="EPO726" s="424"/>
      <c r="EPP726" s="424"/>
      <c r="EPQ726" s="423" t="s">
        <v>2795</v>
      </c>
      <c r="EPR726" s="424"/>
      <c r="EPS726" s="424"/>
      <c r="EPT726" s="424"/>
      <c r="EPU726" s="423" t="s">
        <v>2795</v>
      </c>
      <c r="EPV726" s="424"/>
      <c r="EPW726" s="424"/>
      <c r="EPX726" s="424"/>
      <c r="EPY726" s="423" t="s">
        <v>2795</v>
      </c>
      <c r="EPZ726" s="424"/>
      <c r="EQA726" s="424"/>
      <c r="EQB726" s="424"/>
      <c r="EQC726" s="423" t="s">
        <v>2795</v>
      </c>
      <c r="EQD726" s="424"/>
      <c r="EQE726" s="424"/>
      <c r="EQF726" s="424"/>
      <c r="EQG726" s="423" t="s">
        <v>2795</v>
      </c>
      <c r="EQH726" s="424"/>
      <c r="EQI726" s="424"/>
      <c r="EQJ726" s="424"/>
      <c r="EQK726" s="423" t="s">
        <v>2795</v>
      </c>
      <c r="EQL726" s="424"/>
      <c r="EQM726" s="424"/>
      <c r="EQN726" s="424"/>
      <c r="EQO726" s="423" t="s">
        <v>2795</v>
      </c>
      <c r="EQP726" s="424"/>
      <c r="EQQ726" s="424"/>
      <c r="EQR726" s="424"/>
      <c r="EQS726" s="423" t="s">
        <v>2795</v>
      </c>
      <c r="EQT726" s="424"/>
      <c r="EQU726" s="424"/>
      <c r="EQV726" s="424"/>
      <c r="EQW726" s="423" t="s">
        <v>2795</v>
      </c>
      <c r="EQX726" s="424"/>
      <c r="EQY726" s="424"/>
      <c r="EQZ726" s="424"/>
      <c r="ERA726" s="423" t="s">
        <v>2795</v>
      </c>
      <c r="ERB726" s="424"/>
      <c r="ERC726" s="424"/>
      <c r="ERD726" s="424"/>
      <c r="ERE726" s="423" t="s">
        <v>2795</v>
      </c>
      <c r="ERF726" s="424"/>
      <c r="ERG726" s="424"/>
      <c r="ERH726" s="424"/>
      <c r="ERI726" s="423" t="s">
        <v>2795</v>
      </c>
      <c r="ERJ726" s="424"/>
      <c r="ERK726" s="424"/>
      <c r="ERL726" s="424"/>
      <c r="ERM726" s="423" t="s">
        <v>2795</v>
      </c>
      <c r="ERN726" s="424"/>
      <c r="ERO726" s="424"/>
      <c r="ERP726" s="424"/>
      <c r="ERQ726" s="423" t="s">
        <v>2795</v>
      </c>
      <c r="ERR726" s="424"/>
      <c r="ERS726" s="424"/>
      <c r="ERT726" s="424"/>
      <c r="ERU726" s="423" t="s">
        <v>2795</v>
      </c>
      <c r="ERV726" s="424"/>
      <c r="ERW726" s="424"/>
      <c r="ERX726" s="424"/>
      <c r="ERY726" s="423" t="s">
        <v>2795</v>
      </c>
      <c r="ERZ726" s="424"/>
      <c r="ESA726" s="424"/>
      <c r="ESB726" s="424"/>
      <c r="ESC726" s="423" t="s">
        <v>2795</v>
      </c>
      <c r="ESD726" s="424"/>
      <c r="ESE726" s="424"/>
      <c r="ESF726" s="424"/>
      <c r="ESG726" s="423" t="s">
        <v>2795</v>
      </c>
      <c r="ESH726" s="424"/>
      <c r="ESI726" s="424"/>
      <c r="ESJ726" s="424"/>
      <c r="ESK726" s="423" t="s">
        <v>2795</v>
      </c>
      <c r="ESL726" s="424"/>
      <c r="ESM726" s="424"/>
      <c r="ESN726" s="424"/>
      <c r="ESO726" s="423" t="s">
        <v>2795</v>
      </c>
      <c r="ESP726" s="424"/>
      <c r="ESQ726" s="424"/>
      <c r="ESR726" s="424"/>
      <c r="ESS726" s="423" t="s">
        <v>2795</v>
      </c>
      <c r="EST726" s="424"/>
      <c r="ESU726" s="424"/>
      <c r="ESV726" s="424"/>
      <c r="ESW726" s="423" t="s">
        <v>2795</v>
      </c>
      <c r="ESX726" s="424"/>
      <c r="ESY726" s="424"/>
      <c r="ESZ726" s="424"/>
      <c r="ETA726" s="423" t="s">
        <v>2795</v>
      </c>
      <c r="ETB726" s="424"/>
      <c r="ETC726" s="424"/>
      <c r="ETD726" s="424"/>
      <c r="ETE726" s="423" t="s">
        <v>2795</v>
      </c>
      <c r="ETF726" s="424"/>
      <c r="ETG726" s="424"/>
      <c r="ETH726" s="424"/>
      <c r="ETI726" s="423" t="s">
        <v>2795</v>
      </c>
      <c r="ETJ726" s="424"/>
      <c r="ETK726" s="424"/>
      <c r="ETL726" s="424"/>
      <c r="ETM726" s="423" t="s">
        <v>2795</v>
      </c>
      <c r="ETN726" s="424"/>
      <c r="ETO726" s="424"/>
      <c r="ETP726" s="424"/>
      <c r="ETQ726" s="423" t="s">
        <v>2795</v>
      </c>
      <c r="ETR726" s="424"/>
      <c r="ETS726" s="424"/>
      <c r="ETT726" s="424"/>
      <c r="ETU726" s="423" t="s">
        <v>2795</v>
      </c>
      <c r="ETV726" s="424"/>
      <c r="ETW726" s="424"/>
      <c r="ETX726" s="424"/>
      <c r="ETY726" s="423" t="s">
        <v>2795</v>
      </c>
      <c r="ETZ726" s="424"/>
      <c r="EUA726" s="424"/>
      <c r="EUB726" s="424"/>
      <c r="EUC726" s="423" t="s">
        <v>2795</v>
      </c>
      <c r="EUD726" s="424"/>
      <c r="EUE726" s="424"/>
      <c r="EUF726" s="424"/>
      <c r="EUG726" s="423" t="s">
        <v>2795</v>
      </c>
      <c r="EUH726" s="424"/>
      <c r="EUI726" s="424"/>
      <c r="EUJ726" s="424"/>
      <c r="EUK726" s="423" t="s">
        <v>2795</v>
      </c>
      <c r="EUL726" s="424"/>
      <c r="EUM726" s="424"/>
      <c r="EUN726" s="424"/>
      <c r="EUO726" s="423" t="s">
        <v>2795</v>
      </c>
      <c r="EUP726" s="424"/>
      <c r="EUQ726" s="424"/>
      <c r="EUR726" s="424"/>
      <c r="EUS726" s="423" t="s">
        <v>2795</v>
      </c>
      <c r="EUT726" s="424"/>
      <c r="EUU726" s="424"/>
      <c r="EUV726" s="424"/>
      <c r="EUW726" s="423" t="s">
        <v>2795</v>
      </c>
      <c r="EUX726" s="424"/>
      <c r="EUY726" s="424"/>
      <c r="EUZ726" s="424"/>
      <c r="EVA726" s="423" t="s">
        <v>2795</v>
      </c>
      <c r="EVB726" s="424"/>
      <c r="EVC726" s="424"/>
      <c r="EVD726" s="424"/>
      <c r="EVE726" s="423" t="s">
        <v>2795</v>
      </c>
      <c r="EVF726" s="424"/>
      <c r="EVG726" s="424"/>
      <c r="EVH726" s="424"/>
      <c r="EVI726" s="423" t="s">
        <v>2795</v>
      </c>
      <c r="EVJ726" s="424"/>
      <c r="EVK726" s="424"/>
      <c r="EVL726" s="424"/>
      <c r="EVM726" s="423" t="s">
        <v>2795</v>
      </c>
      <c r="EVN726" s="424"/>
      <c r="EVO726" s="424"/>
      <c r="EVP726" s="424"/>
      <c r="EVQ726" s="423" t="s">
        <v>2795</v>
      </c>
      <c r="EVR726" s="424"/>
      <c r="EVS726" s="424"/>
      <c r="EVT726" s="424"/>
      <c r="EVU726" s="423" t="s">
        <v>2795</v>
      </c>
      <c r="EVV726" s="424"/>
      <c r="EVW726" s="424"/>
      <c r="EVX726" s="424"/>
      <c r="EVY726" s="423" t="s">
        <v>2795</v>
      </c>
      <c r="EVZ726" s="424"/>
      <c r="EWA726" s="424"/>
      <c r="EWB726" s="424"/>
      <c r="EWC726" s="423" t="s">
        <v>2795</v>
      </c>
      <c r="EWD726" s="424"/>
      <c r="EWE726" s="424"/>
      <c r="EWF726" s="424"/>
      <c r="EWG726" s="423" t="s">
        <v>2795</v>
      </c>
      <c r="EWH726" s="424"/>
      <c r="EWI726" s="424"/>
      <c r="EWJ726" s="424"/>
      <c r="EWK726" s="423" t="s">
        <v>2795</v>
      </c>
      <c r="EWL726" s="424"/>
      <c r="EWM726" s="424"/>
      <c r="EWN726" s="424"/>
      <c r="EWO726" s="423" t="s">
        <v>2795</v>
      </c>
      <c r="EWP726" s="424"/>
      <c r="EWQ726" s="424"/>
      <c r="EWR726" s="424"/>
      <c r="EWS726" s="423" t="s">
        <v>2795</v>
      </c>
      <c r="EWT726" s="424"/>
      <c r="EWU726" s="424"/>
      <c r="EWV726" s="424"/>
      <c r="EWW726" s="423" t="s">
        <v>2795</v>
      </c>
      <c r="EWX726" s="424"/>
      <c r="EWY726" s="424"/>
      <c r="EWZ726" s="424"/>
      <c r="EXA726" s="423" t="s">
        <v>2795</v>
      </c>
      <c r="EXB726" s="424"/>
      <c r="EXC726" s="424"/>
      <c r="EXD726" s="424"/>
      <c r="EXE726" s="423" t="s">
        <v>2795</v>
      </c>
      <c r="EXF726" s="424"/>
      <c r="EXG726" s="424"/>
      <c r="EXH726" s="424"/>
      <c r="EXI726" s="423" t="s">
        <v>2795</v>
      </c>
      <c r="EXJ726" s="424"/>
      <c r="EXK726" s="424"/>
      <c r="EXL726" s="424"/>
      <c r="EXM726" s="423" t="s">
        <v>2795</v>
      </c>
      <c r="EXN726" s="424"/>
      <c r="EXO726" s="424"/>
      <c r="EXP726" s="424"/>
      <c r="EXQ726" s="423" t="s">
        <v>2795</v>
      </c>
      <c r="EXR726" s="424"/>
      <c r="EXS726" s="424"/>
      <c r="EXT726" s="424"/>
      <c r="EXU726" s="423" t="s">
        <v>2795</v>
      </c>
      <c r="EXV726" s="424"/>
      <c r="EXW726" s="424"/>
      <c r="EXX726" s="424"/>
      <c r="EXY726" s="423" t="s">
        <v>2795</v>
      </c>
      <c r="EXZ726" s="424"/>
      <c r="EYA726" s="424"/>
      <c r="EYB726" s="424"/>
      <c r="EYC726" s="423" t="s">
        <v>2795</v>
      </c>
      <c r="EYD726" s="424"/>
      <c r="EYE726" s="424"/>
      <c r="EYF726" s="424"/>
      <c r="EYG726" s="423" t="s">
        <v>2795</v>
      </c>
      <c r="EYH726" s="424"/>
      <c r="EYI726" s="424"/>
      <c r="EYJ726" s="424"/>
      <c r="EYK726" s="423" t="s">
        <v>2795</v>
      </c>
      <c r="EYL726" s="424"/>
      <c r="EYM726" s="424"/>
      <c r="EYN726" s="424"/>
      <c r="EYO726" s="423" t="s">
        <v>2795</v>
      </c>
      <c r="EYP726" s="424"/>
      <c r="EYQ726" s="424"/>
      <c r="EYR726" s="424"/>
      <c r="EYS726" s="423" t="s">
        <v>2795</v>
      </c>
      <c r="EYT726" s="424"/>
      <c r="EYU726" s="424"/>
      <c r="EYV726" s="424"/>
      <c r="EYW726" s="423" t="s">
        <v>2795</v>
      </c>
      <c r="EYX726" s="424"/>
      <c r="EYY726" s="424"/>
      <c r="EYZ726" s="424"/>
      <c r="EZA726" s="423" t="s">
        <v>2795</v>
      </c>
      <c r="EZB726" s="424"/>
      <c r="EZC726" s="424"/>
      <c r="EZD726" s="424"/>
      <c r="EZE726" s="423" t="s">
        <v>2795</v>
      </c>
      <c r="EZF726" s="424"/>
      <c r="EZG726" s="424"/>
      <c r="EZH726" s="424"/>
      <c r="EZI726" s="423" t="s">
        <v>2795</v>
      </c>
      <c r="EZJ726" s="424"/>
      <c r="EZK726" s="424"/>
      <c r="EZL726" s="424"/>
      <c r="EZM726" s="423" t="s">
        <v>2795</v>
      </c>
      <c r="EZN726" s="424"/>
      <c r="EZO726" s="424"/>
      <c r="EZP726" s="424"/>
      <c r="EZQ726" s="423" t="s">
        <v>2795</v>
      </c>
      <c r="EZR726" s="424"/>
      <c r="EZS726" s="424"/>
      <c r="EZT726" s="424"/>
      <c r="EZU726" s="423" t="s">
        <v>2795</v>
      </c>
      <c r="EZV726" s="424"/>
      <c r="EZW726" s="424"/>
      <c r="EZX726" s="424"/>
      <c r="EZY726" s="423" t="s">
        <v>2795</v>
      </c>
      <c r="EZZ726" s="424"/>
      <c r="FAA726" s="424"/>
      <c r="FAB726" s="424"/>
      <c r="FAC726" s="423" t="s">
        <v>2795</v>
      </c>
      <c r="FAD726" s="424"/>
      <c r="FAE726" s="424"/>
      <c r="FAF726" s="424"/>
      <c r="FAG726" s="423" t="s">
        <v>2795</v>
      </c>
      <c r="FAH726" s="424"/>
      <c r="FAI726" s="424"/>
      <c r="FAJ726" s="424"/>
      <c r="FAK726" s="423" t="s">
        <v>2795</v>
      </c>
      <c r="FAL726" s="424"/>
      <c r="FAM726" s="424"/>
      <c r="FAN726" s="424"/>
      <c r="FAO726" s="423" t="s">
        <v>2795</v>
      </c>
      <c r="FAP726" s="424"/>
      <c r="FAQ726" s="424"/>
      <c r="FAR726" s="424"/>
      <c r="FAS726" s="423" t="s">
        <v>2795</v>
      </c>
      <c r="FAT726" s="424"/>
      <c r="FAU726" s="424"/>
      <c r="FAV726" s="424"/>
      <c r="FAW726" s="423" t="s">
        <v>2795</v>
      </c>
      <c r="FAX726" s="424"/>
      <c r="FAY726" s="424"/>
      <c r="FAZ726" s="424"/>
      <c r="FBA726" s="423" t="s">
        <v>2795</v>
      </c>
      <c r="FBB726" s="424"/>
      <c r="FBC726" s="424"/>
      <c r="FBD726" s="424"/>
      <c r="FBE726" s="423" t="s">
        <v>2795</v>
      </c>
      <c r="FBF726" s="424"/>
      <c r="FBG726" s="424"/>
      <c r="FBH726" s="424"/>
      <c r="FBI726" s="423" t="s">
        <v>2795</v>
      </c>
      <c r="FBJ726" s="424"/>
      <c r="FBK726" s="424"/>
      <c r="FBL726" s="424"/>
      <c r="FBM726" s="423" t="s">
        <v>2795</v>
      </c>
      <c r="FBN726" s="424"/>
      <c r="FBO726" s="424"/>
      <c r="FBP726" s="424"/>
      <c r="FBQ726" s="423" t="s">
        <v>2795</v>
      </c>
      <c r="FBR726" s="424"/>
      <c r="FBS726" s="424"/>
      <c r="FBT726" s="424"/>
      <c r="FBU726" s="423" t="s">
        <v>2795</v>
      </c>
      <c r="FBV726" s="424"/>
      <c r="FBW726" s="424"/>
      <c r="FBX726" s="424"/>
      <c r="FBY726" s="423" t="s">
        <v>2795</v>
      </c>
      <c r="FBZ726" s="424"/>
      <c r="FCA726" s="424"/>
      <c r="FCB726" s="424"/>
      <c r="FCC726" s="423" t="s">
        <v>2795</v>
      </c>
      <c r="FCD726" s="424"/>
      <c r="FCE726" s="424"/>
      <c r="FCF726" s="424"/>
      <c r="FCG726" s="423" t="s">
        <v>2795</v>
      </c>
      <c r="FCH726" s="424"/>
      <c r="FCI726" s="424"/>
      <c r="FCJ726" s="424"/>
      <c r="FCK726" s="423" t="s">
        <v>2795</v>
      </c>
      <c r="FCL726" s="424"/>
      <c r="FCM726" s="424"/>
      <c r="FCN726" s="424"/>
      <c r="FCO726" s="423" t="s">
        <v>2795</v>
      </c>
      <c r="FCP726" s="424"/>
      <c r="FCQ726" s="424"/>
      <c r="FCR726" s="424"/>
      <c r="FCS726" s="423" t="s">
        <v>2795</v>
      </c>
      <c r="FCT726" s="424"/>
      <c r="FCU726" s="424"/>
      <c r="FCV726" s="424"/>
      <c r="FCW726" s="423" t="s">
        <v>2795</v>
      </c>
      <c r="FCX726" s="424"/>
      <c r="FCY726" s="424"/>
      <c r="FCZ726" s="424"/>
      <c r="FDA726" s="423" t="s">
        <v>2795</v>
      </c>
      <c r="FDB726" s="424"/>
      <c r="FDC726" s="424"/>
      <c r="FDD726" s="424"/>
      <c r="FDE726" s="423" t="s">
        <v>2795</v>
      </c>
      <c r="FDF726" s="424"/>
      <c r="FDG726" s="424"/>
      <c r="FDH726" s="424"/>
      <c r="FDI726" s="423" t="s">
        <v>2795</v>
      </c>
      <c r="FDJ726" s="424"/>
      <c r="FDK726" s="424"/>
      <c r="FDL726" s="424"/>
      <c r="FDM726" s="423" t="s">
        <v>2795</v>
      </c>
      <c r="FDN726" s="424"/>
      <c r="FDO726" s="424"/>
      <c r="FDP726" s="424"/>
      <c r="FDQ726" s="423" t="s">
        <v>2795</v>
      </c>
      <c r="FDR726" s="424"/>
      <c r="FDS726" s="424"/>
      <c r="FDT726" s="424"/>
      <c r="FDU726" s="423" t="s">
        <v>2795</v>
      </c>
      <c r="FDV726" s="424"/>
      <c r="FDW726" s="424"/>
      <c r="FDX726" s="424"/>
      <c r="FDY726" s="423" t="s">
        <v>2795</v>
      </c>
      <c r="FDZ726" s="424"/>
      <c r="FEA726" s="424"/>
      <c r="FEB726" s="424"/>
      <c r="FEC726" s="423" t="s">
        <v>2795</v>
      </c>
      <c r="FED726" s="424"/>
      <c r="FEE726" s="424"/>
      <c r="FEF726" s="424"/>
      <c r="FEG726" s="423" t="s">
        <v>2795</v>
      </c>
      <c r="FEH726" s="424"/>
      <c r="FEI726" s="424"/>
      <c r="FEJ726" s="424"/>
      <c r="FEK726" s="423" t="s">
        <v>2795</v>
      </c>
      <c r="FEL726" s="424"/>
      <c r="FEM726" s="424"/>
      <c r="FEN726" s="424"/>
      <c r="FEO726" s="423" t="s">
        <v>2795</v>
      </c>
      <c r="FEP726" s="424"/>
      <c r="FEQ726" s="424"/>
      <c r="FER726" s="424"/>
      <c r="FES726" s="423" t="s">
        <v>2795</v>
      </c>
      <c r="FET726" s="424"/>
      <c r="FEU726" s="424"/>
      <c r="FEV726" s="424"/>
      <c r="FEW726" s="423" t="s">
        <v>2795</v>
      </c>
      <c r="FEX726" s="424"/>
      <c r="FEY726" s="424"/>
      <c r="FEZ726" s="424"/>
      <c r="FFA726" s="423" t="s">
        <v>2795</v>
      </c>
      <c r="FFB726" s="424"/>
      <c r="FFC726" s="424"/>
      <c r="FFD726" s="424"/>
      <c r="FFE726" s="423" t="s">
        <v>2795</v>
      </c>
      <c r="FFF726" s="424"/>
      <c r="FFG726" s="424"/>
      <c r="FFH726" s="424"/>
      <c r="FFI726" s="423" t="s">
        <v>2795</v>
      </c>
      <c r="FFJ726" s="424"/>
      <c r="FFK726" s="424"/>
      <c r="FFL726" s="424"/>
      <c r="FFM726" s="423" t="s">
        <v>2795</v>
      </c>
      <c r="FFN726" s="424"/>
      <c r="FFO726" s="424"/>
      <c r="FFP726" s="424"/>
      <c r="FFQ726" s="423" t="s">
        <v>2795</v>
      </c>
      <c r="FFR726" s="424"/>
      <c r="FFS726" s="424"/>
      <c r="FFT726" s="424"/>
      <c r="FFU726" s="423" t="s">
        <v>2795</v>
      </c>
      <c r="FFV726" s="424"/>
      <c r="FFW726" s="424"/>
      <c r="FFX726" s="424"/>
      <c r="FFY726" s="423" t="s">
        <v>2795</v>
      </c>
      <c r="FFZ726" s="424"/>
      <c r="FGA726" s="424"/>
      <c r="FGB726" s="424"/>
      <c r="FGC726" s="423" t="s">
        <v>2795</v>
      </c>
      <c r="FGD726" s="424"/>
      <c r="FGE726" s="424"/>
      <c r="FGF726" s="424"/>
      <c r="FGG726" s="423" t="s">
        <v>2795</v>
      </c>
      <c r="FGH726" s="424"/>
      <c r="FGI726" s="424"/>
      <c r="FGJ726" s="424"/>
      <c r="FGK726" s="423" t="s">
        <v>2795</v>
      </c>
      <c r="FGL726" s="424"/>
      <c r="FGM726" s="424"/>
      <c r="FGN726" s="424"/>
      <c r="FGO726" s="423" t="s">
        <v>2795</v>
      </c>
      <c r="FGP726" s="424"/>
      <c r="FGQ726" s="424"/>
      <c r="FGR726" s="424"/>
      <c r="FGS726" s="423" t="s">
        <v>2795</v>
      </c>
      <c r="FGT726" s="424"/>
      <c r="FGU726" s="424"/>
      <c r="FGV726" s="424"/>
      <c r="FGW726" s="423" t="s">
        <v>2795</v>
      </c>
      <c r="FGX726" s="424"/>
      <c r="FGY726" s="424"/>
      <c r="FGZ726" s="424"/>
      <c r="FHA726" s="423" t="s">
        <v>2795</v>
      </c>
      <c r="FHB726" s="424"/>
      <c r="FHC726" s="424"/>
      <c r="FHD726" s="424"/>
      <c r="FHE726" s="423" t="s">
        <v>2795</v>
      </c>
      <c r="FHF726" s="424"/>
      <c r="FHG726" s="424"/>
      <c r="FHH726" s="424"/>
      <c r="FHI726" s="423" t="s">
        <v>2795</v>
      </c>
      <c r="FHJ726" s="424"/>
      <c r="FHK726" s="424"/>
      <c r="FHL726" s="424"/>
      <c r="FHM726" s="423" t="s">
        <v>2795</v>
      </c>
      <c r="FHN726" s="424"/>
      <c r="FHO726" s="424"/>
      <c r="FHP726" s="424"/>
      <c r="FHQ726" s="423" t="s">
        <v>2795</v>
      </c>
      <c r="FHR726" s="424"/>
      <c r="FHS726" s="424"/>
      <c r="FHT726" s="424"/>
      <c r="FHU726" s="423" t="s">
        <v>2795</v>
      </c>
      <c r="FHV726" s="424"/>
      <c r="FHW726" s="424"/>
      <c r="FHX726" s="424"/>
      <c r="FHY726" s="423" t="s">
        <v>2795</v>
      </c>
      <c r="FHZ726" s="424"/>
      <c r="FIA726" s="424"/>
      <c r="FIB726" s="424"/>
      <c r="FIC726" s="423" t="s">
        <v>2795</v>
      </c>
      <c r="FID726" s="424"/>
      <c r="FIE726" s="424"/>
      <c r="FIF726" s="424"/>
      <c r="FIG726" s="423" t="s">
        <v>2795</v>
      </c>
      <c r="FIH726" s="424"/>
      <c r="FII726" s="424"/>
      <c r="FIJ726" s="424"/>
      <c r="FIK726" s="423" t="s">
        <v>2795</v>
      </c>
      <c r="FIL726" s="424"/>
      <c r="FIM726" s="424"/>
      <c r="FIN726" s="424"/>
      <c r="FIO726" s="423" t="s">
        <v>2795</v>
      </c>
      <c r="FIP726" s="424"/>
      <c r="FIQ726" s="424"/>
      <c r="FIR726" s="424"/>
      <c r="FIS726" s="423" t="s">
        <v>2795</v>
      </c>
      <c r="FIT726" s="424"/>
      <c r="FIU726" s="424"/>
      <c r="FIV726" s="424"/>
      <c r="FIW726" s="423" t="s">
        <v>2795</v>
      </c>
      <c r="FIX726" s="424"/>
      <c r="FIY726" s="424"/>
      <c r="FIZ726" s="424"/>
      <c r="FJA726" s="423" t="s">
        <v>2795</v>
      </c>
      <c r="FJB726" s="424"/>
      <c r="FJC726" s="424"/>
      <c r="FJD726" s="424"/>
      <c r="FJE726" s="423" t="s">
        <v>2795</v>
      </c>
      <c r="FJF726" s="424"/>
      <c r="FJG726" s="424"/>
      <c r="FJH726" s="424"/>
      <c r="FJI726" s="423" t="s">
        <v>2795</v>
      </c>
      <c r="FJJ726" s="424"/>
      <c r="FJK726" s="424"/>
      <c r="FJL726" s="424"/>
      <c r="FJM726" s="423" t="s">
        <v>2795</v>
      </c>
      <c r="FJN726" s="424"/>
      <c r="FJO726" s="424"/>
      <c r="FJP726" s="424"/>
      <c r="FJQ726" s="423" t="s">
        <v>2795</v>
      </c>
      <c r="FJR726" s="424"/>
      <c r="FJS726" s="424"/>
      <c r="FJT726" s="424"/>
      <c r="FJU726" s="423" t="s">
        <v>2795</v>
      </c>
      <c r="FJV726" s="424"/>
      <c r="FJW726" s="424"/>
      <c r="FJX726" s="424"/>
      <c r="FJY726" s="423" t="s">
        <v>2795</v>
      </c>
      <c r="FJZ726" s="424"/>
      <c r="FKA726" s="424"/>
      <c r="FKB726" s="424"/>
      <c r="FKC726" s="423" t="s">
        <v>2795</v>
      </c>
      <c r="FKD726" s="424"/>
      <c r="FKE726" s="424"/>
      <c r="FKF726" s="424"/>
      <c r="FKG726" s="423" t="s">
        <v>2795</v>
      </c>
      <c r="FKH726" s="424"/>
      <c r="FKI726" s="424"/>
      <c r="FKJ726" s="424"/>
      <c r="FKK726" s="423" t="s">
        <v>2795</v>
      </c>
      <c r="FKL726" s="424"/>
      <c r="FKM726" s="424"/>
      <c r="FKN726" s="424"/>
      <c r="FKO726" s="423" t="s">
        <v>2795</v>
      </c>
      <c r="FKP726" s="424"/>
      <c r="FKQ726" s="424"/>
      <c r="FKR726" s="424"/>
      <c r="FKS726" s="423" t="s">
        <v>2795</v>
      </c>
      <c r="FKT726" s="424"/>
      <c r="FKU726" s="424"/>
      <c r="FKV726" s="424"/>
      <c r="FKW726" s="423" t="s">
        <v>2795</v>
      </c>
      <c r="FKX726" s="424"/>
      <c r="FKY726" s="424"/>
      <c r="FKZ726" s="424"/>
      <c r="FLA726" s="423" t="s">
        <v>2795</v>
      </c>
      <c r="FLB726" s="424"/>
      <c r="FLC726" s="424"/>
      <c r="FLD726" s="424"/>
      <c r="FLE726" s="423" t="s">
        <v>2795</v>
      </c>
      <c r="FLF726" s="424"/>
      <c r="FLG726" s="424"/>
      <c r="FLH726" s="424"/>
      <c r="FLI726" s="423" t="s">
        <v>2795</v>
      </c>
      <c r="FLJ726" s="424"/>
      <c r="FLK726" s="424"/>
      <c r="FLL726" s="424"/>
      <c r="FLM726" s="423" t="s">
        <v>2795</v>
      </c>
      <c r="FLN726" s="424"/>
      <c r="FLO726" s="424"/>
      <c r="FLP726" s="424"/>
      <c r="FLQ726" s="423" t="s">
        <v>2795</v>
      </c>
      <c r="FLR726" s="424"/>
      <c r="FLS726" s="424"/>
      <c r="FLT726" s="424"/>
      <c r="FLU726" s="423" t="s">
        <v>2795</v>
      </c>
      <c r="FLV726" s="424"/>
      <c r="FLW726" s="424"/>
      <c r="FLX726" s="424"/>
      <c r="FLY726" s="423" t="s">
        <v>2795</v>
      </c>
      <c r="FLZ726" s="424"/>
      <c r="FMA726" s="424"/>
      <c r="FMB726" s="424"/>
      <c r="FMC726" s="423" t="s">
        <v>2795</v>
      </c>
      <c r="FMD726" s="424"/>
      <c r="FME726" s="424"/>
      <c r="FMF726" s="424"/>
      <c r="FMG726" s="423" t="s">
        <v>2795</v>
      </c>
      <c r="FMH726" s="424"/>
      <c r="FMI726" s="424"/>
      <c r="FMJ726" s="424"/>
      <c r="FMK726" s="423" t="s">
        <v>2795</v>
      </c>
      <c r="FML726" s="424"/>
      <c r="FMM726" s="424"/>
      <c r="FMN726" s="424"/>
      <c r="FMO726" s="423" t="s">
        <v>2795</v>
      </c>
      <c r="FMP726" s="424"/>
      <c r="FMQ726" s="424"/>
      <c r="FMR726" s="424"/>
      <c r="FMS726" s="423" t="s">
        <v>2795</v>
      </c>
      <c r="FMT726" s="424"/>
      <c r="FMU726" s="424"/>
      <c r="FMV726" s="424"/>
      <c r="FMW726" s="423" t="s">
        <v>2795</v>
      </c>
      <c r="FMX726" s="424"/>
      <c r="FMY726" s="424"/>
      <c r="FMZ726" s="424"/>
      <c r="FNA726" s="423" t="s">
        <v>2795</v>
      </c>
      <c r="FNB726" s="424"/>
      <c r="FNC726" s="424"/>
      <c r="FND726" s="424"/>
      <c r="FNE726" s="423" t="s">
        <v>2795</v>
      </c>
      <c r="FNF726" s="424"/>
      <c r="FNG726" s="424"/>
      <c r="FNH726" s="424"/>
      <c r="FNI726" s="423" t="s">
        <v>2795</v>
      </c>
      <c r="FNJ726" s="424"/>
      <c r="FNK726" s="424"/>
      <c r="FNL726" s="424"/>
      <c r="FNM726" s="423" t="s">
        <v>2795</v>
      </c>
      <c r="FNN726" s="424"/>
      <c r="FNO726" s="424"/>
      <c r="FNP726" s="424"/>
      <c r="FNQ726" s="423" t="s">
        <v>2795</v>
      </c>
      <c r="FNR726" s="424"/>
      <c r="FNS726" s="424"/>
      <c r="FNT726" s="424"/>
      <c r="FNU726" s="423" t="s">
        <v>2795</v>
      </c>
      <c r="FNV726" s="424"/>
      <c r="FNW726" s="424"/>
      <c r="FNX726" s="424"/>
      <c r="FNY726" s="423" t="s">
        <v>2795</v>
      </c>
      <c r="FNZ726" s="424"/>
      <c r="FOA726" s="424"/>
      <c r="FOB726" s="424"/>
      <c r="FOC726" s="423" t="s">
        <v>2795</v>
      </c>
      <c r="FOD726" s="424"/>
      <c r="FOE726" s="424"/>
      <c r="FOF726" s="424"/>
      <c r="FOG726" s="423" t="s">
        <v>2795</v>
      </c>
      <c r="FOH726" s="424"/>
      <c r="FOI726" s="424"/>
      <c r="FOJ726" s="424"/>
      <c r="FOK726" s="423" t="s">
        <v>2795</v>
      </c>
      <c r="FOL726" s="424"/>
      <c r="FOM726" s="424"/>
      <c r="FON726" s="424"/>
      <c r="FOO726" s="423" t="s">
        <v>2795</v>
      </c>
      <c r="FOP726" s="424"/>
      <c r="FOQ726" s="424"/>
      <c r="FOR726" s="424"/>
      <c r="FOS726" s="423" t="s">
        <v>2795</v>
      </c>
      <c r="FOT726" s="424"/>
      <c r="FOU726" s="424"/>
      <c r="FOV726" s="424"/>
      <c r="FOW726" s="423" t="s">
        <v>2795</v>
      </c>
      <c r="FOX726" s="424"/>
      <c r="FOY726" s="424"/>
      <c r="FOZ726" s="424"/>
      <c r="FPA726" s="423" t="s">
        <v>2795</v>
      </c>
      <c r="FPB726" s="424"/>
      <c r="FPC726" s="424"/>
      <c r="FPD726" s="424"/>
      <c r="FPE726" s="423" t="s">
        <v>2795</v>
      </c>
      <c r="FPF726" s="424"/>
      <c r="FPG726" s="424"/>
      <c r="FPH726" s="424"/>
      <c r="FPI726" s="423" t="s">
        <v>2795</v>
      </c>
      <c r="FPJ726" s="424"/>
      <c r="FPK726" s="424"/>
      <c r="FPL726" s="424"/>
      <c r="FPM726" s="423" t="s">
        <v>2795</v>
      </c>
      <c r="FPN726" s="424"/>
      <c r="FPO726" s="424"/>
      <c r="FPP726" s="424"/>
      <c r="FPQ726" s="423" t="s">
        <v>2795</v>
      </c>
      <c r="FPR726" s="424"/>
      <c r="FPS726" s="424"/>
      <c r="FPT726" s="424"/>
      <c r="FPU726" s="423" t="s">
        <v>2795</v>
      </c>
      <c r="FPV726" s="424"/>
      <c r="FPW726" s="424"/>
      <c r="FPX726" s="424"/>
      <c r="FPY726" s="423" t="s">
        <v>2795</v>
      </c>
      <c r="FPZ726" s="424"/>
      <c r="FQA726" s="424"/>
      <c r="FQB726" s="424"/>
      <c r="FQC726" s="423" t="s">
        <v>2795</v>
      </c>
      <c r="FQD726" s="424"/>
      <c r="FQE726" s="424"/>
      <c r="FQF726" s="424"/>
      <c r="FQG726" s="423" t="s">
        <v>2795</v>
      </c>
      <c r="FQH726" s="424"/>
      <c r="FQI726" s="424"/>
      <c r="FQJ726" s="424"/>
      <c r="FQK726" s="423" t="s">
        <v>2795</v>
      </c>
      <c r="FQL726" s="424"/>
      <c r="FQM726" s="424"/>
      <c r="FQN726" s="424"/>
      <c r="FQO726" s="423" t="s">
        <v>2795</v>
      </c>
      <c r="FQP726" s="424"/>
      <c r="FQQ726" s="424"/>
      <c r="FQR726" s="424"/>
      <c r="FQS726" s="423" t="s">
        <v>2795</v>
      </c>
      <c r="FQT726" s="424"/>
      <c r="FQU726" s="424"/>
      <c r="FQV726" s="424"/>
      <c r="FQW726" s="423" t="s">
        <v>2795</v>
      </c>
      <c r="FQX726" s="424"/>
      <c r="FQY726" s="424"/>
      <c r="FQZ726" s="424"/>
      <c r="FRA726" s="423" t="s">
        <v>2795</v>
      </c>
      <c r="FRB726" s="424"/>
      <c r="FRC726" s="424"/>
      <c r="FRD726" s="424"/>
      <c r="FRE726" s="423" t="s">
        <v>2795</v>
      </c>
      <c r="FRF726" s="424"/>
      <c r="FRG726" s="424"/>
      <c r="FRH726" s="424"/>
      <c r="FRI726" s="423" t="s">
        <v>2795</v>
      </c>
      <c r="FRJ726" s="424"/>
      <c r="FRK726" s="424"/>
      <c r="FRL726" s="424"/>
      <c r="FRM726" s="423" t="s">
        <v>2795</v>
      </c>
      <c r="FRN726" s="424"/>
      <c r="FRO726" s="424"/>
      <c r="FRP726" s="424"/>
      <c r="FRQ726" s="423" t="s">
        <v>2795</v>
      </c>
      <c r="FRR726" s="424"/>
      <c r="FRS726" s="424"/>
      <c r="FRT726" s="424"/>
      <c r="FRU726" s="423" t="s">
        <v>2795</v>
      </c>
      <c r="FRV726" s="424"/>
      <c r="FRW726" s="424"/>
      <c r="FRX726" s="424"/>
      <c r="FRY726" s="423" t="s">
        <v>2795</v>
      </c>
      <c r="FRZ726" s="424"/>
      <c r="FSA726" s="424"/>
      <c r="FSB726" s="424"/>
      <c r="FSC726" s="423" t="s">
        <v>2795</v>
      </c>
      <c r="FSD726" s="424"/>
      <c r="FSE726" s="424"/>
      <c r="FSF726" s="424"/>
      <c r="FSG726" s="423" t="s">
        <v>2795</v>
      </c>
      <c r="FSH726" s="424"/>
      <c r="FSI726" s="424"/>
      <c r="FSJ726" s="424"/>
      <c r="FSK726" s="423" t="s">
        <v>2795</v>
      </c>
      <c r="FSL726" s="424"/>
      <c r="FSM726" s="424"/>
      <c r="FSN726" s="424"/>
      <c r="FSO726" s="423" t="s">
        <v>2795</v>
      </c>
      <c r="FSP726" s="424"/>
      <c r="FSQ726" s="424"/>
      <c r="FSR726" s="424"/>
      <c r="FSS726" s="423" t="s">
        <v>2795</v>
      </c>
      <c r="FST726" s="424"/>
      <c r="FSU726" s="424"/>
      <c r="FSV726" s="424"/>
      <c r="FSW726" s="423" t="s">
        <v>2795</v>
      </c>
      <c r="FSX726" s="424"/>
      <c r="FSY726" s="424"/>
      <c r="FSZ726" s="424"/>
      <c r="FTA726" s="423" t="s">
        <v>2795</v>
      </c>
      <c r="FTB726" s="424"/>
      <c r="FTC726" s="424"/>
      <c r="FTD726" s="424"/>
      <c r="FTE726" s="423" t="s">
        <v>2795</v>
      </c>
      <c r="FTF726" s="424"/>
      <c r="FTG726" s="424"/>
      <c r="FTH726" s="424"/>
      <c r="FTI726" s="423" t="s">
        <v>2795</v>
      </c>
      <c r="FTJ726" s="424"/>
      <c r="FTK726" s="424"/>
      <c r="FTL726" s="424"/>
      <c r="FTM726" s="423" t="s">
        <v>2795</v>
      </c>
      <c r="FTN726" s="424"/>
      <c r="FTO726" s="424"/>
      <c r="FTP726" s="424"/>
      <c r="FTQ726" s="423" t="s">
        <v>2795</v>
      </c>
      <c r="FTR726" s="424"/>
      <c r="FTS726" s="424"/>
      <c r="FTT726" s="424"/>
      <c r="FTU726" s="423" t="s">
        <v>2795</v>
      </c>
      <c r="FTV726" s="424"/>
      <c r="FTW726" s="424"/>
      <c r="FTX726" s="424"/>
      <c r="FTY726" s="423" t="s">
        <v>2795</v>
      </c>
      <c r="FTZ726" s="424"/>
      <c r="FUA726" s="424"/>
      <c r="FUB726" s="424"/>
      <c r="FUC726" s="423" t="s">
        <v>2795</v>
      </c>
      <c r="FUD726" s="424"/>
      <c r="FUE726" s="424"/>
      <c r="FUF726" s="424"/>
      <c r="FUG726" s="423" t="s">
        <v>2795</v>
      </c>
      <c r="FUH726" s="424"/>
      <c r="FUI726" s="424"/>
      <c r="FUJ726" s="424"/>
      <c r="FUK726" s="423" t="s">
        <v>2795</v>
      </c>
      <c r="FUL726" s="424"/>
      <c r="FUM726" s="424"/>
      <c r="FUN726" s="424"/>
      <c r="FUO726" s="423" t="s">
        <v>2795</v>
      </c>
      <c r="FUP726" s="424"/>
      <c r="FUQ726" s="424"/>
      <c r="FUR726" s="424"/>
      <c r="FUS726" s="423" t="s">
        <v>2795</v>
      </c>
      <c r="FUT726" s="424"/>
      <c r="FUU726" s="424"/>
      <c r="FUV726" s="424"/>
      <c r="FUW726" s="423" t="s">
        <v>2795</v>
      </c>
      <c r="FUX726" s="424"/>
      <c r="FUY726" s="424"/>
      <c r="FUZ726" s="424"/>
      <c r="FVA726" s="423" t="s">
        <v>2795</v>
      </c>
      <c r="FVB726" s="424"/>
      <c r="FVC726" s="424"/>
      <c r="FVD726" s="424"/>
      <c r="FVE726" s="423" t="s">
        <v>2795</v>
      </c>
      <c r="FVF726" s="424"/>
      <c r="FVG726" s="424"/>
      <c r="FVH726" s="424"/>
      <c r="FVI726" s="423" t="s">
        <v>2795</v>
      </c>
      <c r="FVJ726" s="424"/>
      <c r="FVK726" s="424"/>
      <c r="FVL726" s="424"/>
      <c r="FVM726" s="423" t="s">
        <v>2795</v>
      </c>
      <c r="FVN726" s="424"/>
      <c r="FVO726" s="424"/>
      <c r="FVP726" s="424"/>
      <c r="FVQ726" s="423" t="s">
        <v>2795</v>
      </c>
      <c r="FVR726" s="424"/>
      <c r="FVS726" s="424"/>
      <c r="FVT726" s="424"/>
      <c r="FVU726" s="423" t="s">
        <v>2795</v>
      </c>
      <c r="FVV726" s="424"/>
      <c r="FVW726" s="424"/>
      <c r="FVX726" s="424"/>
      <c r="FVY726" s="423" t="s">
        <v>2795</v>
      </c>
      <c r="FVZ726" s="424"/>
      <c r="FWA726" s="424"/>
      <c r="FWB726" s="424"/>
      <c r="FWC726" s="423" t="s">
        <v>2795</v>
      </c>
      <c r="FWD726" s="424"/>
      <c r="FWE726" s="424"/>
      <c r="FWF726" s="424"/>
      <c r="FWG726" s="423" t="s">
        <v>2795</v>
      </c>
      <c r="FWH726" s="424"/>
      <c r="FWI726" s="424"/>
      <c r="FWJ726" s="424"/>
      <c r="FWK726" s="423" t="s">
        <v>2795</v>
      </c>
      <c r="FWL726" s="424"/>
      <c r="FWM726" s="424"/>
      <c r="FWN726" s="424"/>
      <c r="FWO726" s="423" t="s">
        <v>2795</v>
      </c>
      <c r="FWP726" s="424"/>
      <c r="FWQ726" s="424"/>
      <c r="FWR726" s="424"/>
      <c r="FWS726" s="423" t="s">
        <v>2795</v>
      </c>
      <c r="FWT726" s="424"/>
      <c r="FWU726" s="424"/>
      <c r="FWV726" s="424"/>
      <c r="FWW726" s="423" t="s">
        <v>2795</v>
      </c>
      <c r="FWX726" s="424"/>
      <c r="FWY726" s="424"/>
      <c r="FWZ726" s="424"/>
      <c r="FXA726" s="423" t="s">
        <v>2795</v>
      </c>
      <c r="FXB726" s="424"/>
      <c r="FXC726" s="424"/>
      <c r="FXD726" s="424"/>
      <c r="FXE726" s="423" t="s">
        <v>2795</v>
      </c>
      <c r="FXF726" s="424"/>
      <c r="FXG726" s="424"/>
      <c r="FXH726" s="424"/>
      <c r="FXI726" s="423" t="s">
        <v>2795</v>
      </c>
      <c r="FXJ726" s="424"/>
      <c r="FXK726" s="424"/>
      <c r="FXL726" s="424"/>
      <c r="FXM726" s="423" t="s">
        <v>2795</v>
      </c>
      <c r="FXN726" s="424"/>
      <c r="FXO726" s="424"/>
      <c r="FXP726" s="424"/>
      <c r="FXQ726" s="423" t="s">
        <v>2795</v>
      </c>
      <c r="FXR726" s="424"/>
      <c r="FXS726" s="424"/>
      <c r="FXT726" s="424"/>
      <c r="FXU726" s="423" t="s">
        <v>2795</v>
      </c>
      <c r="FXV726" s="424"/>
      <c r="FXW726" s="424"/>
      <c r="FXX726" s="424"/>
      <c r="FXY726" s="423" t="s">
        <v>2795</v>
      </c>
      <c r="FXZ726" s="424"/>
      <c r="FYA726" s="424"/>
      <c r="FYB726" s="424"/>
      <c r="FYC726" s="423" t="s">
        <v>2795</v>
      </c>
      <c r="FYD726" s="424"/>
      <c r="FYE726" s="424"/>
      <c r="FYF726" s="424"/>
      <c r="FYG726" s="423" t="s">
        <v>2795</v>
      </c>
      <c r="FYH726" s="424"/>
      <c r="FYI726" s="424"/>
      <c r="FYJ726" s="424"/>
      <c r="FYK726" s="423" t="s">
        <v>2795</v>
      </c>
      <c r="FYL726" s="424"/>
      <c r="FYM726" s="424"/>
      <c r="FYN726" s="424"/>
      <c r="FYO726" s="423" t="s">
        <v>2795</v>
      </c>
      <c r="FYP726" s="424"/>
      <c r="FYQ726" s="424"/>
      <c r="FYR726" s="424"/>
      <c r="FYS726" s="423" t="s">
        <v>2795</v>
      </c>
      <c r="FYT726" s="424"/>
      <c r="FYU726" s="424"/>
      <c r="FYV726" s="424"/>
      <c r="FYW726" s="423" t="s">
        <v>2795</v>
      </c>
      <c r="FYX726" s="424"/>
      <c r="FYY726" s="424"/>
      <c r="FYZ726" s="424"/>
      <c r="FZA726" s="423" t="s">
        <v>2795</v>
      </c>
      <c r="FZB726" s="424"/>
      <c r="FZC726" s="424"/>
      <c r="FZD726" s="424"/>
      <c r="FZE726" s="423" t="s">
        <v>2795</v>
      </c>
      <c r="FZF726" s="424"/>
      <c r="FZG726" s="424"/>
      <c r="FZH726" s="424"/>
      <c r="FZI726" s="423" t="s">
        <v>2795</v>
      </c>
      <c r="FZJ726" s="424"/>
      <c r="FZK726" s="424"/>
      <c r="FZL726" s="424"/>
      <c r="FZM726" s="423" t="s">
        <v>2795</v>
      </c>
      <c r="FZN726" s="424"/>
      <c r="FZO726" s="424"/>
      <c r="FZP726" s="424"/>
      <c r="FZQ726" s="423" t="s">
        <v>2795</v>
      </c>
      <c r="FZR726" s="424"/>
      <c r="FZS726" s="424"/>
      <c r="FZT726" s="424"/>
      <c r="FZU726" s="423" t="s">
        <v>2795</v>
      </c>
      <c r="FZV726" s="424"/>
      <c r="FZW726" s="424"/>
      <c r="FZX726" s="424"/>
      <c r="FZY726" s="423" t="s">
        <v>2795</v>
      </c>
      <c r="FZZ726" s="424"/>
      <c r="GAA726" s="424"/>
      <c r="GAB726" s="424"/>
      <c r="GAC726" s="423" t="s">
        <v>2795</v>
      </c>
      <c r="GAD726" s="424"/>
      <c r="GAE726" s="424"/>
      <c r="GAF726" s="424"/>
      <c r="GAG726" s="423" t="s">
        <v>2795</v>
      </c>
      <c r="GAH726" s="424"/>
      <c r="GAI726" s="424"/>
      <c r="GAJ726" s="424"/>
      <c r="GAK726" s="423" t="s">
        <v>2795</v>
      </c>
      <c r="GAL726" s="424"/>
      <c r="GAM726" s="424"/>
      <c r="GAN726" s="424"/>
      <c r="GAO726" s="423" t="s">
        <v>2795</v>
      </c>
      <c r="GAP726" s="424"/>
      <c r="GAQ726" s="424"/>
      <c r="GAR726" s="424"/>
      <c r="GAS726" s="423" t="s">
        <v>2795</v>
      </c>
      <c r="GAT726" s="424"/>
      <c r="GAU726" s="424"/>
      <c r="GAV726" s="424"/>
      <c r="GAW726" s="423" t="s">
        <v>2795</v>
      </c>
      <c r="GAX726" s="424"/>
      <c r="GAY726" s="424"/>
      <c r="GAZ726" s="424"/>
      <c r="GBA726" s="423" t="s">
        <v>2795</v>
      </c>
      <c r="GBB726" s="424"/>
      <c r="GBC726" s="424"/>
      <c r="GBD726" s="424"/>
      <c r="GBE726" s="423" t="s">
        <v>2795</v>
      </c>
      <c r="GBF726" s="424"/>
      <c r="GBG726" s="424"/>
      <c r="GBH726" s="424"/>
      <c r="GBI726" s="423" t="s">
        <v>2795</v>
      </c>
      <c r="GBJ726" s="424"/>
      <c r="GBK726" s="424"/>
      <c r="GBL726" s="424"/>
      <c r="GBM726" s="423" t="s">
        <v>2795</v>
      </c>
      <c r="GBN726" s="424"/>
      <c r="GBO726" s="424"/>
      <c r="GBP726" s="424"/>
      <c r="GBQ726" s="423" t="s">
        <v>2795</v>
      </c>
      <c r="GBR726" s="424"/>
      <c r="GBS726" s="424"/>
      <c r="GBT726" s="424"/>
      <c r="GBU726" s="423" t="s">
        <v>2795</v>
      </c>
      <c r="GBV726" s="424"/>
      <c r="GBW726" s="424"/>
      <c r="GBX726" s="424"/>
      <c r="GBY726" s="423" t="s">
        <v>2795</v>
      </c>
      <c r="GBZ726" s="424"/>
      <c r="GCA726" s="424"/>
      <c r="GCB726" s="424"/>
      <c r="GCC726" s="423" t="s">
        <v>2795</v>
      </c>
      <c r="GCD726" s="424"/>
      <c r="GCE726" s="424"/>
      <c r="GCF726" s="424"/>
      <c r="GCG726" s="423" t="s">
        <v>2795</v>
      </c>
      <c r="GCH726" s="424"/>
      <c r="GCI726" s="424"/>
      <c r="GCJ726" s="424"/>
      <c r="GCK726" s="423" t="s">
        <v>2795</v>
      </c>
      <c r="GCL726" s="424"/>
      <c r="GCM726" s="424"/>
      <c r="GCN726" s="424"/>
      <c r="GCO726" s="423" t="s">
        <v>2795</v>
      </c>
      <c r="GCP726" s="424"/>
      <c r="GCQ726" s="424"/>
      <c r="GCR726" s="424"/>
      <c r="GCS726" s="423" t="s">
        <v>2795</v>
      </c>
      <c r="GCT726" s="424"/>
      <c r="GCU726" s="424"/>
      <c r="GCV726" s="424"/>
      <c r="GCW726" s="423" t="s">
        <v>2795</v>
      </c>
      <c r="GCX726" s="424"/>
      <c r="GCY726" s="424"/>
      <c r="GCZ726" s="424"/>
      <c r="GDA726" s="423" t="s">
        <v>2795</v>
      </c>
      <c r="GDB726" s="424"/>
      <c r="GDC726" s="424"/>
      <c r="GDD726" s="424"/>
      <c r="GDE726" s="423" t="s">
        <v>2795</v>
      </c>
      <c r="GDF726" s="424"/>
      <c r="GDG726" s="424"/>
      <c r="GDH726" s="424"/>
      <c r="GDI726" s="423" t="s">
        <v>2795</v>
      </c>
      <c r="GDJ726" s="424"/>
      <c r="GDK726" s="424"/>
      <c r="GDL726" s="424"/>
      <c r="GDM726" s="423" t="s">
        <v>2795</v>
      </c>
      <c r="GDN726" s="424"/>
      <c r="GDO726" s="424"/>
      <c r="GDP726" s="424"/>
      <c r="GDQ726" s="423" t="s">
        <v>2795</v>
      </c>
      <c r="GDR726" s="424"/>
      <c r="GDS726" s="424"/>
      <c r="GDT726" s="424"/>
      <c r="GDU726" s="423" t="s">
        <v>2795</v>
      </c>
      <c r="GDV726" s="424"/>
      <c r="GDW726" s="424"/>
      <c r="GDX726" s="424"/>
      <c r="GDY726" s="423" t="s">
        <v>2795</v>
      </c>
      <c r="GDZ726" s="424"/>
      <c r="GEA726" s="424"/>
      <c r="GEB726" s="424"/>
      <c r="GEC726" s="423" t="s">
        <v>2795</v>
      </c>
      <c r="GED726" s="424"/>
      <c r="GEE726" s="424"/>
      <c r="GEF726" s="424"/>
      <c r="GEG726" s="423" t="s">
        <v>2795</v>
      </c>
      <c r="GEH726" s="424"/>
      <c r="GEI726" s="424"/>
      <c r="GEJ726" s="424"/>
      <c r="GEK726" s="423" t="s">
        <v>2795</v>
      </c>
      <c r="GEL726" s="424"/>
      <c r="GEM726" s="424"/>
      <c r="GEN726" s="424"/>
      <c r="GEO726" s="423" t="s">
        <v>2795</v>
      </c>
      <c r="GEP726" s="424"/>
      <c r="GEQ726" s="424"/>
      <c r="GER726" s="424"/>
      <c r="GES726" s="423" t="s">
        <v>2795</v>
      </c>
      <c r="GET726" s="424"/>
      <c r="GEU726" s="424"/>
      <c r="GEV726" s="424"/>
      <c r="GEW726" s="423" t="s">
        <v>2795</v>
      </c>
      <c r="GEX726" s="424"/>
      <c r="GEY726" s="424"/>
      <c r="GEZ726" s="424"/>
      <c r="GFA726" s="423" t="s">
        <v>2795</v>
      </c>
      <c r="GFB726" s="424"/>
      <c r="GFC726" s="424"/>
      <c r="GFD726" s="424"/>
      <c r="GFE726" s="423" t="s">
        <v>2795</v>
      </c>
      <c r="GFF726" s="424"/>
      <c r="GFG726" s="424"/>
      <c r="GFH726" s="424"/>
      <c r="GFI726" s="423" t="s">
        <v>2795</v>
      </c>
      <c r="GFJ726" s="424"/>
      <c r="GFK726" s="424"/>
      <c r="GFL726" s="424"/>
      <c r="GFM726" s="423" t="s">
        <v>2795</v>
      </c>
      <c r="GFN726" s="424"/>
      <c r="GFO726" s="424"/>
      <c r="GFP726" s="424"/>
      <c r="GFQ726" s="423" t="s">
        <v>2795</v>
      </c>
      <c r="GFR726" s="424"/>
      <c r="GFS726" s="424"/>
      <c r="GFT726" s="424"/>
      <c r="GFU726" s="423" t="s">
        <v>2795</v>
      </c>
      <c r="GFV726" s="424"/>
      <c r="GFW726" s="424"/>
      <c r="GFX726" s="424"/>
      <c r="GFY726" s="423" t="s">
        <v>2795</v>
      </c>
      <c r="GFZ726" s="424"/>
      <c r="GGA726" s="424"/>
      <c r="GGB726" s="424"/>
      <c r="GGC726" s="423" t="s">
        <v>2795</v>
      </c>
      <c r="GGD726" s="424"/>
      <c r="GGE726" s="424"/>
      <c r="GGF726" s="424"/>
      <c r="GGG726" s="423" t="s">
        <v>2795</v>
      </c>
      <c r="GGH726" s="424"/>
      <c r="GGI726" s="424"/>
      <c r="GGJ726" s="424"/>
      <c r="GGK726" s="423" t="s">
        <v>2795</v>
      </c>
      <c r="GGL726" s="424"/>
      <c r="GGM726" s="424"/>
      <c r="GGN726" s="424"/>
      <c r="GGO726" s="423" t="s">
        <v>2795</v>
      </c>
      <c r="GGP726" s="424"/>
      <c r="GGQ726" s="424"/>
      <c r="GGR726" s="424"/>
      <c r="GGS726" s="423" t="s">
        <v>2795</v>
      </c>
      <c r="GGT726" s="424"/>
      <c r="GGU726" s="424"/>
      <c r="GGV726" s="424"/>
      <c r="GGW726" s="423" t="s">
        <v>2795</v>
      </c>
      <c r="GGX726" s="424"/>
      <c r="GGY726" s="424"/>
      <c r="GGZ726" s="424"/>
      <c r="GHA726" s="423" t="s">
        <v>2795</v>
      </c>
      <c r="GHB726" s="424"/>
      <c r="GHC726" s="424"/>
      <c r="GHD726" s="424"/>
      <c r="GHE726" s="423" t="s">
        <v>2795</v>
      </c>
      <c r="GHF726" s="424"/>
      <c r="GHG726" s="424"/>
      <c r="GHH726" s="424"/>
      <c r="GHI726" s="423" t="s">
        <v>2795</v>
      </c>
      <c r="GHJ726" s="424"/>
      <c r="GHK726" s="424"/>
      <c r="GHL726" s="424"/>
      <c r="GHM726" s="423" t="s">
        <v>2795</v>
      </c>
      <c r="GHN726" s="424"/>
      <c r="GHO726" s="424"/>
      <c r="GHP726" s="424"/>
      <c r="GHQ726" s="423" t="s">
        <v>2795</v>
      </c>
      <c r="GHR726" s="424"/>
      <c r="GHS726" s="424"/>
      <c r="GHT726" s="424"/>
      <c r="GHU726" s="423" t="s">
        <v>2795</v>
      </c>
      <c r="GHV726" s="424"/>
      <c r="GHW726" s="424"/>
      <c r="GHX726" s="424"/>
      <c r="GHY726" s="423" t="s">
        <v>2795</v>
      </c>
      <c r="GHZ726" s="424"/>
      <c r="GIA726" s="424"/>
      <c r="GIB726" s="424"/>
      <c r="GIC726" s="423" t="s">
        <v>2795</v>
      </c>
      <c r="GID726" s="424"/>
      <c r="GIE726" s="424"/>
      <c r="GIF726" s="424"/>
      <c r="GIG726" s="423" t="s">
        <v>2795</v>
      </c>
      <c r="GIH726" s="424"/>
      <c r="GII726" s="424"/>
      <c r="GIJ726" s="424"/>
      <c r="GIK726" s="423" t="s">
        <v>2795</v>
      </c>
      <c r="GIL726" s="424"/>
      <c r="GIM726" s="424"/>
      <c r="GIN726" s="424"/>
      <c r="GIO726" s="423" t="s">
        <v>2795</v>
      </c>
      <c r="GIP726" s="424"/>
      <c r="GIQ726" s="424"/>
      <c r="GIR726" s="424"/>
      <c r="GIS726" s="423" t="s">
        <v>2795</v>
      </c>
      <c r="GIT726" s="424"/>
      <c r="GIU726" s="424"/>
      <c r="GIV726" s="424"/>
      <c r="GIW726" s="423" t="s">
        <v>2795</v>
      </c>
      <c r="GIX726" s="424"/>
      <c r="GIY726" s="424"/>
      <c r="GIZ726" s="424"/>
      <c r="GJA726" s="423" t="s">
        <v>2795</v>
      </c>
      <c r="GJB726" s="424"/>
      <c r="GJC726" s="424"/>
      <c r="GJD726" s="424"/>
      <c r="GJE726" s="423" t="s">
        <v>2795</v>
      </c>
      <c r="GJF726" s="424"/>
      <c r="GJG726" s="424"/>
      <c r="GJH726" s="424"/>
      <c r="GJI726" s="423" t="s">
        <v>2795</v>
      </c>
      <c r="GJJ726" s="424"/>
      <c r="GJK726" s="424"/>
      <c r="GJL726" s="424"/>
      <c r="GJM726" s="423" t="s">
        <v>2795</v>
      </c>
      <c r="GJN726" s="424"/>
      <c r="GJO726" s="424"/>
      <c r="GJP726" s="424"/>
      <c r="GJQ726" s="423" t="s">
        <v>2795</v>
      </c>
      <c r="GJR726" s="424"/>
      <c r="GJS726" s="424"/>
      <c r="GJT726" s="424"/>
      <c r="GJU726" s="423" t="s">
        <v>2795</v>
      </c>
      <c r="GJV726" s="424"/>
      <c r="GJW726" s="424"/>
      <c r="GJX726" s="424"/>
      <c r="GJY726" s="423" t="s">
        <v>2795</v>
      </c>
      <c r="GJZ726" s="424"/>
      <c r="GKA726" s="424"/>
      <c r="GKB726" s="424"/>
      <c r="GKC726" s="423" t="s">
        <v>2795</v>
      </c>
      <c r="GKD726" s="424"/>
      <c r="GKE726" s="424"/>
      <c r="GKF726" s="424"/>
      <c r="GKG726" s="423" t="s">
        <v>2795</v>
      </c>
      <c r="GKH726" s="424"/>
      <c r="GKI726" s="424"/>
      <c r="GKJ726" s="424"/>
      <c r="GKK726" s="423" t="s">
        <v>2795</v>
      </c>
      <c r="GKL726" s="424"/>
      <c r="GKM726" s="424"/>
      <c r="GKN726" s="424"/>
      <c r="GKO726" s="423" t="s">
        <v>2795</v>
      </c>
      <c r="GKP726" s="424"/>
      <c r="GKQ726" s="424"/>
      <c r="GKR726" s="424"/>
      <c r="GKS726" s="423" t="s">
        <v>2795</v>
      </c>
      <c r="GKT726" s="424"/>
      <c r="GKU726" s="424"/>
      <c r="GKV726" s="424"/>
      <c r="GKW726" s="423" t="s">
        <v>2795</v>
      </c>
      <c r="GKX726" s="424"/>
      <c r="GKY726" s="424"/>
      <c r="GKZ726" s="424"/>
      <c r="GLA726" s="423" t="s">
        <v>2795</v>
      </c>
      <c r="GLB726" s="424"/>
      <c r="GLC726" s="424"/>
      <c r="GLD726" s="424"/>
      <c r="GLE726" s="423" t="s">
        <v>2795</v>
      </c>
      <c r="GLF726" s="424"/>
      <c r="GLG726" s="424"/>
      <c r="GLH726" s="424"/>
      <c r="GLI726" s="423" t="s">
        <v>2795</v>
      </c>
      <c r="GLJ726" s="424"/>
      <c r="GLK726" s="424"/>
      <c r="GLL726" s="424"/>
      <c r="GLM726" s="423" t="s">
        <v>2795</v>
      </c>
      <c r="GLN726" s="424"/>
      <c r="GLO726" s="424"/>
      <c r="GLP726" s="424"/>
      <c r="GLQ726" s="423" t="s">
        <v>2795</v>
      </c>
      <c r="GLR726" s="424"/>
      <c r="GLS726" s="424"/>
      <c r="GLT726" s="424"/>
      <c r="GLU726" s="423" t="s">
        <v>2795</v>
      </c>
      <c r="GLV726" s="424"/>
      <c r="GLW726" s="424"/>
      <c r="GLX726" s="424"/>
      <c r="GLY726" s="423" t="s">
        <v>2795</v>
      </c>
      <c r="GLZ726" s="424"/>
      <c r="GMA726" s="424"/>
      <c r="GMB726" s="424"/>
      <c r="GMC726" s="423" t="s">
        <v>2795</v>
      </c>
      <c r="GMD726" s="424"/>
      <c r="GME726" s="424"/>
      <c r="GMF726" s="424"/>
      <c r="GMG726" s="423" t="s">
        <v>2795</v>
      </c>
      <c r="GMH726" s="424"/>
      <c r="GMI726" s="424"/>
      <c r="GMJ726" s="424"/>
      <c r="GMK726" s="423" t="s">
        <v>2795</v>
      </c>
      <c r="GML726" s="424"/>
      <c r="GMM726" s="424"/>
      <c r="GMN726" s="424"/>
      <c r="GMO726" s="423" t="s">
        <v>2795</v>
      </c>
      <c r="GMP726" s="424"/>
      <c r="GMQ726" s="424"/>
      <c r="GMR726" s="424"/>
      <c r="GMS726" s="423" t="s">
        <v>2795</v>
      </c>
      <c r="GMT726" s="424"/>
      <c r="GMU726" s="424"/>
      <c r="GMV726" s="424"/>
      <c r="GMW726" s="423" t="s">
        <v>2795</v>
      </c>
      <c r="GMX726" s="424"/>
      <c r="GMY726" s="424"/>
      <c r="GMZ726" s="424"/>
      <c r="GNA726" s="423" t="s">
        <v>2795</v>
      </c>
      <c r="GNB726" s="424"/>
      <c r="GNC726" s="424"/>
      <c r="GND726" s="424"/>
      <c r="GNE726" s="423" t="s">
        <v>2795</v>
      </c>
      <c r="GNF726" s="424"/>
      <c r="GNG726" s="424"/>
      <c r="GNH726" s="424"/>
      <c r="GNI726" s="423" t="s">
        <v>2795</v>
      </c>
      <c r="GNJ726" s="424"/>
      <c r="GNK726" s="424"/>
      <c r="GNL726" s="424"/>
      <c r="GNM726" s="423" t="s">
        <v>2795</v>
      </c>
      <c r="GNN726" s="424"/>
      <c r="GNO726" s="424"/>
      <c r="GNP726" s="424"/>
      <c r="GNQ726" s="423" t="s">
        <v>2795</v>
      </c>
      <c r="GNR726" s="424"/>
      <c r="GNS726" s="424"/>
      <c r="GNT726" s="424"/>
      <c r="GNU726" s="423" t="s">
        <v>2795</v>
      </c>
      <c r="GNV726" s="424"/>
      <c r="GNW726" s="424"/>
      <c r="GNX726" s="424"/>
      <c r="GNY726" s="423" t="s">
        <v>2795</v>
      </c>
      <c r="GNZ726" s="424"/>
      <c r="GOA726" s="424"/>
      <c r="GOB726" s="424"/>
      <c r="GOC726" s="423" t="s">
        <v>2795</v>
      </c>
      <c r="GOD726" s="424"/>
      <c r="GOE726" s="424"/>
      <c r="GOF726" s="424"/>
      <c r="GOG726" s="423" t="s">
        <v>2795</v>
      </c>
      <c r="GOH726" s="424"/>
      <c r="GOI726" s="424"/>
      <c r="GOJ726" s="424"/>
      <c r="GOK726" s="423" t="s">
        <v>2795</v>
      </c>
      <c r="GOL726" s="424"/>
      <c r="GOM726" s="424"/>
      <c r="GON726" s="424"/>
      <c r="GOO726" s="423" t="s">
        <v>2795</v>
      </c>
      <c r="GOP726" s="424"/>
      <c r="GOQ726" s="424"/>
      <c r="GOR726" s="424"/>
      <c r="GOS726" s="423" t="s">
        <v>2795</v>
      </c>
      <c r="GOT726" s="424"/>
      <c r="GOU726" s="424"/>
      <c r="GOV726" s="424"/>
      <c r="GOW726" s="423" t="s">
        <v>2795</v>
      </c>
      <c r="GOX726" s="424"/>
      <c r="GOY726" s="424"/>
      <c r="GOZ726" s="424"/>
      <c r="GPA726" s="423" t="s">
        <v>2795</v>
      </c>
      <c r="GPB726" s="424"/>
      <c r="GPC726" s="424"/>
      <c r="GPD726" s="424"/>
      <c r="GPE726" s="423" t="s">
        <v>2795</v>
      </c>
      <c r="GPF726" s="424"/>
      <c r="GPG726" s="424"/>
      <c r="GPH726" s="424"/>
      <c r="GPI726" s="423" t="s">
        <v>2795</v>
      </c>
      <c r="GPJ726" s="424"/>
      <c r="GPK726" s="424"/>
      <c r="GPL726" s="424"/>
      <c r="GPM726" s="423" t="s">
        <v>2795</v>
      </c>
      <c r="GPN726" s="424"/>
      <c r="GPO726" s="424"/>
      <c r="GPP726" s="424"/>
      <c r="GPQ726" s="423" t="s">
        <v>2795</v>
      </c>
      <c r="GPR726" s="424"/>
      <c r="GPS726" s="424"/>
      <c r="GPT726" s="424"/>
      <c r="GPU726" s="423" t="s">
        <v>2795</v>
      </c>
      <c r="GPV726" s="424"/>
      <c r="GPW726" s="424"/>
      <c r="GPX726" s="424"/>
      <c r="GPY726" s="423" t="s">
        <v>2795</v>
      </c>
      <c r="GPZ726" s="424"/>
      <c r="GQA726" s="424"/>
      <c r="GQB726" s="424"/>
      <c r="GQC726" s="423" t="s">
        <v>2795</v>
      </c>
      <c r="GQD726" s="424"/>
      <c r="GQE726" s="424"/>
      <c r="GQF726" s="424"/>
      <c r="GQG726" s="423" t="s">
        <v>2795</v>
      </c>
      <c r="GQH726" s="424"/>
      <c r="GQI726" s="424"/>
      <c r="GQJ726" s="424"/>
      <c r="GQK726" s="423" t="s">
        <v>2795</v>
      </c>
      <c r="GQL726" s="424"/>
      <c r="GQM726" s="424"/>
      <c r="GQN726" s="424"/>
      <c r="GQO726" s="423" t="s">
        <v>2795</v>
      </c>
      <c r="GQP726" s="424"/>
      <c r="GQQ726" s="424"/>
      <c r="GQR726" s="424"/>
      <c r="GQS726" s="423" t="s">
        <v>2795</v>
      </c>
      <c r="GQT726" s="424"/>
      <c r="GQU726" s="424"/>
      <c r="GQV726" s="424"/>
      <c r="GQW726" s="423" t="s">
        <v>2795</v>
      </c>
      <c r="GQX726" s="424"/>
      <c r="GQY726" s="424"/>
      <c r="GQZ726" s="424"/>
      <c r="GRA726" s="423" t="s">
        <v>2795</v>
      </c>
      <c r="GRB726" s="424"/>
      <c r="GRC726" s="424"/>
      <c r="GRD726" s="424"/>
      <c r="GRE726" s="423" t="s">
        <v>2795</v>
      </c>
      <c r="GRF726" s="424"/>
      <c r="GRG726" s="424"/>
      <c r="GRH726" s="424"/>
      <c r="GRI726" s="423" t="s">
        <v>2795</v>
      </c>
      <c r="GRJ726" s="424"/>
      <c r="GRK726" s="424"/>
      <c r="GRL726" s="424"/>
      <c r="GRM726" s="423" t="s">
        <v>2795</v>
      </c>
      <c r="GRN726" s="424"/>
      <c r="GRO726" s="424"/>
      <c r="GRP726" s="424"/>
      <c r="GRQ726" s="423" t="s">
        <v>2795</v>
      </c>
      <c r="GRR726" s="424"/>
      <c r="GRS726" s="424"/>
      <c r="GRT726" s="424"/>
      <c r="GRU726" s="423" t="s">
        <v>2795</v>
      </c>
      <c r="GRV726" s="424"/>
      <c r="GRW726" s="424"/>
      <c r="GRX726" s="424"/>
      <c r="GRY726" s="423" t="s">
        <v>2795</v>
      </c>
      <c r="GRZ726" s="424"/>
      <c r="GSA726" s="424"/>
      <c r="GSB726" s="424"/>
      <c r="GSC726" s="423" t="s">
        <v>2795</v>
      </c>
      <c r="GSD726" s="424"/>
      <c r="GSE726" s="424"/>
      <c r="GSF726" s="424"/>
      <c r="GSG726" s="423" t="s">
        <v>2795</v>
      </c>
      <c r="GSH726" s="424"/>
      <c r="GSI726" s="424"/>
      <c r="GSJ726" s="424"/>
      <c r="GSK726" s="423" t="s">
        <v>2795</v>
      </c>
      <c r="GSL726" s="424"/>
      <c r="GSM726" s="424"/>
      <c r="GSN726" s="424"/>
      <c r="GSO726" s="423" t="s">
        <v>2795</v>
      </c>
      <c r="GSP726" s="424"/>
      <c r="GSQ726" s="424"/>
      <c r="GSR726" s="424"/>
      <c r="GSS726" s="423" t="s">
        <v>2795</v>
      </c>
      <c r="GST726" s="424"/>
      <c r="GSU726" s="424"/>
      <c r="GSV726" s="424"/>
      <c r="GSW726" s="423" t="s">
        <v>2795</v>
      </c>
      <c r="GSX726" s="424"/>
      <c r="GSY726" s="424"/>
      <c r="GSZ726" s="424"/>
      <c r="GTA726" s="423" t="s">
        <v>2795</v>
      </c>
      <c r="GTB726" s="424"/>
      <c r="GTC726" s="424"/>
      <c r="GTD726" s="424"/>
      <c r="GTE726" s="423" t="s">
        <v>2795</v>
      </c>
      <c r="GTF726" s="424"/>
      <c r="GTG726" s="424"/>
      <c r="GTH726" s="424"/>
      <c r="GTI726" s="423" t="s">
        <v>2795</v>
      </c>
      <c r="GTJ726" s="424"/>
      <c r="GTK726" s="424"/>
      <c r="GTL726" s="424"/>
      <c r="GTM726" s="423" t="s">
        <v>2795</v>
      </c>
      <c r="GTN726" s="424"/>
      <c r="GTO726" s="424"/>
      <c r="GTP726" s="424"/>
      <c r="GTQ726" s="423" t="s">
        <v>2795</v>
      </c>
      <c r="GTR726" s="424"/>
      <c r="GTS726" s="424"/>
      <c r="GTT726" s="424"/>
      <c r="GTU726" s="423" t="s">
        <v>2795</v>
      </c>
      <c r="GTV726" s="424"/>
      <c r="GTW726" s="424"/>
      <c r="GTX726" s="424"/>
      <c r="GTY726" s="423" t="s">
        <v>2795</v>
      </c>
      <c r="GTZ726" s="424"/>
      <c r="GUA726" s="424"/>
      <c r="GUB726" s="424"/>
      <c r="GUC726" s="423" t="s">
        <v>2795</v>
      </c>
      <c r="GUD726" s="424"/>
      <c r="GUE726" s="424"/>
      <c r="GUF726" s="424"/>
      <c r="GUG726" s="423" t="s">
        <v>2795</v>
      </c>
      <c r="GUH726" s="424"/>
      <c r="GUI726" s="424"/>
      <c r="GUJ726" s="424"/>
      <c r="GUK726" s="423" t="s">
        <v>2795</v>
      </c>
      <c r="GUL726" s="424"/>
      <c r="GUM726" s="424"/>
      <c r="GUN726" s="424"/>
      <c r="GUO726" s="423" t="s">
        <v>2795</v>
      </c>
      <c r="GUP726" s="424"/>
      <c r="GUQ726" s="424"/>
      <c r="GUR726" s="424"/>
      <c r="GUS726" s="423" t="s">
        <v>2795</v>
      </c>
      <c r="GUT726" s="424"/>
      <c r="GUU726" s="424"/>
      <c r="GUV726" s="424"/>
      <c r="GUW726" s="423" t="s">
        <v>2795</v>
      </c>
      <c r="GUX726" s="424"/>
      <c r="GUY726" s="424"/>
      <c r="GUZ726" s="424"/>
      <c r="GVA726" s="423" t="s">
        <v>2795</v>
      </c>
      <c r="GVB726" s="424"/>
      <c r="GVC726" s="424"/>
      <c r="GVD726" s="424"/>
      <c r="GVE726" s="423" t="s">
        <v>2795</v>
      </c>
      <c r="GVF726" s="424"/>
      <c r="GVG726" s="424"/>
      <c r="GVH726" s="424"/>
      <c r="GVI726" s="423" t="s">
        <v>2795</v>
      </c>
      <c r="GVJ726" s="424"/>
      <c r="GVK726" s="424"/>
      <c r="GVL726" s="424"/>
      <c r="GVM726" s="423" t="s">
        <v>2795</v>
      </c>
      <c r="GVN726" s="424"/>
      <c r="GVO726" s="424"/>
      <c r="GVP726" s="424"/>
      <c r="GVQ726" s="423" t="s">
        <v>2795</v>
      </c>
      <c r="GVR726" s="424"/>
      <c r="GVS726" s="424"/>
      <c r="GVT726" s="424"/>
      <c r="GVU726" s="423" t="s">
        <v>2795</v>
      </c>
      <c r="GVV726" s="424"/>
      <c r="GVW726" s="424"/>
      <c r="GVX726" s="424"/>
      <c r="GVY726" s="423" t="s">
        <v>2795</v>
      </c>
      <c r="GVZ726" s="424"/>
      <c r="GWA726" s="424"/>
      <c r="GWB726" s="424"/>
      <c r="GWC726" s="423" t="s">
        <v>2795</v>
      </c>
      <c r="GWD726" s="424"/>
      <c r="GWE726" s="424"/>
      <c r="GWF726" s="424"/>
      <c r="GWG726" s="423" t="s">
        <v>2795</v>
      </c>
      <c r="GWH726" s="424"/>
      <c r="GWI726" s="424"/>
      <c r="GWJ726" s="424"/>
      <c r="GWK726" s="423" t="s">
        <v>2795</v>
      </c>
      <c r="GWL726" s="424"/>
      <c r="GWM726" s="424"/>
      <c r="GWN726" s="424"/>
      <c r="GWO726" s="423" t="s">
        <v>2795</v>
      </c>
      <c r="GWP726" s="424"/>
      <c r="GWQ726" s="424"/>
      <c r="GWR726" s="424"/>
      <c r="GWS726" s="423" t="s">
        <v>2795</v>
      </c>
      <c r="GWT726" s="424"/>
      <c r="GWU726" s="424"/>
      <c r="GWV726" s="424"/>
      <c r="GWW726" s="423" t="s">
        <v>2795</v>
      </c>
      <c r="GWX726" s="424"/>
      <c r="GWY726" s="424"/>
      <c r="GWZ726" s="424"/>
      <c r="GXA726" s="423" t="s">
        <v>2795</v>
      </c>
      <c r="GXB726" s="424"/>
      <c r="GXC726" s="424"/>
      <c r="GXD726" s="424"/>
      <c r="GXE726" s="423" t="s">
        <v>2795</v>
      </c>
      <c r="GXF726" s="424"/>
      <c r="GXG726" s="424"/>
      <c r="GXH726" s="424"/>
      <c r="GXI726" s="423" t="s">
        <v>2795</v>
      </c>
      <c r="GXJ726" s="424"/>
      <c r="GXK726" s="424"/>
      <c r="GXL726" s="424"/>
      <c r="GXM726" s="423" t="s">
        <v>2795</v>
      </c>
      <c r="GXN726" s="424"/>
      <c r="GXO726" s="424"/>
      <c r="GXP726" s="424"/>
      <c r="GXQ726" s="423" t="s">
        <v>2795</v>
      </c>
      <c r="GXR726" s="424"/>
      <c r="GXS726" s="424"/>
      <c r="GXT726" s="424"/>
      <c r="GXU726" s="423" t="s">
        <v>2795</v>
      </c>
      <c r="GXV726" s="424"/>
      <c r="GXW726" s="424"/>
      <c r="GXX726" s="424"/>
      <c r="GXY726" s="423" t="s">
        <v>2795</v>
      </c>
      <c r="GXZ726" s="424"/>
      <c r="GYA726" s="424"/>
      <c r="GYB726" s="424"/>
      <c r="GYC726" s="423" t="s">
        <v>2795</v>
      </c>
      <c r="GYD726" s="424"/>
      <c r="GYE726" s="424"/>
      <c r="GYF726" s="424"/>
      <c r="GYG726" s="423" t="s">
        <v>2795</v>
      </c>
      <c r="GYH726" s="424"/>
      <c r="GYI726" s="424"/>
      <c r="GYJ726" s="424"/>
      <c r="GYK726" s="423" t="s">
        <v>2795</v>
      </c>
      <c r="GYL726" s="424"/>
      <c r="GYM726" s="424"/>
      <c r="GYN726" s="424"/>
      <c r="GYO726" s="423" t="s">
        <v>2795</v>
      </c>
      <c r="GYP726" s="424"/>
      <c r="GYQ726" s="424"/>
      <c r="GYR726" s="424"/>
      <c r="GYS726" s="423" t="s">
        <v>2795</v>
      </c>
      <c r="GYT726" s="424"/>
      <c r="GYU726" s="424"/>
      <c r="GYV726" s="424"/>
      <c r="GYW726" s="423" t="s">
        <v>2795</v>
      </c>
      <c r="GYX726" s="424"/>
      <c r="GYY726" s="424"/>
      <c r="GYZ726" s="424"/>
      <c r="GZA726" s="423" t="s">
        <v>2795</v>
      </c>
      <c r="GZB726" s="424"/>
      <c r="GZC726" s="424"/>
      <c r="GZD726" s="424"/>
      <c r="GZE726" s="423" t="s">
        <v>2795</v>
      </c>
      <c r="GZF726" s="424"/>
      <c r="GZG726" s="424"/>
      <c r="GZH726" s="424"/>
      <c r="GZI726" s="423" t="s">
        <v>2795</v>
      </c>
      <c r="GZJ726" s="424"/>
      <c r="GZK726" s="424"/>
      <c r="GZL726" s="424"/>
      <c r="GZM726" s="423" t="s">
        <v>2795</v>
      </c>
      <c r="GZN726" s="424"/>
      <c r="GZO726" s="424"/>
      <c r="GZP726" s="424"/>
      <c r="GZQ726" s="423" t="s">
        <v>2795</v>
      </c>
      <c r="GZR726" s="424"/>
      <c r="GZS726" s="424"/>
      <c r="GZT726" s="424"/>
      <c r="GZU726" s="423" t="s">
        <v>2795</v>
      </c>
      <c r="GZV726" s="424"/>
      <c r="GZW726" s="424"/>
      <c r="GZX726" s="424"/>
      <c r="GZY726" s="423" t="s">
        <v>2795</v>
      </c>
      <c r="GZZ726" s="424"/>
      <c r="HAA726" s="424"/>
      <c r="HAB726" s="424"/>
      <c r="HAC726" s="423" t="s">
        <v>2795</v>
      </c>
      <c r="HAD726" s="424"/>
      <c r="HAE726" s="424"/>
      <c r="HAF726" s="424"/>
      <c r="HAG726" s="423" t="s">
        <v>2795</v>
      </c>
      <c r="HAH726" s="424"/>
      <c r="HAI726" s="424"/>
      <c r="HAJ726" s="424"/>
      <c r="HAK726" s="423" t="s">
        <v>2795</v>
      </c>
      <c r="HAL726" s="424"/>
      <c r="HAM726" s="424"/>
      <c r="HAN726" s="424"/>
      <c r="HAO726" s="423" t="s">
        <v>2795</v>
      </c>
      <c r="HAP726" s="424"/>
      <c r="HAQ726" s="424"/>
      <c r="HAR726" s="424"/>
      <c r="HAS726" s="423" t="s">
        <v>2795</v>
      </c>
      <c r="HAT726" s="424"/>
      <c r="HAU726" s="424"/>
      <c r="HAV726" s="424"/>
      <c r="HAW726" s="423" t="s">
        <v>2795</v>
      </c>
      <c r="HAX726" s="424"/>
      <c r="HAY726" s="424"/>
      <c r="HAZ726" s="424"/>
      <c r="HBA726" s="423" t="s">
        <v>2795</v>
      </c>
      <c r="HBB726" s="424"/>
      <c r="HBC726" s="424"/>
      <c r="HBD726" s="424"/>
      <c r="HBE726" s="423" t="s">
        <v>2795</v>
      </c>
      <c r="HBF726" s="424"/>
      <c r="HBG726" s="424"/>
      <c r="HBH726" s="424"/>
      <c r="HBI726" s="423" t="s">
        <v>2795</v>
      </c>
      <c r="HBJ726" s="424"/>
      <c r="HBK726" s="424"/>
      <c r="HBL726" s="424"/>
      <c r="HBM726" s="423" t="s">
        <v>2795</v>
      </c>
      <c r="HBN726" s="424"/>
      <c r="HBO726" s="424"/>
      <c r="HBP726" s="424"/>
      <c r="HBQ726" s="423" t="s">
        <v>2795</v>
      </c>
      <c r="HBR726" s="424"/>
      <c r="HBS726" s="424"/>
      <c r="HBT726" s="424"/>
      <c r="HBU726" s="423" t="s">
        <v>2795</v>
      </c>
      <c r="HBV726" s="424"/>
      <c r="HBW726" s="424"/>
      <c r="HBX726" s="424"/>
      <c r="HBY726" s="423" t="s">
        <v>2795</v>
      </c>
      <c r="HBZ726" s="424"/>
      <c r="HCA726" s="424"/>
      <c r="HCB726" s="424"/>
      <c r="HCC726" s="423" t="s">
        <v>2795</v>
      </c>
      <c r="HCD726" s="424"/>
      <c r="HCE726" s="424"/>
      <c r="HCF726" s="424"/>
      <c r="HCG726" s="423" t="s">
        <v>2795</v>
      </c>
      <c r="HCH726" s="424"/>
      <c r="HCI726" s="424"/>
      <c r="HCJ726" s="424"/>
      <c r="HCK726" s="423" t="s">
        <v>2795</v>
      </c>
      <c r="HCL726" s="424"/>
      <c r="HCM726" s="424"/>
      <c r="HCN726" s="424"/>
      <c r="HCO726" s="423" t="s">
        <v>2795</v>
      </c>
      <c r="HCP726" s="424"/>
      <c r="HCQ726" s="424"/>
      <c r="HCR726" s="424"/>
      <c r="HCS726" s="423" t="s">
        <v>2795</v>
      </c>
      <c r="HCT726" s="424"/>
      <c r="HCU726" s="424"/>
      <c r="HCV726" s="424"/>
      <c r="HCW726" s="423" t="s">
        <v>2795</v>
      </c>
      <c r="HCX726" s="424"/>
      <c r="HCY726" s="424"/>
      <c r="HCZ726" s="424"/>
      <c r="HDA726" s="423" t="s">
        <v>2795</v>
      </c>
      <c r="HDB726" s="424"/>
      <c r="HDC726" s="424"/>
      <c r="HDD726" s="424"/>
      <c r="HDE726" s="423" t="s">
        <v>2795</v>
      </c>
      <c r="HDF726" s="424"/>
      <c r="HDG726" s="424"/>
      <c r="HDH726" s="424"/>
      <c r="HDI726" s="423" t="s">
        <v>2795</v>
      </c>
      <c r="HDJ726" s="424"/>
      <c r="HDK726" s="424"/>
      <c r="HDL726" s="424"/>
      <c r="HDM726" s="423" t="s">
        <v>2795</v>
      </c>
      <c r="HDN726" s="424"/>
      <c r="HDO726" s="424"/>
      <c r="HDP726" s="424"/>
      <c r="HDQ726" s="423" t="s">
        <v>2795</v>
      </c>
      <c r="HDR726" s="424"/>
      <c r="HDS726" s="424"/>
      <c r="HDT726" s="424"/>
      <c r="HDU726" s="423" t="s">
        <v>2795</v>
      </c>
      <c r="HDV726" s="424"/>
      <c r="HDW726" s="424"/>
      <c r="HDX726" s="424"/>
      <c r="HDY726" s="423" t="s">
        <v>2795</v>
      </c>
      <c r="HDZ726" s="424"/>
      <c r="HEA726" s="424"/>
      <c r="HEB726" s="424"/>
      <c r="HEC726" s="423" t="s">
        <v>2795</v>
      </c>
      <c r="HED726" s="424"/>
      <c r="HEE726" s="424"/>
      <c r="HEF726" s="424"/>
      <c r="HEG726" s="423" t="s">
        <v>2795</v>
      </c>
      <c r="HEH726" s="424"/>
      <c r="HEI726" s="424"/>
      <c r="HEJ726" s="424"/>
      <c r="HEK726" s="423" t="s">
        <v>2795</v>
      </c>
      <c r="HEL726" s="424"/>
      <c r="HEM726" s="424"/>
      <c r="HEN726" s="424"/>
      <c r="HEO726" s="423" t="s">
        <v>2795</v>
      </c>
      <c r="HEP726" s="424"/>
      <c r="HEQ726" s="424"/>
      <c r="HER726" s="424"/>
      <c r="HES726" s="423" t="s">
        <v>2795</v>
      </c>
      <c r="HET726" s="424"/>
      <c r="HEU726" s="424"/>
      <c r="HEV726" s="424"/>
      <c r="HEW726" s="423" t="s">
        <v>2795</v>
      </c>
      <c r="HEX726" s="424"/>
      <c r="HEY726" s="424"/>
      <c r="HEZ726" s="424"/>
      <c r="HFA726" s="423" t="s">
        <v>2795</v>
      </c>
      <c r="HFB726" s="424"/>
      <c r="HFC726" s="424"/>
      <c r="HFD726" s="424"/>
      <c r="HFE726" s="423" t="s">
        <v>2795</v>
      </c>
      <c r="HFF726" s="424"/>
      <c r="HFG726" s="424"/>
      <c r="HFH726" s="424"/>
      <c r="HFI726" s="423" t="s">
        <v>2795</v>
      </c>
      <c r="HFJ726" s="424"/>
      <c r="HFK726" s="424"/>
      <c r="HFL726" s="424"/>
      <c r="HFM726" s="423" t="s">
        <v>2795</v>
      </c>
      <c r="HFN726" s="424"/>
      <c r="HFO726" s="424"/>
      <c r="HFP726" s="424"/>
      <c r="HFQ726" s="423" t="s">
        <v>2795</v>
      </c>
      <c r="HFR726" s="424"/>
      <c r="HFS726" s="424"/>
      <c r="HFT726" s="424"/>
      <c r="HFU726" s="423" t="s">
        <v>2795</v>
      </c>
      <c r="HFV726" s="424"/>
      <c r="HFW726" s="424"/>
      <c r="HFX726" s="424"/>
      <c r="HFY726" s="423" t="s">
        <v>2795</v>
      </c>
      <c r="HFZ726" s="424"/>
      <c r="HGA726" s="424"/>
      <c r="HGB726" s="424"/>
      <c r="HGC726" s="423" t="s">
        <v>2795</v>
      </c>
      <c r="HGD726" s="424"/>
      <c r="HGE726" s="424"/>
      <c r="HGF726" s="424"/>
      <c r="HGG726" s="423" t="s">
        <v>2795</v>
      </c>
      <c r="HGH726" s="424"/>
      <c r="HGI726" s="424"/>
      <c r="HGJ726" s="424"/>
      <c r="HGK726" s="423" t="s">
        <v>2795</v>
      </c>
      <c r="HGL726" s="424"/>
      <c r="HGM726" s="424"/>
      <c r="HGN726" s="424"/>
      <c r="HGO726" s="423" t="s">
        <v>2795</v>
      </c>
      <c r="HGP726" s="424"/>
      <c r="HGQ726" s="424"/>
      <c r="HGR726" s="424"/>
      <c r="HGS726" s="423" t="s">
        <v>2795</v>
      </c>
      <c r="HGT726" s="424"/>
      <c r="HGU726" s="424"/>
      <c r="HGV726" s="424"/>
      <c r="HGW726" s="423" t="s">
        <v>2795</v>
      </c>
      <c r="HGX726" s="424"/>
      <c r="HGY726" s="424"/>
      <c r="HGZ726" s="424"/>
      <c r="HHA726" s="423" t="s">
        <v>2795</v>
      </c>
      <c r="HHB726" s="424"/>
      <c r="HHC726" s="424"/>
      <c r="HHD726" s="424"/>
      <c r="HHE726" s="423" t="s">
        <v>2795</v>
      </c>
      <c r="HHF726" s="424"/>
      <c r="HHG726" s="424"/>
      <c r="HHH726" s="424"/>
      <c r="HHI726" s="423" t="s">
        <v>2795</v>
      </c>
      <c r="HHJ726" s="424"/>
      <c r="HHK726" s="424"/>
      <c r="HHL726" s="424"/>
      <c r="HHM726" s="423" t="s">
        <v>2795</v>
      </c>
      <c r="HHN726" s="424"/>
      <c r="HHO726" s="424"/>
      <c r="HHP726" s="424"/>
      <c r="HHQ726" s="423" t="s">
        <v>2795</v>
      </c>
      <c r="HHR726" s="424"/>
      <c r="HHS726" s="424"/>
      <c r="HHT726" s="424"/>
      <c r="HHU726" s="423" t="s">
        <v>2795</v>
      </c>
      <c r="HHV726" s="424"/>
      <c r="HHW726" s="424"/>
      <c r="HHX726" s="424"/>
      <c r="HHY726" s="423" t="s">
        <v>2795</v>
      </c>
      <c r="HHZ726" s="424"/>
      <c r="HIA726" s="424"/>
      <c r="HIB726" s="424"/>
      <c r="HIC726" s="423" t="s">
        <v>2795</v>
      </c>
      <c r="HID726" s="424"/>
      <c r="HIE726" s="424"/>
      <c r="HIF726" s="424"/>
      <c r="HIG726" s="423" t="s">
        <v>2795</v>
      </c>
      <c r="HIH726" s="424"/>
      <c r="HII726" s="424"/>
      <c r="HIJ726" s="424"/>
      <c r="HIK726" s="423" t="s">
        <v>2795</v>
      </c>
      <c r="HIL726" s="424"/>
      <c r="HIM726" s="424"/>
      <c r="HIN726" s="424"/>
      <c r="HIO726" s="423" t="s">
        <v>2795</v>
      </c>
      <c r="HIP726" s="424"/>
      <c r="HIQ726" s="424"/>
      <c r="HIR726" s="424"/>
      <c r="HIS726" s="423" t="s">
        <v>2795</v>
      </c>
      <c r="HIT726" s="424"/>
      <c r="HIU726" s="424"/>
      <c r="HIV726" s="424"/>
      <c r="HIW726" s="423" t="s">
        <v>2795</v>
      </c>
      <c r="HIX726" s="424"/>
      <c r="HIY726" s="424"/>
      <c r="HIZ726" s="424"/>
      <c r="HJA726" s="423" t="s">
        <v>2795</v>
      </c>
      <c r="HJB726" s="424"/>
      <c r="HJC726" s="424"/>
      <c r="HJD726" s="424"/>
      <c r="HJE726" s="423" t="s">
        <v>2795</v>
      </c>
      <c r="HJF726" s="424"/>
      <c r="HJG726" s="424"/>
      <c r="HJH726" s="424"/>
      <c r="HJI726" s="423" t="s">
        <v>2795</v>
      </c>
      <c r="HJJ726" s="424"/>
      <c r="HJK726" s="424"/>
      <c r="HJL726" s="424"/>
      <c r="HJM726" s="423" t="s">
        <v>2795</v>
      </c>
      <c r="HJN726" s="424"/>
      <c r="HJO726" s="424"/>
      <c r="HJP726" s="424"/>
      <c r="HJQ726" s="423" t="s">
        <v>2795</v>
      </c>
      <c r="HJR726" s="424"/>
      <c r="HJS726" s="424"/>
      <c r="HJT726" s="424"/>
      <c r="HJU726" s="423" t="s">
        <v>2795</v>
      </c>
      <c r="HJV726" s="424"/>
      <c r="HJW726" s="424"/>
      <c r="HJX726" s="424"/>
      <c r="HJY726" s="423" t="s">
        <v>2795</v>
      </c>
      <c r="HJZ726" s="424"/>
      <c r="HKA726" s="424"/>
      <c r="HKB726" s="424"/>
      <c r="HKC726" s="423" t="s">
        <v>2795</v>
      </c>
      <c r="HKD726" s="424"/>
      <c r="HKE726" s="424"/>
      <c r="HKF726" s="424"/>
      <c r="HKG726" s="423" t="s">
        <v>2795</v>
      </c>
      <c r="HKH726" s="424"/>
      <c r="HKI726" s="424"/>
      <c r="HKJ726" s="424"/>
      <c r="HKK726" s="423" t="s">
        <v>2795</v>
      </c>
      <c r="HKL726" s="424"/>
      <c r="HKM726" s="424"/>
      <c r="HKN726" s="424"/>
      <c r="HKO726" s="423" t="s">
        <v>2795</v>
      </c>
      <c r="HKP726" s="424"/>
      <c r="HKQ726" s="424"/>
      <c r="HKR726" s="424"/>
      <c r="HKS726" s="423" t="s">
        <v>2795</v>
      </c>
      <c r="HKT726" s="424"/>
      <c r="HKU726" s="424"/>
      <c r="HKV726" s="424"/>
      <c r="HKW726" s="423" t="s">
        <v>2795</v>
      </c>
      <c r="HKX726" s="424"/>
      <c r="HKY726" s="424"/>
      <c r="HKZ726" s="424"/>
      <c r="HLA726" s="423" t="s">
        <v>2795</v>
      </c>
      <c r="HLB726" s="424"/>
      <c r="HLC726" s="424"/>
      <c r="HLD726" s="424"/>
      <c r="HLE726" s="423" t="s">
        <v>2795</v>
      </c>
      <c r="HLF726" s="424"/>
      <c r="HLG726" s="424"/>
      <c r="HLH726" s="424"/>
      <c r="HLI726" s="423" t="s">
        <v>2795</v>
      </c>
      <c r="HLJ726" s="424"/>
      <c r="HLK726" s="424"/>
      <c r="HLL726" s="424"/>
      <c r="HLM726" s="423" t="s">
        <v>2795</v>
      </c>
      <c r="HLN726" s="424"/>
      <c r="HLO726" s="424"/>
      <c r="HLP726" s="424"/>
      <c r="HLQ726" s="423" t="s">
        <v>2795</v>
      </c>
      <c r="HLR726" s="424"/>
      <c r="HLS726" s="424"/>
      <c r="HLT726" s="424"/>
      <c r="HLU726" s="423" t="s">
        <v>2795</v>
      </c>
      <c r="HLV726" s="424"/>
      <c r="HLW726" s="424"/>
      <c r="HLX726" s="424"/>
      <c r="HLY726" s="423" t="s">
        <v>2795</v>
      </c>
      <c r="HLZ726" s="424"/>
      <c r="HMA726" s="424"/>
      <c r="HMB726" s="424"/>
      <c r="HMC726" s="423" t="s">
        <v>2795</v>
      </c>
      <c r="HMD726" s="424"/>
      <c r="HME726" s="424"/>
      <c r="HMF726" s="424"/>
      <c r="HMG726" s="423" t="s">
        <v>2795</v>
      </c>
      <c r="HMH726" s="424"/>
      <c r="HMI726" s="424"/>
      <c r="HMJ726" s="424"/>
      <c r="HMK726" s="423" t="s">
        <v>2795</v>
      </c>
      <c r="HML726" s="424"/>
      <c r="HMM726" s="424"/>
      <c r="HMN726" s="424"/>
      <c r="HMO726" s="423" t="s">
        <v>2795</v>
      </c>
      <c r="HMP726" s="424"/>
      <c r="HMQ726" s="424"/>
      <c r="HMR726" s="424"/>
      <c r="HMS726" s="423" t="s">
        <v>2795</v>
      </c>
      <c r="HMT726" s="424"/>
      <c r="HMU726" s="424"/>
      <c r="HMV726" s="424"/>
      <c r="HMW726" s="423" t="s">
        <v>2795</v>
      </c>
      <c r="HMX726" s="424"/>
      <c r="HMY726" s="424"/>
      <c r="HMZ726" s="424"/>
      <c r="HNA726" s="423" t="s">
        <v>2795</v>
      </c>
      <c r="HNB726" s="424"/>
      <c r="HNC726" s="424"/>
      <c r="HND726" s="424"/>
      <c r="HNE726" s="423" t="s">
        <v>2795</v>
      </c>
      <c r="HNF726" s="424"/>
      <c r="HNG726" s="424"/>
      <c r="HNH726" s="424"/>
      <c r="HNI726" s="423" t="s">
        <v>2795</v>
      </c>
      <c r="HNJ726" s="424"/>
      <c r="HNK726" s="424"/>
      <c r="HNL726" s="424"/>
      <c r="HNM726" s="423" t="s">
        <v>2795</v>
      </c>
      <c r="HNN726" s="424"/>
      <c r="HNO726" s="424"/>
      <c r="HNP726" s="424"/>
      <c r="HNQ726" s="423" t="s">
        <v>2795</v>
      </c>
      <c r="HNR726" s="424"/>
      <c r="HNS726" s="424"/>
      <c r="HNT726" s="424"/>
      <c r="HNU726" s="423" t="s">
        <v>2795</v>
      </c>
      <c r="HNV726" s="424"/>
      <c r="HNW726" s="424"/>
      <c r="HNX726" s="424"/>
      <c r="HNY726" s="423" t="s">
        <v>2795</v>
      </c>
      <c r="HNZ726" s="424"/>
      <c r="HOA726" s="424"/>
      <c r="HOB726" s="424"/>
      <c r="HOC726" s="423" t="s">
        <v>2795</v>
      </c>
      <c r="HOD726" s="424"/>
      <c r="HOE726" s="424"/>
      <c r="HOF726" s="424"/>
      <c r="HOG726" s="423" t="s">
        <v>2795</v>
      </c>
      <c r="HOH726" s="424"/>
      <c r="HOI726" s="424"/>
      <c r="HOJ726" s="424"/>
      <c r="HOK726" s="423" t="s">
        <v>2795</v>
      </c>
      <c r="HOL726" s="424"/>
      <c r="HOM726" s="424"/>
      <c r="HON726" s="424"/>
      <c r="HOO726" s="423" t="s">
        <v>2795</v>
      </c>
      <c r="HOP726" s="424"/>
      <c r="HOQ726" s="424"/>
      <c r="HOR726" s="424"/>
      <c r="HOS726" s="423" t="s">
        <v>2795</v>
      </c>
      <c r="HOT726" s="424"/>
      <c r="HOU726" s="424"/>
      <c r="HOV726" s="424"/>
      <c r="HOW726" s="423" t="s">
        <v>2795</v>
      </c>
      <c r="HOX726" s="424"/>
      <c r="HOY726" s="424"/>
      <c r="HOZ726" s="424"/>
      <c r="HPA726" s="423" t="s">
        <v>2795</v>
      </c>
      <c r="HPB726" s="424"/>
      <c r="HPC726" s="424"/>
      <c r="HPD726" s="424"/>
      <c r="HPE726" s="423" t="s">
        <v>2795</v>
      </c>
      <c r="HPF726" s="424"/>
      <c r="HPG726" s="424"/>
      <c r="HPH726" s="424"/>
      <c r="HPI726" s="423" t="s">
        <v>2795</v>
      </c>
      <c r="HPJ726" s="424"/>
      <c r="HPK726" s="424"/>
      <c r="HPL726" s="424"/>
      <c r="HPM726" s="423" t="s">
        <v>2795</v>
      </c>
      <c r="HPN726" s="424"/>
      <c r="HPO726" s="424"/>
      <c r="HPP726" s="424"/>
      <c r="HPQ726" s="423" t="s">
        <v>2795</v>
      </c>
      <c r="HPR726" s="424"/>
      <c r="HPS726" s="424"/>
      <c r="HPT726" s="424"/>
      <c r="HPU726" s="423" t="s">
        <v>2795</v>
      </c>
      <c r="HPV726" s="424"/>
      <c r="HPW726" s="424"/>
      <c r="HPX726" s="424"/>
      <c r="HPY726" s="423" t="s">
        <v>2795</v>
      </c>
      <c r="HPZ726" s="424"/>
      <c r="HQA726" s="424"/>
      <c r="HQB726" s="424"/>
      <c r="HQC726" s="423" t="s">
        <v>2795</v>
      </c>
      <c r="HQD726" s="424"/>
      <c r="HQE726" s="424"/>
      <c r="HQF726" s="424"/>
      <c r="HQG726" s="423" t="s">
        <v>2795</v>
      </c>
      <c r="HQH726" s="424"/>
      <c r="HQI726" s="424"/>
      <c r="HQJ726" s="424"/>
      <c r="HQK726" s="423" t="s">
        <v>2795</v>
      </c>
      <c r="HQL726" s="424"/>
      <c r="HQM726" s="424"/>
      <c r="HQN726" s="424"/>
      <c r="HQO726" s="423" t="s">
        <v>2795</v>
      </c>
      <c r="HQP726" s="424"/>
      <c r="HQQ726" s="424"/>
      <c r="HQR726" s="424"/>
      <c r="HQS726" s="423" t="s">
        <v>2795</v>
      </c>
      <c r="HQT726" s="424"/>
      <c r="HQU726" s="424"/>
      <c r="HQV726" s="424"/>
      <c r="HQW726" s="423" t="s">
        <v>2795</v>
      </c>
      <c r="HQX726" s="424"/>
      <c r="HQY726" s="424"/>
      <c r="HQZ726" s="424"/>
      <c r="HRA726" s="423" t="s">
        <v>2795</v>
      </c>
      <c r="HRB726" s="424"/>
      <c r="HRC726" s="424"/>
      <c r="HRD726" s="424"/>
      <c r="HRE726" s="423" t="s">
        <v>2795</v>
      </c>
      <c r="HRF726" s="424"/>
      <c r="HRG726" s="424"/>
      <c r="HRH726" s="424"/>
      <c r="HRI726" s="423" t="s">
        <v>2795</v>
      </c>
      <c r="HRJ726" s="424"/>
      <c r="HRK726" s="424"/>
      <c r="HRL726" s="424"/>
      <c r="HRM726" s="423" t="s">
        <v>2795</v>
      </c>
      <c r="HRN726" s="424"/>
      <c r="HRO726" s="424"/>
      <c r="HRP726" s="424"/>
      <c r="HRQ726" s="423" t="s">
        <v>2795</v>
      </c>
      <c r="HRR726" s="424"/>
      <c r="HRS726" s="424"/>
      <c r="HRT726" s="424"/>
      <c r="HRU726" s="423" t="s">
        <v>2795</v>
      </c>
      <c r="HRV726" s="424"/>
      <c r="HRW726" s="424"/>
      <c r="HRX726" s="424"/>
      <c r="HRY726" s="423" t="s">
        <v>2795</v>
      </c>
      <c r="HRZ726" s="424"/>
      <c r="HSA726" s="424"/>
      <c r="HSB726" s="424"/>
      <c r="HSC726" s="423" t="s">
        <v>2795</v>
      </c>
      <c r="HSD726" s="424"/>
      <c r="HSE726" s="424"/>
      <c r="HSF726" s="424"/>
      <c r="HSG726" s="423" t="s">
        <v>2795</v>
      </c>
      <c r="HSH726" s="424"/>
      <c r="HSI726" s="424"/>
      <c r="HSJ726" s="424"/>
      <c r="HSK726" s="423" t="s">
        <v>2795</v>
      </c>
      <c r="HSL726" s="424"/>
      <c r="HSM726" s="424"/>
      <c r="HSN726" s="424"/>
      <c r="HSO726" s="423" t="s">
        <v>2795</v>
      </c>
      <c r="HSP726" s="424"/>
      <c r="HSQ726" s="424"/>
      <c r="HSR726" s="424"/>
      <c r="HSS726" s="423" t="s">
        <v>2795</v>
      </c>
      <c r="HST726" s="424"/>
      <c r="HSU726" s="424"/>
      <c r="HSV726" s="424"/>
      <c r="HSW726" s="423" t="s">
        <v>2795</v>
      </c>
      <c r="HSX726" s="424"/>
      <c r="HSY726" s="424"/>
      <c r="HSZ726" s="424"/>
      <c r="HTA726" s="423" t="s">
        <v>2795</v>
      </c>
      <c r="HTB726" s="424"/>
      <c r="HTC726" s="424"/>
      <c r="HTD726" s="424"/>
      <c r="HTE726" s="423" t="s">
        <v>2795</v>
      </c>
      <c r="HTF726" s="424"/>
      <c r="HTG726" s="424"/>
      <c r="HTH726" s="424"/>
      <c r="HTI726" s="423" t="s">
        <v>2795</v>
      </c>
      <c r="HTJ726" s="424"/>
      <c r="HTK726" s="424"/>
      <c r="HTL726" s="424"/>
      <c r="HTM726" s="423" t="s">
        <v>2795</v>
      </c>
      <c r="HTN726" s="424"/>
      <c r="HTO726" s="424"/>
      <c r="HTP726" s="424"/>
      <c r="HTQ726" s="423" t="s">
        <v>2795</v>
      </c>
      <c r="HTR726" s="424"/>
      <c r="HTS726" s="424"/>
      <c r="HTT726" s="424"/>
      <c r="HTU726" s="423" t="s">
        <v>2795</v>
      </c>
      <c r="HTV726" s="424"/>
      <c r="HTW726" s="424"/>
      <c r="HTX726" s="424"/>
      <c r="HTY726" s="423" t="s">
        <v>2795</v>
      </c>
      <c r="HTZ726" s="424"/>
      <c r="HUA726" s="424"/>
      <c r="HUB726" s="424"/>
      <c r="HUC726" s="423" t="s">
        <v>2795</v>
      </c>
      <c r="HUD726" s="424"/>
      <c r="HUE726" s="424"/>
      <c r="HUF726" s="424"/>
      <c r="HUG726" s="423" t="s">
        <v>2795</v>
      </c>
      <c r="HUH726" s="424"/>
      <c r="HUI726" s="424"/>
      <c r="HUJ726" s="424"/>
      <c r="HUK726" s="423" t="s">
        <v>2795</v>
      </c>
      <c r="HUL726" s="424"/>
      <c r="HUM726" s="424"/>
      <c r="HUN726" s="424"/>
      <c r="HUO726" s="423" t="s">
        <v>2795</v>
      </c>
      <c r="HUP726" s="424"/>
      <c r="HUQ726" s="424"/>
      <c r="HUR726" s="424"/>
      <c r="HUS726" s="423" t="s">
        <v>2795</v>
      </c>
      <c r="HUT726" s="424"/>
      <c r="HUU726" s="424"/>
      <c r="HUV726" s="424"/>
      <c r="HUW726" s="423" t="s">
        <v>2795</v>
      </c>
      <c r="HUX726" s="424"/>
      <c r="HUY726" s="424"/>
      <c r="HUZ726" s="424"/>
      <c r="HVA726" s="423" t="s">
        <v>2795</v>
      </c>
      <c r="HVB726" s="424"/>
      <c r="HVC726" s="424"/>
      <c r="HVD726" s="424"/>
      <c r="HVE726" s="423" t="s">
        <v>2795</v>
      </c>
      <c r="HVF726" s="424"/>
      <c r="HVG726" s="424"/>
      <c r="HVH726" s="424"/>
      <c r="HVI726" s="423" t="s">
        <v>2795</v>
      </c>
      <c r="HVJ726" s="424"/>
      <c r="HVK726" s="424"/>
      <c r="HVL726" s="424"/>
      <c r="HVM726" s="423" t="s">
        <v>2795</v>
      </c>
      <c r="HVN726" s="424"/>
      <c r="HVO726" s="424"/>
      <c r="HVP726" s="424"/>
      <c r="HVQ726" s="423" t="s">
        <v>2795</v>
      </c>
      <c r="HVR726" s="424"/>
      <c r="HVS726" s="424"/>
      <c r="HVT726" s="424"/>
      <c r="HVU726" s="423" t="s">
        <v>2795</v>
      </c>
      <c r="HVV726" s="424"/>
      <c r="HVW726" s="424"/>
      <c r="HVX726" s="424"/>
      <c r="HVY726" s="423" t="s">
        <v>2795</v>
      </c>
      <c r="HVZ726" s="424"/>
      <c r="HWA726" s="424"/>
      <c r="HWB726" s="424"/>
      <c r="HWC726" s="423" t="s">
        <v>2795</v>
      </c>
      <c r="HWD726" s="424"/>
      <c r="HWE726" s="424"/>
      <c r="HWF726" s="424"/>
      <c r="HWG726" s="423" t="s">
        <v>2795</v>
      </c>
      <c r="HWH726" s="424"/>
      <c r="HWI726" s="424"/>
      <c r="HWJ726" s="424"/>
      <c r="HWK726" s="423" t="s">
        <v>2795</v>
      </c>
      <c r="HWL726" s="424"/>
      <c r="HWM726" s="424"/>
      <c r="HWN726" s="424"/>
      <c r="HWO726" s="423" t="s">
        <v>2795</v>
      </c>
      <c r="HWP726" s="424"/>
      <c r="HWQ726" s="424"/>
      <c r="HWR726" s="424"/>
      <c r="HWS726" s="423" t="s">
        <v>2795</v>
      </c>
      <c r="HWT726" s="424"/>
      <c r="HWU726" s="424"/>
      <c r="HWV726" s="424"/>
      <c r="HWW726" s="423" t="s">
        <v>2795</v>
      </c>
      <c r="HWX726" s="424"/>
      <c r="HWY726" s="424"/>
      <c r="HWZ726" s="424"/>
      <c r="HXA726" s="423" t="s">
        <v>2795</v>
      </c>
      <c r="HXB726" s="424"/>
      <c r="HXC726" s="424"/>
      <c r="HXD726" s="424"/>
      <c r="HXE726" s="423" t="s">
        <v>2795</v>
      </c>
      <c r="HXF726" s="424"/>
      <c r="HXG726" s="424"/>
      <c r="HXH726" s="424"/>
      <c r="HXI726" s="423" t="s">
        <v>2795</v>
      </c>
      <c r="HXJ726" s="424"/>
      <c r="HXK726" s="424"/>
      <c r="HXL726" s="424"/>
      <c r="HXM726" s="423" t="s">
        <v>2795</v>
      </c>
      <c r="HXN726" s="424"/>
      <c r="HXO726" s="424"/>
      <c r="HXP726" s="424"/>
      <c r="HXQ726" s="423" t="s">
        <v>2795</v>
      </c>
      <c r="HXR726" s="424"/>
      <c r="HXS726" s="424"/>
      <c r="HXT726" s="424"/>
      <c r="HXU726" s="423" t="s">
        <v>2795</v>
      </c>
      <c r="HXV726" s="424"/>
      <c r="HXW726" s="424"/>
      <c r="HXX726" s="424"/>
      <c r="HXY726" s="423" t="s">
        <v>2795</v>
      </c>
      <c r="HXZ726" s="424"/>
      <c r="HYA726" s="424"/>
      <c r="HYB726" s="424"/>
      <c r="HYC726" s="423" t="s">
        <v>2795</v>
      </c>
      <c r="HYD726" s="424"/>
      <c r="HYE726" s="424"/>
      <c r="HYF726" s="424"/>
      <c r="HYG726" s="423" t="s">
        <v>2795</v>
      </c>
      <c r="HYH726" s="424"/>
      <c r="HYI726" s="424"/>
      <c r="HYJ726" s="424"/>
      <c r="HYK726" s="423" t="s">
        <v>2795</v>
      </c>
      <c r="HYL726" s="424"/>
      <c r="HYM726" s="424"/>
      <c r="HYN726" s="424"/>
      <c r="HYO726" s="423" t="s">
        <v>2795</v>
      </c>
      <c r="HYP726" s="424"/>
      <c r="HYQ726" s="424"/>
      <c r="HYR726" s="424"/>
      <c r="HYS726" s="423" t="s">
        <v>2795</v>
      </c>
      <c r="HYT726" s="424"/>
      <c r="HYU726" s="424"/>
      <c r="HYV726" s="424"/>
      <c r="HYW726" s="423" t="s">
        <v>2795</v>
      </c>
      <c r="HYX726" s="424"/>
      <c r="HYY726" s="424"/>
      <c r="HYZ726" s="424"/>
      <c r="HZA726" s="423" t="s">
        <v>2795</v>
      </c>
      <c r="HZB726" s="424"/>
      <c r="HZC726" s="424"/>
      <c r="HZD726" s="424"/>
      <c r="HZE726" s="423" t="s">
        <v>2795</v>
      </c>
      <c r="HZF726" s="424"/>
      <c r="HZG726" s="424"/>
      <c r="HZH726" s="424"/>
      <c r="HZI726" s="423" t="s">
        <v>2795</v>
      </c>
      <c r="HZJ726" s="424"/>
      <c r="HZK726" s="424"/>
      <c r="HZL726" s="424"/>
      <c r="HZM726" s="423" t="s">
        <v>2795</v>
      </c>
      <c r="HZN726" s="424"/>
      <c r="HZO726" s="424"/>
      <c r="HZP726" s="424"/>
      <c r="HZQ726" s="423" t="s">
        <v>2795</v>
      </c>
      <c r="HZR726" s="424"/>
      <c r="HZS726" s="424"/>
      <c r="HZT726" s="424"/>
      <c r="HZU726" s="423" t="s">
        <v>2795</v>
      </c>
      <c r="HZV726" s="424"/>
      <c r="HZW726" s="424"/>
      <c r="HZX726" s="424"/>
      <c r="HZY726" s="423" t="s">
        <v>2795</v>
      </c>
      <c r="HZZ726" s="424"/>
      <c r="IAA726" s="424"/>
      <c r="IAB726" s="424"/>
      <c r="IAC726" s="423" t="s">
        <v>2795</v>
      </c>
      <c r="IAD726" s="424"/>
      <c r="IAE726" s="424"/>
      <c r="IAF726" s="424"/>
      <c r="IAG726" s="423" t="s">
        <v>2795</v>
      </c>
      <c r="IAH726" s="424"/>
      <c r="IAI726" s="424"/>
      <c r="IAJ726" s="424"/>
      <c r="IAK726" s="423" t="s">
        <v>2795</v>
      </c>
      <c r="IAL726" s="424"/>
      <c r="IAM726" s="424"/>
      <c r="IAN726" s="424"/>
      <c r="IAO726" s="423" t="s">
        <v>2795</v>
      </c>
      <c r="IAP726" s="424"/>
      <c r="IAQ726" s="424"/>
      <c r="IAR726" s="424"/>
      <c r="IAS726" s="423" t="s">
        <v>2795</v>
      </c>
      <c r="IAT726" s="424"/>
      <c r="IAU726" s="424"/>
      <c r="IAV726" s="424"/>
      <c r="IAW726" s="423" t="s">
        <v>2795</v>
      </c>
      <c r="IAX726" s="424"/>
      <c r="IAY726" s="424"/>
      <c r="IAZ726" s="424"/>
      <c r="IBA726" s="423" t="s">
        <v>2795</v>
      </c>
      <c r="IBB726" s="424"/>
      <c r="IBC726" s="424"/>
      <c r="IBD726" s="424"/>
      <c r="IBE726" s="423" t="s">
        <v>2795</v>
      </c>
      <c r="IBF726" s="424"/>
      <c r="IBG726" s="424"/>
      <c r="IBH726" s="424"/>
      <c r="IBI726" s="423" t="s">
        <v>2795</v>
      </c>
      <c r="IBJ726" s="424"/>
      <c r="IBK726" s="424"/>
      <c r="IBL726" s="424"/>
      <c r="IBM726" s="423" t="s">
        <v>2795</v>
      </c>
      <c r="IBN726" s="424"/>
      <c r="IBO726" s="424"/>
      <c r="IBP726" s="424"/>
      <c r="IBQ726" s="423" t="s">
        <v>2795</v>
      </c>
      <c r="IBR726" s="424"/>
      <c r="IBS726" s="424"/>
      <c r="IBT726" s="424"/>
      <c r="IBU726" s="423" t="s">
        <v>2795</v>
      </c>
      <c r="IBV726" s="424"/>
      <c r="IBW726" s="424"/>
      <c r="IBX726" s="424"/>
      <c r="IBY726" s="423" t="s">
        <v>2795</v>
      </c>
      <c r="IBZ726" s="424"/>
      <c r="ICA726" s="424"/>
      <c r="ICB726" s="424"/>
      <c r="ICC726" s="423" t="s">
        <v>2795</v>
      </c>
      <c r="ICD726" s="424"/>
      <c r="ICE726" s="424"/>
      <c r="ICF726" s="424"/>
      <c r="ICG726" s="423" t="s">
        <v>2795</v>
      </c>
      <c r="ICH726" s="424"/>
      <c r="ICI726" s="424"/>
      <c r="ICJ726" s="424"/>
      <c r="ICK726" s="423" t="s">
        <v>2795</v>
      </c>
      <c r="ICL726" s="424"/>
      <c r="ICM726" s="424"/>
      <c r="ICN726" s="424"/>
      <c r="ICO726" s="423" t="s">
        <v>2795</v>
      </c>
      <c r="ICP726" s="424"/>
      <c r="ICQ726" s="424"/>
      <c r="ICR726" s="424"/>
      <c r="ICS726" s="423" t="s">
        <v>2795</v>
      </c>
      <c r="ICT726" s="424"/>
      <c r="ICU726" s="424"/>
      <c r="ICV726" s="424"/>
      <c r="ICW726" s="423" t="s">
        <v>2795</v>
      </c>
      <c r="ICX726" s="424"/>
      <c r="ICY726" s="424"/>
      <c r="ICZ726" s="424"/>
      <c r="IDA726" s="423" t="s">
        <v>2795</v>
      </c>
      <c r="IDB726" s="424"/>
      <c r="IDC726" s="424"/>
      <c r="IDD726" s="424"/>
      <c r="IDE726" s="423" t="s">
        <v>2795</v>
      </c>
      <c r="IDF726" s="424"/>
      <c r="IDG726" s="424"/>
      <c r="IDH726" s="424"/>
      <c r="IDI726" s="423" t="s">
        <v>2795</v>
      </c>
      <c r="IDJ726" s="424"/>
      <c r="IDK726" s="424"/>
      <c r="IDL726" s="424"/>
      <c r="IDM726" s="423" t="s">
        <v>2795</v>
      </c>
      <c r="IDN726" s="424"/>
      <c r="IDO726" s="424"/>
      <c r="IDP726" s="424"/>
      <c r="IDQ726" s="423" t="s">
        <v>2795</v>
      </c>
      <c r="IDR726" s="424"/>
      <c r="IDS726" s="424"/>
      <c r="IDT726" s="424"/>
      <c r="IDU726" s="423" t="s">
        <v>2795</v>
      </c>
      <c r="IDV726" s="424"/>
      <c r="IDW726" s="424"/>
      <c r="IDX726" s="424"/>
      <c r="IDY726" s="423" t="s">
        <v>2795</v>
      </c>
      <c r="IDZ726" s="424"/>
      <c r="IEA726" s="424"/>
      <c r="IEB726" s="424"/>
      <c r="IEC726" s="423" t="s">
        <v>2795</v>
      </c>
      <c r="IED726" s="424"/>
      <c r="IEE726" s="424"/>
      <c r="IEF726" s="424"/>
      <c r="IEG726" s="423" t="s">
        <v>2795</v>
      </c>
      <c r="IEH726" s="424"/>
      <c r="IEI726" s="424"/>
      <c r="IEJ726" s="424"/>
      <c r="IEK726" s="423" t="s">
        <v>2795</v>
      </c>
      <c r="IEL726" s="424"/>
      <c r="IEM726" s="424"/>
      <c r="IEN726" s="424"/>
      <c r="IEO726" s="423" t="s">
        <v>2795</v>
      </c>
      <c r="IEP726" s="424"/>
      <c r="IEQ726" s="424"/>
      <c r="IER726" s="424"/>
      <c r="IES726" s="423" t="s">
        <v>2795</v>
      </c>
      <c r="IET726" s="424"/>
      <c r="IEU726" s="424"/>
      <c r="IEV726" s="424"/>
      <c r="IEW726" s="423" t="s">
        <v>2795</v>
      </c>
      <c r="IEX726" s="424"/>
      <c r="IEY726" s="424"/>
      <c r="IEZ726" s="424"/>
      <c r="IFA726" s="423" t="s">
        <v>2795</v>
      </c>
      <c r="IFB726" s="424"/>
      <c r="IFC726" s="424"/>
      <c r="IFD726" s="424"/>
      <c r="IFE726" s="423" t="s">
        <v>2795</v>
      </c>
      <c r="IFF726" s="424"/>
      <c r="IFG726" s="424"/>
      <c r="IFH726" s="424"/>
      <c r="IFI726" s="423" t="s">
        <v>2795</v>
      </c>
      <c r="IFJ726" s="424"/>
      <c r="IFK726" s="424"/>
      <c r="IFL726" s="424"/>
      <c r="IFM726" s="423" t="s">
        <v>2795</v>
      </c>
      <c r="IFN726" s="424"/>
      <c r="IFO726" s="424"/>
      <c r="IFP726" s="424"/>
      <c r="IFQ726" s="423" t="s">
        <v>2795</v>
      </c>
      <c r="IFR726" s="424"/>
      <c r="IFS726" s="424"/>
      <c r="IFT726" s="424"/>
      <c r="IFU726" s="423" t="s">
        <v>2795</v>
      </c>
      <c r="IFV726" s="424"/>
      <c r="IFW726" s="424"/>
      <c r="IFX726" s="424"/>
      <c r="IFY726" s="423" t="s">
        <v>2795</v>
      </c>
      <c r="IFZ726" s="424"/>
      <c r="IGA726" s="424"/>
      <c r="IGB726" s="424"/>
      <c r="IGC726" s="423" t="s">
        <v>2795</v>
      </c>
      <c r="IGD726" s="424"/>
      <c r="IGE726" s="424"/>
      <c r="IGF726" s="424"/>
      <c r="IGG726" s="423" t="s">
        <v>2795</v>
      </c>
      <c r="IGH726" s="424"/>
      <c r="IGI726" s="424"/>
      <c r="IGJ726" s="424"/>
      <c r="IGK726" s="423" t="s">
        <v>2795</v>
      </c>
      <c r="IGL726" s="424"/>
      <c r="IGM726" s="424"/>
      <c r="IGN726" s="424"/>
      <c r="IGO726" s="423" t="s">
        <v>2795</v>
      </c>
      <c r="IGP726" s="424"/>
      <c r="IGQ726" s="424"/>
      <c r="IGR726" s="424"/>
      <c r="IGS726" s="423" t="s">
        <v>2795</v>
      </c>
      <c r="IGT726" s="424"/>
      <c r="IGU726" s="424"/>
      <c r="IGV726" s="424"/>
      <c r="IGW726" s="423" t="s">
        <v>2795</v>
      </c>
      <c r="IGX726" s="424"/>
      <c r="IGY726" s="424"/>
      <c r="IGZ726" s="424"/>
      <c r="IHA726" s="423" t="s">
        <v>2795</v>
      </c>
      <c r="IHB726" s="424"/>
      <c r="IHC726" s="424"/>
      <c r="IHD726" s="424"/>
      <c r="IHE726" s="423" t="s">
        <v>2795</v>
      </c>
      <c r="IHF726" s="424"/>
      <c r="IHG726" s="424"/>
      <c r="IHH726" s="424"/>
      <c r="IHI726" s="423" t="s">
        <v>2795</v>
      </c>
      <c r="IHJ726" s="424"/>
      <c r="IHK726" s="424"/>
      <c r="IHL726" s="424"/>
      <c r="IHM726" s="423" t="s">
        <v>2795</v>
      </c>
      <c r="IHN726" s="424"/>
      <c r="IHO726" s="424"/>
      <c r="IHP726" s="424"/>
      <c r="IHQ726" s="423" t="s">
        <v>2795</v>
      </c>
      <c r="IHR726" s="424"/>
      <c r="IHS726" s="424"/>
      <c r="IHT726" s="424"/>
      <c r="IHU726" s="423" t="s">
        <v>2795</v>
      </c>
      <c r="IHV726" s="424"/>
      <c r="IHW726" s="424"/>
      <c r="IHX726" s="424"/>
      <c r="IHY726" s="423" t="s">
        <v>2795</v>
      </c>
      <c r="IHZ726" s="424"/>
      <c r="IIA726" s="424"/>
      <c r="IIB726" s="424"/>
      <c r="IIC726" s="423" t="s">
        <v>2795</v>
      </c>
      <c r="IID726" s="424"/>
      <c r="IIE726" s="424"/>
      <c r="IIF726" s="424"/>
      <c r="IIG726" s="423" t="s">
        <v>2795</v>
      </c>
      <c r="IIH726" s="424"/>
      <c r="III726" s="424"/>
      <c r="IIJ726" s="424"/>
      <c r="IIK726" s="423" t="s">
        <v>2795</v>
      </c>
      <c r="IIL726" s="424"/>
      <c r="IIM726" s="424"/>
      <c r="IIN726" s="424"/>
      <c r="IIO726" s="423" t="s">
        <v>2795</v>
      </c>
      <c r="IIP726" s="424"/>
      <c r="IIQ726" s="424"/>
      <c r="IIR726" s="424"/>
      <c r="IIS726" s="423" t="s">
        <v>2795</v>
      </c>
      <c r="IIT726" s="424"/>
      <c r="IIU726" s="424"/>
      <c r="IIV726" s="424"/>
      <c r="IIW726" s="423" t="s">
        <v>2795</v>
      </c>
      <c r="IIX726" s="424"/>
      <c r="IIY726" s="424"/>
      <c r="IIZ726" s="424"/>
      <c r="IJA726" s="423" t="s">
        <v>2795</v>
      </c>
      <c r="IJB726" s="424"/>
      <c r="IJC726" s="424"/>
      <c r="IJD726" s="424"/>
      <c r="IJE726" s="423" t="s">
        <v>2795</v>
      </c>
      <c r="IJF726" s="424"/>
      <c r="IJG726" s="424"/>
      <c r="IJH726" s="424"/>
      <c r="IJI726" s="423" t="s">
        <v>2795</v>
      </c>
      <c r="IJJ726" s="424"/>
      <c r="IJK726" s="424"/>
      <c r="IJL726" s="424"/>
      <c r="IJM726" s="423" t="s">
        <v>2795</v>
      </c>
      <c r="IJN726" s="424"/>
      <c r="IJO726" s="424"/>
      <c r="IJP726" s="424"/>
      <c r="IJQ726" s="423" t="s">
        <v>2795</v>
      </c>
      <c r="IJR726" s="424"/>
      <c r="IJS726" s="424"/>
      <c r="IJT726" s="424"/>
      <c r="IJU726" s="423" t="s">
        <v>2795</v>
      </c>
      <c r="IJV726" s="424"/>
      <c r="IJW726" s="424"/>
      <c r="IJX726" s="424"/>
      <c r="IJY726" s="423" t="s">
        <v>2795</v>
      </c>
      <c r="IJZ726" s="424"/>
      <c r="IKA726" s="424"/>
      <c r="IKB726" s="424"/>
      <c r="IKC726" s="423" t="s">
        <v>2795</v>
      </c>
      <c r="IKD726" s="424"/>
      <c r="IKE726" s="424"/>
      <c r="IKF726" s="424"/>
      <c r="IKG726" s="423" t="s">
        <v>2795</v>
      </c>
      <c r="IKH726" s="424"/>
      <c r="IKI726" s="424"/>
      <c r="IKJ726" s="424"/>
      <c r="IKK726" s="423" t="s">
        <v>2795</v>
      </c>
      <c r="IKL726" s="424"/>
      <c r="IKM726" s="424"/>
      <c r="IKN726" s="424"/>
      <c r="IKO726" s="423" t="s">
        <v>2795</v>
      </c>
      <c r="IKP726" s="424"/>
      <c r="IKQ726" s="424"/>
      <c r="IKR726" s="424"/>
      <c r="IKS726" s="423" t="s">
        <v>2795</v>
      </c>
      <c r="IKT726" s="424"/>
      <c r="IKU726" s="424"/>
      <c r="IKV726" s="424"/>
      <c r="IKW726" s="423" t="s">
        <v>2795</v>
      </c>
      <c r="IKX726" s="424"/>
      <c r="IKY726" s="424"/>
      <c r="IKZ726" s="424"/>
      <c r="ILA726" s="423" t="s">
        <v>2795</v>
      </c>
      <c r="ILB726" s="424"/>
      <c r="ILC726" s="424"/>
      <c r="ILD726" s="424"/>
      <c r="ILE726" s="423" t="s">
        <v>2795</v>
      </c>
      <c r="ILF726" s="424"/>
      <c r="ILG726" s="424"/>
      <c r="ILH726" s="424"/>
      <c r="ILI726" s="423" t="s">
        <v>2795</v>
      </c>
      <c r="ILJ726" s="424"/>
      <c r="ILK726" s="424"/>
      <c r="ILL726" s="424"/>
      <c r="ILM726" s="423" t="s">
        <v>2795</v>
      </c>
      <c r="ILN726" s="424"/>
      <c r="ILO726" s="424"/>
      <c r="ILP726" s="424"/>
      <c r="ILQ726" s="423" t="s">
        <v>2795</v>
      </c>
      <c r="ILR726" s="424"/>
      <c r="ILS726" s="424"/>
      <c r="ILT726" s="424"/>
      <c r="ILU726" s="423" t="s">
        <v>2795</v>
      </c>
      <c r="ILV726" s="424"/>
      <c r="ILW726" s="424"/>
      <c r="ILX726" s="424"/>
      <c r="ILY726" s="423" t="s">
        <v>2795</v>
      </c>
      <c r="ILZ726" s="424"/>
      <c r="IMA726" s="424"/>
      <c r="IMB726" s="424"/>
      <c r="IMC726" s="423" t="s">
        <v>2795</v>
      </c>
      <c r="IMD726" s="424"/>
      <c r="IME726" s="424"/>
      <c r="IMF726" s="424"/>
      <c r="IMG726" s="423" t="s">
        <v>2795</v>
      </c>
      <c r="IMH726" s="424"/>
      <c r="IMI726" s="424"/>
      <c r="IMJ726" s="424"/>
      <c r="IMK726" s="423" t="s">
        <v>2795</v>
      </c>
      <c r="IML726" s="424"/>
      <c r="IMM726" s="424"/>
      <c r="IMN726" s="424"/>
      <c r="IMO726" s="423" t="s">
        <v>2795</v>
      </c>
      <c r="IMP726" s="424"/>
      <c r="IMQ726" s="424"/>
      <c r="IMR726" s="424"/>
      <c r="IMS726" s="423" t="s">
        <v>2795</v>
      </c>
      <c r="IMT726" s="424"/>
      <c r="IMU726" s="424"/>
      <c r="IMV726" s="424"/>
      <c r="IMW726" s="423" t="s">
        <v>2795</v>
      </c>
      <c r="IMX726" s="424"/>
      <c r="IMY726" s="424"/>
      <c r="IMZ726" s="424"/>
      <c r="INA726" s="423" t="s">
        <v>2795</v>
      </c>
      <c r="INB726" s="424"/>
      <c r="INC726" s="424"/>
      <c r="IND726" s="424"/>
      <c r="INE726" s="423" t="s">
        <v>2795</v>
      </c>
      <c r="INF726" s="424"/>
      <c r="ING726" s="424"/>
      <c r="INH726" s="424"/>
      <c r="INI726" s="423" t="s">
        <v>2795</v>
      </c>
      <c r="INJ726" s="424"/>
      <c r="INK726" s="424"/>
      <c r="INL726" s="424"/>
      <c r="INM726" s="423" t="s">
        <v>2795</v>
      </c>
      <c r="INN726" s="424"/>
      <c r="INO726" s="424"/>
      <c r="INP726" s="424"/>
      <c r="INQ726" s="423" t="s">
        <v>2795</v>
      </c>
      <c r="INR726" s="424"/>
      <c r="INS726" s="424"/>
      <c r="INT726" s="424"/>
      <c r="INU726" s="423" t="s">
        <v>2795</v>
      </c>
      <c r="INV726" s="424"/>
      <c r="INW726" s="424"/>
      <c r="INX726" s="424"/>
      <c r="INY726" s="423" t="s">
        <v>2795</v>
      </c>
      <c r="INZ726" s="424"/>
      <c r="IOA726" s="424"/>
      <c r="IOB726" s="424"/>
      <c r="IOC726" s="423" t="s">
        <v>2795</v>
      </c>
      <c r="IOD726" s="424"/>
      <c r="IOE726" s="424"/>
      <c r="IOF726" s="424"/>
      <c r="IOG726" s="423" t="s">
        <v>2795</v>
      </c>
      <c r="IOH726" s="424"/>
      <c r="IOI726" s="424"/>
      <c r="IOJ726" s="424"/>
      <c r="IOK726" s="423" t="s">
        <v>2795</v>
      </c>
      <c r="IOL726" s="424"/>
      <c r="IOM726" s="424"/>
      <c r="ION726" s="424"/>
      <c r="IOO726" s="423" t="s">
        <v>2795</v>
      </c>
      <c r="IOP726" s="424"/>
      <c r="IOQ726" s="424"/>
      <c r="IOR726" s="424"/>
      <c r="IOS726" s="423" t="s">
        <v>2795</v>
      </c>
      <c r="IOT726" s="424"/>
      <c r="IOU726" s="424"/>
      <c r="IOV726" s="424"/>
      <c r="IOW726" s="423" t="s">
        <v>2795</v>
      </c>
      <c r="IOX726" s="424"/>
      <c r="IOY726" s="424"/>
      <c r="IOZ726" s="424"/>
      <c r="IPA726" s="423" t="s">
        <v>2795</v>
      </c>
      <c r="IPB726" s="424"/>
      <c r="IPC726" s="424"/>
      <c r="IPD726" s="424"/>
      <c r="IPE726" s="423" t="s">
        <v>2795</v>
      </c>
      <c r="IPF726" s="424"/>
      <c r="IPG726" s="424"/>
      <c r="IPH726" s="424"/>
      <c r="IPI726" s="423" t="s">
        <v>2795</v>
      </c>
      <c r="IPJ726" s="424"/>
      <c r="IPK726" s="424"/>
      <c r="IPL726" s="424"/>
      <c r="IPM726" s="423" t="s">
        <v>2795</v>
      </c>
      <c r="IPN726" s="424"/>
      <c r="IPO726" s="424"/>
      <c r="IPP726" s="424"/>
      <c r="IPQ726" s="423" t="s">
        <v>2795</v>
      </c>
      <c r="IPR726" s="424"/>
      <c r="IPS726" s="424"/>
      <c r="IPT726" s="424"/>
      <c r="IPU726" s="423" t="s">
        <v>2795</v>
      </c>
      <c r="IPV726" s="424"/>
      <c r="IPW726" s="424"/>
      <c r="IPX726" s="424"/>
      <c r="IPY726" s="423" t="s">
        <v>2795</v>
      </c>
      <c r="IPZ726" s="424"/>
      <c r="IQA726" s="424"/>
      <c r="IQB726" s="424"/>
      <c r="IQC726" s="423" t="s">
        <v>2795</v>
      </c>
      <c r="IQD726" s="424"/>
      <c r="IQE726" s="424"/>
      <c r="IQF726" s="424"/>
      <c r="IQG726" s="423" t="s">
        <v>2795</v>
      </c>
      <c r="IQH726" s="424"/>
      <c r="IQI726" s="424"/>
      <c r="IQJ726" s="424"/>
      <c r="IQK726" s="423" t="s">
        <v>2795</v>
      </c>
      <c r="IQL726" s="424"/>
      <c r="IQM726" s="424"/>
      <c r="IQN726" s="424"/>
      <c r="IQO726" s="423" t="s">
        <v>2795</v>
      </c>
      <c r="IQP726" s="424"/>
      <c r="IQQ726" s="424"/>
      <c r="IQR726" s="424"/>
      <c r="IQS726" s="423" t="s">
        <v>2795</v>
      </c>
      <c r="IQT726" s="424"/>
      <c r="IQU726" s="424"/>
      <c r="IQV726" s="424"/>
      <c r="IQW726" s="423" t="s">
        <v>2795</v>
      </c>
      <c r="IQX726" s="424"/>
      <c r="IQY726" s="424"/>
      <c r="IQZ726" s="424"/>
      <c r="IRA726" s="423" t="s">
        <v>2795</v>
      </c>
      <c r="IRB726" s="424"/>
      <c r="IRC726" s="424"/>
      <c r="IRD726" s="424"/>
      <c r="IRE726" s="423" t="s">
        <v>2795</v>
      </c>
      <c r="IRF726" s="424"/>
      <c r="IRG726" s="424"/>
      <c r="IRH726" s="424"/>
      <c r="IRI726" s="423" t="s">
        <v>2795</v>
      </c>
      <c r="IRJ726" s="424"/>
      <c r="IRK726" s="424"/>
      <c r="IRL726" s="424"/>
      <c r="IRM726" s="423" t="s">
        <v>2795</v>
      </c>
      <c r="IRN726" s="424"/>
      <c r="IRO726" s="424"/>
      <c r="IRP726" s="424"/>
      <c r="IRQ726" s="423" t="s">
        <v>2795</v>
      </c>
      <c r="IRR726" s="424"/>
      <c r="IRS726" s="424"/>
      <c r="IRT726" s="424"/>
      <c r="IRU726" s="423" t="s">
        <v>2795</v>
      </c>
      <c r="IRV726" s="424"/>
      <c r="IRW726" s="424"/>
      <c r="IRX726" s="424"/>
      <c r="IRY726" s="423" t="s">
        <v>2795</v>
      </c>
      <c r="IRZ726" s="424"/>
      <c r="ISA726" s="424"/>
      <c r="ISB726" s="424"/>
      <c r="ISC726" s="423" t="s">
        <v>2795</v>
      </c>
      <c r="ISD726" s="424"/>
      <c r="ISE726" s="424"/>
      <c r="ISF726" s="424"/>
      <c r="ISG726" s="423" t="s">
        <v>2795</v>
      </c>
      <c r="ISH726" s="424"/>
      <c r="ISI726" s="424"/>
      <c r="ISJ726" s="424"/>
      <c r="ISK726" s="423" t="s">
        <v>2795</v>
      </c>
      <c r="ISL726" s="424"/>
      <c r="ISM726" s="424"/>
      <c r="ISN726" s="424"/>
      <c r="ISO726" s="423" t="s">
        <v>2795</v>
      </c>
      <c r="ISP726" s="424"/>
      <c r="ISQ726" s="424"/>
      <c r="ISR726" s="424"/>
      <c r="ISS726" s="423" t="s">
        <v>2795</v>
      </c>
      <c r="IST726" s="424"/>
      <c r="ISU726" s="424"/>
      <c r="ISV726" s="424"/>
      <c r="ISW726" s="423" t="s">
        <v>2795</v>
      </c>
      <c r="ISX726" s="424"/>
      <c r="ISY726" s="424"/>
      <c r="ISZ726" s="424"/>
      <c r="ITA726" s="423" t="s">
        <v>2795</v>
      </c>
      <c r="ITB726" s="424"/>
      <c r="ITC726" s="424"/>
      <c r="ITD726" s="424"/>
      <c r="ITE726" s="423" t="s">
        <v>2795</v>
      </c>
      <c r="ITF726" s="424"/>
      <c r="ITG726" s="424"/>
      <c r="ITH726" s="424"/>
      <c r="ITI726" s="423" t="s">
        <v>2795</v>
      </c>
      <c r="ITJ726" s="424"/>
      <c r="ITK726" s="424"/>
      <c r="ITL726" s="424"/>
      <c r="ITM726" s="423" t="s">
        <v>2795</v>
      </c>
      <c r="ITN726" s="424"/>
      <c r="ITO726" s="424"/>
      <c r="ITP726" s="424"/>
      <c r="ITQ726" s="423" t="s">
        <v>2795</v>
      </c>
      <c r="ITR726" s="424"/>
      <c r="ITS726" s="424"/>
      <c r="ITT726" s="424"/>
      <c r="ITU726" s="423" t="s">
        <v>2795</v>
      </c>
      <c r="ITV726" s="424"/>
      <c r="ITW726" s="424"/>
      <c r="ITX726" s="424"/>
      <c r="ITY726" s="423" t="s">
        <v>2795</v>
      </c>
      <c r="ITZ726" s="424"/>
      <c r="IUA726" s="424"/>
      <c r="IUB726" s="424"/>
      <c r="IUC726" s="423" t="s">
        <v>2795</v>
      </c>
      <c r="IUD726" s="424"/>
      <c r="IUE726" s="424"/>
      <c r="IUF726" s="424"/>
      <c r="IUG726" s="423" t="s">
        <v>2795</v>
      </c>
      <c r="IUH726" s="424"/>
      <c r="IUI726" s="424"/>
      <c r="IUJ726" s="424"/>
      <c r="IUK726" s="423" t="s">
        <v>2795</v>
      </c>
      <c r="IUL726" s="424"/>
      <c r="IUM726" s="424"/>
      <c r="IUN726" s="424"/>
      <c r="IUO726" s="423" t="s">
        <v>2795</v>
      </c>
      <c r="IUP726" s="424"/>
      <c r="IUQ726" s="424"/>
      <c r="IUR726" s="424"/>
      <c r="IUS726" s="423" t="s">
        <v>2795</v>
      </c>
      <c r="IUT726" s="424"/>
      <c r="IUU726" s="424"/>
      <c r="IUV726" s="424"/>
      <c r="IUW726" s="423" t="s">
        <v>2795</v>
      </c>
      <c r="IUX726" s="424"/>
      <c r="IUY726" s="424"/>
      <c r="IUZ726" s="424"/>
      <c r="IVA726" s="423" t="s">
        <v>2795</v>
      </c>
      <c r="IVB726" s="424"/>
      <c r="IVC726" s="424"/>
      <c r="IVD726" s="424"/>
      <c r="IVE726" s="423" t="s">
        <v>2795</v>
      </c>
      <c r="IVF726" s="424"/>
      <c r="IVG726" s="424"/>
      <c r="IVH726" s="424"/>
      <c r="IVI726" s="423" t="s">
        <v>2795</v>
      </c>
      <c r="IVJ726" s="424"/>
      <c r="IVK726" s="424"/>
      <c r="IVL726" s="424"/>
      <c r="IVM726" s="423" t="s">
        <v>2795</v>
      </c>
      <c r="IVN726" s="424"/>
      <c r="IVO726" s="424"/>
      <c r="IVP726" s="424"/>
      <c r="IVQ726" s="423" t="s">
        <v>2795</v>
      </c>
      <c r="IVR726" s="424"/>
      <c r="IVS726" s="424"/>
      <c r="IVT726" s="424"/>
      <c r="IVU726" s="423" t="s">
        <v>2795</v>
      </c>
      <c r="IVV726" s="424"/>
      <c r="IVW726" s="424"/>
      <c r="IVX726" s="424"/>
      <c r="IVY726" s="423" t="s">
        <v>2795</v>
      </c>
      <c r="IVZ726" s="424"/>
      <c r="IWA726" s="424"/>
      <c r="IWB726" s="424"/>
      <c r="IWC726" s="423" t="s">
        <v>2795</v>
      </c>
      <c r="IWD726" s="424"/>
      <c r="IWE726" s="424"/>
      <c r="IWF726" s="424"/>
      <c r="IWG726" s="423" t="s">
        <v>2795</v>
      </c>
      <c r="IWH726" s="424"/>
      <c r="IWI726" s="424"/>
      <c r="IWJ726" s="424"/>
      <c r="IWK726" s="423" t="s">
        <v>2795</v>
      </c>
      <c r="IWL726" s="424"/>
      <c r="IWM726" s="424"/>
      <c r="IWN726" s="424"/>
      <c r="IWO726" s="423" t="s">
        <v>2795</v>
      </c>
      <c r="IWP726" s="424"/>
      <c r="IWQ726" s="424"/>
      <c r="IWR726" s="424"/>
      <c r="IWS726" s="423" t="s">
        <v>2795</v>
      </c>
      <c r="IWT726" s="424"/>
      <c r="IWU726" s="424"/>
      <c r="IWV726" s="424"/>
      <c r="IWW726" s="423" t="s">
        <v>2795</v>
      </c>
      <c r="IWX726" s="424"/>
      <c r="IWY726" s="424"/>
      <c r="IWZ726" s="424"/>
      <c r="IXA726" s="423" t="s">
        <v>2795</v>
      </c>
      <c r="IXB726" s="424"/>
      <c r="IXC726" s="424"/>
      <c r="IXD726" s="424"/>
      <c r="IXE726" s="423" t="s">
        <v>2795</v>
      </c>
      <c r="IXF726" s="424"/>
      <c r="IXG726" s="424"/>
      <c r="IXH726" s="424"/>
      <c r="IXI726" s="423" t="s">
        <v>2795</v>
      </c>
      <c r="IXJ726" s="424"/>
      <c r="IXK726" s="424"/>
      <c r="IXL726" s="424"/>
      <c r="IXM726" s="423" t="s">
        <v>2795</v>
      </c>
      <c r="IXN726" s="424"/>
      <c r="IXO726" s="424"/>
      <c r="IXP726" s="424"/>
      <c r="IXQ726" s="423" t="s">
        <v>2795</v>
      </c>
      <c r="IXR726" s="424"/>
      <c r="IXS726" s="424"/>
      <c r="IXT726" s="424"/>
      <c r="IXU726" s="423" t="s">
        <v>2795</v>
      </c>
      <c r="IXV726" s="424"/>
      <c r="IXW726" s="424"/>
      <c r="IXX726" s="424"/>
      <c r="IXY726" s="423" t="s">
        <v>2795</v>
      </c>
      <c r="IXZ726" s="424"/>
      <c r="IYA726" s="424"/>
      <c r="IYB726" s="424"/>
      <c r="IYC726" s="423" t="s">
        <v>2795</v>
      </c>
      <c r="IYD726" s="424"/>
      <c r="IYE726" s="424"/>
      <c r="IYF726" s="424"/>
      <c r="IYG726" s="423" t="s">
        <v>2795</v>
      </c>
      <c r="IYH726" s="424"/>
      <c r="IYI726" s="424"/>
      <c r="IYJ726" s="424"/>
      <c r="IYK726" s="423" t="s">
        <v>2795</v>
      </c>
      <c r="IYL726" s="424"/>
      <c r="IYM726" s="424"/>
      <c r="IYN726" s="424"/>
      <c r="IYO726" s="423" t="s">
        <v>2795</v>
      </c>
      <c r="IYP726" s="424"/>
      <c r="IYQ726" s="424"/>
      <c r="IYR726" s="424"/>
      <c r="IYS726" s="423" t="s">
        <v>2795</v>
      </c>
      <c r="IYT726" s="424"/>
      <c r="IYU726" s="424"/>
      <c r="IYV726" s="424"/>
      <c r="IYW726" s="423" t="s">
        <v>2795</v>
      </c>
      <c r="IYX726" s="424"/>
      <c r="IYY726" s="424"/>
      <c r="IYZ726" s="424"/>
      <c r="IZA726" s="423" t="s">
        <v>2795</v>
      </c>
      <c r="IZB726" s="424"/>
      <c r="IZC726" s="424"/>
      <c r="IZD726" s="424"/>
      <c r="IZE726" s="423" t="s">
        <v>2795</v>
      </c>
      <c r="IZF726" s="424"/>
      <c r="IZG726" s="424"/>
      <c r="IZH726" s="424"/>
      <c r="IZI726" s="423" t="s">
        <v>2795</v>
      </c>
      <c r="IZJ726" s="424"/>
      <c r="IZK726" s="424"/>
      <c r="IZL726" s="424"/>
      <c r="IZM726" s="423" t="s">
        <v>2795</v>
      </c>
      <c r="IZN726" s="424"/>
      <c r="IZO726" s="424"/>
      <c r="IZP726" s="424"/>
      <c r="IZQ726" s="423" t="s">
        <v>2795</v>
      </c>
      <c r="IZR726" s="424"/>
      <c r="IZS726" s="424"/>
      <c r="IZT726" s="424"/>
      <c r="IZU726" s="423" t="s">
        <v>2795</v>
      </c>
      <c r="IZV726" s="424"/>
      <c r="IZW726" s="424"/>
      <c r="IZX726" s="424"/>
      <c r="IZY726" s="423" t="s">
        <v>2795</v>
      </c>
      <c r="IZZ726" s="424"/>
      <c r="JAA726" s="424"/>
      <c r="JAB726" s="424"/>
      <c r="JAC726" s="423" t="s">
        <v>2795</v>
      </c>
      <c r="JAD726" s="424"/>
      <c r="JAE726" s="424"/>
      <c r="JAF726" s="424"/>
      <c r="JAG726" s="423" t="s">
        <v>2795</v>
      </c>
      <c r="JAH726" s="424"/>
      <c r="JAI726" s="424"/>
      <c r="JAJ726" s="424"/>
      <c r="JAK726" s="423" t="s">
        <v>2795</v>
      </c>
      <c r="JAL726" s="424"/>
      <c r="JAM726" s="424"/>
      <c r="JAN726" s="424"/>
      <c r="JAO726" s="423" t="s">
        <v>2795</v>
      </c>
      <c r="JAP726" s="424"/>
      <c r="JAQ726" s="424"/>
      <c r="JAR726" s="424"/>
      <c r="JAS726" s="423" t="s">
        <v>2795</v>
      </c>
      <c r="JAT726" s="424"/>
      <c r="JAU726" s="424"/>
      <c r="JAV726" s="424"/>
      <c r="JAW726" s="423" t="s">
        <v>2795</v>
      </c>
      <c r="JAX726" s="424"/>
      <c r="JAY726" s="424"/>
      <c r="JAZ726" s="424"/>
      <c r="JBA726" s="423" t="s">
        <v>2795</v>
      </c>
      <c r="JBB726" s="424"/>
      <c r="JBC726" s="424"/>
      <c r="JBD726" s="424"/>
      <c r="JBE726" s="423" t="s">
        <v>2795</v>
      </c>
      <c r="JBF726" s="424"/>
      <c r="JBG726" s="424"/>
      <c r="JBH726" s="424"/>
      <c r="JBI726" s="423" t="s">
        <v>2795</v>
      </c>
      <c r="JBJ726" s="424"/>
      <c r="JBK726" s="424"/>
      <c r="JBL726" s="424"/>
      <c r="JBM726" s="423" t="s">
        <v>2795</v>
      </c>
      <c r="JBN726" s="424"/>
      <c r="JBO726" s="424"/>
      <c r="JBP726" s="424"/>
      <c r="JBQ726" s="423" t="s">
        <v>2795</v>
      </c>
      <c r="JBR726" s="424"/>
      <c r="JBS726" s="424"/>
      <c r="JBT726" s="424"/>
      <c r="JBU726" s="423" t="s">
        <v>2795</v>
      </c>
      <c r="JBV726" s="424"/>
      <c r="JBW726" s="424"/>
      <c r="JBX726" s="424"/>
      <c r="JBY726" s="423" t="s">
        <v>2795</v>
      </c>
      <c r="JBZ726" s="424"/>
      <c r="JCA726" s="424"/>
      <c r="JCB726" s="424"/>
      <c r="JCC726" s="423" t="s">
        <v>2795</v>
      </c>
      <c r="JCD726" s="424"/>
      <c r="JCE726" s="424"/>
      <c r="JCF726" s="424"/>
      <c r="JCG726" s="423" t="s">
        <v>2795</v>
      </c>
      <c r="JCH726" s="424"/>
      <c r="JCI726" s="424"/>
      <c r="JCJ726" s="424"/>
      <c r="JCK726" s="423" t="s">
        <v>2795</v>
      </c>
      <c r="JCL726" s="424"/>
      <c r="JCM726" s="424"/>
      <c r="JCN726" s="424"/>
      <c r="JCO726" s="423" t="s">
        <v>2795</v>
      </c>
      <c r="JCP726" s="424"/>
      <c r="JCQ726" s="424"/>
      <c r="JCR726" s="424"/>
      <c r="JCS726" s="423" t="s">
        <v>2795</v>
      </c>
      <c r="JCT726" s="424"/>
      <c r="JCU726" s="424"/>
      <c r="JCV726" s="424"/>
      <c r="JCW726" s="423" t="s">
        <v>2795</v>
      </c>
      <c r="JCX726" s="424"/>
      <c r="JCY726" s="424"/>
      <c r="JCZ726" s="424"/>
      <c r="JDA726" s="423" t="s">
        <v>2795</v>
      </c>
      <c r="JDB726" s="424"/>
      <c r="JDC726" s="424"/>
      <c r="JDD726" s="424"/>
      <c r="JDE726" s="423" t="s">
        <v>2795</v>
      </c>
      <c r="JDF726" s="424"/>
      <c r="JDG726" s="424"/>
      <c r="JDH726" s="424"/>
      <c r="JDI726" s="423" t="s">
        <v>2795</v>
      </c>
      <c r="JDJ726" s="424"/>
      <c r="JDK726" s="424"/>
      <c r="JDL726" s="424"/>
      <c r="JDM726" s="423" t="s">
        <v>2795</v>
      </c>
      <c r="JDN726" s="424"/>
      <c r="JDO726" s="424"/>
      <c r="JDP726" s="424"/>
      <c r="JDQ726" s="423" t="s">
        <v>2795</v>
      </c>
      <c r="JDR726" s="424"/>
      <c r="JDS726" s="424"/>
      <c r="JDT726" s="424"/>
      <c r="JDU726" s="423" t="s">
        <v>2795</v>
      </c>
      <c r="JDV726" s="424"/>
      <c r="JDW726" s="424"/>
      <c r="JDX726" s="424"/>
      <c r="JDY726" s="423" t="s">
        <v>2795</v>
      </c>
      <c r="JDZ726" s="424"/>
      <c r="JEA726" s="424"/>
      <c r="JEB726" s="424"/>
      <c r="JEC726" s="423" t="s">
        <v>2795</v>
      </c>
      <c r="JED726" s="424"/>
      <c r="JEE726" s="424"/>
      <c r="JEF726" s="424"/>
      <c r="JEG726" s="423" t="s">
        <v>2795</v>
      </c>
      <c r="JEH726" s="424"/>
      <c r="JEI726" s="424"/>
      <c r="JEJ726" s="424"/>
      <c r="JEK726" s="423" t="s">
        <v>2795</v>
      </c>
      <c r="JEL726" s="424"/>
      <c r="JEM726" s="424"/>
      <c r="JEN726" s="424"/>
      <c r="JEO726" s="423" t="s">
        <v>2795</v>
      </c>
      <c r="JEP726" s="424"/>
      <c r="JEQ726" s="424"/>
      <c r="JER726" s="424"/>
      <c r="JES726" s="423" t="s">
        <v>2795</v>
      </c>
      <c r="JET726" s="424"/>
      <c r="JEU726" s="424"/>
      <c r="JEV726" s="424"/>
      <c r="JEW726" s="423" t="s">
        <v>2795</v>
      </c>
      <c r="JEX726" s="424"/>
      <c r="JEY726" s="424"/>
      <c r="JEZ726" s="424"/>
      <c r="JFA726" s="423" t="s">
        <v>2795</v>
      </c>
      <c r="JFB726" s="424"/>
      <c r="JFC726" s="424"/>
      <c r="JFD726" s="424"/>
      <c r="JFE726" s="423" t="s">
        <v>2795</v>
      </c>
      <c r="JFF726" s="424"/>
      <c r="JFG726" s="424"/>
      <c r="JFH726" s="424"/>
      <c r="JFI726" s="423" t="s">
        <v>2795</v>
      </c>
      <c r="JFJ726" s="424"/>
      <c r="JFK726" s="424"/>
      <c r="JFL726" s="424"/>
      <c r="JFM726" s="423" t="s">
        <v>2795</v>
      </c>
      <c r="JFN726" s="424"/>
      <c r="JFO726" s="424"/>
      <c r="JFP726" s="424"/>
      <c r="JFQ726" s="423" t="s">
        <v>2795</v>
      </c>
      <c r="JFR726" s="424"/>
      <c r="JFS726" s="424"/>
      <c r="JFT726" s="424"/>
      <c r="JFU726" s="423" t="s">
        <v>2795</v>
      </c>
      <c r="JFV726" s="424"/>
      <c r="JFW726" s="424"/>
      <c r="JFX726" s="424"/>
      <c r="JFY726" s="423" t="s">
        <v>2795</v>
      </c>
      <c r="JFZ726" s="424"/>
      <c r="JGA726" s="424"/>
      <c r="JGB726" s="424"/>
      <c r="JGC726" s="423" t="s">
        <v>2795</v>
      </c>
      <c r="JGD726" s="424"/>
      <c r="JGE726" s="424"/>
      <c r="JGF726" s="424"/>
      <c r="JGG726" s="423" t="s">
        <v>2795</v>
      </c>
      <c r="JGH726" s="424"/>
      <c r="JGI726" s="424"/>
      <c r="JGJ726" s="424"/>
      <c r="JGK726" s="423" t="s">
        <v>2795</v>
      </c>
      <c r="JGL726" s="424"/>
      <c r="JGM726" s="424"/>
      <c r="JGN726" s="424"/>
      <c r="JGO726" s="423" t="s">
        <v>2795</v>
      </c>
      <c r="JGP726" s="424"/>
      <c r="JGQ726" s="424"/>
      <c r="JGR726" s="424"/>
      <c r="JGS726" s="423" t="s">
        <v>2795</v>
      </c>
      <c r="JGT726" s="424"/>
      <c r="JGU726" s="424"/>
      <c r="JGV726" s="424"/>
      <c r="JGW726" s="423" t="s">
        <v>2795</v>
      </c>
      <c r="JGX726" s="424"/>
      <c r="JGY726" s="424"/>
      <c r="JGZ726" s="424"/>
      <c r="JHA726" s="423" t="s">
        <v>2795</v>
      </c>
      <c r="JHB726" s="424"/>
      <c r="JHC726" s="424"/>
      <c r="JHD726" s="424"/>
      <c r="JHE726" s="423" t="s">
        <v>2795</v>
      </c>
      <c r="JHF726" s="424"/>
      <c r="JHG726" s="424"/>
      <c r="JHH726" s="424"/>
      <c r="JHI726" s="423" t="s">
        <v>2795</v>
      </c>
      <c r="JHJ726" s="424"/>
      <c r="JHK726" s="424"/>
      <c r="JHL726" s="424"/>
      <c r="JHM726" s="423" t="s">
        <v>2795</v>
      </c>
      <c r="JHN726" s="424"/>
      <c r="JHO726" s="424"/>
      <c r="JHP726" s="424"/>
      <c r="JHQ726" s="423" t="s">
        <v>2795</v>
      </c>
      <c r="JHR726" s="424"/>
      <c r="JHS726" s="424"/>
      <c r="JHT726" s="424"/>
      <c r="JHU726" s="423" t="s">
        <v>2795</v>
      </c>
      <c r="JHV726" s="424"/>
      <c r="JHW726" s="424"/>
      <c r="JHX726" s="424"/>
      <c r="JHY726" s="423" t="s">
        <v>2795</v>
      </c>
      <c r="JHZ726" s="424"/>
      <c r="JIA726" s="424"/>
      <c r="JIB726" s="424"/>
      <c r="JIC726" s="423" t="s">
        <v>2795</v>
      </c>
      <c r="JID726" s="424"/>
      <c r="JIE726" s="424"/>
      <c r="JIF726" s="424"/>
      <c r="JIG726" s="423" t="s">
        <v>2795</v>
      </c>
      <c r="JIH726" s="424"/>
      <c r="JII726" s="424"/>
      <c r="JIJ726" s="424"/>
      <c r="JIK726" s="423" t="s">
        <v>2795</v>
      </c>
      <c r="JIL726" s="424"/>
      <c r="JIM726" s="424"/>
      <c r="JIN726" s="424"/>
      <c r="JIO726" s="423" t="s">
        <v>2795</v>
      </c>
      <c r="JIP726" s="424"/>
      <c r="JIQ726" s="424"/>
      <c r="JIR726" s="424"/>
      <c r="JIS726" s="423" t="s">
        <v>2795</v>
      </c>
      <c r="JIT726" s="424"/>
      <c r="JIU726" s="424"/>
      <c r="JIV726" s="424"/>
      <c r="JIW726" s="423" t="s">
        <v>2795</v>
      </c>
      <c r="JIX726" s="424"/>
      <c r="JIY726" s="424"/>
      <c r="JIZ726" s="424"/>
      <c r="JJA726" s="423" t="s">
        <v>2795</v>
      </c>
      <c r="JJB726" s="424"/>
      <c r="JJC726" s="424"/>
      <c r="JJD726" s="424"/>
      <c r="JJE726" s="423" t="s">
        <v>2795</v>
      </c>
      <c r="JJF726" s="424"/>
      <c r="JJG726" s="424"/>
      <c r="JJH726" s="424"/>
      <c r="JJI726" s="423" t="s">
        <v>2795</v>
      </c>
      <c r="JJJ726" s="424"/>
      <c r="JJK726" s="424"/>
      <c r="JJL726" s="424"/>
      <c r="JJM726" s="423" t="s">
        <v>2795</v>
      </c>
      <c r="JJN726" s="424"/>
      <c r="JJO726" s="424"/>
      <c r="JJP726" s="424"/>
      <c r="JJQ726" s="423" t="s">
        <v>2795</v>
      </c>
      <c r="JJR726" s="424"/>
      <c r="JJS726" s="424"/>
      <c r="JJT726" s="424"/>
      <c r="JJU726" s="423" t="s">
        <v>2795</v>
      </c>
      <c r="JJV726" s="424"/>
      <c r="JJW726" s="424"/>
      <c r="JJX726" s="424"/>
      <c r="JJY726" s="423" t="s">
        <v>2795</v>
      </c>
      <c r="JJZ726" s="424"/>
      <c r="JKA726" s="424"/>
      <c r="JKB726" s="424"/>
      <c r="JKC726" s="423" t="s">
        <v>2795</v>
      </c>
      <c r="JKD726" s="424"/>
      <c r="JKE726" s="424"/>
      <c r="JKF726" s="424"/>
      <c r="JKG726" s="423" t="s">
        <v>2795</v>
      </c>
      <c r="JKH726" s="424"/>
      <c r="JKI726" s="424"/>
      <c r="JKJ726" s="424"/>
      <c r="JKK726" s="423" t="s">
        <v>2795</v>
      </c>
      <c r="JKL726" s="424"/>
      <c r="JKM726" s="424"/>
      <c r="JKN726" s="424"/>
      <c r="JKO726" s="423" t="s">
        <v>2795</v>
      </c>
      <c r="JKP726" s="424"/>
      <c r="JKQ726" s="424"/>
      <c r="JKR726" s="424"/>
      <c r="JKS726" s="423" t="s">
        <v>2795</v>
      </c>
      <c r="JKT726" s="424"/>
      <c r="JKU726" s="424"/>
      <c r="JKV726" s="424"/>
      <c r="JKW726" s="423" t="s">
        <v>2795</v>
      </c>
      <c r="JKX726" s="424"/>
      <c r="JKY726" s="424"/>
      <c r="JKZ726" s="424"/>
      <c r="JLA726" s="423" t="s">
        <v>2795</v>
      </c>
      <c r="JLB726" s="424"/>
      <c r="JLC726" s="424"/>
      <c r="JLD726" s="424"/>
      <c r="JLE726" s="423" t="s">
        <v>2795</v>
      </c>
      <c r="JLF726" s="424"/>
      <c r="JLG726" s="424"/>
      <c r="JLH726" s="424"/>
      <c r="JLI726" s="423" t="s">
        <v>2795</v>
      </c>
      <c r="JLJ726" s="424"/>
      <c r="JLK726" s="424"/>
      <c r="JLL726" s="424"/>
      <c r="JLM726" s="423" t="s">
        <v>2795</v>
      </c>
      <c r="JLN726" s="424"/>
      <c r="JLO726" s="424"/>
      <c r="JLP726" s="424"/>
      <c r="JLQ726" s="423" t="s">
        <v>2795</v>
      </c>
      <c r="JLR726" s="424"/>
      <c r="JLS726" s="424"/>
      <c r="JLT726" s="424"/>
      <c r="JLU726" s="423" t="s">
        <v>2795</v>
      </c>
      <c r="JLV726" s="424"/>
      <c r="JLW726" s="424"/>
      <c r="JLX726" s="424"/>
      <c r="JLY726" s="423" t="s">
        <v>2795</v>
      </c>
      <c r="JLZ726" s="424"/>
      <c r="JMA726" s="424"/>
      <c r="JMB726" s="424"/>
      <c r="JMC726" s="423" t="s">
        <v>2795</v>
      </c>
      <c r="JMD726" s="424"/>
      <c r="JME726" s="424"/>
      <c r="JMF726" s="424"/>
      <c r="JMG726" s="423" t="s">
        <v>2795</v>
      </c>
      <c r="JMH726" s="424"/>
      <c r="JMI726" s="424"/>
      <c r="JMJ726" s="424"/>
      <c r="JMK726" s="423" t="s">
        <v>2795</v>
      </c>
      <c r="JML726" s="424"/>
      <c r="JMM726" s="424"/>
      <c r="JMN726" s="424"/>
      <c r="JMO726" s="423" t="s">
        <v>2795</v>
      </c>
      <c r="JMP726" s="424"/>
      <c r="JMQ726" s="424"/>
      <c r="JMR726" s="424"/>
      <c r="JMS726" s="423" t="s">
        <v>2795</v>
      </c>
      <c r="JMT726" s="424"/>
      <c r="JMU726" s="424"/>
      <c r="JMV726" s="424"/>
      <c r="JMW726" s="423" t="s">
        <v>2795</v>
      </c>
      <c r="JMX726" s="424"/>
      <c r="JMY726" s="424"/>
      <c r="JMZ726" s="424"/>
      <c r="JNA726" s="423" t="s">
        <v>2795</v>
      </c>
      <c r="JNB726" s="424"/>
      <c r="JNC726" s="424"/>
      <c r="JND726" s="424"/>
      <c r="JNE726" s="423" t="s">
        <v>2795</v>
      </c>
      <c r="JNF726" s="424"/>
      <c r="JNG726" s="424"/>
      <c r="JNH726" s="424"/>
      <c r="JNI726" s="423" t="s">
        <v>2795</v>
      </c>
      <c r="JNJ726" s="424"/>
      <c r="JNK726" s="424"/>
      <c r="JNL726" s="424"/>
      <c r="JNM726" s="423" t="s">
        <v>2795</v>
      </c>
      <c r="JNN726" s="424"/>
      <c r="JNO726" s="424"/>
      <c r="JNP726" s="424"/>
      <c r="JNQ726" s="423" t="s">
        <v>2795</v>
      </c>
      <c r="JNR726" s="424"/>
      <c r="JNS726" s="424"/>
      <c r="JNT726" s="424"/>
      <c r="JNU726" s="423" t="s">
        <v>2795</v>
      </c>
      <c r="JNV726" s="424"/>
      <c r="JNW726" s="424"/>
      <c r="JNX726" s="424"/>
      <c r="JNY726" s="423" t="s">
        <v>2795</v>
      </c>
      <c r="JNZ726" s="424"/>
      <c r="JOA726" s="424"/>
      <c r="JOB726" s="424"/>
      <c r="JOC726" s="423" t="s">
        <v>2795</v>
      </c>
      <c r="JOD726" s="424"/>
      <c r="JOE726" s="424"/>
      <c r="JOF726" s="424"/>
      <c r="JOG726" s="423" t="s">
        <v>2795</v>
      </c>
      <c r="JOH726" s="424"/>
      <c r="JOI726" s="424"/>
      <c r="JOJ726" s="424"/>
      <c r="JOK726" s="423" t="s">
        <v>2795</v>
      </c>
      <c r="JOL726" s="424"/>
      <c r="JOM726" s="424"/>
      <c r="JON726" s="424"/>
      <c r="JOO726" s="423" t="s">
        <v>2795</v>
      </c>
      <c r="JOP726" s="424"/>
      <c r="JOQ726" s="424"/>
      <c r="JOR726" s="424"/>
      <c r="JOS726" s="423" t="s">
        <v>2795</v>
      </c>
      <c r="JOT726" s="424"/>
      <c r="JOU726" s="424"/>
      <c r="JOV726" s="424"/>
      <c r="JOW726" s="423" t="s">
        <v>2795</v>
      </c>
      <c r="JOX726" s="424"/>
      <c r="JOY726" s="424"/>
      <c r="JOZ726" s="424"/>
      <c r="JPA726" s="423" t="s">
        <v>2795</v>
      </c>
      <c r="JPB726" s="424"/>
      <c r="JPC726" s="424"/>
      <c r="JPD726" s="424"/>
      <c r="JPE726" s="423" t="s">
        <v>2795</v>
      </c>
      <c r="JPF726" s="424"/>
      <c r="JPG726" s="424"/>
      <c r="JPH726" s="424"/>
      <c r="JPI726" s="423" t="s">
        <v>2795</v>
      </c>
      <c r="JPJ726" s="424"/>
      <c r="JPK726" s="424"/>
      <c r="JPL726" s="424"/>
      <c r="JPM726" s="423" t="s">
        <v>2795</v>
      </c>
      <c r="JPN726" s="424"/>
      <c r="JPO726" s="424"/>
      <c r="JPP726" s="424"/>
      <c r="JPQ726" s="423" t="s">
        <v>2795</v>
      </c>
      <c r="JPR726" s="424"/>
      <c r="JPS726" s="424"/>
      <c r="JPT726" s="424"/>
      <c r="JPU726" s="423" t="s">
        <v>2795</v>
      </c>
      <c r="JPV726" s="424"/>
      <c r="JPW726" s="424"/>
      <c r="JPX726" s="424"/>
      <c r="JPY726" s="423" t="s">
        <v>2795</v>
      </c>
      <c r="JPZ726" s="424"/>
      <c r="JQA726" s="424"/>
      <c r="JQB726" s="424"/>
      <c r="JQC726" s="423" t="s">
        <v>2795</v>
      </c>
      <c r="JQD726" s="424"/>
      <c r="JQE726" s="424"/>
      <c r="JQF726" s="424"/>
      <c r="JQG726" s="423" t="s">
        <v>2795</v>
      </c>
      <c r="JQH726" s="424"/>
      <c r="JQI726" s="424"/>
      <c r="JQJ726" s="424"/>
      <c r="JQK726" s="423" t="s">
        <v>2795</v>
      </c>
      <c r="JQL726" s="424"/>
      <c r="JQM726" s="424"/>
      <c r="JQN726" s="424"/>
      <c r="JQO726" s="423" t="s">
        <v>2795</v>
      </c>
      <c r="JQP726" s="424"/>
      <c r="JQQ726" s="424"/>
      <c r="JQR726" s="424"/>
      <c r="JQS726" s="423" t="s">
        <v>2795</v>
      </c>
      <c r="JQT726" s="424"/>
      <c r="JQU726" s="424"/>
      <c r="JQV726" s="424"/>
      <c r="JQW726" s="423" t="s">
        <v>2795</v>
      </c>
      <c r="JQX726" s="424"/>
      <c r="JQY726" s="424"/>
      <c r="JQZ726" s="424"/>
      <c r="JRA726" s="423" t="s">
        <v>2795</v>
      </c>
      <c r="JRB726" s="424"/>
      <c r="JRC726" s="424"/>
      <c r="JRD726" s="424"/>
      <c r="JRE726" s="423" t="s">
        <v>2795</v>
      </c>
      <c r="JRF726" s="424"/>
      <c r="JRG726" s="424"/>
      <c r="JRH726" s="424"/>
      <c r="JRI726" s="423" t="s">
        <v>2795</v>
      </c>
      <c r="JRJ726" s="424"/>
      <c r="JRK726" s="424"/>
      <c r="JRL726" s="424"/>
      <c r="JRM726" s="423" t="s">
        <v>2795</v>
      </c>
      <c r="JRN726" s="424"/>
      <c r="JRO726" s="424"/>
      <c r="JRP726" s="424"/>
      <c r="JRQ726" s="423" t="s">
        <v>2795</v>
      </c>
      <c r="JRR726" s="424"/>
      <c r="JRS726" s="424"/>
      <c r="JRT726" s="424"/>
      <c r="JRU726" s="423" t="s">
        <v>2795</v>
      </c>
      <c r="JRV726" s="424"/>
      <c r="JRW726" s="424"/>
      <c r="JRX726" s="424"/>
      <c r="JRY726" s="423" t="s">
        <v>2795</v>
      </c>
      <c r="JRZ726" s="424"/>
      <c r="JSA726" s="424"/>
      <c r="JSB726" s="424"/>
      <c r="JSC726" s="423" t="s">
        <v>2795</v>
      </c>
      <c r="JSD726" s="424"/>
      <c r="JSE726" s="424"/>
      <c r="JSF726" s="424"/>
      <c r="JSG726" s="423" t="s">
        <v>2795</v>
      </c>
      <c r="JSH726" s="424"/>
      <c r="JSI726" s="424"/>
      <c r="JSJ726" s="424"/>
      <c r="JSK726" s="423" t="s">
        <v>2795</v>
      </c>
      <c r="JSL726" s="424"/>
      <c r="JSM726" s="424"/>
      <c r="JSN726" s="424"/>
      <c r="JSO726" s="423" t="s">
        <v>2795</v>
      </c>
      <c r="JSP726" s="424"/>
      <c r="JSQ726" s="424"/>
      <c r="JSR726" s="424"/>
      <c r="JSS726" s="423" t="s">
        <v>2795</v>
      </c>
      <c r="JST726" s="424"/>
      <c r="JSU726" s="424"/>
      <c r="JSV726" s="424"/>
      <c r="JSW726" s="423" t="s">
        <v>2795</v>
      </c>
      <c r="JSX726" s="424"/>
      <c r="JSY726" s="424"/>
      <c r="JSZ726" s="424"/>
      <c r="JTA726" s="423" t="s">
        <v>2795</v>
      </c>
      <c r="JTB726" s="424"/>
      <c r="JTC726" s="424"/>
      <c r="JTD726" s="424"/>
      <c r="JTE726" s="423" t="s">
        <v>2795</v>
      </c>
      <c r="JTF726" s="424"/>
      <c r="JTG726" s="424"/>
      <c r="JTH726" s="424"/>
      <c r="JTI726" s="423" t="s">
        <v>2795</v>
      </c>
      <c r="JTJ726" s="424"/>
      <c r="JTK726" s="424"/>
      <c r="JTL726" s="424"/>
      <c r="JTM726" s="423" t="s">
        <v>2795</v>
      </c>
      <c r="JTN726" s="424"/>
      <c r="JTO726" s="424"/>
      <c r="JTP726" s="424"/>
      <c r="JTQ726" s="423" t="s">
        <v>2795</v>
      </c>
      <c r="JTR726" s="424"/>
      <c r="JTS726" s="424"/>
      <c r="JTT726" s="424"/>
      <c r="JTU726" s="423" t="s">
        <v>2795</v>
      </c>
      <c r="JTV726" s="424"/>
      <c r="JTW726" s="424"/>
      <c r="JTX726" s="424"/>
      <c r="JTY726" s="423" t="s">
        <v>2795</v>
      </c>
      <c r="JTZ726" s="424"/>
      <c r="JUA726" s="424"/>
      <c r="JUB726" s="424"/>
      <c r="JUC726" s="423" t="s">
        <v>2795</v>
      </c>
      <c r="JUD726" s="424"/>
      <c r="JUE726" s="424"/>
      <c r="JUF726" s="424"/>
      <c r="JUG726" s="423" t="s">
        <v>2795</v>
      </c>
      <c r="JUH726" s="424"/>
      <c r="JUI726" s="424"/>
      <c r="JUJ726" s="424"/>
      <c r="JUK726" s="423" t="s">
        <v>2795</v>
      </c>
      <c r="JUL726" s="424"/>
      <c r="JUM726" s="424"/>
      <c r="JUN726" s="424"/>
      <c r="JUO726" s="423" t="s">
        <v>2795</v>
      </c>
      <c r="JUP726" s="424"/>
      <c r="JUQ726" s="424"/>
      <c r="JUR726" s="424"/>
      <c r="JUS726" s="423" t="s">
        <v>2795</v>
      </c>
      <c r="JUT726" s="424"/>
      <c r="JUU726" s="424"/>
      <c r="JUV726" s="424"/>
      <c r="JUW726" s="423" t="s">
        <v>2795</v>
      </c>
      <c r="JUX726" s="424"/>
      <c r="JUY726" s="424"/>
      <c r="JUZ726" s="424"/>
      <c r="JVA726" s="423" t="s">
        <v>2795</v>
      </c>
      <c r="JVB726" s="424"/>
      <c r="JVC726" s="424"/>
      <c r="JVD726" s="424"/>
      <c r="JVE726" s="423" t="s">
        <v>2795</v>
      </c>
      <c r="JVF726" s="424"/>
      <c r="JVG726" s="424"/>
      <c r="JVH726" s="424"/>
      <c r="JVI726" s="423" t="s">
        <v>2795</v>
      </c>
      <c r="JVJ726" s="424"/>
      <c r="JVK726" s="424"/>
      <c r="JVL726" s="424"/>
      <c r="JVM726" s="423" t="s">
        <v>2795</v>
      </c>
      <c r="JVN726" s="424"/>
      <c r="JVO726" s="424"/>
      <c r="JVP726" s="424"/>
      <c r="JVQ726" s="423" t="s">
        <v>2795</v>
      </c>
      <c r="JVR726" s="424"/>
      <c r="JVS726" s="424"/>
      <c r="JVT726" s="424"/>
      <c r="JVU726" s="423" t="s">
        <v>2795</v>
      </c>
      <c r="JVV726" s="424"/>
      <c r="JVW726" s="424"/>
      <c r="JVX726" s="424"/>
      <c r="JVY726" s="423" t="s">
        <v>2795</v>
      </c>
      <c r="JVZ726" s="424"/>
      <c r="JWA726" s="424"/>
      <c r="JWB726" s="424"/>
      <c r="JWC726" s="423" t="s">
        <v>2795</v>
      </c>
      <c r="JWD726" s="424"/>
      <c r="JWE726" s="424"/>
      <c r="JWF726" s="424"/>
      <c r="JWG726" s="423" t="s">
        <v>2795</v>
      </c>
      <c r="JWH726" s="424"/>
      <c r="JWI726" s="424"/>
      <c r="JWJ726" s="424"/>
      <c r="JWK726" s="423" t="s">
        <v>2795</v>
      </c>
      <c r="JWL726" s="424"/>
      <c r="JWM726" s="424"/>
      <c r="JWN726" s="424"/>
      <c r="JWO726" s="423" t="s">
        <v>2795</v>
      </c>
      <c r="JWP726" s="424"/>
      <c r="JWQ726" s="424"/>
      <c r="JWR726" s="424"/>
      <c r="JWS726" s="423" t="s">
        <v>2795</v>
      </c>
      <c r="JWT726" s="424"/>
      <c r="JWU726" s="424"/>
      <c r="JWV726" s="424"/>
      <c r="JWW726" s="423" t="s">
        <v>2795</v>
      </c>
      <c r="JWX726" s="424"/>
      <c r="JWY726" s="424"/>
      <c r="JWZ726" s="424"/>
      <c r="JXA726" s="423" t="s">
        <v>2795</v>
      </c>
      <c r="JXB726" s="424"/>
      <c r="JXC726" s="424"/>
      <c r="JXD726" s="424"/>
      <c r="JXE726" s="423" t="s">
        <v>2795</v>
      </c>
      <c r="JXF726" s="424"/>
      <c r="JXG726" s="424"/>
      <c r="JXH726" s="424"/>
      <c r="JXI726" s="423" t="s">
        <v>2795</v>
      </c>
      <c r="JXJ726" s="424"/>
      <c r="JXK726" s="424"/>
      <c r="JXL726" s="424"/>
      <c r="JXM726" s="423" t="s">
        <v>2795</v>
      </c>
      <c r="JXN726" s="424"/>
      <c r="JXO726" s="424"/>
      <c r="JXP726" s="424"/>
      <c r="JXQ726" s="423" t="s">
        <v>2795</v>
      </c>
      <c r="JXR726" s="424"/>
      <c r="JXS726" s="424"/>
      <c r="JXT726" s="424"/>
      <c r="JXU726" s="423" t="s">
        <v>2795</v>
      </c>
      <c r="JXV726" s="424"/>
      <c r="JXW726" s="424"/>
      <c r="JXX726" s="424"/>
      <c r="JXY726" s="423" t="s">
        <v>2795</v>
      </c>
      <c r="JXZ726" s="424"/>
      <c r="JYA726" s="424"/>
      <c r="JYB726" s="424"/>
      <c r="JYC726" s="423" t="s">
        <v>2795</v>
      </c>
      <c r="JYD726" s="424"/>
      <c r="JYE726" s="424"/>
      <c r="JYF726" s="424"/>
      <c r="JYG726" s="423" t="s">
        <v>2795</v>
      </c>
      <c r="JYH726" s="424"/>
      <c r="JYI726" s="424"/>
      <c r="JYJ726" s="424"/>
      <c r="JYK726" s="423" t="s">
        <v>2795</v>
      </c>
      <c r="JYL726" s="424"/>
      <c r="JYM726" s="424"/>
      <c r="JYN726" s="424"/>
      <c r="JYO726" s="423" t="s">
        <v>2795</v>
      </c>
      <c r="JYP726" s="424"/>
      <c r="JYQ726" s="424"/>
      <c r="JYR726" s="424"/>
      <c r="JYS726" s="423" t="s">
        <v>2795</v>
      </c>
      <c r="JYT726" s="424"/>
      <c r="JYU726" s="424"/>
      <c r="JYV726" s="424"/>
      <c r="JYW726" s="423" t="s">
        <v>2795</v>
      </c>
      <c r="JYX726" s="424"/>
      <c r="JYY726" s="424"/>
      <c r="JYZ726" s="424"/>
      <c r="JZA726" s="423" t="s">
        <v>2795</v>
      </c>
      <c r="JZB726" s="424"/>
      <c r="JZC726" s="424"/>
      <c r="JZD726" s="424"/>
      <c r="JZE726" s="423" t="s">
        <v>2795</v>
      </c>
      <c r="JZF726" s="424"/>
      <c r="JZG726" s="424"/>
      <c r="JZH726" s="424"/>
      <c r="JZI726" s="423" t="s">
        <v>2795</v>
      </c>
      <c r="JZJ726" s="424"/>
      <c r="JZK726" s="424"/>
      <c r="JZL726" s="424"/>
      <c r="JZM726" s="423" t="s">
        <v>2795</v>
      </c>
      <c r="JZN726" s="424"/>
      <c r="JZO726" s="424"/>
      <c r="JZP726" s="424"/>
      <c r="JZQ726" s="423" t="s">
        <v>2795</v>
      </c>
      <c r="JZR726" s="424"/>
      <c r="JZS726" s="424"/>
      <c r="JZT726" s="424"/>
      <c r="JZU726" s="423" t="s">
        <v>2795</v>
      </c>
      <c r="JZV726" s="424"/>
      <c r="JZW726" s="424"/>
      <c r="JZX726" s="424"/>
      <c r="JZY726" s="423" t="s">
        <v>2795</v>
      </c>
      <c r="JZZ726" s="424"/>
      <c r="KAA726" s="424"/>
      <c r="KAB726" s="424"/>
      <c r="KAC726" s="423" t="s">
        <v>2795</v>
      </c>
      <c r="KAD726" s="424"/>
      <c r="KAE726" s="424"/>
      <c r="KAF726" s="424"/>
      <c r="KAG726" s="423" t="s">
        <v>2795</v>
      </c>
      <c r="KAH726" s="424"/>
      <c r="KAI726" s="424"/>
      <c r="KAJ726" s="424"/>
      <c r="KAK726" s="423" t="s">
        <v>2795</v>
      </c>
      <c r="KAL726" s="424"/>
      <c r="KAM726" s="424"/>
      <c r="KAN726" s="424"/>
      <c r="KAO726" s="423" t="s">
        <v>2795</v>
      </c>
      <c r="KAP726" s="424"/>
      <c r="KAQ726" s="424"/>
      <c r="KAR726" s="424"/>
      <c r="KAS726" s="423" t="s">
        <v>2795</v>
      </c>
      <c r="KAT726" s="424"/>
      <c r="KAU726" s="424"/>
      <c r="KAV726" s="424"/>
      <c r="KAW726" s="423" t="s">
        <v>2795</v>
      </c>
      <c r="KAX726" s="424"/>
      <c r="KAY726" s="424"/>
      <c r="KAZ726" s="424"/>
      <c r="KBA726" s="423" t="s">
        <v>2795</v>
      </c>
      <c r="KBB726" s="424"/>
      <c r="KBC726" s="424"/>
      <c r="KBD726" s="424"/>
      <c r="KBE726" s="423" t="s">
        <v>2795</v>
      </c>
      <c r="KBF726" s="424"/>
      <c r="KBG726" s="424"/>
      <c r="KBH726" s="424"/>
      <c r="KBI726" s="423" t="s">
        <v>2795</v>
      </c>
      <c r="KBJ726" s="424"/>
      <c r="KBK726" s="424"/>
      <c r="KBL726" s="424"/>
      <c r="KBM726" s="423" t="s">
        <v>2795</v>
      </c>
      <c r="KBN726" s="424"/>
      <c r="KBO726" s="424"/>
      <c r="KBP726" s="424"/>
      <c r="KBQ726" s="423" t="s">
        <v>2795</v>
      </c>
      <c r="KBR726" s="424"/>
      <c r="KBS726" s="424"/>
      <c r="KBT726" s="424"/>
      <c r="KBU726" s="423" t="s">
        <v>2795</v>
      </c>
      <c r="KBV726" s="424"/>
      <c r="KBW726" s="424"/>
      <c r="KBX726" s="424"/>
      <c r="KBY726" s="423" t="s">
        <v>2795</v>
      </c>
      <c r="KBZ726" s="424"/>
      <c r="KCA726" s="424"/>
      <c r="KCB726" s="424"/>
      <c r="KCC726" s="423" t="s">
        <v>2795</v>
      </c>
      <c r="KCD726" s="424"/>
      <c r="KCE726" s="424"/>
      <c r="KCF726" s="424"/>
      <c r="KCG726" s="423" t="s">
        <v>2795</v>
      </c>
      <c r="KCH726" s="424"/>
      <c r="KCI726" s="424"/>
      <c r="KCJ726" s="424"/>
      <c r="KCK726" s="423" t="s">
        <v>2795</v>
      </c>
      <c r="KCL726" s="424"/>
      <c r="KCM726" s="424"/>
      <c r="KCN726" s="424"/>
      <c r="KCO726" s="423" t="s">
        <v>2795</v>
      </c>
      <c r="KCP726" s="424"/>
      <c r="KCQ726" s="424"/>
      <c r="KCR726" s="424"/>
      <c r="KCS726" s="423" t="s">
        <v>2795</v>
      </c>
      <c r="KCT726" s="424"/>
      <c r="KCU726" s="424"/>
      <c r="KCV726" s="424"/>
      <c r="KCW726" s="423" t="s">
        <v>2795</v>
      </c>
      <c r="KCX726" s="424"/>
      <c r="KCY726" s="424"/>
      <c r="KCZ726" s="424"/>
      <c r="KDA726" s="423" t="s">
        <v>2795</v>
      </c>
      <c r="KDB726" s="424"/>
      <c r="KDC726" s="424"/>
      <c r="KDD726" s="424"/>
      <c r="KDE726" s="423" t="s">
        <v>2795</v>
      </c>
      <c r="KDF726" s="424"/>
      <c r="KDG726" s="424"/>
      <c r="KDH726" s="424"/>
      <c r="KDI726" s="423" t="s">
        <v>2795</v>
      </c>
      <c r="KDJ726" s="424"/>
      <c r="KDK726" s="424"/>
      <c r="KDL726" s="424"/>
      <c r="KDM726" s="423" t="s">
        <v>2795</v>
      </c>
      <c r="KDN726" s="424"/>
      <c r="KDO726" s="424"/>
      <c r="KDP726" s="424"/>
      <c r="KDQ726" s="423" t="s">
        <v>2795</v>
      </c>
      <c r="KDR726" s="424"/>
      <c r="KDS726" s="424"/>
      <c r="KDT726" s="424"/>
      <c r="KDU726" s="423" t="s">
        <v>2795</v>
      </c>
      <c r="KDV726" s="424"/>
      <c r="KDW726" s="424"/>
      <c r="KDX726" s="424"/>
      <c r="KDY726" s="423" t="s">
        <v>2795</v>
      </c>
      <c r="KDZ726" s="424"/>
      <c r="KEA726" s="424"/>
      <c r="KEB726" s="424"/>
      <c r="KEC726" s="423" t="s">
        <v>2795</v>
      </c>
      <c r="KED726" s="424"/>
      <c r="KEE726" s="424"/>
      <c r="KEF726" s="424"/>
      <c r="KEG726" s="423" t="s">
        <v>2795</v>
      </c>
      <c r="KEH726" s="424"/>
      <c r="KEI726" s="424"/>
      <c r="KEJ726" s="424"/>
      <c r="KEK726" s="423" t="s">
        <v>2795</v>
      </c>
      <c r="KEL726" s="424"/>
      <c r="KEM726" s="424"/>
      <c r="KEN726" s="424"/>
      <c r="KEO726" s="423" t="s">
        <v>2795</v>
      </c>
      <c r="KEP726" s="424"/>
      <c r="KEQ726" s="424"/>
      <c r="KER726" s="424"/>
      <c r="KES726" s="423" t="s">
        <v>2795</v>
      </c>
      <c r="KET726" s="424"/>
      <c r="KEU726" s="424"/>
      <c r="KEV726" s="424"/>
      <c r="KEW726" s="423" t="s">
        <v>2795</v>
      </c>
      <c r="KEX726" s="424"/>
      <c r="KEY726" s="424"/>
      <c r="KEZ726" s="424"/>
      <c r="KFA726" s="423" t="s">
        <v>2795</v>
      </c>
      <c r="KFB726" s="424"/>
      <c r="KFC726" s="424"/>
      <c r="KFD726" s="424"/>
      <c r="KFE726" s="423" t="s">
        <v>2795</v>
      </c>
      <c r="KFF726" s="424"/>
      <c r="KFG726" s="424"/>
      <c r="KFH726" s="424"/>
      <c r="KFI726" s="423" t="s">
        <v>2795</v>
      </c>
      <c r="KFJ726" s="424"/>
      <c r="KFK726" s="424"/>
      <c r="KFL726" s="424"/>
      <c r="KFM726" s="423" t="s">
        <v>2795</v>
      </c>
      <c r="KFN726" s="424"/>
      <c r="KFO726" s="424"/>
      <c r="KFP726" s="424"/>
      <c r="KFQ726" s="423" t="s">
        <v>2795</v>
      </c>
      <c r="KFR726" s="424"/>
      <c r="KFS726" s="424"/>
      <c r="KFT726" s="424"/>
      <c r="KFU726" s="423" t="s">
        <v>2795</v>
      </c>
      <c r="KFV726" s="424"/>
      <c r="KFW726" s="424"/>
      <c r="KFX726" s="424"/>
      <c r="KFY726" s="423" t="s">
        <v>2795</v>
      </c>
      <c r="KFZ726" s="424"/>
      <c r="KGA726" s="424"/>
      <c r="KGB726" s="424"/>
      <c r="KGC726" s="423" t="s">
        <v>2795</v>
      </c>
      <c r="KGD726" s="424"/>
      <c r="KGE726" s="424"/>
      <c r="KGF726" s="424"/>
      <c r="KGG726" s="423" t="s">
        <v>2795</v>
      </c>
      <c r="KGH726" s="424"/>
      <c r="KGI726" s="424"/>
      <c r="KGJ726" s="424"/>
      <c r="KGK726" s="423" t="s">
        <v>2795</v>
      </c>
      <c r="KGL726" s="424"/>
      <c r="KGM726" s="424"/>
      <c r="KGN726" s="424"/>
      <c r="KGO726" s="423" t="s">
        <v>2795</v>
      </c>
      <c r="KGP726" s="424"/>
      <c r="KGQ726" s="424"/>
      <c r="KGR726" s="424"/>
      <c r="KGS726" s="423" t="s">
        <v>2795</v>
      </c>
      <c r="KGT726" s="424"/>
      <c r="KGU726" s="424"/>
      <c r="KGV726" s="424"/>
      <c r="KGW726" s="423" t="s">
        <v>2795</v>
      </c>
      <c r="KGX726" s="424"/>
      <c r="KGY726" s="424"/>
      <c r="KGZ726" s="424"/>
      <c r="KHA726" s="423" t="s">
        <v>2795</v>
      </c>
      <c r="KHB726" s="424"/>
      <c r="KHC726" s="424"/>
      <c r="KHD726" s="424"/>
      <c r="KHE726" s="423" t="s">
        <v>2795</v>
      </c>
      <c r="KHF726" s="424"/>
      <c r="KHG726" s="424"/>
      <c r="KHH726" s="424"/>
      <c r="KHI726" s="423" t="s">
        <v>2795</v>
      </c>
      <c r="KHJ726" s="424"/>
      <c r="KHK726" s="424"/>
      <c r="KHL726" s="424"/>
      <c r="KHM726" s="423" t="s">
        <v>2795</v>
      </c>
      <c r="KHN726" s="424"/>
      <c r="KHO726" s="424"/>
      <c r="KHP726" s="424"/>
      <c r="KHQ726" s="423" t="s">
        <v>2795</v>
      </c>
      <c r="KHR726" s="424"/>
      <c r="KHS726" s="424"/>
      <c r="KHT726" s="424"/>
      <c r="KHU726" s="423" t="s">
        <v>2795</v>
      </c>
      <c r="KHV726" s="424"/>
      <c r="KHW726" s="424"/>
      <c r="KHX726" s="424"/>
      <c r="KHY726" s="423" t="s">
        <v>2795</v>
      </c>
      <c r="KHZ726" s="424"/>
      <c r="KIA726" s="424"/>
      <c r="KIB726" s="424"/>
      <c r="KIC726" s="423" t="s">
        <v>2795</v>
      </c>
      <c r="KID726" s="424"/>
      <c r="KIE726" s="424"/>
      <c r="KIF726" s="424"/>
      <c r="KIG726" s="423" t="s">
        <v>2795</v>
      </c>
      <c r="KIH726" s="424"/>
      <c r="KII726" s="424"/>
      <c r="KIJ726" s="424"/>
      <c r="KIK726" s="423" t="s">
        <v>2795</v>
      </c>
      <c r="KIL726" s="424"/>
      <c r="KIM726" s="424"/>
      <c r="KIN726" s="424"/>
      <c r="KIO726" s="423" t="s">
        <v>2795</v>
      </c>
      <c r="KIP726" s="424"/>
      <c r="KIQ726" s="424"/>
      <c r="KIR726" s="424"/>
      <c r="KIS726" s="423" t="s">
        <v>2795</v>
      </c>
      <c r="KIT726" s="424"/>
      <c r="KIU726" s="424"/>
      <c r="KIV726" s="424"/>
      <c r="KIW726" s="423" t="s">
        <v>2795</v>
      </c>
      <c r="KIX726" s="424"/>
      <c r="KIY726" s="424"/>
      <c r="KIZ726" s="424"/>
      <c r="KJA726" s="423" t="s">
        <v>2795</v>
      </c>
      <c r="KJB726" s="424"/>
      <c r="KJC726" s="424"/>
      <c r="KJD726" s="424"/>
      <c r="KJE726" s="423" t="s">
        <v>2795</v>
      </c>
      <c r="KJF726" s="424"/>
      <c r="KJG726" s="424"/>
      <c r="KJH726" s="424"/>
      <c r="KJI726" s="423" t="s">
        <v>2795</v>
      </c>
      <c r="KJJ726" s="424"/>
      <c r="KJK726" s="424"/>
      <c r="KJL726" s="424"/>
      <c r="KJM726" s="423" t="s">
        <v>2795</v>
      </c>
      <c r="KJN726" s="424"/>
      <c r="KJO726" s="424"/>
      <c r="KJP726" s="424"/>
      <c r="KJQ726" s="423" t="s">
        <v>2795</v>
      </c>
      <c r="KJR726" s="424"/>
      <c r="KJS726" s="424"/>
      <c r="KJT726" s="424"/>
      <c r="KJU726" s="423" t="s">
        <v>2795</v>
      </c>
      <c r="KJV726" s="424"/>
      <c r="KJW726" s="424"/>
      <c r="KJX726" s="424"/>
      <c r="KJY726" s="423" t="s">
        <v>2795</v>
      </c>
      <c r="KJZ726" s="424"/>
      <c r="KKA726" s="424"/>
      <c r="KKB726" s="424"/>
      <c r="KKC726" s="423" t="s">
        <v>2795</v>
      </c>
      <c r="KKD726" s="424"/>
      <c r="KKE726" s="424"/>
      <c r="KKF726" s="424"/>
      <c r="KKG726" s="423" t="s">
        <v>2795</v>
      </c>
      <c r="KKH726" s="424"/>
      <c r="KKI726" s="424"/>
      <c r="KKJ726" s="424"/>
      <c r="KKK726" s="423" t="s">
        <v>2795</v>
      </c>
      <c r="KKL726" s="424"/>
      <c r="KKM726" s="424"/>
      <c r="KKN726" s="424"/>
      <c r="KKO726" s="423" t="s">
        <v>2795</v>
      </c>
      <c r="KKP726" s="424"/>
      <c r="KKQ726" s="424"/>
      <c r="KKR726" s="424"/>
      <c r="KKS726" s="423" t="s">
        <v>2795</v>
      </c>
      <c r="KKT726" s="424"/>
      <c r="KKU726" s="424"/>
      <c r="KKV726" s="424"/>
      <c r="KKW726" s="423" t="s">
        <v>2795</v>
      </c>
      <c r="KKX726" s="424"/>
      <c r="KKY726" s="424"/>
      <c r="KKZ726" s="424"/>
      <c r="KLA726" s="423" t="s">
        <v>2795</v>
      </c>
      <c r="KLB726" s="424"/>
      <c r="KLC726" s="424"/>
      <c r="KLD726" s="424"/>
      <c r="KLE726" s="423" t="s">
        <v>2795</v>
      </c>
      <c r="KLF726" s="424"/>
      <c r="KLG726" s="424"/>
      <c r="KLH726" s="424"/>
      <c r="KLI726" s="423" t="s">
        <v>2795</v>
      </c>
      <c r="KLJ726" s="424"/>
      <c r="KLK726" s="424"/>
      <c r="KLL726" s="424"/>
      <c r="KLM726" s="423" t="s">
        <v>2795</v>
      </c>
      <c r="KLN726" s="424"/>
      <c r="KLO726" s="424"/>
      <c r="KLP726" s="424"/>
      <c r="KLQ726" s="423" t="s">
        <v>2795</v>
      </c>
      <c r="KLR726" s="424"/>
      <c r="KLS726" s="424"/>
      <c r="KLT726" s="424"/>
      <c r="KLU726" s="423" t="s">
        <v>2795</v>
      </c>
      <c r="KLV726" s="424"/>
      <c r="KLW726" s="424"/>
      <c r="KLX726" s="424"/>
      <c r="KLY726" s="423" t="s">
        <v>2795</v>
      </c>
      <c r="KLZ726" s="424"/>
      <c r="KMA726" s="424"/>
      <c r="KMB726" s="424"/>
      <c r="KMC726" s="423" t="s">
        <v>2795</v>
      </c>
      <c r="KMD726" s="424"/>
      <c r="KME726" s="424"/>
      <c r="KMF726" s="424"/>
      <c r="KMG726" s="423" t="s">
        <v>2795</v>
      </c>
      <c r="KMH726" s="424"/>
      <c r="KMI726" s="424"/>
      <c r="KMJ726" s="424"/>
      <c r="KMK726" s="423" t="s">
        <v>2795</v>
      </c>
      <c r="KML726" s="424"/>
      <c r="KMM726" s="424"/>
      <c r="KMN726" s="424"/>
      <c r="KMO726" s="423" t="s">
        <v>2795</v>
      </c>
      <c r="KMP726" s="424"/>
      <c r="KMQ726" s="424"/>
      <c r="KMR726" s="424"/>
      <c r="KMS726" s="423" t="s">
        <v>2795</v>
      </c>
      <c r="KMT726" s="424"/>
      <c r="KMU726" s="424"/>
      <c r="KMV726" s="424"/>
      <c r="KMW726" s="423" t="s">
        <v>2795</v>
      </c>
      <c r="KMX726" s="424"/>
      <c r="KMY726" s="424"/>
      <c r="KMZ726" s="424"/>
      <c r="KNA726" s="423" t="s">
        <v>2795</v>
      </c>
      <c r="KNB726" s="424"/>
      <c r="KNC726" s="424"/>
      <c r="KND726" s="424"/>
      <c r="KNE726" s="423" t="s">
        <v>2795</v>
      </c>
      <c r="KNF726" s="424"/>
      <c r="KNG726" s="424"/>
      <c r="KNH726" s="424"/>
      <c r="KNI726" s="423" t="s">
        <v>2795</v>
      </c>
      <c r="KNJ726" s="424"/>
      <c r="KNK726" s="424"/>
      <c r="KNL726" s="424"/>
      <c r="KNM726" s="423" t="s">
        <v>2795</v>
      </c>
      <c r="KNN726" s="424"/>
      <c r="KNO726" s="424"/>
      <c r="KNP726" s="424"/>
      <c r="KNQ726" s="423" t="s">
        <v>2795</v>
      </c>
      <c r="KNR726" s="424"/>
      <c r="KNS726" s="424"/>
      <c r="KNT726" s="424"/>
      <c r="KNU726" s="423" t="s">
        <v>2795</v>
      </c>
      <c r="KNV726" s="424"/>
      <c r="KNW726" s="424"/>
      <c r="KNX726" s="424"/>
      <c r="KNY726" s="423" t="s">
        <v>2795</v>
      </c>
      <c r="KNZ726" s="424"/>
      <c r="KOA726" s="424"/>
      <c r="KOB726" s="424"/>
      <c r="KOC726" s="423" t="s">
        <v>2795</v>
      </c>
      <c r="KOD726" s="424"/>
      <c r="KOE726" s="424"/>
      <c r="KOF726" s="424"/>
      <c r="KOG726" s="423" t="s">
        <v>2795</v>
      </c>
      <c r="KOH726" s="424"/>
      <c r="KOI726" s="424"/>
      <c r="KOJ726" s="424"/>
      <c r="KOK726" s="423" t="s">
        <v>2795</v>
      </c>
      <c r="KOL726" s="424"/>
      <c r="KOM726" s="424"/>
      <c r="KON726" s="424"/>
      <c r="KOO726" s="423" t="s">
        <v>2795</v>
      </c>
      <c r="KOP726" s="424"/>
      <c r="KOQ726" s="424"/>
      <c r="KOR726" s="424"/>
      <c r="KOS726" s="423" t="s">
        <v>2795</v>
      </c>
      <c r="KOT726" s="424"/>
      <c r="KOU726" s="424"/>
      <c r="KOV726" s="424"/>
      <c r="KOW726" s="423" t="s">
        <v>2795</v>
      </c>
      <c r="KOX726" s="424"/>
      <c r="KOY726" s="424"/>
      <c r="KOZ726" s="424"/>
      <c r="KPA726" s="423" t="s">
        <v>2795</v>
      </c>
      <c r="KPB726" s="424"/>
      <c r="KPC726" s="424"/>
      <c r="KPD726" s="424"/>
      <c r="KPE726" s="423" t="s">
        <v>2795</v>
      </c>
      <c r="KPF726" s="424"/>
      <c r="KPG726" s="424"/>
      <c r="KPH726" s="424"/>
      <c r="KPI726" s="423" t="s">
        <v>2795</v>
      </c>
      <c r="KPJ726" s="424"/>
      <c r="KPK726" s="424"/>
      <c r="KPL726" s="424"/>
      <c r="KPM726" s="423" t="s">
        <v>2795</v>
      </c>
      <c r="KPN726" s="424"/>
      <c r="KPO726" s="424"/>
      <c r="KPP726" s="424"/>
      <c r="KPQ726" s="423" t="s">
        <v>2795</v>
      </c>
      <c r="KPR726" s="424"/>
      <c r="KPS726" s="424"/>
      <c r="KPT726" s="424"/>
      <c r="KPU726" s="423" t="s">
        <v>2795</v>
      </c>
      <c r="KPV726" s="424"/>
      <c r="KPW726" s="424"/>
      <c r="KPX726" s="424"/>
      <c r="KPY726" s="423" t="s">
        <v>2795</v>
      </c>
      <c r="KPZ726" s="424"/>
      <c r="KQA726" s="424"/>
      <c r="KQB726" s="424"/>
      <c r="KQC726" s="423" t="s">
        <v>2795</v>
      </c>
      <c r="KQD726" s="424"/>
      <c r="KQE726" s="424"/>
      <c r="KQF726" s="424"/>
      <c r="KQG726" s="423" t="s">
        <v>2795</v>
      </c>
      <c r="KQH726" s="424"/>
      <c r="KQI726" s="424"/>
      <c r="KQJ726" s="424"/>
      <c r="KQK726" s="423" t="s">
        <v>2795</v>
      </c>
      <c r="KQL726" s="424"/>
      <c r="KQM726" s="424"/>
      <c r="KQN726" s="424"/>
      <c r="KQO726" s="423" t="s">
        <v>2795</v>
      </c>
      <c r="KQP726" s="424"/>
      <c r="KQQ726" s="424"/>
      <c r="KQR726" s="424"/>
      <c r="KQS726" s="423" t="s">
        <v>2795</v>
      </c>
      <c r="KQT726" s="424"/>
      <c r="KQU726" s="424"/>
      <c r="KQV726" s="424"/>
      <c r="KQW726" s="423" t="s">
        <v>2795</v>
      </c>
      <c r="KQX726" s="424"/>
      <c r="KQY726" s="424"/>
      <c r="KQZ726" s="424"/>
      <c r="KRA726" s="423" t="s">
        <v>2795</v>
      </c>
      <c r="KRB726" s="424"/>
      <c r="KRC726" s="424"/>
      <c r="KRD726" s="424"/>
      <c r="KRE726" s="423" t="s">
        <v>2795</v>
      </c>
      <c r="KRF726" s="424"/>
      <c r="KRG726" s="424"/>
      <c r="KRH726" s="424"/>
      <c r="KRI726" s="423" t="s">
        <v>2795</v>
      </c>
      <c r="KRJ726" s="424"/>
      <c r="KRK726" s="424"/>
      <c r="KRL726" s="424"/>
      <c r="KRM726" s="423" t="s">
        <v>2795</v>
      </c>
      <c r="KRN726" s="424"/>
      <c r="KRO726" s="424"/>
      <c r="KRP726" s="424"/>
      <c r="KRQ726" s="423" t="s">
        <v>2795</v>
      </c>
      <c r="KRR726" s="424"/>
      <c r="KRS726" s="424"/>
      <c r="KRT726" s="424"/>
      <c r="KRU726" s="423" t="s">
        <v>2795</v>
      </c>
      <c r="KRV726" s="424"/>
      <c r="KRW726" s="424"/>
      <c r="KRX726" s="424"/>
      <c r="KRY726" s="423" t="s">
        <v>2795</v>
      </c>
      <c r="KRZ726" s="424"/>
      <c r="KSA726" s="424"/>
      <c r="KSB726" s="424"/>
      <c r="KSC726" s="423" t="s">
        <v>2795</v>
      </c>
      <c r="KSD726" s="424"/>
      <c r="KSE726" s="424"/>
      <c r="KSF726" s="424"/>
      <c r="KSG726" s="423" t="s">
        <v>2795</v>
      </c>
      <c r="KSH726" s="424"/>
      <c r="KSI726" s="424"/>
      <c r="KSJ726" s="424"/>
      <c r="KSK726" s="423" t="s">
        <v>2795</v>
      </c>
      <c r="KSL726" s="424"/>
      <c r="KSM726" s="424"/>
      <c r="KSN726" s="424"/>
      <c r="KSO726" s="423" t="s">
        <v>2795</v>
      </c>
      <c r="KSP726" s="424"/>
      <c r="KSQ726" s="424"/>
      <c r="KSR726" s="424"/>
      <c r="KSS726" s="423" t="s">
        <v>2795</v>
      </c>
      <c r="KST726" s="424"/>
      <c r="KSU726" s="424"/>
      <c r="KSV726" s="424"/>
      <c r="KSW726" s="423" t="s">
        <v>2795</v>
      </c>
      <c r="KSX726" s="424"/>
      <c r="KSY726" s="424"/>
      <c r="KSZ726" s="424"/>
      <c r="KTA726" s="423" t="s">
        <v>2795</v>
      </c>
      <c r="KTB726" s="424"/>
      <c r="KTC726" s="424"/>
      <c r="KTD726" s="424"/>
      <c r="KTE726" s="423" t="s">
        <v>2795</v>
      </c>
      <c r="KTF726" s="424"/>
      <c r="KTG726" s="424"/>
      <c r="KTH726" s="424"/>
      <c r="KTI726" s="423" t="s">
        <v>2795</v>
      </c>
      <c r="KTJ726" s="424"/>
      <c r="KTK726" s="424"/>
      <c r="KTL726" s="424"/>
      <c r="KTM726" s="423" t="s">
        <v>2795</v>
      </c>
      <c r="KTN726" s="424"/>
      <c r="KTO726" s="424"/>
      <c r="KTP726" s="424"/>
      <c r="KTQ726" s="423" t="s">
        <v>2795</v>
      </c>
      <c r="KTR726" s="424"/>
      <c r="KTS726" s="424"/>
      <c r="KTT726" s="424"/>
      <c r="KTU726" s="423" t="s">
        <v>2795</v>
      </c>
      <c r="KTV726" s="424"/>
      <c r="KTW726" s="424"/>
      <c r="KTX726" s="424"/>
      <c r="KTY726" s="423" t="s">
        <v>2795</v>
      </c>
      <c r="KTZ726" s="424"/>
      <c r="KUA726" s="424"/>
      <c r="KUB726" s="424"/>
      <c r="KUC726" s="423" t="s">
        <v>2795</v>
      </c>
      <c r="KUD726" s="424"/>
      <c r="KUE726" s="424"/>
      <c r="KUF726" s="424"/>
      <c r="KUG726" s="423" t="s">
        <v>2795</v>
      </c>
      <c r="KUH726" s="424"/>
      <c r="KUI726" s="424"/>
      <c r="KUJ726" s="424"/>
      <c r="KUK726" s="423" t="s">
        <v>2795</v>
      </c>
      <c r="KUL726" s="424"/>
      <c r="KUM726" s="424"/>
      <c r="KUN726" s="424"/>
      <c r="KUO726" s="423" t="s">
        <v>2795</v>
      </c>
      <c r="KUP726" s="424"/>
      <c r="KUQ726" s="424"/>
      <c r="KUR726" s="424"/>
      <c r="KUS726" s="423" t="s">
        <v>2795</v>
      </c>
      <c r="KUT726" s="424"/>
      <c r="KUU726" s="424"/>
      <c r="KUV726" s="424"/>
      <c r="KUW726" s="423" t="s">
        <v>2795</v>
      </c>
      <c r="KUX726" s="424"/>
      <c r="KUY726" s="424"/>
      <c r="KUZ726" s="424"/>
      <c r="KVA726" s="423" t="s">
        <v>2795</v>
      </c>
      <c r="KVB726" s="424"/>
      <c r="KVC726" s="424"/>
      <c r="KVD726" s="424"/>
      <c r="KVE726" s="423" t="s">
        <v>2795</v>
      </c>
      <c r="KVF726" s="424"/>
      <c r="KVG726" s="424"/>
      <c r="KVH726" s="424"/>
      <c r="KVI726" s="423" t="s">
        <v>2795</v>
      </c>
      <c r="KVJ726" s="424"/>
      <c r="KVK726" s="424"/>
      <c r="KVL726" s="424"/>
      <c r="KVM726" s="423" t="s">
        <v>2795</v>
      </c>
      <c r="KVN726" s="424"/>
      <c r="KVO726" s="424"/>
      <c r="KVP726" s="424"/>
      <c r="KVQ726" s="423" t="s">
        <v>2795</v>
      </c>
      <c r="KVR726" s="424"/>
      <c r="KVS726" s="424"/>
      <c r="KVT726" s="424"/>
      <c r="KVU726" s="423" t="s">
        <v>2795</v>
      </c>
      <c r="KVV726" s="424"/>
      <c r="KVW726" s="424"/>
      <c r="KVX726" s="424"/>
      <c r="KVY726" s="423" t="s">
        <v>2795</v>
      </c>
      <c r="KVZ726" s="424"/>
      <c r="KWA726" s="424"/>
      <c r="KWB726" s="424"/>
      <c r="KWC726" s="423" t="s">
        <v>2795</v>
      </c>
      <c r="KWD726" s="424"/>
      <c r="KWE726" s="424"/>
      <c r="KWF726" s="424"/>
      <c r="KWG726" s="423" t="s">
        <v>2795</v>
      </c>
      <c r="KWH726" s="424"/>
      <c r="KWI726" s="424"/>
      <c r="KWJ726" s="424"/>
      <c r="KWK726" s="423" t="s">
        <v>2795</v>
      </c>
      <c r="KWL726" s="424"/>
      <c r="KWM726" s="424"/>
      <c r="KWN726" s="424"/>
      <c r="KWO726" s="423" t="s">
        <v>2795</v>
      </c>
      <c r="KWP726" s="424"/>
      <c r="KWQ726" s="424"/>
      <c r="KWR726" s="424"/>
      <c r="KWS726" s="423" t="s">
        <v>2795</v>
      </c>
      <c r="KWT726" s="424"/>
      <c r="KWU726" s="424"/>
      <c r="KWV726" s="424"/>
      <c r="KWW726" s="423" t="s">
        <v>2795</v>
      </c>
      <c r="KWX726" s="424"/>
      <c r="KWY726" s="424"/>
      <c r="KWZ726" s="424"/>
      <c r="KXA726" s="423" t="s">
        <v>2795</v>
      </c>
      <c r="KXB726" s="424"/>
      <c r="KXC726" s="424"/>
      <c r="KXD726" s="424"/>
      <c r="KXE726" s="423" t="s">
        <v>2795</v>
      </c>
      <c r="KXF726" s="424"/>
      <c r="KXG726" s="424"/>
      <c r="KXH726" s="424"/>
      <c r="KXI726" s="423" t="s">
        <v>2795</v>
      </c>
      <c r="KXJ726" s="424"/>
      <c r="KXK726" s="424"/>
      <c r="KXL726" s="424"/>
      <c r="KXM726" s="423" t="s">
        <v>2795</v>
      </c>
      <c r="KXN726" s="424"/>
      <c r="KXO726" s="424"/>
      <c r="KXP726" s="424"/>
      <c r="KXQ726" s="423" t="s">
        <v>2795</v>
      </c>
      <c r="KXR726" s="424"/>
      <c r="KXS726" s="424"/>
      <c r="KXT726" s="424"/>
      <c r="KXU726" s="423" t="s">
        <v>2795</v>
      </c>
      <c r="KXV726" s="424"/>
      <c r="KXW726" s="424"/>
      <c r="KXX726" s="424"/>
      <c r="KXY726" s="423" t="s">
        <v>2795</v>
      </c>
      <c r="KXZ726" s="424"/>
      <c r="KYA726" s="424"/>
      <c r="KYB726" s="424"/>
      <c r="KYC726" s="423" t="s">
        <v>2795</v>
      </c>
      <c r="KYD726" s="424"/>
      <c r="KYE726" s="424"/>
      <c r="KYF726" s="424"/>
      <c r="KYG726" s="423" t="s">
        <v>2795</v>
      </c>
      <c r="KYH726" s="424"/>
      <c r="KYI726" s="424"/>
      <c r="KYJ726" s="424"/>
      <c r="KYK726" s="423" t="s">
        <v>2795</v>
      </c>
      <c r="KYL726" s="424"/>
      <c r="KYM726" s="424"/>
      <c r="KYN726" s="424"/>
      <c r="KYO726" s="423" t="s">
        <v>2795</v>
      </c>
      <c r="KYP726" s="424"/>
      <c r="KYQ726" s="424"/>
      <c r="KYR726" s="424"/>
      <c r="KYS726" s="423" t="s">
        <v>2795</v>
      </c>
      <c r="KYT726" s="424"/>
      <c r="KYU726" s="424"/>
      <c r="KYV726" s="424"/>
      <c r="KYW726" s="423" t="s">
        <v>2795</v>
      </c>
      <c r="KYX726" s="424"/>
      <c r="KYY726" s="424"/>
      <c r="KYZ726" s="424"/>
      <c r="KZA726" s="423" t="s">
        <v>2795</v>
      </c>
      <c r="KZB726" s="424"/>
      <c r="KZC726" s="424"/>
      <c r="KZD726" s="424"/>
      <c r="KZE726" s="423" t="s">
        <v>2795</v>
      </c>
      <c r="KZF726" s="424"/>
      <c r="KZG726" s="424"/>
      <c r="KZH726" s="424"/>
      <c r="KZI726" s="423" t="s">
        <v>2795</v>
      </c>
      <c r="KZJ726" s="424"/>
      <c r="KZK726" s="424"/>
      <c r="KZL726" s="424"/>
      <c r="KZM726" s="423" t="s">
        <v>2795</v>
      </c>
      <c r="KZN726" s="424"/>
      <c r="KZO726" s="424"/>
      <c r="KZP726" s="424"/>
      <c r="KZQ726" s="423" t="s">
        <v>2795</v>
      </c>
      <c r="KZR726" s="424"/>
      <c r="KZS726" s="424"/>
      <c r="KZT726" s="424"/>
      <c r="KZU726" s="423" t="s">
        <v>2795</v>
      </c>
      <c r="KZV726" s="424"/>
      <c r="KZW726" s="424"/>
      <c r="KZX726" s="424"/>
      <c r="KZY726" s="423" t="s">
        <v>2795</v>
      </c>
      <c r="KZZ726" s="424"/>
      <c r="LAA726" s="424"/>
      <c r="LAB726" s="424"/>
      <c r="LAC726" s="423" t="s">
        <v>2795</v>
      </c>
      <c r="LAD726" s="424"/>
      <c r="LAE726" s="424"/>
      <c r="LAF726" s="424"/>
      <c r="LAG726" s="423" t="s">
        <v>2795</v>
      </c>
      <c r="LAH726" s="424"/>
      <c r="LAI726" s="424"/>
      <c r="LAJ726" s="424"/>
      <c r="LAK726" s="423" t="s">
        <v>2795</v>
      </c>
      <c r="LAL726" s="424"/>
      <c r="LAM726" s="424"/>
      <c r="LAN726" s="424"/>
      <c r="LAO726" s="423" t="s">
        <v>2795</v>
      </c>
      <c r="LAP726" s="424"/>
      <c r="LAQ726" s="424"/>
      <c r="LAR726" s="424"/>
      <c r="LAS726" s="423" t="s">
        <v>2795</v>
      </c>
      <c r="LAT726" s="424"/>
      <c r="LAU726" s="424"/>
      <c r="LAV726" s="424"/>
      <c r="LAW726" s="423" t="s">
        <v>2795</v>
      </c>
      <c r="LAX726" s="424"/>
      <c r="LAY726" s="424"/>
      <c r="LAZ726" s="424"/>
      <c r="LBA726" s="423" t="s">
        <v>2795</v>
      </c>
      <c r="LBB726" s="424"/>
      <c r="LBC726" s="424"/>
      <c r="LBD726" s="424"/>
      <c r="LBE726" s="423" t="s">
        <v>2795</v>
      </c>
      <c r="LBF726" s="424"/>
      <c r="LBG726" s="424"/>
      <c r="LBH726" s="424"/>
      <c r="LBI726" s="423" t="s">
        <v>2795</v>
      </c>
      <c r="LBJ726" s="424"/>
      <c r="LBK726" s="424"/>
      <c r="LBL726" s="424"/>
      <c r="LBM726" s="423" t="s">
        <v>2795</v>
      </c>
      <c r="LBN726" s="424"/>
      <c r="LBO726" s="424"/>
      <c r="LBP726" s="424"/>
      <c r="LBQ726" s="423" t="s">
        <v>2795</v>
      </c>
      <c r="LBR726" s="424"/>
      <c r="LBS726" s="424"/>
      <c r="LBT726" s="424"/>
      <c r="LBU726" s="423" t="s">
        <v>2795</v>
      </c>
      <c r="LBV726" s="424"/>
      <c r="LBW726" s="424"/>
      <c r="LBX726" s="424"/>
      <c r="LBY726" s="423" t="s">
        <v>2795</v>
      </c>
      <c r="LBZ726" s="424"/>
      <c r="LCA726" s="424"/>
      <c r="LCB726" s="424"/>
      <c r="LCC726" s="423" t="s">
        <v>2795</v>
      </c>
      <c r="LCD726" s="424"/>
      <c r="LCE726" s="424"/>
      <c r="LCF726" s="424"/>
      <c r="LCG726" s="423" t="s">
        <v>2795</v>
      </c>
      <c r="LCH726" s="424"/>
      <c r="LCI726" s="424"/>
      <c r="LCJ726" s="424"/>
      <c r="LCK726" s="423" t="s">
        <v>2795</v>
      </c>
      <c r="LCL726" s="424"/>
      <c r="LCM726" s="424"/>
      <c r="LCN726" s="424"/>
      <c r="LCO726" s="423" t="s">
        <v>2795</v>
      </c>
      <c r="LCP726" s="424"/>
      <c r="LCQ726" s="424"/>
      <c r="LCR726" s="424"/>
      <c r="LCS726" s="423" t="s">
        <v>2795</v>
      </c>
      <c r="LCT726" s="424"/>
      <c r="LCU726" s="424"/>
      <c r="LCV726" s="424"/>
      <c r="LCW726" s="423" t="s">
        <v>2795</v>
      </c>
      <c r="LCX726" s="424"/>
      <c r="LCY726" s="424"/>
      <c r="LCZ726" s="424"/>
      <c r="LDA726" s="423" t="s">
        <v>2795</v>
      </c>
      <c r="LDB726" s="424"/>
      <c r="LDC726" s="424"/>
      <c r="LDD726" s="424"/>
      <c r="LDE726" s="423" t="s">
        <v>2795</v>
      </c>
      <c r="LDF726" s="424"/>
      <c r="LDG726" s="424"/>
      <c r="LDH726" s="424"/>
      <c r="LDI726" s="423" t="s">
        <v>2795</v>
      </c>
      <c r="LDJ726" s="424"/>
      <c r="LDK726" s="424"/>
      <c r="LDL726" s="424"/>
      <c r="LDM726" s="423" t="s">
        <v>2795</v>
      </c>
      <c r="LDN726" s="424"/>
      <c r="LDO726" s="424"/>
      <c r="LDP726" s="424"/>
      <c r="LDQ726" s="423" t="s">
        <v>2795</v>
      </c>
      <c r="LDR726" s="424"/>
      <c r="LDS726" s="424"/>
      <c r="LDT726" s="424"/>
      <c r="LDU726" s="423" t="s">
        <v>2795</v>
      </c>
      <c r="LDV726" s="424"/>
      <c r="LDW726" s="424"/>
      <c r="LDX726" s="424"/>
      <c r="LDY726" s="423" t="s">
        <v>2795</v>
      </c>
      <c r="LDZ726" s="424"/>
      <c r="LEA726" s="424"/>
      <c r="LEB726" s="424"/>
      <c r="LEC726" s="423" t="s">
        <v>2795</v>
      </c>
      <c r="LED726" s="424"/>
      <c r="LEE726" s="424"/>
      <c r="LEF726" s="424"/>
      <c r="LEG726" s="423" t="s">
        <v>2795</v>
      </c>
      <c r="LEH726" s="424"/>
      <c r="LEI726" s="424"/>
      <c r="LEJ726" s="424"/>
      <c r="LEK726" s="423" t="s">
        <v>2795</v>
      </c>
      <c r="LEL726" s="424"/>
      <c r="LEM726" s="424"/>
      <c r="LEN726" s="424"/>
      <c r="LEO726" s="423" t="s">
        <v>2795</v>
      </c>
      <c r="LEP726" s="424"/>
      <c r="LEQ726" s="424"/>
      <c r="LER726" s="424"/>
      <c r="LES726" s="423" t="s">
        <v>2795</v>
      </c>
      <c r="LET726" s="424"/>
      <c r="LEU726" s="424"/>
      <c r="LEV726" s="424"/>
      <c r="LEW726" s="423" t="s">
        <v>2795</v>
      </c>
      <c r="LEX726" s="424"/>
      <c r="LEY726" s="424"/>
      <c r="LEZ726" s="424"/>
      <c r="LFA726" s="423" t="s">
        <v>2795</v>
      </c>
      <c r="LFB726" s="424"/>
      <c r="LFC726" s="424"/>
      <c r="LFD726" s="424"/>
      <c r="LFE726" s="423" t="s">
        <v>2795</v>
      </c>
      <c r="LFF726" s="424"/>
      <c r="LFG726" s="424"/>
      <c r="LFH726" s="424"/>
      <c r="LFI726" s="423" t="s">
        <v>2795</v>
      </c>
      <c r="LFJ726" s="424"/>
      <c r="LFK726" s="424"/>
      <c r="LFL726" s="424"/>
      <c r="LFM726" s="423" t="s">
        <v>2795</v>
      </c>
      <c r="LFN726" s="424"/>
      <c r="LFO726" s="424"/>
      <c r="LFP726" s="424"/>
      <c r="LFQ726" s="423" t="s">
        <v>2795</v>
      </c>
      <c r="LFR726" s="424"/>
      <c r="LFS726" s="424"/>
      <c r="LFT726" s="424"/>
      <c r="LFU726" s="423" t="s">
        <v>2795</v>
      </c>
      <c r="LFV726" s="424"/>
      <c r="LFW726" s="424"/>
      <c r="LFX726" s="424"/>
      <c r="LFY726" s="423" t="s">
        <v>2795</v>
      </c>
      <c r="LFZ726" s="424"/>
      <c r="LGA726" s="424"/>
      <c r="LGB726" s="424"/>
      <c r="LGC726" s="423" t="s">
        <v>2795</v>
      </c>
      <c r="LGD726" s="424"/>
      <c r="LGE726" s="424"/>
      <c r="LGF726" s="424"/>
      <c r="LGG726" s="423" t="s">
        <v>2795</v>
      </c>
      <c r="LGH726" s="424"/>
      <c r="LGI726" s="424"/>
      <c r="LGJ726" s="424"/>
      <c r="LGK726" s="423" t="s">
        <v>2795</v>
      </c>
      <c r="LGL726" s="424"/>
      <c r="LGM726" s="424"/>
      <c r="LGN726" s="424"/>
      <c r="LGO726" s="423" t="s">
        <v>2795</v>
      </c>
      <c r="LGP726" s="424"/>
      <c r="LGQ726" s="424"/>
      <c r="LGR726" s="424"/>
      <c r="LGS726" s="423" t="s">
        <v>2795</v>
      </c>
      <c r="LGT726" s="424"/>
      <c r="LGU726" s="424"/>
      <c r="LGV726" s="424"/>
      <c r="LGW726" s="423" t="s">
        <v>2795</v>
      </c>
      <c r="LGX726" s="424"/>
      <c r="LGY726" s="424"/>
      <c r="LGZ726" s="424"/>
      <c r="LHA726" s="423" t="s">
        <v>2795</v>
      </c>
      <c r="LHB726" s="424"/>
      <c r="LHC726" s="424"/>
      <c r="LHD726" s="424"/>
      <c r="LHE726" s="423" t="s">
        <v>2795</v>
      </c>
      <c r="LHF726" s="424"/>
      <c r="LHG726" s="424"/>
      <c r="LHH726" s="424"/>
      <c r="LHI726" s="423" t="s">
        <v>2795</v>
      </c>
      <c r="LHJ726" s="424"/>
      <c r="LHK726" s="424"/>
      <c r="LHL726" s="424"/>
      <c r="LHM726" s="423" t="s">
        <v>2795</v>
      </c>
      <c r="LHN726" s="424"/>
      <c r="LHO726" s="424"/>
      <c r="LHP726" s="424"/>
      <c r="LHQ726" s="423" t="s">
        <v>2795</v>
      </c>
      <c r="LHR726" s="424"/>
      <c r="LHS726" s="424"/>
      <c r="LHT726" s="424"/>
      <c r="LHU726" s="423" t="s">
        <v>2795</v>
      </c>
      <c r="LHV726" s="424"/>
      <c r="LHW726" s="424"/>
      <c r="LHX726" s="424"/>
      <c r="LHY726" s="423" t="s">
        <v>2795</v>
      </c>
      <c r="LHZ726" s="424"/>
      <c r="LIA726" s="424"/>
      <c r="LIB726" s="424"/>
      <c r="LIC726" s="423" t="s">
        <v>2795</v>
      </c>
      <c r="LID726" s="424"/>
      <c r="LIE726" s="424"/>
      <c r="LIF726" s="424"/>
      <c r="LIG726" s="423" t="s">
        <v>2795</v>
      </c>
      <c r="LIH726" s="424"/>
      <c r="LII726" s="424"/>
      <c r="LIJ726" s="424"/>
      <c r="LIK726" s="423" t="s">
        <v>2795</v>
      </c>
      <c r="LIL726" s="424"/>
      <c r="LIM726" s="424"/>
      <c r="LIN726" s="424"/>
      <c r="LIO726" s="423" t="s">
        <v>2795</v>
      </c>
      <c r="LIP726" s="424"/>
      <c r="LIQ726" s="424"/>
      <c r="LIR726" s="424"/>
      <c r="LIS726" s="423" t="s">
        <v>2795</v>
      </c>
      <c r="LIT726" s="424"/>
      <c r="LIU726" s="424"/>
      <c r="LIV726" s="424"/>
      <c r="LIW726" s="423" t="s">
        <v>2795</v>
      </c>
      <c r="LIX726" s="424"/>
      <c r="LIY726" s="424"/>
      <c r="LIZ726" s="424"/>
      <c r="LJA726" s="423" t="s">
        <v>2795</v>
      </c>
      <c r="LJB726" s="424"/>
      <c r="LJC726" s="424"/>
      <c r="LJD726" s="424"/>
      <c r="LJE726" s="423" t="s">
        <v>2795</v>
      </c>
      <c r="LJF726" s="424"/>
      <c r="LJG726" s="424"/>
      <c r="LJH726" s="424"/>
      <c r="LJI726" s="423" t="s">
        <v>2795</v>
      </c>
      <c r="LJJ726" s="424"/>
      <c r="LJK726" s="424"/>
      <c r="LJL726" s="424"/>
      <c r="LJM726" s="423" t="s">
        <v>2795</v>
      </c>
      <c r="LJN726" s="424"/>
      <c r="LJO726" s="424"/>
      <c r="LJP726" s="424"/>
      <c r="LJQ726" s="423" t="s">
        <v>2795</v>
      </c>
      <c r="LJR726" s="424"/>
      <c r="LJS726" s="424"/>
      <c r="LJT726" s="424"/>
      <c r="LJU726" s="423" t="s">
        <v>2795</v>
      </c>
      <c r="LJV726" s="424"/>
      <c r="LJW726" s="424"/>
      <c r="LJX726" s="424"/>
      <c r="LJY726" s="423" t="s">
        <v>2795</v>
      </c>
      <c r="LJZ726" s="424"/>
      <c r="LKA726" s="424"/>
      <c r="LKB726" s="424"/>
      <c r="LKC726" s="423" t="s">
        <v>2795</v>
      </c>
      <c r="LKD726" s="424"/>
      <c r="LKE726" s="424"/>
      <c r="LKF726" s="424"/>
      <c r="LKG726" s="423" t="s">
        <v>2795</v>
      </c>
      <c r="LKH726" s="424"/>
      <c r="LKI726" s="424"/>
      <c r="LKJ726" s="424"/>
      <c r="LKK726" s="423" t="s">
        <v>2795</v>
      </c>
      <c r="LKL726" s="424"/>
      <c r="LKM726" s="424"/>
      <c r="LKN726" s="424"/>
      <c r="LKO726" s="423" t="s">
        <v>2795</v>
      </c>
      <c r="LKP726" s="424"/>
      <c r="LKQ726" s="424"/>
      <c r="LKR726" s="424"/>
      <c r="LKS726" s="423" t="s">
        <v>2795</v>
      </c>
      <c r="LKT726" s="424"/>
      <c r="LKU726" s="424"/>
      <c r="LKV726" s="424"/>
      <c r="LKW726" s="423" t="s">
        <v>2795</v>
      </c>
      <c r="LKX726" s="424"/>
      <c r="LKY726" s="424"/>
      <c r="LKZ726" s="424"/>
      <c r="LLA726" s="423" t="s">
        <v>2795</v>
      </c>
      <c r="LLB726" s="424"/>
      <c r="LLC726" s="424"/>
      <c r="LLD726" s="424"/>
      <c r="LLE726" s="423" t="s">
        <v>2795</v>
      </c>
      <c r="LLF726" s="424"/>
      <c r="LLG726" s="424"/>
      <c r="LLH726" s="424"/>
      <c r="LLI726" s="423" t="s">
        <v>2795</v>
      </c>
      <c r="LLJ726" s="424"/>
      <c r="LLK726" s="424"/>
      <c r="LLL726" s="424"/>
      <c r="LLM726" s="423" t="s">
        <v>2795</v>
      </c>
      <c r="LLN726" s="424"/>
      <c r="LLO726" s="424"/>
      <c r="LLP726" s="424"/>
      <c r="LLQ726" s="423" t="s">
        <v>2795</v>
      </c>
      <c r="LLR726" s="424"/>
      <c r="LLS726" s="424"/>
      <c r="LLT726" s="424"/>
      <c r="LLU726" s="423" t="s">
        <v>2795</v>
      </c>
      <c r="LLV726" s="424"/>
      <c r="LLW726" s="424"/>
      <c r="LLX726" s="424"/>
      <c r="LLY726" s="423" t="s">
        <v>2795</v>
      </c>
      <c r="LLZ726" s="424"/>
      <c r="LMA726" s="424"/>
      <c r="LMB726" s="424"/>
      <c r="LMC726" s="423" t="s">
        <v>2795</v>
      </c>
      <c r="LMD726" s="424"/>
      <c r="LME726" s="424"/>
      <c r="LMF726" s="424"/>
      <c r="LMG726" s="423" t="s">
        <v>2795</v>
      </c>
      <c r="LMH726" s="424"/>
      <c r="LMI726" s="424"/>
      <c r="LMJ726" s="424"/>
      <c r="LMK726" s="423" t="s">
        <v>2795</v>
      </c>
      <c r="LML726" s="424"/>
      <c r="LMM726" s="424"/>
      <c r="LMN726" s="424"/>
      <c r="LMO726" s="423" t="s">
        <v>2795</v>
      </c>
      <c r="LMP726" s="424"/>
      <c r="LMQ726" s="424"/>
      <c r="LMR726" s="424"/>
      <c r="LMS726" s="423" t="s">
        <v>2795</v>
      </c>
      <c r="LMT726" s="424"/>
      <c r="LMU726" s="424"/>
      <c r="LMV726" s="424"/>
      <c r="LMW726" s="423" t="s">
        <v>2795</v>
      </c>
      <c r="LMX726" s="424"/>
      <c r="LMY726" s="424"/>
      <c r="LMZ726" s="424"/>
      <c r="LNA726" s="423" t="s">
        <v>2795</v>
      </c>
      <c r="LNB726" s="424"/>
      <c r="LNC726" s="424"/>
      <c r="LND726" s="424"/>
      <c r="LNE726" s="423" t="s">
        <v>2795</v>
      </c>
      <c r="LNF726" s="424"/>
      <c r="LNG726" s="424"/>
      <c r="LNH726" s="424"/>
      <c r="LNI726" s="423" t="s">
        <v>2795</v>
      </c>
      <c r="LNJ726" s="424"/>
      <c r="LNK726" s="424"/>
      <c r="LNL726" s="424"/>
      <c r="LNM726" s="423" t="s">
        <v>2795</v>
      </c>
      <c r="LNN726" s="424"/>
      <c r="LNO726" s="424"/>
      <c r="LNP726" s="424"/>
      <c r="LNQ726" s="423" t="s">
        <v>2795</v>
      </c>
      <c r="LNR726" s="424"/>
      <c r="LNS726" s="424"/>
      <c r="LNT726" s="424"/>
      <c r="LNU726" s="423" t="s">
        <v>2795</v>
      </c>
      <c r="LNV726" s="424"/>
      <c r="LNW726" s="424"/>
      <c r="LNX726" s="424"/>
      <c r="LNY726" s="423" t="s">
        <v>2795</v>
      </c>
      <c r="LNZ726" s="424"/>
      <c r="LOA726" s="424"/>
      <c r="LOB726" s="424"/>
      <c r="LOC726" s="423" t="s">
        <v>2795</v>
      </c>
      <c r="LOD726" s="424"/>
      <c r="LOE726" s="424"/>
      <c r="LOF726" s="424"/>
      <c r="LOG726" s="423" t="s">
        <v>2795</v>
      </c>
      <c r="LOH726" s="424"/>
      <c r="LOI726" s="424"/>
      <c r="LOJ726" s="424"/>
      <c r="LOK726" s="423" t="s">
        <v>2795</v>
      </c>
      <c r="LOL726" s="424"/>
      <c r="LOM726" s="424"/>
      <c r="LON726" s="424"/>
      <c r="LOO726" s="423" t="s">
        <v>2795</v>
      </c>
      <c r="LOP726" s="424"/>
      <c r="LOQ726" s="424"/>
      <c r="LOR726" s="424"/>
      <c r="LOS726" s="423" t="s">
        <v>2795</v>
      </c>
      <c r="LOT726" s="424"/>
      <c r="LOU726" s="424"/>
      <c r="LOV726" s="424"/>
      <c r="LOW726" s="423" t="s">
        <v>2795</v>
      </c>
      <c r="LOX726" s="424"/>
      <c r="LOY726" s="424"/>
      <c r="LOZ726" s="424"/>
      <c r="LPA726" s="423" t="s">
        <v>2795</v>
      </c>
      <c r="LPB726" s="424"/>
      <c r="LPC726" s="424"/>
      <c r="LPD726" s="424"/>
      <c r="LPE726" s="423" t="s">
        <v>2795</v>
      </c>
      <c r="LPF726" s="424"/>
      <c r="LPG726" s="424"/>
      <c r="LPH726" s="424"/>
      <c r="LPI726" s="423" t="s">
        <v>2795</v>
      </c>
      <c r="LPJ726" s="424"/>
      <c r="LPK726" s="424"/>
      <c r="LPL726" s="424"/>
      <c r="LPM726" s="423" t="s">
        <v>2795</v>
      </c>
      <c r="LPN726" s="424"/>
      <c r="LPO726" s="424"/>
      <c r="LPP726" s="424"/>
      <c r="LPQ726" s="423" t="s">
        <v>2795</v>
      </c>
      <c r="LPR726" s="424"/>
      <c r="LPS726" s="424"/>
      <c r="LPT726" s="424"/>
      <c r="LPU726" s="423" t="s">
        <v>2795</v>
      </c>
      <c r="LPV726" s="424"/>
      <c r="LPW726" s="424"/>
      <c r="LPX726" s="424"/>
      <c r="LPY726" s="423" t="s">
        <v>2795</v>
      </c>
      <c r="LPZ726" s="424"/>
      <c r="LQA726" s="424"/>
      <c r="LQB726" s="424"/>
      <c r="LQC726" s="423" t="s">
        <v>2795</v>
      </c>
      <c r="LQD726" s="424"/>
      <c r="LQE726" s="424"/>
      <c r="LQF726" s="424"/>
      <c r="LQG726" s="423" t="s">
        <v>2795</v>
      </c>
      <c r="LQH726" s="424"/>
      <c r="LQI726" s="424"/>
      <c r="LQJ726" s="424"/>
      <c r="LQK726" s="423" t="s">
        <v>2795</v>
      </c>
      <c r="LQL726" s="424"/>
      <c r="LQM726" s="424"/>
      <c r="LQN726" s="424"/>
      <c r="LQO726" s="423" t="s">
        <v>2795</v>
      </c>
      <c r="LQP726" s="424"/>
      <c r="LQQ726" s="424"/>
      <c r="LQR726" s="424"/>
      <c r="LQS726" s="423" t="s">
        <v>2795</v>
      </c>
      <c r="LQT726" s="424"/>
      <c r="LQU726" s="424"/>
      <c r="LQV726" s="424"/>
      <c r="LQW726" s="423" t="s">
        <v>2795</v>
      </c>
      <c r="LQX726" s="424"/>
      <c r="LQY726" s="424"/>
      <c r="LQZ726" s="424"/>
      <c r="LRA726" s="423" t="s">
        <v>2795</v>
      </c>
      <c r="LRB726" s="424"/>
      <c r="LRC726" s="424"/>
      <c r="LRD726" s="424"/>
      <c r="LRE726" s="423" t="s">
        <v>2795</v>
      </c>
      <c r="LRF726" s="424"/>
      <c r="LRG726" s="424"/>
      <c r="LRH726" s="424"/>
      <c r="LRI726" s="423" t="s">
        <v>2795</v>
      </c>
      <c r="LRJ726" s="424"/>
      <c r="LRK726" s="424"/>
      <c r="LRL726" s="424"/>
      <c r="LRM726" s="423" t="s">
        <v>2795</v>
      </c>
      <c r="LRN726" s="424"/>
      <c r="LRO726" s="424"/>
      <c r="LRP726" s="424"/>
      <c r="LRQ726" s="423" t="s">
        <v>2795</v>
      </c>
      <c r="LRR726" s="424"/>
      <c r="LRS726" s="424"/>
      <c r="LRT726" s="424"/>
      <c r="LRU726" s="423" t="s">
        <v>2795</v>
      </c>
      <c r="LRV726" s="424"/>
      <c r="LRW726" s="424"/>
      <c r="LRX726" s="424"/>
      <c r="LRY726" s="423" t="s">
        <v>2795</v>
      </c>
      <c r="LRZ726" s="424"/>
      <c r="LSA726" s="424"/>
      <c r="LSB726" s="424"/>
      <c r="LSC726" s="423" t="s">
        <v>2795</v>
      </c>
      <c r="LSD726" s="424"/>
      <c r="LSE726" s="424"/>
      <c r="LSF726" s="424"/>
      <c r="LSG726" s="423" t="s">
        <v>2795</v>
      </c>
      <c r="LSH726" s="424"/>
      <c r="LSI726" s="424"/>
      <c r="LSJ726" s="424"/>
      <c r="LSK726" s="423" t="s">
        <v>2795</v>
      </c>
      <c r="LSL726" s="424"/>
      <c r="LSM726" s="424"/>
      <c r="LSN726" s="424"/>
      <c r="LSO726" s="423" t="s">
        <v>2795</v>
      </c>
      <c r="LSP726" s="424"/>
      <c r="LSQ726" s="424"/>
      <c r="LSR726" s="424"/>
      <c r="LSS726" s="423" t="s">
        <v>2795</v>
      </c>
      <c r="LST726" s="424"/>
      <c r="LSU726" s="424"/>
      <c r="LSV726" s="424"/>
      <c r="LSW726" s="423" t="s">
        <v>2795</v>
      </c>
      <c r="LSX726" s="424"/>
      <c r="LSY726" s="424"/>
      <c r="LSZ726" s="424"/>
      <c r="LTA726" s="423" t="s">
        <v>2795</v>
      </c>
      <c r="LTB726" s="424"/>
      <c r="LTC726" s="424"/>
      <c r="LTD726" s="424"/>
      <c r="LTE726" s="423" t="s">
        <v>2795</v>
      </c>
      <c r="LTF726" s="424"/>
      <c r="LTG726" s="424"/>
      <c r="LTH726" s="424"/>
      <c r="LTI726" s="423" t="s">
        <v>2795</v>
      </c>
      <c r="LTJ726" s="424"/>
      <c r="LTK726" s="424"/>
      <c r="LTL726" s="424"/>
      <c r="LTM726" s="423" t="s">
        <v>2795</v>
      </c>
      <c r="LTN726" s="424"/>
      <c r="LTO726" s="424"/>
      <c r="LTP726" s="424"/>
      <c r="LTQ726" s="423" t="s">
        <v>2795</v>
      </c>
      <c r="LTR726" s="424"/>
      <c r="LTS726" s="424"/>
      <c r="LTT726" s="424"/>
      <c r="LTU726" s="423" t="s">
        <v>2795</v>
      </c>
      <c r="LTV726" s="424"/>
      <c r="LTW726" s="424"/>
      <c r="LTX726" s="424"/>
      <c r="LTY726" s="423" t="s">
        <v>2795</v>
      </c>
      <c r="LTZ726" s="424"/>
      <c r="LUA726" s="424"/>
      <c r="LUB726" s="424"/>
      <c r="LUC726" s="423" t="s">
        <v>2795</v>
      </c>
      <c r="LUD726" s="424"/>
      <c r="LUE726" s="424"/>
      <c r="LUF726" s="424"/>
      <c r="LUG726" s="423" t="s">
        <v>2795</v>
      </c>
      <c r="LUH726" s="424"/>
      <c r="LUI726" s="424"/>
      <c r="LUJ726" s="424"/>
      <c r="LUK726" s="423" t="s">
        <v>2795</v>
      </c>
      <c r="LUL726" s="424"/>
      <c r="LUM726" s="424"/>
      <c r="LUN726" s="424"/>
      <c r="LUO726" s="423" t="s">
        <v>2795</v>
      </c>
      <c r="LUP726" s="424"/>
      <c r="LUQ726" s="424"/>
      <c r="LUR726" s="424"/>
      <c r="LUS726" s="423" t="s">
        <v>2795</v>
      </c>
      <c r="LUT726" s="424"/>
      <c r="LUU726" s="424"/>
      <c r="LUV726" s="424"/>
      <c r="LUW726" s="423" t="s">
        <v>2795</v>
      </c>
      <c r="LUX726" s="424"/>
      <c r="LUY726" s="424"/>
      <c r="LUZ726" s="424"/>
      <c r="LVA726" s="423" t="s">
        <v>2795</v>
      </c>
      <c r="LVB726" s="424"/>
      <c r="LVC726" s="424"/>
      <c r="LVD726" s="424"/>
      <c r="LVE726" s="423" t="s">
        <v>2795</v>
      </c>
      <c r="LVF726" s="424"/>
      <c r="LVG726" s="424"/>
      <c r="LVH726" s="424"/>
      <c r="LVI726" s="423" t="s">
        <v>2795</v>
      </c>
      <c r="LVJ726" s="424"/>
      <c r="LVK726" s="424"/>
      <c r="LVL726" s="424"/>
      <c r="LVM726" s="423" t="s">
        <v>2795</v>
      </c>
      <c r="LVN726" s="424"/>
      <c r="LVO726" s="424"/>
      <c r="LVP726" s="424"/>
      <c r="LVQ726" s="423" t="s">
        <v>2795</v>
      </c>
      <c r="LVR726" s="424"/>
      <c r="LVS726" s="424"/>
      <c r="LVT726" s="424"/>
      <c r="LVU726" s="423" t="s">
        <v>2795</v>
      </c>
      <c r="LVV726" s="424"/>
      <c r="LVW726" s="424"/>
      <c r="LVX726" s="424"/>
      <c r="LVY726" s="423" t="s">
        <v>2795</v>
      </c>
      <c r="LVZ726" s="424"/>
      <c r="LWA726" s="424"/>
      <c r="LWB726" s="424"/>
      <c r="LWC726" s="423" t="s">
        <v>2795</v>
      </c>
      <c r="LWD726" s="424"/>
      <c r="LWE726" s="424"/>
      <c r="LWF726" s="424"/>
      <c r="LWG726" s="423" t="s">
        <v>2795</v>
      </c>
      <c r="LWH726" s="424"/>
      <c r="LWI726" s="424"/>
      <c r="LWJ726" s="424"/>
      <c r="LWK726" s="423" t="s">
        <v>2795</v>
      </c>
      <c r="LWL726" s="424"/>
      <c r="LWM726" s="424"/>
      <c r="LWN726" s="424"/>
      <c r="LWO726" s="423" t="s">
        <v>2795</v>
      </c>
      <c r="LWP726" s="424"/>
      <c r="LWQ726" s="424"/>
      <c r="LWR726" s="424"/>
      <c r="LWS726" s="423" t="s">
        <v>2795</v>
      </c>
      <c r="LWT726" s="424"/>
      <c r="LWU726" s="424"/>
      <c r="LWV726" s="424"/>
      <c r="LWW726" s="423" t="s">
        <v>2795</v>
      </c>
      <c r="LWX726" s="424"/>
      <c r="LWY726" s="424"/>
      <c r="LWZ726" s="424"/>
      <c r="LXA726" s="423" t="s">
        <v>2795</v>
      </c>
      <c r="LXB726" s="424"/>
      <c r="LXC726" s="424"/>
      <c r="LXD726" s="424"/>
      <c r="LXE726" s="423" t="s">
        <v>2795</v>
      </c>
      <c r="LXF726" s="424"/>
      <c r="LXG726" s="424"/>
      <c r="LXH726" s="424"/>
      <c r="LXI726" s="423" t="s">
        <v>2795</v>
      </c>
      <c r="LXJ726" s="424"/>
      <c r="LXK726" s="424"/>
      <c r="LXL726" s="424"/>
      <c r="LXM726" s="423" t="s">
        <v>2795</v>
      </c>
      <c r="LXN726" s="424"/>
      <c r="LXO726" s="424"/>
      <c r="LXP726" s="424"/>
      <c r="LXQ726" s="423" t="s">
        <v>2795</v>
      </c>
      <c r="LXR726" s="424"/>
      <c r="LXS726" s="424"/>
      <c r="LXT726" s="424"/>
      <c r="LXU726" s="423" t="s">
        <v>2795</v>
      </c>
      <c r="LXV726" s="424"/>
      <c r="LXW726" s="424"/>
      <c r="LXX726" s="424"/>
      <c r="LXY726" s="423" t="s">
        <v>2795</v>
      </c>
      <c r="LXZ726" s="424"/>
      <c r="LYA726" s="424"/>
      <c r="LYB726" s="424"/>
      <c r="LYC726" s="423" t="s">
        <v>2795</v>
      </c>
      <c r="LYD726" s="424"/>
      <c r="LYE726" s="424"/>
      <c r="LYF726" s="424"/>
      <c r="LYG726" s="423" t="s">
        <v>2795</v>
      </c>
      <c r="LYH726" s="424"/>
      <c r="LYI726" s="424"/>
      <c r="LYJ726" s="424"/>
      <c r="LYK726" s="423" t="s">
        <v>2795</v>
      </c>
      <c r="LYL726" s="424"/>
      <c r="LYM726" s="424"/>
      <c r="LYN726" s="424"/>
      <c r="LYO726" s="423" t="s">
        <v>2795</v>
      </c>
      <c r="LYP726" s="424"/>
      <c r="LYQ726" s="424"/>
      <c r="LYR726" s="424"/>
      <c r="LYS726" s="423" t="s">
        <v>2795</v>
      </c>
      <c r="LYT726" s="424"/>
      <c r="LYU726" s="424"/>
      <c r="LYV726" s="424"/>
      <c r="LYW726" s="423" t="s">
        <v>2795</v>
      </c>
      <c r="LYX726" s="424"/>
      <c r="LYY726" s="424"/>
      <c r="LYZ726" s="424"/>
      <c r="LZA726" s="423" t="s">
        <v>2795</v>
      </c>
      <c r="LZB726" s="424"/>
      <c r="LZC726" s="424"/>
      <c r="LZD726" s="424"/>
      <c r="LZE726" s="423" t="s">
        <v>2795</v>
      </c>
      <c r="LZF726" s="424"/>
      <c r="LZG726" s="424"/>
      <c r="LZH726" s="424"/>
      <c r="LZI726" s="423" t="s">
        <v>2795</v>
      </c>
      <c r="LZJ726" s="424"/>
      <c r="LZK726" s="424"/>
      <c r="LZL726" s="424"/>
      <c r="LZM726" s="423" t="s">
        <v>2795</v>
      </c>
      <c r="LZN726" s="424"/>
      <c r="LZO726" s="424"/>
      <c r="LZP726" s="424"/>
      <c r="LZQ726" s="423" t="s">
        <v>2795</v>
      </c>
      <c r="LZR726" s="424"/>
      <c r="LZS726" s="424"/>
      <c r="LZT726" s="424"/>
      <c r="LZU726" s="423" t="s">
        <v>2795</v>
      </c>
      <c r="LZV726" s="424"/>
      <c r="LZW726" s="424"/>
      <c r="LZX726" s="424"/>
      <c r="LZY726" s="423" t="s">
        <v>2795</v>
      </c>
      <c r="LZZ726" s="424"/>
      <c r="MAA726" s="424"/>
      <c r="MAB726" s="424"/>
      <c r="MAC726" s="423" t="s">
        <v>2795</v>
      </c>
      <c r="MAD726" s="424"/>
      <c r="MAE726" s="424"/>
      <c r="MAF726" s="424"/>
      <c r="MAG726" s="423" t="s">
        <v>2795</v>
      </c>
      <c r="MAH726" s="424"/>
      <c r="MAI726" s="424"/>
      <c r="MAJ726" s="424"/>
      <c r="MAK726" s="423" t="s">
        <v>2795</v>
      </c>
      <c r="MAL726" s="424"/>
      <c r="MAM726" s="424"/>
      <c r="MAN726" s="424"/>
      <c r="MAO726" s="423" t="s">
        <v>2795</v>
      </c>
      <c r="MAP726" s="424"/>
      <c r="MAQ726" s="424"/>
      <c r="MAR726" s="424"/>
      <c r="MAS726" s="423" t="s">
        <v>2795</v>
      </c>
      <c r="MAT726" s="424"/>
      <c r="MAU726" s="424"/>
      <c r="MAV726" s="424"/>
      <c r="MAW726" s="423" t="s">
        <v>2795</v>
      </c>
      <c r="MAX726" s="424"/>
      <c r="MAY726" s="424"/>
      <c r="MAZ726" s="424"/>
      <c r="MBA726" s="423" t="s">
        <v>2795</v>
      </c>
      <c r="MBB726" s="424"/>
      <c r="MBC726" s="424"/>
      <c r="MBD726" s="424"/>
      <c r="MBE726" s="423" t="s">
        <v>2795</v>
      </c>
      <c r="MBF726" s="424"/>
      <c r="MBG726" s="424"/>
      <c r="MBH726" s="424"/>
      <c r="MBI726" s="423" t="s">
        <v>2795</v>
      </c>
      <c r="MBJ726" s="424"/>
      <c r="MBK726" s="424"/>
      <c r="MBL726" s="424"/>
      <c r="MBM726" s="423" t="s">
        <v>2795</v>
      </c>
      <c r="MBN726" s="424"/>
      <c r="MBO726" s="424"/>
      <c r="MBP726" s="424"/>
      <c r="MBQ726" s="423" t="s">
        <v>2795</v>
      </c>
      <c r="MBR726" s="424"/>
      <c r="MBS726" s="424"/>
      <c r="MBT726" s="424"/>
      <c r="MBU726" s="423" t="s">
        <v>2795</v>
      </c>
      <c r="MBV726" s="424"/>
      <c r="MBW726" s="424"/>
      <c r="MBX726" s="424"/>
      <c r="MBY726" s="423" t="s">
        <v>2795</v>
      </c>
      <c r="MBZ726" s="424"/>
      <c r="MCA726" s="424"/>
      <c r="MCB726" s="424"/>
      <c r="MCC726" s="423" t="s">
        <v>2795</v>
      </c>
      <c r="MCD726" s="424"/>
      <c r="MCE726" s="424"/>
      <c r="MCF726" s="424"/>
      <c r="MCG726" s="423" t="s">
        <v>2795</v>
      </c>
      <c r="MCH726" s="424"/>
      <c r="MCI726" s="424"/>
      <c r="MCJ726" s="424"/>
      <c r="MCK726" s="423" t="s">
        <v>2795</v>
      </c>
      <c r="MCL726" s="424"/>
      <c r="MCM726" s="424"/>
      <c r="MCN726" s="424"/>
      <c r="MCO726" s="423" t="s">
        <v>2795</v>
      </c>
      <c r="MCP726" s="424"/>
      <c r="MCQ726" s="424"/>
      <c r="MCR726" s="424"/>
      <c r="MCS726" s="423" t="s">
        <v>2795</v>
      </c>
      <c r="MCT726" s="424"/>
      <c r="MCU726" s="424"/>
      <c r="MCV726" s="424"/>
      <c r="MCW726" s="423" t="s">
        <v>2795</v>
      </c>
      <c r="MCX726" s="424"/>
      <c r="MCY726" s="424"/>
      <c r="MCZ726" s="424"/>
      <c r="MDA726" s="423" t="s">
        <v>2795</v>
      </c>
      <c r="MDB726" s="424"/>
      <c r="MDC726" s="424"/>
      <c r="MDD726" s="424"/>
      <c r="MDE726" s="423" t="s">
        <v>2795</v>
      </c>
      <c r="MDF726" s="424"/>
      <c r="MDG726" s="424"/>
      <c r="MDH726" s="424"/>
      <c r="MDI726" s="423" t="s">
        <v>2795</v>
      </c>
      <c r="MDJ726" s="424"/>
      <c r="MDK726" s="424"/>
      <c r="MDL726" s="424"/>
      <c r="MDM726" s="423" t="s">
        <v>2795</v>
      </c>
      <c r="MDN726" s="424"/>
      <c r="MDO726" s="424"/>
      <c r="MDP726" s="424"/>
      <c r="MDQ726" s="423" t="s">
        <v>2795</v>
      </c>
      <c r="MDR726" s="424"/>
      <c r="MDS726" s="424"/>
      <c r="MDT726" s="424"/>
      <c r="MDU726" s="423" t="s">
        <v>2795</v>
      </c>
      <c r="MDV726" s="424"/>
      <c r="MDW726" s="424"/>
      <c r="MDX726" s="424"/>
      <c r="MDY726" s="423" t="s">
        <v>2795</v>
      </c>
      <c r="MDZ726" s="424"/>
      <c r="MEA726" s="424"/>
      <c r="MEB726" s="424"/>
      <c r="MEC726" s="423" t="s">
        <v>2795</v>
      </c>
      <c r="MED726" s="424"/>
      <c r="MEE726" s="424"/>
      <c r="MEF726" s="424"/>
      <c r="MEG726" s="423" t="s">
        <v>2795</v>
      </c>
      <c r="MEH726" s="424"/>
      <c r="MEI726" s="424"/>
      <c r="MEJ726" s="424"/>
      <c r="MEK726" s="423" t="s">
        <v>2795</v>
      </c>
      <c r="MEL726" s="424"/>
      <c r="MEM726" s="424"/>
      <c r="MEN726" s="424"/>
      <c r="MEO726" s="423" t="s">
        <v>2795</v>
      </c>
      <c r="MEP726" s="424"/>
      <c r="MEQ726" s="424"/>
      <c r="MER726" s="424"/>
      <c r="MES726" s="423" t="s">
        <v>2795</v>
      </c>
      <c r="MET726" s="424"/>
      <c r="MEU726" s="424"/>
      <c r="MEV726" s="424"/>
      <c r="MEW726" s="423" t="s">
        <v>2795</v>
      </c>
      <c r="MEX726" s="424"/>
      <c r="MEY726" s="424"/>
      <c r="MEZ726" s="424"/>
      <c r="MFA726" s="423" t="s">
        <v>2795</v>
      </c>
      <c r="MFB726" s="424"/>
      <c r="MFC726" s="424"/>
      <c r="MFD726" s="424"/>
      <c r="MFE726" s="423" t="s">
        <v>2795</v>
      </c>
      <c r="MFF726" s="424"/>
      <c r="MFG726" s="424"/>
      <c r="MFH726" s="424"/>
      <c r="MFI726" s="423" t="s">
        <v>2795</v>
      </c>
      <c r="MFJ726" s="424"/>
      <c r="MFK726" s="424"/>
      <c r="MFL726" s="424"/>
      <c r="MFM726" s="423" t="s">
        <v>2795</v>
      </c>
      <c r="MFN726" s="424"/>
      <c r="MFO726" s="424"/>
      <c r="MFP726" s="424"/>
      <c r="MFQ726" s="423" t="s">
        <v>2795</v>
      </c>
      <c r="MFR726" s="424"/>
      <c r="MFS726" s="424"/>
      <c r="MFT726" s="424"/>
      <c r="MFU726" s="423" t="s">
        <v>2795</v>
      </c>
      <c r="MFV726" s="424"/>
      <c r="MFW726" s="424"/>
      <c r="MFX726" s="424"/>
      <c r="MFY726" s="423" t="s">
        <v>2795</v>
      </c>
      <c r="MFZ726" s="424"/>
      <c r="MGA726" s="424"/>
      <c r="MGB726" s="424"/>
      <c r="MGC726" s="423" t="s">
        <v>2795</v>
      </c>
      <c r="MGD726" s="424"/>
      <c r="MGE726" s="424"/>
      <c r="MGF726" s="424"/>
      <c r="MGG726" s="423" t="s">
        <v>2795</v>
      </c>
      <c r="MGH726" s="424"/>
      <c r="MGI726" s="424"/>
      <c r="MGJ726" s="424"/>
      <c r="MGK726" s="423" t="s">
        <v>2795</v>
      </c>
      <c r="MGL726" s="424"/>
      <c r="MGM726" s="424"/>
      <c r="MGN726" s="424"/>
      <c r="MGO726" s="423" t="s">
        <v>2795</v>
      </c>
      <c r="MGP726" s="424"/>
      <c r="MGQ726" s="424"/>
      <c r="MGR726" s="424"/>
      <c r="MGS726" s="423" t="s">
        <v>2795</v>
      </c>
      <c r="MGT726" s="424"/>
      <c r="MGU726" s="424"/>
      <c r="MGV726" s="424"/>
      <c r="MGW726" s="423" t="s">
        <v>2795</v>
      </c>
      <c r="MGX726" s="424"/>
      <c r="MGY726" s="424"/>
      <c r="MGZ726" s="424"/>
      <c r="MHA726" s="423" t="s">
        <v>2795</v>
      </c>
      <c r="MHB726" s="424"/>
      <c r="MHC726" s="424"/>
      <c r="MHD726" s="424"/>
      <c r="MHE726" s="423" t="s">
        <v>2795</v>
      </c>
      <c r="MHF726" s="424"/>
      <c r="MHG726" s="424"/>
      <c r="MHH726" s="424"/>
      <c r="MHI726" s="423" t="s">
        <v>2795</v>
      </c>
      <c r="MHJ726" s="424"/>
      <c r="MHK726" s="424"/>
      <c r="MHL726" s="424"/>
      <c r="MHM726" s="423" t="s">
        <v>2795</v>
      </c>
      <c r="MHN726" s="424"/>
      <c r="MHO726" s="424"/>
      <c r="MHP726" s="424"/>
      <c r="MHQ726" s="423" t="s">
        <v>2795</v>
      </c>
      <c r="MHR726" s="424"/>
      <c r="MHS726" s="424"/>
      <c r="MHT726" s="424"/>
      <c r="MHU726" s="423" t="s">
        <v>2795</v>
      </c>
      <c r="MHV726" s="424"/>
      <c r="MHW726" s="424"/>
      <c r="MHX726" s="424"/>
      <c r="MHY726" s="423" t="s">
        <v>2795</v>
      </c>
      <c r="MHZ726" s="424"/>
      <c r="MIA726" s="424"/>
      <c r="MIB726" s="424"/>
      <c r="MIC726" s="423" t="s">
        <v>2795</v>
      </c>
      <c r="MID726" s="424"/>
      <c r="MIE726" s="424"/>
      <c r="MIF726" s="424"/>
      <c r="MIG726" s="423" t="s">
        <v>2795</v>
      </c>
      <c r="MIH726" s="424"/>
      <c r="MII726" s="424"/>
      <c r="MIJ726" s="424"/>
      <c r="MIK726" s="423" t="s">
        <v>2795</v>
      </c>
      <c r="MIL726" s="424"/>
      <c r="MIM726" s="424"/>
      <c r="MIN726" s="424"/>
      <c r="MIO726" s="423" t="s">
        <v>2795</v>
      </c>
      <c r="MIP726" s="424"/>
      <c r="MIQ726" s="424"/>
      <c r="MIR726" s="424"/>
      <c r="MIS726" s="423" t="s">
        <v>2795</v>
      </c>
      <c r="MIT726" s="424"/>
      <c r="MIU726" s="424"/>
      <c r="MIV726" s="424"/>
      <c r="MIW726" s="423" t="s">
        <v>2795</v>
      </c>
      <c r="MIX726" s="424"/>
      <c r="MIY726" s="424"/>
      <c r="MIZ726" s="424"/>
      <c r="MJA726" s="423" t="s">
        <v>2795</v>
      </c>
      <c r="MJB726" s="424"/>
      <c r="MJC726" s="424"/>
      <c r="MJD726" s="424"/>
      <c r="MJE726" s="423" t="s">
        <v>2795</v>
      </c>
      <c r="MJF726" s="424"/>
      <c r="MJG726" s="424"/>
      <c r="MJH726" s="424"/>
      <c r="MJI726" s="423" t="s">
        <v>2795</v>
      </c>
      <c r="MJJ726" s="424"/>
      <c r="MJK726" s="424"/>
      <c r="MJL726" s="424"/>
      <c r="MJM726" s="423" t="s">
        <v>2795</v>
      </c>
      <c r="MJN726" s="424"/>
      <c r="MJO726" s="424"/>
      <c r="MJP726" s="424"/>
      <c r="MJQ726" s="423" t="s">
        <v>2795</v>
      </c>
      <c r="MJR726" s="424"/>
      <c r="MJS726" s="424"/>
      <c r="MJT726" s="424"/>
      <c r="MJU726" s="423" t="s">
        <v>2795</v>
      </c>
      <c r="MJV726" s="424"/>
      <c r="MJW726" s="424"/>
      <c r="MJX726" s="424"/>
      <c r="MJY726" s="423" t="s">
        <v>2795</v>
      </c>
      <c r="MJZ726" s="424"/>
      <c r="MKA726" s="424"/>
      <c r="MKB726" s="424"/>
      <c r="MKC726" s="423" t="s">
        <v>2795</v>
      </c>
      <c r="MKD726" s="424"/>
      <c r="MKE726" s="424"/>
      <c r="MKF726" s="424"/>
      <c r="MKG726" s="423" t="s">
        <v>2795</v>
      </c>
      <c r="MKH726" s="424"/>
      <c r="MKI726" s="424"/>
      <c r="MKJ726" s="424"/>
      <c r="MKK726" s="423" t="s">
        <v>2795</v>
      </c>
      <c r="MKL726" s="424"/>
      <c r="MKM726" s="424"/>
      <c r="MKN726" s="424"/>
      <c r="MKO726" s="423" t="s">
        <v>2795</v>
      </c>
      <c r="MKP726" s="424"/>
      <c r="MKQ726" s="424"/>
      <c r="MKR726" s="424"/>
      <c r="MKS726" s="423" t="s">
        <v>2795</v>
      </c>
      <c r="MKT726" s="424"/>
      <c r="MKU726" s="424"/>
      <c r="MKV726" s="424"/>
      <c r="MKW726" s="423" t="s">
        <v>2795</v>
      </c>
      <c r="MKX726" s="424"/>
      <c r="MKY726" s="424"/>
      <c r="MKZ726" s="424"/>
      <c r="MLA726" s="423" t="s">
        <v>2795</v>
      </c>
      <c r="MLB726" s="424"/>
      <c r="MLC726" s="424"/>
      <c r="MLD726" s="424"/>
      <c r="MLE726" s="423" t="s">
        <v>2795</v>
      </c>
      <c r="MLF726" s="424"/>
      <c r="MLG726" s="424"/>
      <c r="MLH726" s="424"/>
      <c r="MLI726" s="423" t="s">
        <v>2795</v>
      </c>
      <c r="MLJ726" s="424"/>
      <c r="MLK726" s="424"/>
      <c r="MLL726" s="424"/>
      <c r="MLM726" s="423" t="s">
        <v>2795</v>
      </c>
      <c r="MLN726" s="424"/>
      <c r="MLO726" s="424"/>
      <c r="MLP726" s="424"/>
      <c r="MLQ726" s="423" t="s">
        <v>2795</v>
      </c>
      <c r="MLR726" s="424"/>
      <c r="MLS726" s="424"/>
      <c r="MLT726" s="424"/>
      <c r="MLU726" s="423" t="s">
        <v>2795</v>
      </c>
      <c r="MLV726" s="424"/>
      <c r="MLW726" s="424"/>
      <c r="MLX726" s="424"/>
      <c r="MLY726" s="423" t="s">
        <v>2795</v>
      </c>
      <c r="MLZ726" s="424"/>
      <c r="MMA726" s="424"/>
      <c r="MMB726" s="424"/>
      <c r="MMC726" s="423" t="s">
        <v>2795</v>
      </c>
      <c r="MMD726" s="424"/>
      <c r="MME726" s="424"/>
      <c r="MMF726" s="424"/>
      <c r="MMG726" s="423" t="s">
        <v>2795</v>
      </c>
      <c r="MMH726" s="424"/>
      <c r="MMI726" s="424"/>
      <c r="MMJ726" s="424"/>
      <c r="MMK726" s="423" t="s">
        <v>2795</v>
      </c>
      <c r="MML726" s="424"/>
      <c r="MMM726" s="424"/>
      <c r="MMN726" s="424"/>
      <c r="MMO726" s="423" t="s">
        <v>2795</v>
      </c>
      <c r="MMP726" s="424"/>
      <c r="MMQ726" s="424"/>
      <c r="MMR726" s="424"/>
      <c r="MMS726" s="423" t="s">
        <v>2795</v>
      </c>
      <c r="MMT726" s="424"/>
      <c r="MMU726" s="424"/>
      <c r="MMV726" s="424"/>
      <c r="MMW726" s="423" t="s">
        <v>2795</v>
      </c>
      <c r="MMX726" s="424"/>
      <c r="MMY726" s="424"/>
      <c r="MMZ726" s="424"/>
      <c r="MNA726" s="423" t="s">
        <v>2795</v>
      </c>
      <c r="MNB726" s="424"/>
      <c r="MNC726" s="424"/>
      <c r="MND726" s="424"/>
      <c r="MNE726" s="423" t="s">
        <v>2795</v>
      </c>
      <c r="MNF726" s="424"/>
      <c r="MNG726" s="424"/>
      <c r="MNH726" s="424"/>
      <c r="MNI726" s="423" t="s">
        <v>2795</v>
      </c>
      <c r="MNJ726" s="424"/>
      <c r="MNK726" s="424"/>
      <c r="MNL726" s="424"/>
      <c r="MNM726" s="423" t="s">
        <v>2795</v>
      </c>
      <c r="MNN726" s="424"/>
      <c r="MNO726" s="424"/>
      <c r="MNP726" s="424"/>
      <c r="MNQ726" s="423" t="s">
        <v>2795</v>
      </c>
      <c r="MNR726" s="424"/>
      <c r="MNS726" s="424"/>
      <c r="MNT726" s="424"/>
      <c r="MNU726" s="423" t="s">
        <v>2795</v>
      </c>
      <c r="MNV726" s="424"/>
      <c r="MNW726" s="424"/>
      <c r="MNX726" s="424"/>
      <c r="MNY726" s="423" t="s">
        <v>2795</v>
      </c>
      <c r="MNZ726" s="424"/>
      <c r="MOA726" s="424"/>
      <c r="MOB726" s="424"/>
      <c r="MOC726" s="423" t="s">
        <v>2795</v>
      </c>
      <c r="MOD726" s="424"/>
      <c r="MOE726" s="424"/>
      <c r="MOF726" s="424"/>
      <c r="MOG726" s="423" t="s">
        <v>2795</v>
      </c>
      <c r="MOH726" s="424"/>
      <c r="MOI726" s="424"/>
      <c r="MOJ726" s="424"/>
      <c r="MOK726" s="423" t="s">
        <v>2795</v>
      </c>
      <c r="MOL726" s="424"/>
      <c r="MOM726" s="424"/>
      <c r="MON726" s="424"/>
      <c r="MOO726" s="423" t="s">
        <v>2795</v>
      </c>
      <c r="MOP726" s="424"/>
      <c r="MOQ726" s="424"/>
      <c r="MOR726" s="424"/>
      <c r="MOS726" s="423" t="s">
        <v>2795</v>
      </c>
      <c r="MOT726" s="424"/>
      <c r="MOU726" s="424"/>
      <c r="MOV726" s="424"/>
      <c r="MOW726" s="423" t="s">
        <v>2795</v>
      </c>
      <c r="MOX726" s="424"/>
      <c r="MOY726" s="424"/>
      <c r="MOZ726" s="424"/>
      <c r="MPA726" s="423" t="s">
        <v>2795</v>
      </c>
      <c r="MPB726" s="424"/>
      <c r="MPC726" s="424"/>
      <c r="MPD726" s="424"/>
      <c r="MPE726" s="423" t="s">
        <v>2795</v>
      </c>
      <c r="MPF726" s="424"/>
      <c r="MPG726" s="424"/>
      <c r="MPH726" s="424"/>
      <c r="MPI726" s="423" t="s">
        <v>2795</v>
      </c>
      <c r="MPJ726" s="424"/>
      <c r="MPK726" s="424"/>
      <c r="MPL726" s="424"/>
      <c r="MPM726" s="423" t="s">
        <v>2795</v>
      </c>
      <c r="MPN726" s="424"/>
      <c r="MPO726" s="424"/>
      <c r="MPP726" s="424"/>
      <c r="MPQ726" s="423" t="s">
        <v>2795</v>
      </c>
      <c r="MPR726" s="424"/>
      <c r="MPS726" s="424"/>
      <c r="MPT726" s="424"/>
      <c r="MPU726" s="423" t="s">
        <v>2795</v>
      </c>
      <c r="MPV726" s="424"/>
      <c r="MPW726" s="424"/>
      <c r="MPX726" s="424"/>
      <c r="MPY726" s="423" t="s">
        <v>2795</v>
      </c>
      <c r="MPZ726" s="424"/>
      <c r="MQA726" s="424"/>
      <c r="MQB726" s="424"/>
      <c r="MQC726" s="423" t="s">
        <v>2795</v>
      </c>
      <c r="MQD726" s="424"/>
      <c r="MQE726" s="424"/>
      <c r="MQF726" s="424"/>
      <c r="MQG726" s="423" t="s">
        <v>2795</v>
      </c>
      <c r="MQH726" s="424"/>
      <c r="MQI726" s="424"/>
      <c r="MQJ726" s="424"/>
      <c r="MQK726" s="423" t="s">
        <v>2795</v>
      </c>
      <c r="MQL726" s="424"/>
      <c r="MQM726" s="424"/>
      <c r="MQN726" s="424"/>
      <c r="MQO726" s="423" t="s">
        <v>2795</v>
      </c>
      <c r="MQP726" s="424"/>
      <c r="MQQ726" s="424"/>
      <c r="MQR726" s="424"/>
      <c r="MQS726" s="423" t="s">
        <v>2795</v>
      </c>
      <c r="MQT726" s="424"/>
      <c r="MQU726" s="424"/>
      <c r="MQV726" s="424"/>
      <c r="MQW726" s="423" t="s">
        <v>2795</v>
      </c>
      <c r="MQX726" s="424"/>
      <c r="MQY726" s="424"/>
      <c r="MQZ726" s="424"/>
      <c r="MRA726" s="423" t="s">
        <v>2795</v>
      </c>
      <c r="MRB726" s="424"/>
      <c r="MRC726" s="424"/>
      <c r="MRD726" s="424"/>
      <c r="MRE726" s="423" t="s">
        <v>2795</v>
      </c>
      <c r="MRF726" s="424"/>
      <c r="MRG726" s="424"/>
      <c r="MRH726" s="424"/>
      <c r="MRI726" s="423" t="s">
        <v>2795</v>
      </c>
      <c r="MRJ726" s="424"/>
      <c r="MRK726" s="424"/>
      <c r="MRL726" s="424"/>
      <c r="MRM726" s="423" t="s">
        <v>2795</v>
      </c>
      <c r="MRN726" s="424"/>
      <c r="MRO726" s="424"/>
      <c r="MRP726" s="424"/>
      <c r="MRQ726" s="423" t="s">
        <v>2795</v>
      </c>
      <c r="MRR726" s="424"/>
      <c r="MRS726" s="424"/>
      <c r="MRT726" s="424"/>
      <c r="MRU726" s="423" t="s">
        <v>2795</v>
      </c>
      <c r="MRV726" s="424"/>
      <c r="MRW726" s="424"/>
      <c r="MRX726" s="424"/>
      <c r="MRY726" s="423" t="s">
        <v>2795</v>
      </c>
      <c r="MRZ726" s="424"/>
      <c r="MSA726" s="424"/>
      <c r="MSB726" s="424"/>
      <c r="MSC726" s="423" t="s">
        <v>2795</v>
      </c>
      <c r="MSD726" s="424"/>
      <c r="MSE726" s="424"/>
      <c r="MSF726" s="424"/>
      <c r="MSG726" s="423" t="s">
        <v>2795</v>
      </c>
      <c r="MSH726" s="424"/>
      <c r="MSI726" s="424"/>
      <c r="MSJ726" s="424"/>
      <c r="MSK726" s="423" t="s">
        <v>2795</v>
      </c>
      <c r="MSL726" s="424"/>
      <c r="MSM726" s="424"/>
      <c r="MSN726" s="424"/>
      <c r="MSO726" s="423" t="s">
        <v>2795</v>
      </c>
      <c r="MSP726" s="424"/>
      <c r="MSQ726" s="424"/>
      <c r="MSR726" s="424"/>
      <c r="MSS726" s="423" t="s">
        <v>2795</v>
      </c>
      <c r="MST726" s="424"/>
      <c r="MSU726" s="424"/>
      <c r="MSV726" s="424"/>
      <c r="MSW726" s="423" t="s">
        <v>2795</v>
      </c>
      <c r="MSX726" s="424"/>
      <c r="MSY726" s="424"/>
      <c r="MSZ726" s="424"/>
      <c r="MTA726" s="423" t="s">
        <v>2795</v>
      </c>
      <c r="MTB726" s="424"/>
      <c r="MTC726" s="424"/>
      <c r="MTD726" s="424"/>
      <c r="MTE726" s="423" t="s">
        <v>2795</v>
      </c>
      <c r="MTF726" s="424"/>
      <c r="MTG726" s="424"/>
      <c r="MTH726" s="424"/>
      <c r="MTI726" s="423" t="s">
        <v>2795</v>
      </c>
      <c r="MTJ726" s="424"/>
      <c r="MTK726" s="424"/>
      <c r="MTL726" s="424"/>
      <c r="MTM726" s="423" t="s">
        <v>2795</v>
      </c>
      <c r="MTN726" s="424"/>
      <c r="MTO726" s="424"/>
      <c r="MTP726" s="424"/>
      <c r="MTQ726" s="423" t="s">
        <v>2795</v>
      </c>
      <c r="MTR726" s="424"/>
      <c r="MTS726" s="424"/>
      <c r="MTT726" s="424"/>
      <c r="MTU726" s="423" t="s">
        <v>2795</v>
      </c>
      <c r="MTV726" s="424"/>
      <c r="MTW726" s="424"/>
      <c r="MTX726" s="424"/>
      <c r="MTY726" s="423" t="s">
        <v>2795</v>
      </c>
      <c r="MTZ726" s="424"/>
      <c r="MUA726" s="424"/>
      <c r="MUB726" s="424"/>
      <c r="MUC726" s="423" t="s">
        <v>2795</v>
      </c>
      <c r="MUD726" s="424"/>
      <c r="MUE726" s="424"/>
      <c r="MUF726" s="424"/>
      <c r="MUG726" s="423" t="s">
        <v>2795</v>
      </c>
      <c r="MUH726" s="424"/>
      <c r="MUI726" s="424"/>
      <c r="MUJ726" s="424"/>
      <c r="MUK726" s="423" t="s">
        <v>2795</v>
      </c>
      <c r="MUL726" s="424"/>
      <c r="MUM726" s="424"/>
      <c r="MUN726" s="424"/>
      <c r="MUO726" s="423" t="s">
        <v>2795</v>
      </c>
      <c r="MUP726" s="424"/>
      <c r="MUQ726" s="424"/>
      <c r="MUR726" s="424"/>
      <c r="MUS726" s="423" t="s">
        <v>2795</v>
      </c>
      <c r="MUT726" s="424"/>
      <c r="MUU726" s="424"/>
      <c r="MUV726" s="424"/>
      <c r="MUW726" s="423" t="s">
        <v>2795</v>
      </c>
      <c r="MUX726" s="424"/>
      <c r="MUY726" s="424"/>
      <c r="MUZ726" s="424"/>
      <c r="MVA726" s="423" t="s">
        <v>2795</v>
      </c>
      <c r="MVB726" s="424"/>
      <c r="MVC726" s="424"/>
      <c r="MVD726" s="424"/>
      <c r="MVE726" s="423" t="s">
        <v>2795</v>
      </c>
      <c r="MVF726" s="424"/>
      <c r="MVG726" s="424"/>
      <c r="MVH726" s="424"/>
      <c r="MVI726" s="423" t="s">
        <v>2795</v>
      </c>
      <c r="MVJ726" s="424"/>
      <c r="MVK726" s="424"/>
      <c r="MVL726" s="424"/>
      <c r="MVM726" s="423" t="s">
        <v>2795</v>
      </c>
      <c r="MVN726" s="424"/>
      <c r="MVO726" s="424"/>
      <c r="MVP726" s="424"/>
      <c r="MVQ726" s="423" t="s">
        <v>2795</v>
      </c>
      <c r="MVR726" s="424"/>
      <c r="MVS726" s="424"/>
      <c r="MVT726" s="424"/>
      <c r="MVU726" s="423" t="s">
        <v>2795</v>
      </c>
      <c r="MVV726" s="424"/>
      <c r="MVW726" s="424"/>
      <c r="MVX726" s="424"/>
      <c r="MVY726" s="423" t="s">
        <v>2795</v>
      </c>
      <c r="MVZ726" s="424"/>
      <c r="MWA726" s="424"/>
      <c r="MWB726" s="424"/>
      <c r="MWC726" s="423" t="s">
        <v>2795</v>
      </c>
      <c r="MWD726" s="424"/>
      <c r="MWE726" s="424"/>
      <c r="MWF726" s="424"/>
      <c r="MWG726" s="423" t="s">
        <v>2795</v>
      </c>
      <c r="MWH726" s="424"/>
      <c r="MWI726" s="424"/>
      <c r="MWJ726" s="424"/>
      <c r="MWK726" s="423" t="s">
        <v>2795</v>
      </c>
      <c r="MWL726" s="424"/>
      <c r="MWM726" s="424"/>
      <c r="MWN726" s="424"/>
      <c r="MWO726" s="423" t="s">
        <v>2795</v>
      </c>
      <c r="MWP726" s="424"/>
      <c r="MWQ726" s="424"/>
      <c r="MWR726" s="424"/>
      <c r="MWS726" s="423" t="s">
        <v>2795</v>
      </c>
      <c r="MWT726" s="424"/>
      <c r="MWU726" s="424"/>
      <c r="MWV726" s="424"/>
      <c r="MWW726" s="423" t="s">
        <v>2795</v>
      </c>
      <c r="MWX726" s="424"/>
      <c r="MWY726" s="424"/>
      <c r="MWZ726" s="424"/>
      <c r="MXA726" s="423" t="s">
        <v>2795</v>
      </c>
      <c r="MXB726" s="424"/>
      <c r="MXC726" s="424"/>
      <c r="MXD726" s="424"/>
      <c r="MXE726" s="423" t="s">
        <v>2795</v>
      </c>
      <c r="MXF726" s="424"/>
      <c r="MXG726" s="424"/>
      <c r="MXH726" s="424"/>
      <c r="MXI726" s="423" t="s">
        <v>2795</v>
      </c>
      <c r="MXJ726" s="424"/>
      <c r="MXK726" s="424"/>
      <c r="MXL726" s="424"/>
      <c r="MXM726" s="423" t="s">
        <v>2795</v>
      </c>
      <c r="MXN726" s="424"/>
      <c r="MXO726" s="424"/>
      <c r="MXP726" s="424"/>
      <c r="MXQ726" s="423" t="s">
        <v>2795</v>
      </c>
      <c r="MXR726" s="424"/>
      <c r="MXS726" s="424"/>
      <c r="MXT726" s="424"/>
      <c r="MXU726" s="423" t="s">
        <v>2795</v>
      </c>
      <c r="MXV726" s="424"/>
      <c r="MXW726" s="424"/>
      <c r="MXX726" s="424"/>
      <c r="MXY726" s="423" t="s">
        <v>2795</v>
      </c>
      <c r="MXZ726" s="424"/>
      <c r="MYA726" s="424"/>
      <c r="MYB726" s="424"/>
      <c r="MYC726" s="423" t="s">
        <v>2795</v>
      </c>
      <c r="MYD726" s="424"/>
      <c r="MYE726" s="424"/>
      <c r="MYF726" s="424"/>
      <c r="MYG726" s="423" t="s">
        <v>2795</v>
      </c>
      <c r="MYH726" s="424"/>
      <c r="MYI726" s="424"/>
      <c r="MYJ726" s="424"/>
      <c r="MYK726" s="423" t="s">
        <v>2795</v>
      </c>
      <c r="MYL726" s="424"/>
      <c r="MYM726" s="424"/>
      <c r="MYN726" s="424"/>
      <c r="MYO726" s="423" t="s">
        <v>2795</v>
      </c>
      <c r="MYP726" s="424"/>
      <c r="MYQ726" s="424"/>
      <c r="MYR726" s="424"/>
      <c r="MYS726" s="423" t="s">
        <v>2795</v>
      </c>
      <c r="MYT726" s="424"/>
      <c r="MYU726" s="424"/>
      <c r="MYV726" s="424"/>
      <c r="MYW726" s="423" t="s">
        <v>2795</v>
      </c>
      <c r="MYX726" s="424"/>
      <c r="MYY726" s="424"/>
      <c r="MYZ726" s="424"/>
      <c r="MZA726" s="423" t="s">
        <v>2795</v>
      </c>
      <c r="MZB726" s="424"/>
      <c r="MZC726" s="424"/>
      <c r="MZD726" s="424"/>
      <c r="MZE726" s="423" t="s">
        <v>2795</v>
      </c>
      <c r="MZF726" s="424"/>
      <c r="MZG726" s="424"/>
      <c r="MZH726" s="424"/>
      <c r="MZI726" s="423" t="s">
        <v>2795</v>
      </c>
      <c r="MZJ726" s="424"/>
      <c r="MZK726" s="424"/>
      <c r="MZL726" s="424"/>
      <c r="MZM726" s="423" t="s">
        <v>2795</v>
      </c>
      <c r="MZN726" s="424"/>
      <c r="MZO726" s="424"/>
      <c r="MZP726" s="424"/>
      <c r="MZQ726" s="423" t="s">
        <v>2795</v>
      </c>
      <c r="MZR726" s="424"/>
      <c r="MZS726" s="424"/>
      <c r="MZT726" s="424"/>
      <c r="MZU726" s="423" t="s">
        <v>2795</v>
      </c>
      <c r="MZV726" s="424"/>
      <c r="MZW726" s="424"/>
      <c r="MZX726" s="424"/>
      <c r="MZY726" s="423" t="s">
        <v>2795</v>
      </c>
      <c r="MZZ726" s="424"/>
      <c r="NAA726" s="424"/>
      <c r="NAB726" s="424"/>
      <c r="NAC726" s="423" t="s">
        <v>2795</v>
      </c>
      <c r="NAD726" s="424"/>
      <c r="NAE726" s="424"/>
      <c r="NAF726" s="424"/>
      <c r="NAG726" s="423" t="s">
        <v>2795</v>
      </c>
      <c r="NAH726" s="424"/>
      <c r="NAI726" s="424"/>
      <c r="NAJ726" s="424"/>
      <c r="NAK726" s="423" t="s">
        <v>2795</v>
      </c>
      <c r="NAL726" s="424"/>
      <c r="NAM726" s="424"/>
      <c r="NAN726" s="424"/>
      <c r="NAO726" s="423" t="s">
        <v>2795</v>
      </c>
      <c r="NAP726" s="424"/>
      <c r="NAQ726" s="424"/>
      <c r="NAR726" s="424"/>
      <c r="NAS726" s="423" t="s">
        <v>2795</v>
      </c>
      <c r="NAT726" s="424"/>
      <c r="NAU726" s="424"/>
      <c r="NAV726" s="424"/>
      <c r="NAW726" s="423" t="s">
        <v>2795</v>
      </c>
      <c r="NAX726" s="424"/>
      <c r="NAY726" s="424"/>
      <c r="NAZ726" s="424"/>
      <c r="NBA726" s="423" t="s">
        <v>2795</v>
      </c>
      <c r="NBB726" s="424"/>
      <c r="NBC726" s="424"/>
      <c r="NBD726" s="424"/>
      <c r="NBE726" s="423" t="s">
        <v>2795</v>
      </c>
      <c r="NBF726" s="424"/>
      <c r="NBG726" s="424"/>
      <c r="NBH726" s="424"/>
      <c r="NBI726" s="423" t="s">
        <v>2795</v>
      </c>
      <c r="NBJ726" s="424"/>
      <c r="NBK726" s="424"/>
      <c r="NBL726" s="424"/>
      <c r="NBM726" s="423" t="s">
        <v>2795</v>
      </c>
      <c r="NBN726" s="424"/>
      <c r="NBO726" s="424"/>
      <c r="NBP726" s="424"/>
      <c r="NBQ726" s="423" t="s">
        <v>2795</v>
      </c>
      <c r="NBR726" s="424"/>
      <c r="NBS726" s="424"/>
      <c r="NBT726" s="424"/>
      <c r="NBU726" s="423" t="s">
        <v>2795</v>
      </c>
      <c r="NBV726" s="424"/>
      <c r="NBW726" s="424"/>
      <c r="NBX726" s="424"/>
      <c r="NBY726" s="423" t="s">
        <v>2795</v>
      </c>
      <c r="NBZ726" s="424"/>
      <c r="NCA726" s="424"/>
      <c r="NCB726" s="424"/>
      <c r="NCC726" s="423" t="s">
        <v>2795</v>
      </c>
      <c r="NCD726" s="424"/>
      <c r="NCE726" s="424"/>
      <c r="NCF726" s="424"/>
      <c r="NCG726" s="423" t="s">
        <v>2795</v>
      </c>
      <c r="NCH726" s="424"/>
      <c r="NCI726" s="424"/>
      <c r="NCJ726" s="424"/>
      <c r="NCK726" s="423" t="s">
        <v>2795</v>
      </c>
      <c r="NCL726" s="424"/>
      <c r="NCM726" s="424"/>
      <c r="NCN726" s="424"/>
      <c r="NCO726" s="423" t="s">
        <v>2795</v>
      </c>
      <c r="NCP726" s="424"/>
      <c r="NCQ726" s="424"/>
      <c r="NCR726" s="424"/>
      <c r="NCS726" s="423" t="s">
        <v>2795</v>
      </c>
      <c r="NCT726" s="424"/>
      <c r="NCU726" s="424"/>
      <c r="NCV726" s="424"/>
      <c r="NCW726" s="423" t="s">
        <v>2795</v>
      </c>
      <c r="NCX726" s="424"/>
      <c r="NCY726" s="424"/>
      <c r="NCZ726" s="424"/>
      <c r="NDA726" s="423" t="s">
        <v>2795</v>
      </c>
      <c r="NDB726" s="424"/>
      <c r="NDC726" s="424"/>
      <c r="NDD726" s="424"/>
      <c r="NDE726" s="423" t="s">
        <v>2795</v>
      </c>
      <c r="NDF726" s="424"/>
      <c r="NDG726" s="424"/>
      <c r="NDH726" s="424"/>
      <c r="NDI726" s="423" t="s">
        <v>2795</v>
      </c>
      <c r="NDJ726" s="424"/>
      <c r="NDK726" s="424"/>
      <c r="NDL726" s="424"/>
      <c r="NDM726" s="423" t="s">
        <v>2795</v>
      </c>
      <c r="NDN726" s="424"/>
      <c r="NDO726" s="424"/>
      <c r="NDP726" s="424"/>
      <c r="NDQ726" s="423" t="s">
        <v>2795</v>
      </c>
      <c r="NDR726" s="424"/>
      <c r="NDS726" s="424"/>
      <c r="NDT726" s="424"/>
      <c r="NDU726" s="423" t="s">
        <v>2795</v>
      </c>
      <c r="NDV726" s="424"/>
      <c r="NDW726" s="424"/>
      <c r="NDX726" s="424"/>
      <c r="NDY726" s="423" t="s">
        <v>2795</v>
      </c>
      <c r="NDZ726" s="424"/>
      <c r="NEA726" s="424"/>
      <c r="NEB726" s="424"/>
      <c r="NEC726" s="423" t="s">
        <v>2795</v>
      </c>
      <c r="NED726" s="424"/>
      <c r="NEE726" s="424"/>
      <c r="NEF726" s="424"/>
      <c r="NEG726" s="423" t="s">
        <v>2795</v>
      </c>
      <c r="NEH726" s="424"/>
      <c r="NEI726" s="424"/>
      <c r="NEJ726" s="424"/>
      <c r="NEK726" s="423" t="s">
        <v>2795</v>
      </c>
      <c r="NEL726" s="424"/>
      <c r="NEM726" s="424"/>
      <c r="NEN726" s="424"/>
      <c r="NEO726" s="423" t="s">
        <v>2795</v>
      </c>
      <c r="NEP726" s="424"/>
      <c r="NEQ726" s="424"/>
      <c r="NER726" s="424"/>
      <c r="NES726" s="423" t="s">
        <v>2795</v>
      </c>
      <c r="NET726" s="424"/>
      <c r="NEU726" s="424"/>
      <c r="NEV726" s="424"/>
      <c r="NEW726" s="423" t="s">
        <v>2795</v>
      </c>
      <c r="NEX726" s="424"/>
      <c r="NEY726" s="424"/>
      <c r="NEZ726" s="424"/>
      <c r="NFA726" s="423" t="s">
        <v>2795</v>
      </c>
      <c r="NFB726" s="424"/>
      <c r="NFC726" s="424"/>
      <c r="NFD726" s="424"/>
      <c r="NFE726" s="423" t="s">
        <v>2795</v>
      </c>
      <c r="NFF726" s="424"/>
      <c r="NFG726" s="424"/>
      <c r="NFH726" s="424"/>
      <c r="NFI726" s="423" t="s">
        <v>2795</v>
      </c>
      <c r="NFJ726" s="424"/>
      <c r="NFK726" s="424"/>
      <c r="NFL726" s="424"/>
      <c r="NFM726" s="423" t="s">
        <v>2795</v>
      </c>
      <c r="NFN726" s="424"/>
      <c r="NFO726" s="424"/>
      <c r="NFP726" s="424"/>
      <c r="NFQ726" s="423" t="s">
        <v>2795</v>
      </c>
      <c r="NFR726" s="424"/>
      <c r="NFS726" s="424"/>
      <c r="NFT726" s="424"/>
      <c r="NFU726" s="423" t="s">
        <v>2795</v>
      </c>
      <c r="NFV726" s="424"/>
      <c r="NFW726" s="424"/>
      <c r="NFX726" s="424"/>
      <c r="NFY726" s="423" t="s">
        <v>2795</v>
      </c>
      <c r="NFZ726" s="424"/>
      <c r="NGA726" s="424"/>
      <c r="NGB726" s="424"/>
      <c r="NGC726" s="423" t="s">
        <v>2795</v>
      </c>
      <c r="NGD726" s="424"/>
      <c r="NGE726" s="424"/>
      <c r="NGF726" s="424"/>
      <c r="NGG726" s="423" t="s">
        <v>2795</v>
      </c>
      <c r="NGH726" s="424"/>
      <c r="NGI726" s="424"/>
      <c r="NGJ726" s="424"/>
      <c r="NGK726" s="423" t="s">
        <v>2795</v>
      </c>
      <c r="NGL726" s="424"/>
      <c r="NGM726" s="424"/>
      <c r="NGN726" s="424"/>
      <c r="NGO726" s="423" t="s">
        <v>2795</v>
      </c>
      <c r="NGP726" s="424"/>
      <c r="NGQ726" s="424"/>
      <c r="NGR726" s="424"/>
      <c r="NGS726" s="423" t="s">
        <v>2795</v>
      </c>
      <c r="NGT726" s="424"/>
      <c r="NGU726" s="424"/>
      <c r="NGV726" s="424"/>
      <c r="NGW726" s="423" t="s">
        <v>2795</v>
      </c>
      <c r="NGX726" s="424"/>
      <c r="NGY726" s="424"/>
      <c r="NGZ726" s="424"/>
      <c r="NHA726" s="423" t="s">
        <v>2795</v>
      </c>
      <c r="NHB726" s="424"/>
      <c r="NHC726" s="424"/>
      <c r="NHD726" s="424"/>
      <c r="NHE726" s="423" t="s">
        <v>2795</v>
      </c>
      <c r="NHF726" s="424"/>
      <c r="NHG726" s="424"/>
      <c r="NHH726" s="424"/>
      <c r="NHI726" s="423" t="s">
        <v>2795</v>
      </c>
      <c r="NHJ726" s="424"/>
      <c r="NHK726" s="424"/>
      <c r="NHL726" s="424"/>
      <c r="NHM726" s="423" t="s">
        <v>2795</v>
      </c>
      <c r="NHN726" s="424"/>
      <c r="NHO726" s="424"/>
      <c r="NHP726" s="424"/>
      <c r="NHQ726" s="423" t="s">
        <v>2795</v>
      </c>
      <c r="NHR726" s="424"/>
      <c r="NHS726" s="424"/>
      <c r="NHT726" s="424"/>
      <c r="NHU726" s="423" t="s">
        <v>2795</v>
      </c>
      <c r="NHV726" s="424"/>
      <c r="NHW726" s="424"/>
      <c r="NHX726" s="424"/>
      <c r="NHY726" s="423" t="s">
        <v>2795</v>
      </c>
      <c r="NHZ726" s="424"/>
      <c r="NIA726" s="424"/>
      <c r="NIB726" s="424"/>
      <c r="NIC726" s="423" t="s">
        <v>2795</v>
      </c>
      <c r="NID726" s="424"/>
      <c r="NIE726" s="424"/>
      <c r="NIF726" s="424"/>
      <c r="NIG726" s="423" t="s">
        <v>2795</v>
      </c>
      <c r="NIH726" s="424"/>
      <c r="NII726" s="424"/>
      <c r="NIJ726" s="424"/>
      <c r="NIK726" s="423" t="s">
        <v>2795</v>
      </c>
      <c r="NIL726" s="424"/>
      <c r="NIM726" s="424"/>
      <c r="NIN726" s="424"/>
      <c r="NIO726" s="423" t="s">
        <v>2795</v>
      </c>
      <c r="NIP726" s="424"/>
      <c r="NIQ726" s="424"/>
      <c r="NIR726" s="424"/>
      <c r="NIS726" s="423" t="s">
        <v>2795</v>
      </c>
      <c r="NIT726" s="424"/>
      <c r="NIU726" s="424"/>
      <c r="NIV726" s="424"/>
      <c r="NIW726" s="423" t="s">
        <v>2795</v>
      </c>
      <c r="NIX726" s="424"/>
      <c r="NIY726" s="424"/>
      <c r="NIZ726" s="424"/>
      <c r="NJA726" s="423" t="s">
        <v>2795</v>
      </c>
      <c r="NJB726" s="424"/>
      <c r="NJC726" s="424"/>
      <c r="NJD726" s="424"/>
      <c r="NJE726" s="423" t="s">
        <v>2795</v>
      </c>
      <c r="NJF726" s="424"/>
      <c r="NJG726" s="424"/>
      <c r="NJH726" s="424"/>
      <c r="NJI726" s="423" t="s">
        <v>2795</v>
      </c>
      <c r="NJJ726" s="424"/>
      <c r="NJK726" s="424"/>
      <c r="NJL726" s="424"/>
      <c r="NJM726" s="423" t="s">
        <v>2795</v>
      </c>
      <c r="NJN726" s="424"/>
      <c r="NJO726" s="424"/>
      <c r="NJP726" s="424"/>
      <c r="NJQ726" s="423" t="s">
        <v>2795</v>
      </c>
      <c r="NJR726" s="424"/>
      <c r="NJS726" s="424"/>
      <c r="NJT726" s="424"/>
      <c r="NJU726" s="423" t="s">
        <v>2795</v>
      </c>
      <c r="NJV726" s="424"/>
      <c r="NJW726" s="424"/>
      <c r="NJX726" s="424"/>
      <c r="NJY726" s="423" t="s">
        <v>2795</v>
      </c>
      <c r="NJZ726" s="424"/>
      <c r="NKA726" s="424"/>
      <c r="NKB726" s="424"/>
      <c r="NKC726" s="423" t="s">
        <v>2795</v>
      </c>
      <c r="NKD726" s="424"/>
      <c r="NKE726" s="424"/>
      <c r="NKF726" s="424"/>
      <c r="NKG726" s="423" t="s">
        <v>2795</v>
      </c>
      <c r="NKH726" s="424"/>
      <c r="NKI726" s="424"/>
      <c r="NKJ726" s="424"/>
      <c r="NKK726" s="423" t="s">
        <v>2795</v>
      </c>
      <c r="NKL726" s="424"/>
      <c r="NKM726" s="424"/>
      <c r="NKN726" s="424"/>
      <c r="NKO726" s="423" t="s">
        <v>2795</v>
      </c>
      <c r="NKP726" s="424"/>
      <c r="NKQ726" s="424"/>
      <c r="NKR726" s="424"/>
      <c r="NKS726" s="423" t="s">
        <v>2795</v>
      </c>
      <c r="NKT726" s="424"/>
      <c r="NKU726" s="424"/>
      <c r="NKV726" s="424"/>
      <c r="NKW726" s="423" t="s">
        <v>2795</v>
      </c>
      <c r="NKX726" s="424"/>
      <c r="NKY726" s="424"/>
      <c r="NKZ726" s="424"/>
      <c r="NLA726" s="423" t="s">
        <v>2795</v>
      </c>
      <c r="NLB726" s="424"/>
      <c r="NLC726" s="424"/>
      <c r="NLD726" s="424"/>
      <c r="NLE726" s="423" t="s">
        <v>2795</v>
      </c>
      <c r="NLF726" s="424"/>
      <c r="NLG726" s="424"/>
      <c r="NLH726" s="424"/>
      <c r="NLI726" s="423" t="s">
        <v>2795</v>
      </c>
      <c r="NLJ726" s="424"/>
      <c r="NLK726" s="424"/>
      <c r="NLL726" s="424"/>
      <c r="NLM726" s="423" t="s">
        <v>2795</v>
      </c>
      <c r="NLN726" s="424"/>
      <c r="NLO726" s="424"/>
      <c r="NLP726" s="424"/>
      <c r="NLQ726" s="423" t="s">
        <v>2795</v>
      </c>
      <c r="NLR726" s="424"/>
      <c r="NLS726" s="424"/>
      <c r="NLT726" s="424"/>
      <c r="NLU726" s="423" t="s">
        <v>2795</v>
      </c>
      <c r="NLV726" s="424"/>
      <c r="NLW726" s="424"/>
      <c r="NLX726" s="424"/>
      <c r="NLY726" s="423" t="s">
        <v>2795</v>
      </c>
      <c r="NLZ726" s="424"/>
      <c r="NMA726" s="424"/>
      <c r="NMB726" s="424"/>
      <c r="NMC726" s="423" t="s">
        <v>2795</v>
      </c>
      <c r="NMD726" s="424"/>
      <c r="NME726" s="424"/>
      <c r="NMF726" s="424"/>
      <c r="NMG726" s="423" t="s">
        <v>2795</v>
      </c>
      <c r="NMH726" s="424"/>
      <c r="NMI726" s="424"/>
      <c r="NMJ726" s="424"/>
      <c r="NMK726" s="423" t="s">
        <v>2795</v>
      </c>
      <c r="NML726" s="424"/>
      <c r="NMM726" s="424"/>
      <c r="NMN726" s="424"/>
      <c r="NMO726" s="423" t="s">
        <v>2795</v>
      </c>
      <c r="NMP726" s="424"/>
      <c r="NMQ726" s="424"/>
      <c r="NMR726" s="424"/>
      <c r="NMS726" s="423" t="s">
        <v>2795</v>
      </c>
      <c r="NMT726" s="424"/>
      <c r="NMU726" s="424"/>
      <c r="NMV726" s="424"/>
      <c r="NMW726" s="423" t="s">
        <v>2795</v>
      </c>
      <c r="NMX726" s="424"/>
      <c r="NMY726" s="424"/>
      <c r="NMZ726" s="424"/>
      <c r="NNA726" s="423" t="s">
        <v>2795</v>
      </c>
      <c r="NNB726" s="424"/>
      <c r="NNC726" s="424"/>
      <c r="NND726" s="424"/>
      <c r="NNE726" s="423" t="s">
        <v>2795</v>
      </c>
      <c r="NNF726" s="424"/>
      <c r="NNG726" s="424"/>
      <c r="NNH726" s="424"/>
      <c r="NNI726" s="423" t="s">
        <v>2795</v>
      </c>
      <c r="NNJ726" s="424"/>
      <c r="NNK726" s="424"/>
      <c r="NNL726" s="424"/>
      <c r="NNM726" s="423" t="s">
        <v>2795</v>
      </c>
      <c r="NNN726" s="424"/>
      <c r="NNO726" s="424"/>
      <c r="NNP726" s="424"/>
      <c r="NNQ726" s="423" t="s">
        <v>2795</v>
      </c>
      <c r="NNR726" s="424"/>
      <c r="NNS726" s="424"/>
      <c r="NNT726" s="424"/>
      <c r="NNU726" s="423" t="s">
        <v>2795</v>
      </c>
      <c r="NNV726" s="424"/>
      <c r="NNW726" s="424"/>
      <c r="NNX726" s="424"/>
      <c r="NNY726" s="423" t="s">
        <v>2795</v>
      </c>
      <c r="NNZ726" s="424"/>
      <c r="NOA726" s="424"/>
      <c r="NOB726" s="424"/>
      <c r="NOC726" s="423" t="s">
        <v>2795</v>
      </c>
      <c r="NOD726" s="424"/>
      <c r="NOE726" s="424"/>
      <c r="NOF726" s="424"/>
      <c r="NOG726" s="423" t="s">
        <v>2795</v>
      </c>
      <c r="NOH726" s="424"/>
      <c r="NOI726" s="424"/>
      <c r="NOJ726" s="424"/>
      <c r="NOK726" s="423" t="s">
        <v>2795</v>
      </c>
      <c r="NOL726" s="424"/>
      <c r="NOM726" s="424"/>
      <c r="NON726" s="424"/>
      <c r="NOO726" s="423" t="s">
        <v>2795</v>
      </c>
      <c r="NOP726" s="424"/>
      <c r="NOQ726" s="424"/>
      <c r="NOR726" s="424"/>
      <c r="NOS726" s="423" t="s">
        <v>2795</v>
      </c>
      <c r="NOT726" s="424"/>
      <c r="NOU726" s="424"/>
      <c r="NOV726" s="424"/>
      <c r="NOW726" s="423" t="s">
        <v>2795</v>
      </c>
      <c r="NOX726" s="424"/>
      <c r="NOY726" s="424"/>
      <c r="NOZ726" s="424"/>
      <c r="NPA726" s="423" t="s">
        <v>2795</v>
      </c>
      <c r="NPB726" s="424"/>
      <c r="NPC726" s="424"/>
      <c r="NPD726" s="424"/>
      <c r="NPE726" s="423" t="s">
        <v>2795</v>
      </c>
      <c r="NPF726" s="424"/>
      <c r="NPG726" s="424"/>
      <c r="NPH726" s="424"/>
      <c r="NPI726" s="423" t="s">
        <v>2795</v>
      </c>
      <c r="NPJ726" s="424"/>
      <c r="NPK726" s="424"/>
      <c r="NPL726" s="424"/>
      <c r="NPM726" s="423" t="s">
        <v>2795</v>
      </c>
      <c r="NPN726" s="424"/>
      <c r="NPO726" s="424"/>
      <c r="NPP726" s="424"/>
      <c r="NPQ726" s="423" t="s">
        <v>2795</v>
      </c>
      <c r="NPR726" s="424"/>
      <c r="NPS726" s="424"/>
      <c r="NPT726" s="424"/>
      <c r="NPU726" s="423" t="s">
        <v>2795</v>
      </c>
      <c r="NPV726" s="424"/>
      <c r="NPW726" s="424"/>
      <c r="NPX726" s="424"/>
      <c r="NPY726" s="423" t="s">
        <v>2795</v>
      </c>
      <c r="NPZ726" s="424"/>
      <c r="NQA726" s="424"/>
      <c r="NQB726" s="424"/>
      <c r="NQC726" s="423" t="s">
        <v>2795</v>
      </c>
      <c r="NQD726" s="424"/>
      <c r="NQE726" s="424"/>
      <c r="NQF726" s="424"/>
      <c r="NQG726" s="423" t="s">
        <v>2795</v>
      </c>
      <c r="NQH726" s="424"/>
      <c r="NQI726" s="424"/>
      <c r="NQJ726" s="424"/>
      <c r="NQK726" s="423" t="s">
        <v>2795</v>
      </c>
      <c r="NQL726" s="424"/>
      <c r="NQM726" s="424"/>
      <c r="NQN726" s="424"/>
      <c r="NQO726" s="423" t="s">
        <v>2795</v>
      </c>
      <c r="NQP726" s="424"/>
      <c r="NQQ726" s="424"/>
      <c r="NQR726" s="424"/>
      <c r="NQS726" s="423" t="s">
        <v>2795</v>
      </c>
      <c r="NQT726" s="424"/>
      <c r="NQU726" s="424"/>
      <c r="NQV726" s="424"/>
      <c r="NQW726" s="423" t="s">
        <v>2795</v>
      </c>
      <c r="NQX726" s="424"/>
      <c r="NQY726" s="424"/>
      <c r="NQZ726" s="424"/>
      <c r="NRA726" s="423" t="s">
        <v>2795</v>
      </c>
      <c r="NRB726" s="424"/>
      <c r="NRC726" s="424"/>
      <c r="NRD726" s="424"/>
      <c r="NRE726" s="423" t="s">
        <v>2795</v>
      </c>
      <c r="NRF726" s="424"/>
      <c r="NRG726" s="424"/>
      <c r="NRH726" s="424"/>
      <c r="NRI726" s="423" t="s">
        <v>2795</v>
      </c>
      <c r="NRJ726" s="424"/>
      <c r="NRK726" s="424"/>
      <c r="NRL726" s="424"/>
      <c r="NRM726" s="423" t="s">
        <v>2795</v>
      </c>
      <c r="NRN726" s="424"/>
      <c r="NRO726" s="424"/>
      <c r="NRP726" s="424"/>
      <c r="NRQ726" s="423" t="s">
        <v>2795</v>
      </c>
      <c r="NRR726" s="424"/>
      <c r="NRS726" s="424"/>
      <c r="NRT726" s="424"/>
      <c r="NRU726" s="423" t="s">
        <v>2795</v>
      </c>
      <c r="NRV726" s="424"/>
      <c r="NRW726" s="424"/>
      <c r="NRX726" s="424"/>
      <c r="NRY726" s="423" t="s">
        <v>2795</v>
      </c>
      <c r="NRZ726" s="424"/>
      <c r="NSA726" s="424"/>
      <c r="NSB726" s="424"/>
      <c r="NSC726" s="423" t="s">
        <v>2795</v>
      </c>
      <c r="NSD726" s="424"/>
      <c r="NSE726" s="424"/>
      <c r="NSF726" s="424"/>
      <c r="NSG726" s="423" t="s">
        <v>2795</v>
      </c>
      <c r="NSH726" s="424"/>
      <c r="NSI726" s="424"/>
      <c r="NSJ726" s="424"/>
      <c r="NSK726" s="423" t="s">
        <v>2795</v>
      </c>
      <c r="NSL726" s="424"/>
      <c r="NSM726" s="424"/>
      <c r="NSN726" s="424"/>
      <c r="NSO726" s="423" t="s">
        <v>2795</v>
      </c>
      <c r="NSP726" s="424"/>
      <c r="NSQ726" s="424"/>
      <c r="NSR726" s="424"/>
      <c r="NSS726" s="423" t="s">
        <v>2795</v>
      </c>
      <c r="NST726" s="424"/>
      <c r="NSU726" s="424"/>
      <c r="NSV726" s="424"/>
      <c r="NSW726" s="423" t="s">
        <v>2795</v>
      </c>
      <c r="NSX726" s="424"/>
      <c r="NSY726" s="424"/>
      <c r="NSZ726" s="424"/>
      <c r="NTA726" s="423" t="s">
        <v>2795</v>
      </c>
      <c r="NTB726" s="424"/>
      <c r="NTC726" s="424"/>
      <c r="NTD726" s="424"/>
      <c r="NTE726" s="423" t="s">
        <v>2795</v>
      </c>
      <c r="NTF726" s="424"/>
      <c r="NTG726" s="424"/>
      <c r="NTH726" s="424"/>
      <c r="NTI726" s="423" t="s">
        <v>2795</v>
      </c>
      <c r="NTJ726" s="424"/>
      <c r="NTK726" s="424"/>
      <c r="NTL726" s="424"/>
      <c r="NTM726" s="423" t="s">
        <v>2795</v>
      </c>
      <c r="NTN726" s="424"/>
      <c r="NTO726" s="424"/>
      <c r="NTP726" s="424"/>
      <c r="NTQ726" s="423" t="s">
        <v>2795</v>
      </c>
      <c r="NTR726" s="424"/>
      <c r="NTS726" s="424"/>
      <c r="NTT726" s="424"/>
      <c r="NTU726" s="423" t="s">
        <v>2795</v>
      </c>
      <c r="NTV726" s="424"/>
      <c r="NTW726" s="424"/>
      <c r="NTX726" s="424"/>
      <c r="NTY726" s="423" t="s">
        <v>2795</v>
      </c>
      <c r="NTZ726" s="424"/>
      <c r="NUA726" s="424"/>
      <c r="NUB726" s="424"/>
      <c r="NUC726" s="423" t="s">
        <v>2795</v>
      </c>
      <c r="NUD726" s="424"/>
      <c r="NUE726" s="424"/>
      <c r="NUF726" s="424"/>
      <c r="NUG726" s="423" t="s">
        <v>2795</v>
      </c>
      <c r="NUH726" s="424"/>
      <c r="NUI726" s="424"/>
      <c r="NUJ726" s="424"/>
      <c r="NUK726" s="423" t="s">
        <v>2795</v>
      </c>
      <c r="NUL726" s="424"/>
      <c r="NUM726" s="424"/>
      <c r="NUN726" s="424"/>
      <c r="NUO726" s="423" t="s">
        <v>2795</v>
      </c>
      <c r="NUP726" s="424"/>
      <c r="NUQ726" s="424"/>
      <c r="NUR726" s="424"/>
      <c r="NUS726" s="423" t="s">
        <v>2795</v>
      </c>
      <c r="NUT726" s="424"/>
      <c r="NUU726" s="424"/>
      <c r="NUV726" s="424"/>
      <c r="NUW726" s="423" t="s">
        <v>2795</v>
      </c>
      <c r="NUX726" s="424"/>
      <c r="NUY726" s="424"/>
      <c r="NUZ726" s="424"/>
      <c r="NVA726" s="423" t="s">
        <v>2795</v>
      </c>
      <c r="NVB726" s="424"/>
      <c r="NVC726" s="424"/>
      <c r="NVD726" s="424"/>
      <c r="NVE726" s="423" t="s">
        <v>2795</v>
      </c>
      <c r="NVF726" s="424"/>
      <c r="NVG726" s="424"/>
      <c r="NVH726" s="424"/>
      <c r="NVI726" s="423" t="s">
        <v>2795</v>
      </c>
      <c r="NVJ726" s="424"/>
      <c r="NVK726" s="424"/>
      <c r="NVL726" s="424"/>
      <c r="NVM726" s="423" t="s">
        <v>2795</v>
      </c>
      <c r="NVN726" s="424"/>
      <c r="NVO726" s="424"/>
      <c r="NVP726" s="424"/>
      <c r="NVQ726" s="423" t="s">
        <v>2795</v>
      </c>
      <c r="NVR726" s="424"/>
      <c r="NVS726" s="424"/>
      <c r="NVT726" s="424"/>
      <c r="NVU726" s="423" t="s">
        <v>2795</v>
      </c>
      <c r="NVV726" s="424"/>
      <c r="NVW726" s="424"/>
      <c r="NVX726" s="424"/>
      <c r="NVY726" s="423" t="s">
        <v>2795</v>
      </c>
      <c r="NVZ726" s="424"/>
      <c r="NWA726" s="424"/>
      <c r="NWB726" s="424"/>
      <c r="NWC726" s="423" t="s">
        <v>2795</v>
      </c>
      <c r="NWD726" s="424"/>
      <c r="NWE726" s="424"/>
      <c r="NWF726" s="424"/>
      <c r="NWG726" s="423" t="s">
        <v>2795</v>
      </c>
      <c r="NWH726" s="424"/>
      <c r="NWI726" s="424"/>
      <c r="NWJ726" s="424"/>
      <c r="NWK726" s="423" t="s">
        <v>2795</v>
      </c>
      <c r="NWL726" s="424"/>
      <c r="NWM726" s="424"/>
      <c r="NWN726" s="424"/>
      <c r="NWO726" s="423" t="s">
        <v>2795</v>
      </c>
      <c r="NWP726" s="424"/>
      <c r="NWQ726" s="424"/>
      <c r="NWR726" s="424"/>
      <c r="NWS726" s="423" t="s">
        <v>2795</v>
      </c>
      <c r="NWT726" s="424"/>
      <c r="NWU726" s="424"/>
      <c r="NWV726" s="424"/>
      <c r="NWW726" s="423" t="s">
        <v>2795</v>
      </c>
      <c r="NWX726" s="424"/>
      <c r="NWY726" s="424"/>
      <c r="NWZ726" s="424"/>
      <c r="NXA726" s="423" t="s">
        <v>2795</v>
      </c>
      <c r="NXB726" s="424"/>
      <c r="NXC726" s="424"/>
      <c r="NXD726" s="424"/>
      <c r="NXE726" s="423" t="s">
        <v>2795</v>
      </c>
      <c r="NXF726" s="424"/>
      <c r="NXG726" s="424"/>
      <c r="NXH726" s="424"/>
      <c r="NXI726" s="423" t="s">
        <v>2795</v>
      </c>
      <c r="NXJ726" s="424"/>
      <c r="NXK726" s="424"/>
      <c r="NXL726" s="424"/>
      <c r="NXM726" s="423" t="s">
        <v>2795</v>
      </c>
      <c r="NXN726" s="424"/>
      <c r="NXO726" s="424"/>
      <c r="NXP726" s="424"/>
      <c r="NXQ726" s="423" t="s">
        <v>2795</v>
      </c>
      <c r="NXR726" s="424"/>
      <c r="NXS726" s="424"/>
      <c r="NXT726" s="424"/>
      <c r="NXU726" s="423" t="s">
        <v>2795</v>
      </c>
      <c r="NXV726" s="424"/>
      <c r="NXW726" s="424"/>
      <c r="NXX726" s="424"/>
      <c r="NXY726" s="423" t="s">
        <v>2795</v>
      </c>
      <c r="NXZ726" s="424"/>
      <c r="NYA726" s="424"/>
      <c r="NYB726" s="424"/>
      <c r="NYC726" s="423" t="s">
        <v>2795</v>
      </c>
      <c r="NYD726" s="424"/>
      <c r="NYE726" s="424"/>
      <c r="NYF726" s="424"/>
      <c r="NYG726" s="423" t="s">
        <v>2795</v>
      </c>
      <c r="NYH726" s="424"/>
      <c r="NYI726" s="424"/>
      <c r="NYJ726" s="424"/>
      <c r="NYK726" s="423" t="s">
        <v>2795</v>
      </c>
      <c r="NYL726" s="424"/>
      <c r="NYM726" s="424"/>
      <c r="NYN726" s="424"/>
      <c r="NYO726" s="423" t="s">
        <v>2795</v>
      </c>
      <c r="NYP726" s="424"/>
      <c r="NYQ726" s="424"/>
      <c r="NYR726" s="424"/>
      <c r="NYS726" s="423" t="s">
        <v>2795</v>
      </c>
      <c r="NYT726" s="424"/>
      <c r="NYU726" s="424"/>
      <c r="NYV726" s="424"/>
      <c r="NYW726" s="423" t="s">
        <v>2795</v>
      </c>
      <c r="NYX726" s="424"/>
      <c r="NYY726" s="424"/>
      <c r="NYZ726" s="424"/>
      <c r="NZA726" s="423" t="s">
        <v>2795</v>
      </c>
      <c r="NZB726" s="424"/>
      <c r="NZC726" s="424"/>
      <c r="NZD726" s="424"/>
      <c r="NZE726" s="423" t="s">
        <v>2795</v>
      </c>
      <c r="NZF726" s="424"/>
      <c r="NZG726" s="424"/>
      <c r="NZH726" s="424"/>
      <c r="NZI726" s="423" t="s">
        <v>2795</v>
      </c>
      <c r="NZJ726" s="424"/>
      <c r="NZK726" s="424"/>
      <c r="NZL726" s="424"/>
      <c r="NZM726" s="423" t="s">
        <v>2795</v>
      </c>
      <c r="NZN726" s="424"/>
      <c r="NZO726" s="424"/>
      <c r="NZP726" s="424"/>
      <c r="NZQ726" s="423" t="s">
        <v>2795</v>
      </c>
      <c r="NZR726" s="424"/>
      <c r="NZS726" s="424"/>
      <c r="NZT726" s="424"/>
      <c r="NZU726" s="423" t="s">
        <v>2795</v>
      </c>
      <c r="NZV726" s="424"/>
      <c r="NZW726" s="424"/>
      <c r="NZX726" s="424"/>
      <c r="NZY726" s="423" t="s">
        <v>2795</v>
      </c>
      <c r="NZZ726" s="424"/>
      <c r="OAA726" s="424"/>
      <c r="OAB726" s="424"/>
      <c r="OAC726" s="423" t="s">
        <v>2795</v>
      </c>
      <c r="OAD726" s="424"/>
      <c r="OAE726" s="424"/>
      <c r="OAF726" s="424"/>
      <c r="OAG726" s="423" t="s">
        <v>2795</v>
      </c>
      <c r="OAH726" s="424"/>
      <c r="OAI726" s="424"/>
      <c r="OAJ726" s="424"/>
      <c r="OAK726" s="423" t="s">
        <v>2795</v>
      </c>
      <c r="OAL726" s="424"/>
      <c r="OAM726" s="424"/>
      <c r="OAN726" s="424"/>
      <c r="OAO726" s="423" t="s">
        <v>2795</v>
      </c>
      <c r="OAP726" s="424"/>
      <c r="OAQ726" s="424"/>
      <c r="OAR726" s="424"/>
      <c r="OAS726" s="423" t="s">
        <v>2795</v>
      </c>
      <c r="OAT726" s="424"/>
      <c r="OAU726" s="424"/>
      <c r="OAV726" s="424"/>
      <c r="OAW726" s="423" t="s">
        <v>2795</v>
      </c>
      <c r="OAX726" s="424"/>
      <c r="OAY726" s="424"/>
      <c r="OAZ726" s="424"/>
      <c r="OBA726" s="423" t="s">
        <v>2795</v>
      </c>
      <c r="OBB726" s="424"/>
      <c r="OBC726" s="424"/>
      <c r="OBD726" s="424"/>
      <c r="OBE726" s="423" t="s">
        <v>2795</v>
      </c>
      <c r="OBF726" s="424"/>
      <c r="OBG726" s="424"/>
      <c r="OBH726" s="424"/>
      <c r="OBI726" s="423" t="s">
        <v>2795</v>
      </c>
      <c r="OBJ726" s="424"/>
      <c r="OBK726" s="424"/>
      <c r="OBL726" s="424"/>
      <c r="OBM726" s="423" t="s">
        <v>2795</v>
      </c>
      <c r="OBN726" s="424"/>
      <c r="OBO726" s="424"/>
      <c r="OBP726" s="424"/>
      <c r="OBQ726" s="423" t="s">
        <v>2795</v>
      </c>
      <c r="OBR726" s="424"/>
      <c r="OBS726" s="424"/>
      <c r="OBT726" s="424"/>
      <c r="OBU726" s="423" t="s">
        <v>2795</v>
      </c>
      <c r="OBV726" s="424"/>
      <c r="OBW726" s="424"/>
      <c r="OBX726" s="424"/>
      <c r="OBY726" s="423" t="s">
        <v>2795</v>
      </c>
      <c r="OBZ726" s="424"/>
      <c r="OCA726" s="424"/>
      <c r="OCB726" s="424"/>
      <c r="OCC726" s="423" t="s">
        <v>2795</v>
      </c>
      <c r="OCD726" s="424"/>
      <c r="OCE726" s="424"/>
      <c r="OCF726" s="424"/>
      <c r="OCG726" s="423" t="s">
        <v>2795</v>
      </c>
      <c r="OCH726" s="424"/>
      <c r="OCI726" s="424"/>
      <c r="OCJ726" s="424"/>
      <c r="OCK726" s="423" t="s">
        <v>2795</v>
      </c>
      <c r="OCL726" s="424"/>
      <c r="OCM726" s="424"/>
      <c r="OCN726" s="424"/>
      <c r="OCO726" s="423" t="s">
        <v>2795</v>
      </c>
      <c r="OCP726" s="424"/>
      <c r="OCQ726" s="424"/>
      <c r="OCR726" s="424"/>
      <c r="OCS726" s="423" t="s">
        <v>2795</v>
      </c>
      <c r="OCT726" s="424"/>
      <c r="OCU726" s="424"/>
      <c r="OCV726" s="424"/>
      <c r="OCW726" s="423" t="s">
        <v>2795</v>
      </c>
      <c r="OCX726" s="424"/>
      <c r="OCY726" s="424"/>
      <c r="OCZ726" s="424"/>
      <c r="ODA726" s="423" t="s">
        <v>2795</v>
      </c>
      <c r="ODB726" s="424"/>
      <c r="ODC726" s="424"/>
      <c r="ODD726" s="424"/>
      <c r="ODE726" s="423" t="s">
        <v>2795</v>
      </c>
      <c r="ODF726" s="424"/>
      <c r="ODG726" s="424"/>
      <c r="ODH726" s="424"/>
      <c r="ODI726" s="423" t="s">
        <v>2795</v>
      </c>
      <c r="ODJ726" s="424"/>
      <c r="ODK726" s="424"/>
      <c r="ODL726" s="424"/>
      <c r="ODM726" s="423" t="s">
        <v>2795</v>
      </c>
      <c r="ODN726" s="424"/>
      <c r="ODO726" s="424"/>
      <c r="ODP726" s="424"/>
      <c r="ODQ726" s="423" t="s">
        <v>2795</v>
      </c>
      <c r="ODR726" s="424"/>
      <c r="ODS726" s="424"/>
      <c r="ODT726" s="424"/>
      <c r="ODU726" s="423" t="s">
        <v>2795</v>
      </c>
      <c r="ODV726" s="424"/>
      <c r="ODW726" s="424"/>
      <c r="ODX726" s="424"/>
      <c r="ODY726" s="423" t="s">
        <v>2795</v>
      </c>
      <c r="ODZ726" s="424"/>
      <c r="OEA726" s="424"/>
      <c r="OEB726" s="424"/>
      <c r="OEC726" s="423" t="s">
        <v>2795</v>
      </c>
      <c r="OED726" s="424"/>
      <c r="OEE726" s="424"/>
      <c r="OEF726" s="424"/>
      <c r="OEG726" s="423" t="s">
        <v>2795</v>
      </c>
      <c r="OEH726" s="424"/>
      <c r="OEI726" s="424"/>
      <c r="OEJ726" s="424"/>
      <c r="OEK726" s="423" t="s">
        <v>2795</v>
      </c>
      <c r="OEL726" s="424"/>
      <c r="OEM726" s="424"/>
      <c r="OEN726" s="424"/>
      <c r="OEO726" s="423" t="s">
        <v>2795</v>
      </c>
      <c r="OEP726" s="424"/>
      <c r="OEQ726" s="424"/>
      <c r="OER726" s="424"/>
      <c r="OES726" s="423" t="s">
        <v>2795</v>
      </c>
      <c r="OET726" s="424"/>
      <c r="OEU726" s="424"/>
      <c r="OEV726" s="424"/>
      <c r="OEW726" s="423" t="s">
        <v>2795</v>
      </c>
      <c r="OEX726" s="424"/>
      <c r="OEY726" s="424"/>
      <c r="OEZ726" s="424"/>
      <c r="OFA726" s="423" t="s">
        <v>2795</v>
      </c>
      <c r="OFB726" s="424"/>
      <c r="OFC726" s="424"/>
      <c r="OFD726" s="424"/>
      <c r="OFE726" s="423" t="s">
        <v>2795</v>
      </c>
      <c r="OFF726" s="424"/>
      <c r="OFG726" s="424"/>
      <c r="OFH726" s="424"/>
      <c r="OFI726" s="423" t="s">
        <v>2795</v>
      </c>
      <c r="OFJ726" s="424"/>
      <c r="OFK726" s="424"/>
      <c r="OFL726" s="424"/>
      <c r="OFM726" s="423" t="s">
        <v>2795</v>
      </c>
      <c r="OFN726" s="424"/>
      <c r="OFO726" s="424"/>
      <c r="OFP726" s="424"/>
      <c r="OFQ726" s="423" t="s">
        <v>2795</v>
      </c>
      <c r="OFR726" s="424"/>
      <c r="OFS726" s="424"/>
      <c r="OFT726" s="424"/>
      <c r="OFU726" s="423" t="s">
        <v>2795</v>
      </c>
      <c r="OFV726" s="424"/>
      <c r="OFW726" s="424"/>
      <c r="OFX726" s="424"/>
      <c r="OFY726" s="423" t="s">
        <v>2795</v>
      </c>
      <c r="OFZ726" s="424"/>
      <c r="OGA726" s="424"/>
      <c r="OGB726" s="424"/>
      <c r="OGC726" s="423" t="s">
        <v>2795</v>
      </c>
      <c r="OGD726" s="424"/>
      <c r="OGE726" s="424"/>
      <c r="OGF726" s="424"/>
      <c r="OGG726" s="423" t="s">
        <v>2795</v>
      </c>
      <c r="OGH726" s="424"/>
      <c r="OGI726" s="424"/>
      <c r="OGJ726" s="424"/>
      <c r="OGK726" s="423" t="s">
        <v>2795</v>
      </c>
      <c r="OGL726" s="424"/>
      <c r="OGM726" s="424"/>
      <c r="OGN726" s="424"/>
      <c r="OGO726" s="423" t="s">
        <v>2795</v>
      </c>
      <c r="OGP726" s="424"/>
      <c r="OGQ726" s="424"/>
      <c r="OGR726" s="424"/>
      <c r="OGS726" s="423" t="s">
        <v>2795</v>
      </c>
      <c r="OGT726" s="424"/>
      <c r="OGU726" s="424"/>
      <c r="OGV726" s="424"/>
      <c r="OGW726" s="423" t="s">
        <v>2795</v>
      </c>
      <c r="OGX726" s="424"/>
      <c r="OGY726" s="424"/>
      <c r="OGZ726" s="424"/>
      <c r="OHA726" s="423" t="s">
        <v>2795</v>
      </c>
      <c r="OHB726" s="424"/>
      <c r="OHC726" s="424"/>
      <c r="OHD726" s="424"/>
      <c r="OHE726" s="423" t="s">
        <v>2795</v>
      </c>
      <c r="OHF726" s="424"/>
      <c r="OHG726" s="424"/>
      <c r="OHH726" s="424"/>
      <c r="OHI726" s="423" t="s">
        <v>2795</v>
      </c>
      <c r="OHJ726" s="424"/>
      <c r="OHK726" s="424"/>
      <c r="OHL726" s="424"/>
      <c r="OHM726" s="423" t="s">
        <v>2795</v>
      </c>
      <c r="OHN726" s="424"/>
      <c r="OHO726" s="424"/>
      <c r="OHP726" s="424"/>
      <c r="OHQ726" s="423" t="s">
        <v>2795</v>
      </c>
      <c r="OHR726" s="424"/>
      <c r="OHS726" s="424"/>
      <c r="OHT726" s="424"/>
      <c r="OHU726" s="423" t="s">
        <v>2795</v>
      </c>
      <c r="OHV726" s="424"/>
      <c r="OHW726" s="424"/>
      <c r="OHX726" s="424"/>
      <c r="OHY726" s="423" t="s">
        <v>2795</v>
      </c>
      <c r="OHZ726" s="424"/>
      <c r="OIA726" s="424"/>
      <c r="OIB726" s="424"/>
      <c r="OIC726" s="423" t="s">
        <v>2795</v>
      </c>
      <c r="OID726" s="424"/>
      <c r="OIE726" s="424"/>
      <c r="OIF726" s="424"/>
      <c r="OIG726" s="423" t="s">
        <v>2795</v>
      </c>
      <c r="OIH726" s="424"/>
      <c r="OII726" s="424"/>
      <c r="OIJ726" s="424"/>
      <c r="OIK726" s="423" t="s">
        <v>2795</v>
      </c>
      <c r="OIL726" s="424"/>
      <c r="OIM726" s="424"/>
      <c r="OIN726" s="424"/>
      <c r="OIO726" s="423" t="s">
        <v>2795</v>
      </c>
      <c r="OIP726" s="424"/>
      <c r="OIQ726" s="424"/>
      <c r="OIR726" s="424"/>
      <c r="OIS726" s="423" t="s">
        <v>2795</v>
      </c>
      <c r="OIT726" s="424"/>
      <c r="OIU726" s="424"/>
      <c r="OIV726" s="424"/>
      <c r="OIW726" s="423" t="s">
        <v>2795</v>
      </c>
      <c r="OIX726" s="424"/>
      <c r="OIY726" s="424"/>
      <c r="OIZ726" s="424"/>
      <c r="OJA726" s="423" t="s">
        <v>2795</v>
      </c>
      <c r="OJB726" s="424"/>
      <c r="OJC726" s="424"/>
      <c r="OJD726" s="424"/>
      <c r="OJE726" s="423" t="s">
        <v>2795</v>
      </c>
      <c r="OJF726" s="424"/>
      <c r="OJG726" s="424"/>
      <c r="OJH726" s="424"/>
      <c r="OJI726" s="423" t="s">
        <v>2795</v>
      </c>
      <c r="OJJ726" s="424"/>
      <c r="OJK726" s="424"/>
      <c r="OJL726" s="424"/>
      <c r="OJM726" s="423" t="s">
        <v>2795</v>
      </c>
      <c r="OJN726" s="424"/>
      <c r="OJO726" s="424"/>
      <c r="OJP726" s="424"/>
      <c r="OJQ726" s="423" t="s">
        <v>2795</v>
      </c>
      <c r="OJR726" s="424"/>
      <c r="OJS726" s="424"/>
      <c r="OJT726" s="424"/>
      <c r="OJU726" s="423" t="s">
        <v>2795</v>
      </c>
      <c r="OJV726" s="424"/>
      <c r="OJW726" s="424"/>
      <c r="OJX726" s="424"/>
      <c r="OJY726" s="423" t="s">
        <v>2795</v>
      </c>
      <c r="OJZ726" s="424"/>
      <c r="OKA726" s="424"/>
      <c r="OKB726" s="424"/>
      <c r="OKC726" s="423" t="s">
        <v>2795</v>
      </c>
      <c r="OKD726" s="424"/>
      <c r="OKE726" s="424"/>
      <c r="OKF726" s="424"/>
      <c r="OKG726" s="423" t="s">
        <v>2795</v>
      </c>
      <c r="OKH726" s="424"/>
      <c r="OKI726" s="424"/>
      <c r="OKJ726" s="424"/>
      <c r="OKK726" s="423" t="s">
        <v>2795</v>
      </c>
      <c r="OKL726" s="424"/>
      <c r="OKM726" s="424"/>
      <c r="OKN726" s="424"/>
      <c r="OKO726" s="423" t="s">
        <v>2795</v>
      </c>
      <c r="OKP726" s="424"/>
      <c r="OKQ726" s="424"/>
      <c r="OKR726" s="424"/>
      <c r="OKS726" s="423" t="s">
        <v>2795</v>
      </c>
      <c r="OKT726" s="424"/>
      <c r="OKU726" s="424"/>
      <c r="OKV726" s="424"/>
      <c r="OKW726" s="423" t="s">
        <v>2795</v>
      </c>
      <c r="OKX726" s="424"/>
      <c r="OKY726" s="424"/>
      <c r="OKZ726" s="424"/>
      <c r="OLA726" s="423" t="s">
        <v>2795</v>
      </c>
      <c r="OLB726" s="424"/>
      <c r="OLC726" s="424"/>
      <c r="OLD726" s="424"/>
      <c r="OLE726" s="423" t="s">
        <v>2795</v>
      </c>
      <c r="OLF726" s="424"/>
      <c r="OLG726" s="424"/>
      <c r="OLH726" s="424"/>
      <c r="OLI726" s="423" t="s">
        <v>2795</v>
      </c>
      <c r="OLJ726" s="424"/>
      <c r="OLK726" s="424"/>
      <c r="OLL726" s="424"/>
      <c r="OLM726" s="423" t="s">
        <v>2795</v>
      </c>
      <c r="OLN726" s="424"/>
      <c r="OLO726" s="424"/>
      <c r="OLP726" s="424"/>
      <c r="OLQ726" s="423" t="s">
        <v>2795</v>
      </c>
      <c r="OLR726" s="424"/>
      <c r="OLS726" s="424"/>
      <c r="OLT726" s="424"/>
      <c r="OLU726" s="423" t="s">
        <v>2795</v>
      </c>
      <c r="OLV726" s="424"/>
      <c r="OLW726" s="424"/>
      <c r="OLX726" s="424"/>
      <c r="OLY726" s="423" t="s">
        <v>2795</v>
      </c>
      <c r="OLZ726" s="424"/>
      <c r="OMA726" s="424"/>
      <c r="OMB726" s="424"/>
      <c r="OMC726" s="423" t="s">
        <v>2795</v>
      </c>
      <c r="OMD726" s="424"/>
      <c r="OME726" s="424"/>
      <c r="OMF726" s="424"/>
      <c r="OMG726" s="423" t="s">
        <v>2795</v>
      </c>
      <c r="OMH726" s="424"/>
      <c r="OMI726" s="424"/>
      <c r="OMJ726" s="424"/>
      <c r="OMK726" s="423" t="s">
        <v>2795</v>
      </c>
      <c r="OML726" s="424"/>
      <c r="OMM726" s="424"/>
      <c r="OMN726" s="424"/>
      <c r="OMO726" s="423" t="s">
        <v>2795</v>
      </c>
      <c r="OMP726" s="424"/>
      <c r="OMQ726" s="424"/>
      <c r="OMR726" s="424"/>
      <c r="OMS726" s="423" t="s">
        <v>2795</v>
      </c>
      <c r="OMT726" s="424"/>
      <c r="OMU726" s="424"/>
      <c r="OMV726" s="424"/>
      <c r="OMW726" s="423" t="s">
        <v>2795</v>
      </c>
      <c r="OMX726" s="424"/>
      <c r="OMY726" s="424"/>
      <c r="OMZ726" s="424"/>
      <c r="ONA726" s="423" t="s">
        <v>2795</v>
      </c>
      <c r="ONB726" s="424"/>
      <c r="ONC726" s="424"/>
      <c r="OND726" s="424"/>
      <c r="ONE726" s="423" t="s">
        <v>2795</v>
      </c>
      <c r="ONF726" s="424"/>
      <c r="ONG726" s="424"/>
      <c r="ONH726" s="424"/>
      <c r="ONI726" s="423" t="s">
        <v>2795</v>
      </c>
      <c r="ONJ726" s="424"/>
      <c r="ONK726" s="424"/>
      <c r="ONL726" s="424"/>
      <c r="ONM726" s="423" t="s">
        <v>2795</v>
      </c>
      <c r="ONN726" s="424"/>
      <c r="ONO726" s="424"/>
      <c r="ONP726" s="424"/>
      <c r="ONQ726" s="423" t="s">
        <v>2795</v>
      </c>
      <c r="ONR726" s="424"/>
      <c r="ONS726" s="424"/>
      <c r="ONT726" s="424"/>
      <c r="ONU726" s="423" t="s">
        <v>2795</v>
      </c>
      <c r="ONV726" s="424"/>
      <c r="ONW726" s="424"/>
      <c r="ONX726" s="424"/>
      <c r="ONY726" s="423" t="s">
        <v>2795</v>
      </c>
      <c r="ONZ726" s="424"/>
      <c r="OOA726" s="424"/>
      <c r="OOB726" s="424"/>
      <c r="OOC726" s="423" t="s">
        <v>2795</v>
      </c>
      <c r="OOD726" s="424"/>
      <c r="OOE726" s="424"/>
      <c r="OOF726" s="424"/>
      <c r="OOG726" s="423" t="s">
        <v>2795</v>
      </c>
      <c r="OOH726" s="424"/>
      <c r="OOI726" s="424"/>
      <c r="OOJ726" s="424"/>
      <c r="OOK726" s="423" t="s">
        <v>2795</v>
      </c>
      <c r="OOL726" s="424"/>
      <c r="OOM726" s="424"/>
      <c r="OON726" s="424"/>
      <c r="OOO726" s="423" t="s">
        <v>2795</v>
      </c>
      <c r="OOP726" s="424"/>
      <c r="OOQ726" s="424"/>
      <c r="OOR726" s="424"/>
      <c r="OOS726" s="423" t="s">
        <v>2795</v>
      </c>
      <c r="OOT726" s="424"/>
      <c r="OOU726" s="424"/>
      <c r="OOV726" s="424"/>
      <c r="OOW726" s="423" t="s">
        <v>2795</v>
      </c>
      <c r="OOX726" s="424"/>
      <c r="OOY726" s="424"/>
      <c r="OOZ726" s="424"/>
      <c r="OPA726" s="423" t="s">
        <v>2795</v>
      </c>
      <c r="OPB726" s="424"/>
      <c r="OPC726" s="424"/>
      <c r="OPD726" s="424"/>
      <c r="OPE726" s="423" t="s">
        <v>2795</v>
      </c>
      <c r="OPF726" s="424"/>
      <c r="OPG726" s="424"/>
      <c r="OPH726" s="424"/>
      <c r="OPI726" s="423" t="s">
        <v>2795</v>
      </c>
      <c r="OPJ726" s="424"/>
      <c r="OPK726" s="424"/>
      <c r="OPL726" s="424"/>
      <c r="OPM726" s="423" t="s">
        <v>2795</v>
      </c>
      <c r="OPN726" s="424"/>
      <c r="OPO726" s="424"/>
      <c r="OPP726" s="424"/>
      <c r="OPQ726" s="423" t="s">
        <v>2795</v>
      </c>
      <c r="OPR726" s="424"/>
      <c r="OPS726" s="424"/>
      <c r="OPT726" s="424"/>
      <c r="OPU726" s="423" t="s">
        <v>2795</v>
      </c>
      <c r="OPV726" s="424"/>
      <c r="OPW726" s="424"/>
      <c r="OPX726" s="424"/>
      <c r="OPY726" s="423" t="s">
        <v>2795</v>
      </c>
      <c r="OPZ726" s="424"/>
      <c r="OQA726" s="424"/>
      <c r="OQB726" s="424"/>
      <c r="OQC726" s="423" t="s">
        <v>2795</v>
      </c>
      <c r="OQD726" s="424"/>
      <c r="OQE726" s="424"/>
      <c r="OQF726" s="424"/>
      <c r="OQG726" s="423" t="s">
        <v>2795</v>
      </c>
      <c r="OQH726" s="424"/>
      <c r="OQI726" s="424"/>
      <c r="OQJ726" s="424"/>
      <c r="OQK726" s="423" t="s">
        <v>2795</v>
      </c>
      <c r="OQL726" s="424"/>
      <c r="OQM726" s="424"/>
      <c r="OQN726" s="424"/>
      <c r="OQO726" s="423" t="s">
        <v>2795</v>
      </c>
      <c r="OQP726" s="424"/>
      <c r="OQQ726" s="424"/>
      <c r="OQR726" s="424"/>
      <c r="OQS726" s="423" t="s">
        <v>2795</v>
      </c>
      <c r="OQT726" s="424"/>
      <c r="OQU726" s="424"/>
      <c r="OQV726" s="424"/>
      <c r="OQW726" s="423" t="s">
        <v>2795</v>
      </c>
      <c r="OQX726" s="424"/>
      <c r="OQY726" s="424"/>
      <c r="OQZ726" s="424"/>
      <c r="ORA726" s="423" t="s">
        <v>2795</v>
      </c>
      <c r="ORB726" s="424"/>
      <c r="ORC726" s="424"/>
      <c r="ORD726" s="424"/>
      <c r="ORE726" s="423" t="s">
        <v>2795</v>
      </c>
      <c r="ORF726" s="424"/>
      <c r="ORG726" s="424"/>
      <c r="ORH726" s="424"/>
      <c r="ORI726" s="423" t="s">
        <v>2795</v>
      </c>
      <c r="ORJ726" s="424"/>
      <c r="ORK726" s="424"/>
      <c r="ORL726" s="424"/>
      <c r="ORM726" s="423" t="s">
        <v>2795</v>
      </c>
      <c r="ORN726" s="424"/>
      <c r="ORO726" s="424"/>
      <c r="ORP726" s="424"/>
      <c r="ORQ726" s="423" t="s">
        <v>2795</v>
      </c>
      <c r="ORR726" s="424"/>
      <c r="ORS726" s="424"/>
      <c r="ORT726" s="424"/>
      <c r="ORU726" s="423" t="s">
        <v>2795</v>
      </c>
      <c r="ORV726" s="424"/>
      <c r="ORW726" s="424"/>
      <c r="ORX726" s="424"/>
      <c r="ORY726" s="423" t="s">
        <v>2795</v>
      </c>
      <c r="ORZ726" s="424"/>
      <c r="OSA726" s="424"/>
      <c r="OSB726" s="424"/>
      <c r="OSC726" s="423" t="s">
        <v>2795</v>
      </c>
      <c r="OSD726" s="424"/>
      <c r="OSE726" s="424"/>
      <c r="OSF726" s="424"/>
      <c r="OSG726" s="423" t="s">
        <v>2795</v>
      </c>
      <c r="OSH726" s="424"/>
      <c r="OSI726" s="424"/>
      <c r="OSJ726" s="424"/>
      <c r="OSK726" s="423" t="s">
        <v>2795</v>
      </c>
      <c r="OSL726" s="424"/>
      <c r="OSM726" s="424"/>
      <c r="OSN726" s="424"/>
      <c r="OSO726" s="423" t="s">
        <v>2795</v>
      </c>
      <c r="OSP726" s="424"/>
      <c r="OSQ726" s="424"/>
      <c r="OSR726" s="424"/>
      <c r="OSS726" s="423" t="s">
        <v>2795</v>
      </c>
      <c r="OST726" s="424"/>
      <c r="OSU726" s="424"/>
      <c r="OSV726" s="424"/>
      <c r="OSW726" s="423" t="s">
        <v>2795</v>
      </c>
      <c r="OSX726" s="424"/>
      <c r="OSY726" s="424"/>
      <c r="OSZ726" s="424"/>
      <c r="OTA726" s="423" t="s">
        <v>2795</v>
      </c>
      <c r="OTB726" s="424"/>
      <c r="OTC726" s="424"/>
      <c r="OTD726" s="424"/>
      <c r="OTE726" s="423" t="s">
        <v>2795</v>
      </c>
      <c r="OTF726" s="424"/>
      <c r="OTG726" s="424"/>
      <c r="OTH726" s="424"/>
      <c r="OTI726" s="423" t="s">
        <v>2795</v>
      </c>
      <c r="OTJ726" s="424"/>
      <c r="OTK726" s="424"/>
      <c r="OTL726" s="424"/>
      <c r="OTM726" s="423" t="s">
        <v>2795</v>
      </c>
      <c r="OTN726" s="424"/>
      <c r="OTO726" s="424"/>
      <c r="OTP726" s="424"/>
      <c r="OTQ726" s="423" t="s">
        <v>2795</v>
      </c>
      <c r="OTR726" s="424"/>
      <c r="OTS726" s="424"/>
      <c r="OTT726" s="424"/>
      <c r="OTU726" s="423" t="s">
        <v>2795</v>
      </c>
      <c r="OTV726" s="424"/>
      <c r="OTW726" s="424"/>
      <c r="OTX726" s="424"/>
      <c r="OTY726" s="423" t="s">
        <v>2795</v>
      </c>
      <c r="OTZ726" s="424"/>
      <c r="OUA726" s="424"/>
      <c r="OUB726" s="424"/>
      <c r="OUC726" s="423" t="s">
        <v>2795</v>
      </c>
      <c r="OUD726" s="424"/>
      <c r="OUE726" s="424"/>
      <c r="OUF726" s="424"/>
      <c r="OUG726" s="423" t="s">
        <v>2795</v>
      </c>
      <c r="OUH726" s="424"/>
      <c r="OUI726" s="424"/>
      <c r="OUJ726" s="424"/>
      <c r="OUK726" s="423" t="s">
        <v>2795</v>
      </c>
      <c r="OUL726" s="424"/>
      <c r="OUM726" s="424"/>
      <c r="OUN726" s="424"/>
      <c r="OUO726" s="423" t="s">
        <v>2795</v>
      </c>
      <c r="OUP726" s="424"/>
      <c r="OUQ726" s="424"/>
      <c r="OUR726" s="424"/>
      <c r="OUS726" s="423" t="s">
        <v>2795</v>
      </c>
      <c r="OUT726" s="424"/>
      <c r="OUU726" s="424"/>
      <c r="OUV726" s="424"/>
      <c r="OUW726" s="423" t="s">
        <v>2795</v>
      </c>
      <c r="OUX726" s="424"/>
      <c r="OUY726" s="424"/>
      <c r="OUZ726" s="424"/>
      <c r="OVA726" s="423" t="s">
        <v>2795</v>
      </c>
      <c r="OVB726" s="424"/>
      <c r="OVC726" s="424"/>
      <c r="OVD726" s="424"/>
      <c r="OVE726" s="423" t="s">
        <v>2795</v>
      </c>
      <c r="OVF726" s="424"/>
      <c r="OVG726" s="424"/>
      <c r="OVH726" s="424"/>
      <c r="OVI726" s="423" t="s">
        <v>2795</v>
      </c>
      <c r="OVJ726" s="424"/>
      <c r="OVK726" s="424"/>
      <c r="OVL726" s="424"/>
      <c r="OVM726" s="423" t="s">
        <v>2795</v>
      </c>
      <c r="OVN726" s="424"/>
      <c r="OVO726" s="424"/>
      <c r="OVP726" s="424"/>
      <c r="OVQ726" s="423" t="s">
        <v>2795</v>
      </c>
      <c r="OVR726" s="424"/>
      <c r="OVS726" s="424"/>
      <c r="OVT726" s="424"/>
      <c r="OVU726" s="423" t="s">
        <v>2795</v>
      </c>
      <c r="OVV726" s="424"/>
      <c r="OVW726" s="424"/>
      <c r="OVX726" s="424"/>
      <c r="OVY726" s="423" t="s">
        <v>2795</v>
      </c>
      <c r="OVZ726" s="424"/>
      <c r="OWA726" s="424"/>
      <c r="OWB726" s="424"/>
      <c r="OWC726" s="423" t="s">
        <v>2795</v>
      </c>
      <c r="OWD726" s="424"/>
      <c r="OWE726" s="424"/>
      <c r="OWF726" s="424"/>
      <c r="OWG726" s="423" t="s">
        <v>2795</v>
      </c>
      <c r="OWH726" s="424"/>
      <c r="OWI726" s="424"/>
      <c r="OWJ726" s="424"/>
      <c r="OWK726" s="423" t="s">
        <v>2795</v>
      </c>
      <c r="OWL726" s="424"/>
      <c r="OWM726" s="424"/>
      <c r="OWN726" s="424"/>
      <c r="OWO726" s="423" t="s">
        <v>2795</v>
      </c>
      <c r="OWP726" s="424"/>
      <c r="OWQ726" s="424"/>
      <c r="OWR726" s="424"/>
      <c r="OWS726" s="423" t="s">
        <v>2795</v>
      </c>
      <c r="OWT726" s="424"/>
      <c r="OWU726" s="424"/>
      <c r="OWV726" s="424"/>
      <c r="OWW726" s="423" t="s">
        <v>2795</v>
      </c>
      <c r="OWX726" s="424"/>
      <c r="OWY726" s="424"/>
      <c r="OWZ726" s="424"/>
      <c r="OXA726" s="423" t="s">
        <v>2795</v>
      </c>
      <c r="OXB726" s="424"/>
      <c r="OXC726" s="424"/>
      <c r="OXD726" s="424"/>
      <c r="OXE726" s="423" t="s">
        <v>2795</v>
      </c>
      <c r="OXF726" s="424"/>
      <c r="OXG726" s="424"/>
      <c r="OXH726" s="424"/>
      <c r="OXI726" s="423" t="s">
        <v>2795</v>
      </c>
      <c r="OXJ726" s="424"/>
      <c r="OXK726" s="424"/>
      <c r="OXL726" s="424"/>
      <c r="OXM726" s="423" t="s">
        <v>2795</v>
      </c>
      <c r="OXN726" s="424"/>
      <c r="OXO726" s="424"/>
      <c r="OXP726" s="424"/>
      <c r="OXQ726" s="423" t="s">
        <v>2795</v>
      </c>
      <c r="OXR726" s="424"/>
      <c r="OXS726" s="424"/>
      <c r="OXT726" s="424"/>
      <c r="OXU726" s="423" t="s">
        <v>2795</v>
      </c>
      <c r="OXV726" s="424"/>
      <c r="OXW726" s="424"/>
      <c r="OXX726" s="424"/>
      <c r="OXY726" s="423" t="s">
        <v>2795</v>
      </c>
      <c r="OXZ726" s="424"/>
      <c r="OYA726" s="424"/>
      <c r="OYB726" s="424"/>
      <c r="OYC726" s="423" t="s">
        <v>2795</v>
      </c>
      <c r="OYD726" s="424"/>
      <c r="OYE726" s="424"/>
      <c r="OYF726" s="424"/>
      <c r="OYG726" s="423" t="s">
        <v>2795</v>
      </c>
      <c r="OYH726" s="424"/>
      <c r="OYI726" s="424"/>
      <c r="OYJ726" s="424"/>
      <c r="OYK726" s="423" t="s">
        <v>2795</v>
      </c>
      <c r="OYL726" s="424"/>
      <c r="OYM726" s="424"/>
      <c r="OYN726" s="424"/>
      <c r="OYO726" s="423" t="s">
        <v>2795</v>
      </c>
      <c r="OYP726" s="424"/>
      <c r="OYQ726" s="424"/>
      <c r="OYR726" s="424"/>
      <c r="OYS726" s="423" t="s">
        <v>2795</v>
      </c>
      <c r="OYT726" s="424"/>
      <c r="OYU726" s="424"/>
      <c r="OYV726" s="424"/>
      <c r="OYW726" s="423" t="s">
        <v>2795</v>
      </c>
      <c r="OYX726" s="424"/>
      <c r="OYY726" s="424"/>
      <c r="OYZ726" s="424"/>
      <c r="OZA726" s="423" t="s">
        <v>2795</v>
      </c>
      <c r="OZB726" s="424"/>
      <c r="OZC726" s="424"/>
      <c r="OZD726" s="424"/>
      <c r="OZE726" s="423" t="s">
        <v>2795</v>
      </c>
      <c r="OZF726" s="424"/>
      <c r="OZG726" s="424"/>
      <c r="OZH726" s="424"/>
      <c r="OZI726" s="423" t="s">
        <v>2795</v>
      </c>
      <c r="OZJ726" s="424"/>
      <c r="OZK726" s="424"/>
      <c r="OZL726" s="424"/>
      <c r="OZM726" s="423" t="s">
        <v>2795</v>
      </c>
      <c r="OZN726" s="424"/>
      <c r="OZO726" s="424"/>
      <c r="OZP726" s="424"/>
      <c r="OZQ726" s="423" t="s">
        <v>2795</v>
      </c>
      <c r="OZR726" s="424"/>
      <c r="OZS726" s="424"/>
      <c r="OZT726" s="424"/>
      <c r="OZU726" s="423" t="s">
        <v>2795</v>
      </c>
      <c r="OZV726" s="424"/>
      <c r="OZW726" s="424"/>
      <c r="OZX726" s="424"/>
      <c r="OZY726" s="423" t="s">
        <v>2795</v>
      </c>
      <c r="OZZ726" s="424"/>
      <c r="PAA726" s="424"/>
      <c r="PAB726" s="424"/>
      <c r="PAC726" s="423" t="s">
        <v>2795</v>
      </c>
      <c r="PAD726" s="424"/>
      <c r="PAE726" s="424"/>
      <c r="PAF726" s="424"/>
      <c r="PAG726" s="423" t="s">
        <v>2795</v>
      </c>
      <c r="PAH726" s="424"/>
      <c r="PAI726" s="424"/>
      <c r="PAJ726" s="424"/>
      <c r="PAK726" s="423" t="s">
        <v>2795</v>
      </c>
      <c r="PAL726" s="424"/>
      <c r="PAM726" s="424"/>
      <c r="PAN726" s="424"/>
      <c r="PAO726" s="423" t="s">
        <v>2795</v>
      </c>
      <c r="PAP726" s="424"/>
      <c r="PAQ726" s="424"/>
      <c r="PAR726" s="424"/>
      <c r="PAS726" s="423" t="s">
        <v>2795</v>
      </c>
      <c r="PAT726" s="424"/>
      <c r="PAU726" s="424"/>
      <c r="PAV726" s="424"/>
      <c r="PAW726" s="423" t="s">
        <v>2795</v>
      </c>
      <c r="PAX726" s="424"/>
      <c r="PAY726" s="424"/>
      <c r="PAZ726" s="424"/>
      <c r="PBA726" s="423" t="s">
        <v>2795</v>
      </c>
      <c r="PBB726" s="424"/>
      <c r="PBC726" s="424"/>
      <c r="PBD726" s="424"/>
      <c r="PBE726" s="423" t="s">
        <v>2795</v>
      </c>
      <c r="PBF726" s="424"/>
      <c r="PBG726" s="424"/>
      <c r="PBH726" s="424"/>
      <c r="PBI726" s="423" t="s">
        <v>2795</v>
      </c>
      <c r="PBJ726" s="424"/>
      <c r="PBK726" s="424"/>
      <c r="PBL726" s="424"/>
      <c r="PBM726" s="423" t="s">
        <v>2795</v>
      </c>
      <c r="PBN726" s="424"/>
      <c r="PBO726" s="424"/>
      <c r="PBP726" s="424"/>
      <c r="PBQ726" s="423" t="s">
        <v>2795</v>
      </c>
      <c r="PBR726" s="424"/>
      <c r="PBS726" s="424"/>
      <c r="PBT726" s="424"/>
      <c r="PBU726" s="423" t="s">
        <v>2795</v>
      </c>
      <c r="PBV726" s="424"/>
      <c r="PBW726" s="424"/>
      <c r="PBX726" s="424"/>
      <c r="PBY726" s="423" t="s">
        <v>2795</v>
      </c>
      <c r="PBZ726" s="424"/>
      <c r="PCA726" s="424"/>
      <c r="PCB726" s="424"/>
      <c r="PCC726" s="423" t="s">
        <v>2795</v>
      </c>
      <c r="PCD726" s="424"/>
      <c r="PCE726" s="424"/>
      <c r="PCF726" s="424"/>
      <c r="PCG726" s="423" t="s">
        <v>2795</v>
      </c>
      <c r="PCH726" s="424"/>
      <c r="PCI726" s="424"/>
      <c r="PCJ726" s="424"/>
      <c r="PCK726" s="423" t="s">
        <v>2795</v>
      </c>
      <c r="PCL726" s="424"/>
      <c r="PCM726" s="424"/>
      <c r="PCN726" s="424"/>
      <c r="PCO726" s="423" t="s">
        <v>2795</v>
      </c>
      <c r="PCP726" s="424"/>
      <c r="PCQ726" s="424"/>
      <c r="PCR726" s="424"/>
      <c r="PCS726" s="423" t="s">
        <v>2795</v>
      </c>
      <c r="PCT726" s="424"/>
      <c r="PCU726" s="424"/>
      <c r="PCV726" s="424"/>
      <c r="PCW726" s="423" t="s">
        <v>2795</v>
      </c>
      <c r="PCX726" s="424"/>
      <c r="PCY726" s="424"/>
      <c r="PCZ726" s="424"/>
      <c r="PDA726" s="423" t="s">
        <v>2795</v>
      </c>
      <c r="PDB726" s="424"/>
      <c r="PDC726" s="424"/>
      <c r="PDD726" s="424"/>
      <c r="PDE726" s="423" t="s">
        <v>2795</v>
      </c>
      <c r="PDF726" s="424"/>
      <c r="PDG726" s="424"/>
      <c r="PDH726" s="424"/>
      <c r="PDI726" s="423" t="s">
        <v>2795</v>
      </c>
      <c r="PDJ726" s="424"/>
      <c r="PDK726" s="424"/>
      <c r="PDL726" s="424"/>
      <c r="PDM726" s="423" t="s">
        <v>2795</v>
      </c>
      <c r="PDN726" s="424"/>
      <c r="PDO726" s="424"/>
      <c r="PDP726" s="424"/>
      <c r="PDQ726" s="423" t="s">
        <v>2795</v>
      </c>
      <c r="PDR726" s="424"/>
      <c r="PDS726" s="424"/>
      <c r="PDT726" s="424"/>
      <c r="PDU726" s="423" t="s">
        <v>2795</v>
      </c>
      <c r="PDV726" s="424"/>
      <c r="PDW726" s="424"/>
      <c r="PDX726" s="424"/>
      <c r="PDY726" s="423" t="s">
        <v>2795</v>
      </c>
      <c r="PDZ726" s="424"/>
      <c r="PEA726" s="424"/>
      <c r="PEB726" s="424"/>
      <c r="PEC726" s="423" t="s">
        <v>2795</v>
      </c>
      <c r="PED726" s="424"/>
      <c r="PEE726" s="424"/>
      <c r="PEF726" s="424"/>
      <c r="PEG726" s="423" t="s">
        <v>2795</v>
      </c>
      <c r="PEH726" s="424"/>
      <c r="PEI726" s="424"/>
      <c r="PEJ726" s="424"/>
      <c r="PEK726" s="423" t="s">
        <v>2795</v>
      </c>
      <c r="PEL726" s="424"/>
      <c r="PEM726" s="424"/>
      <c r="PEN726" s="424"/>
      <c r="PEO726" s="423" t="s">
        <v>2795</v>
      </c>
      <c r="PEP726" s="424"/>
      <c r="PEQ726" s="424"/>
      <c r="PER726" s="424"/>
      <c r="PES726" s="423" t="s">
        <v>2795</v>
      </c>
      <c r="PET726" s="424"/>
      <c r="PEU726" s="424"/>
      <c r="PEV726" s="424"/>
      <c r="PEW726" s="423" t="s">
        <v>2795</v>
      </c>
      <c r="PEX726" s="424"/>
      <c r="PEY726" s="424"/>
      <c r="PEZ726" s="424"/>
      <c r="PFA726" s="423" t="s">
        <v>2795</v>
      </c>
      <c r="PFB726" s="424"/>
      <c r="PFC726" s="424"/>
      <c r="PFD726" s="424"/>
      <c r="PFE726" s="423" t="s">
        <v>2795</v>
      </c>
      <c r="PFF726" s="424"/>
      <c r="PFG726" s="424"/>
      <c r="PFH726" s="424"/>
      <c r="PFI726" s="423" t="s">
        <v>2795</v>
      </c>
      <c r="PFJ726" s="424"/>
      <c r="PFK726" s="424"/>
      <c r="PFL726" s="424"/>
      <c r="PFM726" s="423" t="s">
        <v>2795</v>
      </c>
      <c r="PFN726" s="424"/>
      <c r="PFO726" s="424"/>
      <c r="PFP726" s="424"/>
      <c r="PFQ726" s="423" t="s">
        <v>2795</v>
      </c>
      <c r="PFR726" s="424"/>
      <c r="PFS726" s="424"/>
      <c r="PFT726" s="424"/>
      <c r="PFU726" s="423" t="s">
        <v>2795</v>
      </c>
      <c r="PFV726" s="424"/>
      <c r="PFW726" s="424"/>
      <c r="PFX726" s="424"/>
      <c r="PFY726" s="423" t="s">
        <v>2795</v>
      </c>
      <c r="PFZ726" s="424"/>
      <c r="PGA726" s="424"/>
      <c r="PGB726" s="424"/>
      <c r="PGC726" s="423" t="s">
        <v>2795</v>
      </c>
      <c r="PGD726" s="424"/>
      <c r="PGE726" s="424"/>
      <c r="PGF726" s="424"/>
      <c r="PGG726" s="423" t="s">
        <v>2795</v>
      </c>
      <c r="PGH726" s="424"/>
      <c r="PGI726" s="424"/>
      <c r="PGJ726" s="424"/>
      <c r="PGK726" s="423" t="s">
        <v>2795</v>
      </c>
      <c r="PGL726" s="424"/>
      <c r="PGM726" s="424"/>
      <c r="PGN726" s="424"/>
      <c r="PGO726" s="423" t="s">
        <v>2795</v>
      </c>
      <c r="PGP726" s="424"/>
      <c r="PGQ726" s="424"/>
      <c r="PGR726" s="424"/>
      <c r="PGS726" s="423" t="s">
        <v>2795</v>
      </c>
      <c r="PGT726" s="424"/>
      <c r="PGU726" s="424"/>
      <c r="PGV726" s="424"/>
      <c r="PGW726" s="423" t="s">
        <v>2795</v>
      </c>
      <c r="PGX726" s="424"/>
      <c r="PGY726" s="424"/>
      <c r="PGZ726" s="424"/>
      <c r="PHA726" s="423" t="s">
        <v>2795</v>
      </c>
      <c r="PHB726" s="424"/>
      <c r="PHC726" s="424"/>
      <c r="PHD726" s="424"/>
      <c r="PHE726" s="423" t="s">
        <v>2795</v>
      </c>
      <c r="PHF726" s="424"/>
      <c r="PHG726" s="424"/>
      <c r="PHH726" s="424"/>
      <c r="PHI726" s="423" t="s">
        <v>2795</v>
      </c>
      <c r="PHJ726" s="424"/>
      <c r="PHK726" s="424"/>
      <c r="PHL726" s="424"/>
      <c r="PHM726" s="423" t="s">
        <v>2795</v>
      </c>
      <c r="PHN726" s="424"/>
      <c r="PHO726" s="424"/>
      <c r="PHP726" s="424"/>
      <c r="PHQ726" s="423" t="s">
        <v>2795</v>
      </c>
      <c r="PHR726" s="424"/>
      <c r="PHS726" s="424"/>
      <c r="PHT726" s="424"/>
      <c r="PHU726" s="423" t="s">
        <v>2795</v>
      </c>
      <c r="PHV726" s="424"/>
      <c r="PHW726" s="424"/>
      <c r="PHX726" s="424"/>
      <c r="PHY726" s="423" t="s">
        <v>2795</v>
      </c>
      <c r="PHZ726" s="424"/>
      <c r="PIA726" s="424"/>
      <c r="PIB726" s="424"/>
      <c r="PIC726" s="423" t="s">
        <v>2795</v>
      </c>
      <c r="PID726" s="424"/>
      <c r="PIE726" s="424"/>
      <c r="PIF726" s="424"/>
      <c r="PIG726" s="423" t="s">
        <v>2795</v>
      </c>
      <c r="PIH726" s="424"/>
      <c r="PII726" s="424"/>
      <c r="PIJ726" s="424"/>
      <c r="PIK726" s="423" t="s">
        <v>2795</v>
      </c>
      <c r="PIL726" s="424"/>
      <c r="PIM726" s="424"/>
      <c r="PIN726" s="424"/>
      <c r="PIO726" s="423" t="s">
        <v>2795</v>
      </c>
      <c r="PIP726" s="424"/>
      <c r="PIQ726" s="424"/>
      <c r="PIR726" s="424"/>
      <c r="PIS726" s="423" t="s">
        <v>2795</v>
      </c>
      <c r="PIT726" s="424"/>
      <c r="PIU726" s="424"/>
      <c r="PIV726" s="424"/>
      <c r="PIW726" s="423" t="s">
        <v>2795</v>
      </c>
      <c r="PIX726" s="424"/>
      <c r="PIY726" s="424"/>
      <c r="PIZ726" s="424"/>
      <c r="PJA726" s="423" t="s">
        <v>2795</v>
      </c>
      <c r="PJB726" s="424"/>
      <c r="PJC726" s="424"/>
      <c r="PJD726" s="424"/>
      <c r="PJE726" s="423" t="s">
        <v>2795</v>
      </c>
      <c r="PJF726" s="424"/>
      <c r="PJG726" s="424"/>
      <c r="PJH726" s="424"/>
      <c r="PJI726" s="423" t="s">
        <v>2795</v>
      </c>
      <c r="PJJ726" s="424"/>
      <c r="PJK726" s="424"/>
      <c r="PJL726" s="424"/>
      <c r="PJM726" s="423" t="s">
        <v>2795</v>
      </c>
      <c r="PJN726" s="424"/>
      <c r="PJO726" s="424"/>
      <c r="PJP726" s="424"/>
      <c r="PJQ726" s="423" t="s">
        <v>2795</v>
      </c>
      <c r="PJR726" s="424"/>
      <c r="PJS726" s="424"/>
      <c r="PJT726" s="424"/>
      <c r="PJU726" s="423" t="s">
        <v>2795</v>
      </c>
      <c r="PJV726" s="424"/>
      <c r="PJW726" s="424"/>
      <c r="PJX726" s="424"/>
      <c r="PJY726" s="423" t="s">
        <v>2795</v>
      </c>
      <c r="PJZ726" s="424"/>
      <c r="PKA726" s="424"/>
      <c r="PKB726" s="424"/>
      <c r="PKC726" s="423" t="s">
        <v>2795</v>
      </c>
      <c r="PKD726" s="424"/>
      <c r="PKE726" s="424"/>
      <c r="PKF726" s="424"/>
      <c r="PKG726" s="423" t="s">
        <v>2795</v>
      </c>
      <c r="PKH726" s="424"/>
      <c r="PKI726" s="424"/>
      <c r="PKJ726" s="424"/>
      <c r="PKK726" s="423" t="s">
        <v>2795</v>
      </c>
      <c r="PKL726" s="424"/>
      <c r="PKM726" s="424"/>
      <c r="PKN726" s="424"/>
      <c r="PKO726" s="423" t="s">
        <v>2795</v>
      </c>
      <c r="PKP726" s="424"/>
      <c r="PKQ726" s="424"/>
      <c r="PKR726" s="424"/>
      <c r="PKS726" s="423" t="s">
        <v>2795</v>
      </c>
      <c r="PKT726" s="424"/>
      <c r="PKU726" s="424"/>
      <c r="PKV726" s="424"/>
      <c r="PKW726" s="423" t="s">
        <v>2795</v>
      </c>
      <c r="PKX726" s="424"/>
      <c r="PKY726" s="424"/>
      <c r="PKZ726" s="424"/>
      <c r="PLA726" s="423" t="s">
        <v>2795</v>
      </c>
      <c r="PLB726" s="424"/>
      <c r="PLC726" s="424"/>
      <c r="PLD726" s="424"/>
      <c r="PLE726" s="423" t="s">
        <v>2795</v>
      </c>
      <c r="PLF726" s="424"/>
      <c r="PLG726" s="424"/>
      <c r="PLH726" s="424"/>
      <c r="PLI726" s="423" t="s">
        <v>2795</v>
      </c>
      <c r="PLJ726" s="424"/>
      <c r="PLK726" s="424"/>
      <c r="PLL726" s="424"/>
      <c r="PLM726" s="423" t="s">
        <v>2795</v>
      </c>
      <c r="PLN726" s="424"/>
      <c r="PLO726" s="424"/>
      <c r="PLP726" s="424"/>
      <c r="PLQ726" s="423" t="s">
        <v>2795</v>
      </c>
      <c r="PLR726" s="424"/>
      <c r="PLS726" s="424"/>
      <c r="PLT726" s="424"/>
      <c r="PLU726" s="423" t="s">
        <v>2795</v>
      </c>
      <c r="PLV726" s="424"/>
      <c r="PLW726" s="424"/>
      <c r="PLX726" s="424"/>
      <c r="PLY726" s="423" t="s">
        <v>2795</v>
      </c>
      <c r="PLZ726" s="424"/>
      <c r="PMA726" s="424"/>
      <c r="PMB726" s="424"/>
      <c r="PMC726" s="423" t="s">
        <v>2795</v>
      </c>
      <c r="PMD726" s="424"/>
      <c r="PME726" s="424"/>
      <c r="PMF726" s="424"/>
      <c r="PMG726" s="423" t="s">
        <v>2795</v>
      </c>
      <c r="PMH726" s="424"/>
      <c r="PMI726" s="424"/>
      <c r="PMJ726" s="424"/>
      <c r="PMK726" s="423" t="s">
        <v>2795</v>
      </c>
      <c r="PML726" s="424"/>
      <c r="PMM726" s="424"/>
      <c r="PMN726" s="424"/>
      <c r="PMO726" s="423" t="s">
        <v>2795</v>
      </c>
      <c r="PMP726" s="424"/>
      <c r="PMQ726" s="424"/>
      <c r="PMR726" s="424"/>
      <c r="PMS726" s="423" t="s">
        <v>2795</v>
      </c>
      <c r="PMT726" s="424"/>
      <c r="PMU726" s="424"/>
      <c r="PMV726" s="424"/>
      <c r="PMW726" s="423" t="s">
        <v>2795</v>
      </c>
      <c r="PMX726" s="424"/>
      <c r="PMY726" s="424"/>
      <c r="PMZ726" s="424"/>
      <c r="PNA726" s="423" t="s">
        <v>2795</v>
      </c>
      <c r="PNB726" s="424"/>
      <c r="PNC726" s="424"/>
      <c r="PND726" s="424"/>
      <c r="PNE726" s="423" t="s">
        <v>2795</v>
      </c>
      <c r="PNF726" s="424"/>
      <c r="PNG726" s="424"/>
      <c r="PNH726" s="424"/>
      <c r="PNI726" s="423" t="s">
        <v>2795</v>
      </c>
      <c r="PNJ726" s="424"/>
      <c r="PNK726" s="424"/>
      <c r="PNL726" s="424"/>
      <c r="PNM726" s="423" t="s">
        <v>2795</v>
      </c>
      <c r="PNN726" s="424"/>
      <c r="PNO726" s="424"/>
      <c r="PNP726" s="424"/>
      <c r="PNQ726" s="423" t="s">
        <v>2795</v>
      </c>
      <c r="PNR726" s="424"/>
      <c r="PNS726" s="424"/>
      <c r="PNT726" s="424"/>
      <c r="PNU726" s="423" t="s">
        <v>2795</v>
      </c>
      <c r="PNV726" s="424"/>
      <c r="PNW726" s="424"/>
      <c r="PNX726" s="424"/>
      <c r="PNY726" s="423" t="s">
        <v>2795</v>
      </c>
      <c r="PNZ726" s="424"/>
      <c r="POA726" s="424"/>
      <c r="POB726" s="424"/>
      <c r="POC726" s="423" t="s">
        <v>2795</v>
      </c>
      <c r="POD726" s="424"/>
      <c r="POE726" s="424"/>
      <c r="POF726" s="424"/>
      <c r="POG726" s="423" t="s">
        <v>2795</v>
      </c>
      <c r="POH726" s="424"/>
      <c r="POI726" s="424"/>
      <c r="POJ726" s="424"/>
      <c r="POK726" s="423" t="s">
        <v>2795</v>
      </c>
      <c r="POL726" s="424"/>
      <c r="POM726" s="424"/>
      <c r="PON726" s="424"/>
      <c r="POO726" s="423" t="s">
        <v>2795</v>
      </c>
      <c r="POP726" s="424"/>
      <c r="POQ726" s="424"/>
      <c r="POR726" s="424"/>
      <c r="POS726" s="423" t="s">
        <v>2795</v>
      </c>
      <c r="POT726" s="424"/>
      <c r="POU726" s="424"/>
      <c r="POV726" s="424"/>
      <c r="POW726" s="423" t="s">
        <v>2795</v>
      </c>
      <c r="POX726" s="424"/>
      <c r="POY726" s="424"/>
      <c r="POZ726" s="424"/>
      <c r="PPA726" s="423" t="s">
        <v>2795</v>
      </c>
      <c r="PPB726" s="424"/>
      <c r="PPC726" s="424"/>
      <c r="PPD726" s="424"/>
      <c r="PPE726" s="423" t="s">
        <v>2795</v>
      </c>
      <c r="PPF726" s="424"/>
      <c r="PPG726" s="424"/>
      <c r="PPH726" s="424"/>
      <c r="PPI726" s="423" t="s">
        <v>2795</v>
      </c>
      <c r="PPJ726" s="424"/>
      <c r="PPK726" s="424"/>
      <c r="PPL726" s="424"/>
      <c r="PPM726" s="423" t="s">
        <v>2795</v>
      </c>
      <c r="PPN726" s="424"/>
      <c r="PPO726" s="424"/>
      <c r="PPP726" s="424"/>
      <c r="PPQ726" s="423" t="s">
        <v>2795</v>
      </c>
      <c r="PPR726" s="424"/>
      <c r="PPS726" s="424"/>
      <c r="PPT726" s="424"/>
      <c r="PPU726" s="423" t="s">
        <v>2795</v>
      </c>
      <c r="PPV726" s="424"/>
      <c r="PPW726" s="424"/>
      <c r="PPX726" s="424"/>
      <c r="PPY726" s="423" t="s">
        <v>2795</v>
      </c>
      <c r="PPZ726" s="424"/>
      <c r="PQA726" s="424"/>
      <c r="PQB726" s="424"/>
      <c r="PQC726" s="423" t="s">
        <v>2795</v>
      </c>
      <c r="PQD726" s="424"/>
      <c r="PQE726" s="424"/>
      <c r="PQF726" s="424"/>
      <c r="PQG726" s="423" t="s">
        <v>2795</v>
      </c>
      <c r="PQH726" s="424"/>
      <c r="PQI726" s="424"/>
      <c r="PQJ726" s="424"/>
      <c r="PQK726" s="423" t="s">
        <v>2795</v>
      </c>
      <c r="PQL726" s="424"/>
      <c r="PQM726" s="424"/>
      <c r="PQN726" s="424"/>
      <c r="PQO726" s="423" t="s">
        <v>2795</v>
      </c>
      <c r="PQP726" s="424"/>
      <c r="PQQ726" s="424"/>
      <c r="PQR726" s="424"/>
      <c r="PQS726" s="423" t="s">
        <v>2795</v>
      </c>
      <c r="PQT726" s="424"/>
      <c r="PQU726" s="424"/>
      <c r="PQV726" s="424"/>
      <c r="PQW726" s="423" t="s">
        <v>2795</v>
      </c>
      <c r="PQX726" s="424"/>
      <c r="PQY726" s="424"/>
      <c r="PQZ726" s="424"/>
      <c r="PRA726" s="423" t="s">
        <v>2795</v>
      </c>
      <c r="PRB726" s="424"/>
      <c r="PRC726" s="424"/>
      <c r="PRD726" s="424"/>
      <c r="PRE726" s="423" t="s">
        <v>2795</v>
      </c>
      <c r="PRF726" s="424"/>
      <c r="PRG726" s="424"/>
      <c r="PRH726" s="424"/>
      <c r="PRI726" s="423" t="s">
        <v>2795</v>
      </c>
      <c r="PRJ726" s="424"/>
      <c r="PRK726" s="424"/>
      <c r="PRL726" s="424"/>
      <c r="PRM726" s="423" t="s">
        <v>2795</v>
      </c>
      <c r="PRN726" s="424"/>
      <c r="PRO726" s="424"/>
      <c r="PRP726" s="424"/>
      <c r="PRQ726" s="423" t="s">
        <v>2795</v>
      </c>
      <c r="PRR726" s="424"/>
      <c r="PRS726" s="424"/>
      <c r="PRT726" s="424"/>
      <c r="PRU726" s="423" t="s">
        <v>2795</v>
      </c>
      <c r="PRV726" s="424"/>
      <c r="PRW726" s="424"/>
      <c r="PRX726" s="424"/>
      <c r="PRY726" s="423" t="s">
        <v>2795</v>
      </c>
      <c r="PRZ726" s="424"/>
      <c r="PSA726" s="424"/>
      <c r="PSB726" s="424"/>
      <c r="PSC726" s="423" t="s">
        <v>2795</v>
      </c>
      <c r="PSD726" s="424"/>
      <c r="PSE726" s="424"/>
      <c r="PSF726" s="424"/>
      <c r="PSG726" s="423" t="s">
        <v>2795</v>
      </c>
      <c r="PSH726" s="424"/>
      <c r="PSI726" s="424"/>
      <c r="PSJ726" s="424"/>
      <c r="PSK726" s="423" t="s">
        <v>2795</v>
      </c>
      <c r="PSL726" s="424"/>
      <c r="PSM726" s="424"/>
      <c r="PSN726" s="424"/>
      <c r="PSO726" s="423" t="s">
        <v>2795</v>
      </c>
      <c r="PSP726" s="424"/>
      <c r="PSQ726" s="424"/>
      <c r="PSR726" s="424"/>
      <c r="PSS726" s="423" t="s">
        <v>2795</v>
      </c>
      <c r="PST726" s="424"/>
      <c r="PSU726" s="424"/>
      <c r="PSV726" s="424"/>
      <c r="PSW726" s="423" t="s">
        <v>2795</v>
      </c>
      <c r="PSX726" s="424"/>
      <c r="PSY726" s="424"/>
      <c r="PSZ726" s="424"/>
      <c r="PTA726" s="423" t="s">
        <v>2795</v>
      </c>
      <c r="PTB726" s="424"/>
      <c r="PTC726" s="424"/>
      <c r="PTD726" s="424"/>
      <c r="PTE726" s="423" t="s">
        <v>2795</v>
      </c>
      <c r="PTF726" s="424"/>
      <c r="PTG726" s="424"/>
      <c r="PTH726" s="424"/>
      <c r="PTI726" s="423" t="s">
        <v>2795</v>
      </c>
      <c r="PTJ726" s="424"/>
      <c r="PTK726" s="424"/>
      <c r="PTL726" s="424"/>
      <c r="PTM726" s="423" t="s">
        <v>2795</v>
      </c>
      <c r="PTN726" s="424"/>
      <c r="PTO726" s="424"/>
      <c r="PTP726" s="424"/>
      <c r="PTQ726" s="423" t="s">
        <v>2795</v>
      </c>
      <c r="PTR726" s="424"/>
      <c r="PTS726" s="424"/>
      <c r="PTT726" s="424"/>
      <c r="PTU726" s="423" t="s">
        <v>2795</v>
      </c>
      <c r="PTV726" s="424"/>
      <c r="PTW726" s="424"/>
      <c r="PTX726" s="424"/>
      <c r="PTY726" s="423" t="s">
        <v>2795</v>
      </c>
      <c r="PTZ726" s="424"/>
      <c r="PUA726" s="424"/>
      <c r="PUB726" s="424"/>
      <c r="PUC726" s="423" t="s">
        <v>2795</v>
      </c>
      <c r="PUD726" s="424"/>
      <c r="PUE726" s="424"/>
      <c r="PUF726" s="424"/>
      <c r="PUG726" s="423" t="s">
        <v>2795</v>
      </c>
      <c r="PUH726" s="424"/>
      <c r="PUI726" s="424"/>
      <c r="PUJ726" s="424"/>
      <c r="PUK726" s="423" t="s">
        <v>2795</v>
      </c>
      <c r="PUL726" s="424"/>
      <c r="PUM726" s="424"/>
      <c r="PUN726" s="424"/>
      <c r="PUO726" s="423" t="s">
        <v>2795</v>
      </c>
      <c r="PUP726" s="424"/>
      <c r="PUQ726" s="424"/>
      <c r="PUR726" s="424"/>
      <c r="PUS726" s="423" t="s">
        <v>2795</v>
      </c>
      <c r="PUT726" s="424"/>
      <c r="PUU726" s="424"/>
      <c r="PUV726" s="424"/>
      <c r="PUW726" s="423" t="s">
        <v>2795</v>
      </c>
      <c r="PUX726" s="424"/>
      <c r="PUY726" s="424"/>
      <c r="PUZ726" s="424"/>
      <c r="PVA726" s="423" t="s">
        <v>2795</v>
      </c>
      <c r="PVB726" s="424"/>
      <c r="PVC726" s="424"/>
      <c r="PVD726" s="424"/>
      <c r="PVE726" s="423" t="s">
        <v>2795</v>
      </c>
      <c r="PVF726" s="424"/>
      <c r="PVG726" s="424"/>
      <c r="PVH726" s="424"/>
      <c r="PVI726" s="423" t="s">
        <v>2795</v>
      </c>
      <c r="PVJ726" s="424"/>
      <c r="PVK726" s="424"/>
      <c r="PVL726" s="424"/>
      <c r="PVM726" s="423" t="s">
        <v>2795</v>
      </c>
      <c r="PVN726" s="424"/>
      <c r="PVO726" s="424"/>
      <c r="PVP726" s="424"/>
      <c r="PVQ726" s="423" t="s">
        <v>2795</v>
      </c>
      <c r="PVR726" s="424"/>
      <c r="PVS726" s="424"/>
      <c r="PVT726" s="424"/>
      <c r="PVU726" s="423" t="s">
        <v>2795</v>
      </c>
      <c r="PVV726" s="424"/>
      <c r="PVW726" s="424"/>
      <c r="PVX726" s="424"/>
      <c r="PVY726" s="423" t="s">
        <v>2795</v>
      </c>
      <c r="PVZ726" s="424"/>
      <c r="PWA726" s="424"/>
      <c r="PWB726" s="424"/>
      <c r="PWC726" s="423" t="s">
        <v>2795</v>
      </c>
      <c r="PWD726" s="424"/>
      <c r="PWE726" s="424"/>
      <c r="PWF726" s="424"/>
      <c r="PWG726" s="423" t="s">
        <v>2795</v>
      </c>
      <c r="PWH726" s="424"/>
      <c r="PWI726" s="424"/>
      <c r="PWJ726" s="424"/>
      <c r="PWK726" s="423" t="s">
        <v>2795</v>
      </c>
      <c r="PWL726" s="424"/>
      <c r="PWM726" s="424"/>
      <c r="PWN726" s="424"/>
      <c r="PWO726" s="423" t="s">
        <v>2795</v>
      </c>
      <c r="PWP726" s="424"/>
      <c r="PWQ726" s="424"/>
      <c r="PWR726" s="424"/>
      <c r="PWS726" s="423" t="s">
        <v>2795</v>
      </c>
      <c r="PWT726" s="424"/>
      <c r="PWU726" s="424"/>
      <c r="PWV726" s="424"/>
      <c r="PWW726" s="423" t="s">
        <v>2795</v>
      </c>
      <c r="PWX726" s="424"/>
      <c r="PWY726" s="424"/>
      <c r="PWZ726" s="424"/>
      <c r="PXA726" s="423" t="s">
        <v>2795</v>
      </c>
      <c r="PXB726" s="424"/>
      <c r="PXC726" s="424"/>
      <c r="PXD726" s="424"/>
      <c r="PXE726" s="423" t="s">
        <v>2795</v>
      </c>
      <c r="PXF726" s="424"/>
      <c r="PXG726" s="424"/>
      <c r="PXH726" s="424"/>
      <c r="PXI726" s="423" t="s">
        <v>2795</v>
      </c>
      <c r="PXJ726" s="424"/>
      <c r="PXK726" s="424"/>
      <c r="PXL726" s="424"/>
      <c r="PXM726" s="423" t="s">
        <v>2795</v>
      </c>
      <c r="PXN726" s="424"/>
      <c r="PXO726" s="424"/>
      <c r="PXP726" s="424"/>
      <c r="PXQ726" s="423" t="s">
        <v>2795</v>
      </c>
      <c r="PXR726" s="424"/>
      <c r="PXS726" s="424"/>
      <c r="PXT726" s="424"/>
      <c r="PXU726" s="423" t="s">
        <v>2795</v>
      </c>
      <c r="PXV726" s="424"/>
      <c r="PXW726" s="424"/>
      <c r="PXX726" s="424"/>
      <c r="PXY726" s="423" t="s">
        <v>2795</v>
      </c>
      <c r="PXZ726" s="424"/>
      <c r="PYA726" s="424"/>
      <c r="PYB726" s="424"/>
      <c r="PYC726" s="423" t="s">
        <v>2795</v>
      </c>
      <c r="PYD726" s="424"/>
      <c r="PYE726" s="424"/>
      <c r="PYF726" s="424"/>
      <c r="PYG726" s="423" t="s">
        <v>2795</v>
      </c>
      <c r="PYH726" s="424"/>
      <c r="PYI726" s="424"/>
      <c r="PYJ726" s="424"/>
      <c r="PYK726" s="423" t="s">
        <v>2795</v>
      </c>
      <c r="PYL726" s="424"/>
      <c r="PYM726" s="424"/>
      <c r="PYN726" s="424"/>
      <c r="PYO726" s="423" t="s">
        <v>2795</v>
      </c>
      <c r="PYP726" s="424"/>
      <c r="PYQ726" s="424"/>
      <c r="PYR726" s="424"/>
      <c r="PYS726" s="423" t="s">
        <v>2795</v>
      </c>
      <c r="PYT726" s="424"/>
      <c r="PYU726" s="424"/>
      <c r="PYV726" s="424"/>
      <c r="PYW726" s="423" t="s">
        <v>2795</v>
      </c>
      <c r="PYX726" s="424"/>
      <c r="PYY726" s="424"/>
      <c r="PYZ726" s="424"/>
      <c r="PZA726" s="423" t="s">
        <v>2795</v>
      </c>
      <c r="PZB726" s="424"/>
      <c r="PZC726" s="424"/>
      <c r="PZD726" s="424"/>
      <c r="PZE726" s="423" t="s">
        <v>2795</v>
      </c>
      <c r="PZF726" s="424"/>
      <c r="PZG726" s="424"/>
      <c r="PZH726" s="424"/>
      <c r="PZI726" s="423" t="s">
        <v>2795</v>
      </c>
      <c r="PZJ726" s="424"/>
      <c r="PZK726" s="424"/>
      <c r="PZL726" s="424"/>
      <c r="PZM726" s="423" t="s">
        <v>2795</v>
      </c>
      <c r="PZN726" s="424"/>
      <c r="PZO726" s="424"/>
      <c r="PZP726" s="424"/>
      <c r="PZQ726" s="423" t="s">
        <v>2795</v>
      </c>
      <c r="PZR726" s="424"/>
      <c r="PZS726" s="424"/>
      <c r="PZT726" s="424"/>
      <c r="PZU726" s="423" t="s">
        <v>2795</v>
      </c>
      <c r="PZV726" s="424"/>
      <c r="PZW726" s="424"/>
      <c r="PZX726" s="424"/>
      <c r="PZY726" s="423" t="s">
        <v>2795</v>
      </c>
      <c r="PZZ726" s="424"/>
      <c r="QAA726" s="424"/>
      <c r="QAB726" s="424"/>
      <c r="QAC726" s="423" t="s">
        <v>2795</v>
      </c>
      <c r="QAD726" s="424"/>
      <c r="QAE726" s="424"/>
      <c r="QAF726" s="424"/>
      <c r="QAG726" s="423" t="s">
        <v>2795</v>
      </c>
      <c r="QAH726" s="424"/>
      <c r="QAI726" s="424"/>
      <c r="QAJ726" s="424"/>
      <c r="QAK726" s="423" t="s">
        <v>2795</v>
      </c>
      <c r="QAL726" s="424"/>
      <c r="QAM726" s="424"/>
      <c r="QAN726" s="424"/>
      <c r="QAO726" s="423" t="s">
        <v>2795</v>
      </c>
      <c r="QAP726" s="424"/>
      <c r="QAQ726" s="424"/>
      <c r="QAR726" s="424"/>
      <c r="QAS726" s="423" t="s">
        <v>2795</v>
      </c>
      <c r="QAT726" s="424"/>
      <c r="QAU726" s="424"/>
      <c r="QAV726" s="424"/>
      <c r="QAW726" s="423" t="s">
        <v>2795</v>
      </c>
      <c r="QAX726" s="424"/>
      <c r="QAY726" s="424"/>
      <c r="QAZ726" s="424"/>
      <c r="QBA726" s="423" t="s">
        <v>2795</v>
      </c>
      <c r="QBB726" s="424"/>
      <c r="QBC726" s="424"/>
      <c r="QBD726" s="424"/>
      <c r="QBE726" s="423" t="s">
        <v>2795</v>
      </c>
      <c r="QBF726" s="424"/>
      <c r="QBG726" s="424"/>
      <c r="QBH726" s="424"/>
      <c r="QBI726" s="423" t="s">
        <v>2795</v>
      </c>
      <c r="QBJ726" s="424"/>
      <c r="QBK726" s="424"/>
      <c r="QBL726" s="424"/>
      <c r="QBM726" s="423" t="s">
        <v>2795</v>
      </c>
      <c r="QBN726" s="424"/>
      <c r="QBO726" s="424"/>
      <c r="QBP726" s="424"/>
      <c r="QBQ726" s="423" t="s">
        <v>2795</v>
      </c>
      <c r="QBR726" s="424"/>
      <c r="QBS726" s="424"/>
      <c r="QBT726" s="424"/>
      <c r="QBU726" s="423" t="s">
        <v>2795</v>
      </c>
      <c r="QBV726" s="424"/>
      <c r="QBW726" s="424"/>
      <c r="QBX726" s="424"/>
      <c r="QBY726" s="423" t="s">
        <v>2795</v>
      </c>
      <c r="QBZ726" s="424"/>
      <c r="QCA726" s="424"/>
      <c r="QCB726" s="424"/>
      <c r="QCC726" s="423" t="s">
        <v>2795</v>
      </c>
      <c r="QCD726" s="424"/>
      <c r="QCE726" s="424"/>
      <c r="QCF726" s="424"/>
      <c r="QCG726" s="423" t="s">
        <v>2795</v>
      </c>
      <c r="QCH726" s="424"/>
      <c r="QCI726" s="424"/>
      <c r="QCJ726" s="424"/>
      <c r="QCK726" s="423" t="s">
        <v>2795</v>
      </c>
      <c r="QCL726" s="424"/>
      <c r="QCM726" s="424"/>
      <c r="QCN726" s="424"/>
      <c r="QCO726" s="423" t="s">
        <v>2795</v>
      </c>
      <c r="QCP726" s="424"/>
      <c r="QCQ726" s="424"/>
      <c r="QCR726" s="424"/>
      <c r="QCS726" s="423" t="s">
        <v>2795</v>
      </c>
      <c r="QCT726" s="424"/>
      <c r="QCU726" s="424"/>
      <c r="QCV726" s="424"/>
      <c r="QCW726" s="423" t="s">
        <v>2795</v>
      </c>
      <c r="QCX726" s="424"/>
      <c r="QCY726" s="424"/>
      <c r="QCZ726" s="424"/>
      <c r="QDA726" s="423" t="s">
        <v>2795</v>
      </c>
      <c r="QDB726" s="424"/>
      <c r="QDC726" s="424"/>
      <c r="QDD726" s="424"/>
      <c r="QDE726" s="423" t="s">
        <v>2795</v>
      </c>
      <c r="QDF726" s="424"/>
      <c r="QDG726" s="424"/>
      <c r="QDH726" s="424"/>
      <c r="QDI726" s="423" t="s">
        <v>2795</v>
      </c>
      <c r="QDJ726" s="424"/>
      <c r="QDK726" s="424"/>
      <c r="QDL726" s="424"/>
      <c r="QDM726" s="423" t="s">
        <v>2795</v>
      </c>
      <c r="QDN726" s="424"/>
      <c r="QDO726" s="424"/>
      <c r="QDP726" s="424"/>
      <c r="QDQ726" s="423" t="s">
        <v>2795</v>
      </c>
      <c r="QDR726" s="424"/>
      <c r="QDS726" s="424"/>
      <c r="QDT726" s="424"/>
      <c r="QDU726" s="423" t="s">
        <v>2795</v>
      </c>
      <c r="QDV726" s="424"/>
      <c r="QDW726" s="424"/>
      <c r="QDX726" s="424"/>
      <c r="QDY726" s="423" t="s">
        <v>2795</v>
      </c>
      <c r="QDZ726" s="424"/>
      <c r="QEA726" s="424"/>
      <c r="QEB726" s="424"/>
      <c r="QEC726" s="423" t="s">
        <v>2795</v>
      </c>
      <c r="QED726" s="424"/>
      <c r="QEE726" s="424"/>
      <c r="QEF726" s="424"/>
      <c r="QEG726" s="423" t="s">
        <v>2795</v>
      </c>
      <c r="QEH726" s="424"/>
      <c r="QEI726" s="424"/>
      <c r="QEJ726" s="424"/>
      <c r="QEK726" s="423" t="s">
        <v>2795</v>
      </c>
      <c r="QEL726" s="424"/>
      <c r="QEM726" s="424"/>
      <c r="QEN726" s="424"/>
      <c r="QEO726" s="423" t="s">
        <v>2795</v>
      </c>
      <c r="QEP726" s="424"/>
      <c r="QEQ726" s="424"/>
      <c r="QER726" s="424"/>
      <c r="QES726" s="423" t="s">
        <v>2795</v>
      </c>
      <c r="QET726" s="424"/>
      <c r="QEU726" s="424"/>
      <c r="QEV726" s="424"/>
      <c r="QEW726" s="423" t="s">
        <v>2795</v>
      </c>
      <c r="QEX726" s="424"/>
      <c r="QEY726" s="424"/>
      <c r="QEZ726" s="424"/>
      <c r="QFA726" s="423" t="s">
        <v>2795</v>
      </c>
      <c r="QFB726" s="424"/>
      <c r="QFC726" s="424"/>
      <c r="QFD726" s="424"/>
      <c r="QFE726" s="423" t="s">
        <v>2795</v>
      </c>
      <c r="QFF726" s="424"/>
      <c r="QFG726" s="424"/>
      <c r="QFH726" s="424"/>
      <c r="QFI726" s="423" t="s">
        <v>2795</v>
      </c>
      <c r="QFJ726" s="424"/>
      <c r="QFK726" s="424"/>
      <c r="QFL726" s="424"/>
      <c r="QFM726" s="423" t="s">
        <v>2795</v>
      </c>
      <c r="QFN726" s="424"/>
      <c r="QFO726" s="424"/>
      <c r="QFP726" s="424"/>
      <c r="QFQ726" s="423" t="s">
        <v>2795</v>
      </c>
      <c r="QFR726" s="424"/>
      <c r="QFS726" s="424"/>
      <c r="QFT726" s="424"/>
      <c r="QFU726" s="423" t="s">
        <v>2795</v>
      </c>
      <c r="QFV726" s="424"/>
      <c r="QFW726" s="424"/>
      <c r="QFX726" s="424"/>
      <c r="QFY726" s="423" t="s">
        <v>2795</v>
      </c>
      <c r="QFZ726" s="424"/>
      <c r="QGA726" s="424"/>
      <c r="QGB726" s="424"/>
      <c r="QGC726" s="423" t="s">
        <v>2795</v>
      </c>
      <c r="QGD726" s="424"/>
      <c r="QGE726" s="424"/>
      <c r="QGF726" s="424"/>
      <c r="QGG726" s="423" t="s">
        <v>2795</v>
      </c>
      <c r="QGH726" s="424"/>
      <c r="QGI726" s="424"/>
      <c r="QGJ726" s="424"/>
      <c r="QGK726" s="423" t="s">
        <v>2795</v>
      </c>
      <c r="QGL726" s="424"/>
      <c r="QGM726" s="424"/>
      <c r="QGN726" s="424"/>
      <c r="QGO726" s="423" t="s">
        <v>2795</v>
      </c>
      <c r="QGP726" s="424"/>
      <c r="QGQ726" s="424"/>
      <c r="QGR726" s="424"/>
      <c r="QGS726" s="423" t="s">
        <v>2795</v>
      </c>
      <c r="QGT726" s="424"/>
      <c r="QGU726" s="424"/>
      <c r="QGV726" s="424"/>
      <c r="QGW726" s="423" t="s">
        <v>2795</v>
      </c>
      <c r="QGX726" s="424"/>
      <c r="QGY726" s="424"/>
      <c r="QGZ726" s="424"/>
      <c r="QHA726" s="423" t="s">
        <v>2795</v>
      </c>
      <c r="QHB726" s="424"/>
      <c r="QHC726" s="424"/>
      <c r="QHD726" s="424"/>
      <c r="QHE726" s="423" t="s">
        <v>2795</v>
      </c>
      <c r="QHF726" s="424"/>
      <c r="QHG726" s="424"/>
      <c r="QHH726" s="424"/>
      <c r="QHI726" s="423" t="s">
        <v>2795</v>
      </c>
      <c r="QHJ726" s="424"/>
      <c r="QHK726" s="424"/>
      <c r="QHL726" s="424"/>
      <c r="QHM726" s="423" t="s">
        <v>2795</v>
      </c>
      <c r="QHN726" s="424"/>
      <c r="QHO726" s="424"/>
      <c r="QHP726" s="424"/>
      <c r="QHQ726" s="423" t="s">
        <v>2795</v>
      </c>
      <c r="QHR726" s="424"/>
      <c r="QHS726" s="424"/>
      <c r="QHT726" s="424"/>
      <c r="QHU726" s="423" t="s">
        <v>2795</v>
      </c>
      <c r="QHV726" s="424"/>
      <c r="QHW726" s="424"/>
      <c r="QHX726" s="424"/>
      <c r="QHY726" s="423" t="s">
        <v>2795</v>
      </c>
      <c r="QHZ726" s="424"/>
      <c r="QIA726" s="424"/>
      <c r="QIB726" s="424"/>
      <c r="QIC726" s="423" t="s">
        <v>2795</v>
      </c>
      <c r="QID726" s="424"/>
      <c r="QIE726" s="424"/>
      <c r="QIF726" s="424"/>
      <c r="QIG726" s="423" t="s">
        <v>2795</v>
      </c>
      <c r="QIH726" s="424"/>
      <c r="QII726" s="424"/>
      <c r="QIJ726" s="424"/>
      <c r="QIK726" s="423" t="s">
        <v>2795</v>
      </c>
      <c r="QIL726" s="424"/>
      <c r="QIM726" s="424"/>
      <c r="QIN726" s="424"/>
      <c r="QIO726" s="423" t="s">
        <v>2795</v>
      </c>
      <c r="QIP726" s="424"/>
      <c r="QIQ726" s="424"/>
      <c r="QIR726" s="424"/>
      <c r="QIS726" s="423" t="s">
        <v>2795</v>
      </c>
      <c r="QIT726" s="424"/>
      <c r="QIU726" s="424"/>
      <c r="QIV726" s="424"/>
      <c r="QIW726" s="423" t="s">
        <v>2795</v>
      </c>
      <c r="QIX726" s="424"/>
      <c r="QIY726" s="424"/>
      <c r="QIZ726" s="424"/>
      <c r="QJA726" s="423" t="s">
        <v>2795</v>
      </c>
      <c r="QJB726" s="424"/>
      <c r="QJC726" s="424"/>
      <c r="QJD726" s="424"/>
      <c r="QJE726" s="423" t="s">
        <v>2795</v>
      </c>
      <c r="QJF726" s="424"/>
      <c r="QJG726" s="424"/>
      <c r="QJH726" s="424"/>
      <c r="QJI726" s="423" t="s">
        <v>2795</v>
      </c>
      <c r="QJJ726" s="424"/>
      <c r="QJK726" s="424"/>
      <c r="QJL726" s="424"/>
      <c r="QJM726" s="423" t="s">
        <v>2795</v>
      </c>
      <c r="QJN726" s="424"/>
      <c r="QJO726" s="424"/>
      <c r="QJP726" s="424"/>
      <c r="QJQ726" s="423" t="s">
        <v>2795</v>
      </c>
      <c r="QJR726" s="424"/>
      <c r="QJS726" s="424"/>
      <c r="QJT726" s="424"/>
      <c r="QJU726" s="423" t="s">
        <v>2795</v>
      </c>
      <c r="QJV726" s="424"/>
      <c r="QJW726" s="424"/>
      <c r="QJX726" s="424"/>
      <c r="QJY726" s="423" t="s">
        <v>2795</v>
      </c>
      <c r="QJZ726" s="424"/>
      <c r="QKA726" s="424"/>
      <c r="QKB726" s="424"/>
      <c r="QKC726" s="423" t="s">
        <v>2795</v>
      </c>
      <c r="QKD726" s="424"/>
      <c r="QKE726" s="424"/>
      <c r="QKF726" s="424"/>
      <c r="QKG726" s="423" t="s">
        <v>2795</v>
      </c>
      <c r="QKH726" s="424"/>
      <c r="QKI726" s="424"/>
      <c r="QKJ726" s="424"/>
      <c r="QKK726" s="423" t="s">
        <v>2795</v>
      </c>
      <c r="QKL726" s="424"/>
      <c r="QKM726" s="424"/>
      <c r="QKN726" s="424"/>
      <c r="QKO726" s="423" t="s">
        <v>2795</v>
      </c>
      <c r="QKP726" s="424"/>
      <c r="QKQ726" s="424"/>
      <c r="QKR726" s="424"/>
      <c r="QKS726" s="423" t="s">
        <v>2795</v>
      </c>
      <c r="QKT726" s="424"/>
      <c r="QKU726" s="424"/>
      <c r="QKV726" s="424"/>
      <c r="QKW726" s="423" t="s">
        <v>2795</v>
      </c>
      <c r="QKX726" s="424"/>
      <c r="QKY726" s="424"/>
      <c r="QKZ726" s="424"/>
      <c r="QLA726" s="423" t="s">
        <v>2795</v>
      </c>
      <c r="QLB726" s="424"/>
      <c r="QLC726" s="424"/>
      <c r="QLD726" s="424"/>
      <c r="QLE726" s="423" t="s">
        <v>2795</v>
      </c>
      <c r="QLF726" s="424"/>
      <c r="QLG726" s="424"/>
      <c r="QLH726" s="424"/>
      <c r="QLI726" s="423" t="s">
        <v>2795</v>
      </c>
      <c r="QLJ726" s="424"/>
      <c r="QLK726" s="424"/>
      <c r="QLL726" s="424"/>
      <c r="QLM726" s="423" t="s">
        <v>2795</v>
      </c>
      <c r="QLN726" s="424"/>
      <c r="QLO726" s="424"/>
      <c r="QLP726" s="424"/>
      <c r="QLQ726" s="423" t="s">
        <v>2795</v>
      </c>
      <c r="QLR726" s="424"/>
      <c r="QLS726" s="424"/>
      <c r="QLT726" s="424"/>
      <c r="QLU726" s="423" t="s">
        <v>2795</v>
      </c>
      <c r="QLV726" s="424"/>
      <c r="QLW726" s="424"/>
      <c r="QLX726" s="424"/>
      <c r="QLY726" s="423" t="s">
        <v>2795</v>
      </c>
      <c r="QLZ726" s="424"/>
      <c r="QMA726" s="424"/>
      <c r="QMB726" s="424"/>
      <c r="QMC726" s="423" t="s">
        <v>2795</v>
      </c>
      <c r="QMD726" s="424"/>
      <c r="QME726" s="424"/>
      <c r="QMF726" s="424"/>
      <c r="QMG726" s="423" t="s">
        <v>2795</v>
      </c>
      <c r="QMH726" s="424"/>
      <c r="QMI726" s="424"/>
      <c r="QMJ726" s="424"/>
      <c r="QMK726" s="423" t="s">
        <v>2795</v>
      </c>
      <c r="QML726" s="424"/>
      <c r="QMM726" s="424"/>
      <c r="QMN726" s="424"/>
      <c r="QMO726" s="423" t="s">
        <v>2795</v>
      </c>
      <c r="QMP726" s="424"/>
      <c r="QMQ726" s="424"/>
      <c r="QMR726" s="424"/>
      <c r="QMS726" s="423" t="s">
        <v>2795</v>
      </c>
      <c r="QMT726" s="424"/>
      <c r="QMU726" s="424"/>
      <c r="QMV726" s="424"/>
      <c r="QMW726" s="423" t="s">
        <v>2795</v>
      </c>
      <c r="QMX726" s="424"/>
      <c r="QMY726" s="424"/>
      <c r="QMZ726" s="424"/>
      <c r="QNA726" s="423" t="s">
        <v>2795</v>
      </c>
      <c r="QNB726" s="424"/>
      <c r="QNC726" s="424"/>
      <c r="QND726" s="424"/>
      <c r="QNE726" s="423" t="s">
        <v>2795</v>
      </c>
      <c r="QNF726" s="424"/>
      <c r="QNG726" s="424"/>
      <c r="QNH726" s="424"/>
      <c r="QNI726" s="423" t="s">
        <v>2795</v>
      </c>
      <c r="QNJ726" s="424"/>
      <c r="QNK726" s="424"/>
      <c r="QNL726" s="424"/>
      <c r="QNM726" s="423" t="s">
        <v>2795</v>
      </c>
      <c r="QNN726" s="424"/>
      <c r="QNO726" s="424"/>
      <c r="QNP726" s="424"/>
      <c r="QNQ726" s="423" t="s">
        <v>2795</v>
      </c>
      <c r="QNR726" s="424"/>
      <c r="QNS726" s="424"/>
      <c r="QNT726" s="424"/>
      <c r="QNU726" s="423" t="s">
        <v>2795</v>
      </c>
      <c r="QNV726" s="424"/>
      <c r="QNW726" s="424"/>
      <c r="QNX726" s="424"/>
      <c r="QNY726" s="423" t="s">
        <v>2795</v>
      </c>
      <c r="QNZ726" s="424"/>
      <c r="QOA726" s="424"/>
      <c r="QOB726" s="424"/>
      <c r="QOC726" s="423" t="s">
        <v>2795</v>
      </c>
      <c r="QOD726" s="424"/>
      <c r="QOE726" s="424"/>
      <c r="QOF726" s="424"/>
      <c r="QOG726" s="423" t="s">
        <v>2795</v>
      </c>
      <c r="QOH726" s="424"/>
      <c r="QOI726" s="424"/>
      <c r="QOJ726" s="424"/>
      <c r="QOK726" s="423" t="s">
        <v>2795</v>
      </c>
      <c r="QOL726" s="424"/>
      <c r="QOM726" s="424"/>
      <c r="QON726" s="424"/>
      <c r="QOO726" s="423" t="s">
        <v>2795</v>
      </c>
      <c r="QOP726" s="424"/>
      <c r="QOQ726" s="424"/>
      <c r="QOR726" s="424"/>
      <c r="QOS726" s="423" t="s">
        <v>2795</v>
      </c>
      <c r="QOT726" s="424"/>
      <c r="QOU726" s="424"/>
      <c r="QOV726" s="424"/>
      <c r="QOW726" s="423" t="s">
        <v>2795</v>
      </c>
      <c r="QOX726" s="424"/>
      <c r="QOY726" s="424"/>
      <c r="QOZ726" s="424"/>
      <c r="QPA726" s="423" t="s">
        <v>2795</v>
      </c>
      <c r="QPB726" s="424"/>
      <c r="QPC726" s="424"/>
      <c r="QPD726" s="424"/>
      <c r="QPE726" s="423" t="s">
        <v>2795</v>
      </c>
      <c r="QPF726" s="424"/>
      <c r="QPG726" s="424"/>
      <c r="QPH726" s="424"/>
      <c r="QPI726" s="423" t="s">
        <v>2795</v>
      </c>
      <c r="QPJ726" s="424"/>
      <c r="QPK726" s="424"/>
      <c r="QPL726" s="424"/>
      <c r="QPM726" s="423" t="s">
        <v>2795</v>
      </c>
      <c r="QPN726" s="424"/>
      <c r="QPO726" s="424"/>
      <c r="QPP726" s="424"/>
      <c r="QPQ726" s="423" t="s">
        <v>2795</v>
      </c>
      <c r="QPR726" s="424"/>
      <c r="QPS726" s="424"/>
      <c r="QPT726" s="424"/>
      <c r="QPU726" s="423" t="s">
        <v>2795</v>
      </c>
      <c r="QPV726" s="424"/>
      <c r="QPW726" s="424"/>
      <c r="QPX726" s="424"/>
      <c r="QPY726" s="423" t="s">
        <v>2795</v>
      </c>
      <c r="QPZ726" s="424"/>
      <c r="QQA726" s="424"/>
      <c r="QQB726" s="424"/>
      <c r="QQC726" s="423" t="s">
        <v>2795</v>
      </c>
      <c r="QQD726" s="424"/>
      <c r="QQE726" s="424"/>
      <c r="QQF726" s="424"/>
      <c r="QQG726" s="423" t="s">
        <v>2795</v>
      </c>
      <c r="QQH726" s="424"/>
      <c r="QQI726" s="424"/>
      <c r="QQJ726" s="424"/>
      <c r="QQK726" s="423" t="s">
        <v>2795</v>
      </c>
      <c r="QQL726" s="424"/>
      <c r="QQM726" s="424"/>
      <c r="QQN726" s="424"/>
      <c r="QQO726" s="423" t="s">
        <v>2795</v>
      </c>
      <c r="QQP726" s="424"/>
      <c r="QQQ726" s="424"/>
      <c r="QQR726" s="424"/>
      <c r="QQS726" s="423" t="s">
        <v>2795</v>
      </c>
      <c r="QQT726" s="424"/>
      <c r="QQU726" s="424"/>
      <c r="QQV726" s="424"/>
      <c r="QQW726" s="423" t="s">
        <v>2795</v>
      </c>
      <c r="QQX726" s="424"/>
      <c r="QQY726" s="424"/>
      <c r="QQZ726" s="424"/>
      <c r="QRA726" s="423" t="s">
        <v>2795</v>
      </c>
      <c r="QRB726" s="424"/>
      <c r="QRC726" s="424"/>
      <c r="QRD726" s="424"/>
      <c r="QRE726" s="423" t="s">
        <v>2795</v>
      </c>
      <c r="QRF726" s="424"/>
      <c r="QRG726" s="424"/>
      <c r="QRH726" s="424"/>
      <c r="QRI726" s="423" t="s">
        <v>2795</v>
      </c>
      <c r="QRJ726" s="424"/>
      <c r="QRK726" s="424"/>
      <c r="QRL726" s="424"/>
      <c r="QRM726" s="423" t="s">
        <v>2795</v>
      </c>
      <c r="QRN726" s="424"/>
      <c r="QRO726" s="424"/>
      <c r="QRP726" s="424"/>
      <c r="QRQ726" s="423" t="s">
        <v>2795</v>
      </c>
      <c r="QRR726" s="424"/>
      <c r="QRS726" s="424"/>
      <c r="QRT726" s="424"/>
      <c r="QRU726" s="423" t="s">
        <v>2795</v>
      </c>
      <c r="QRV726" s="424"/>
      <c r="QRW726" s="424"/>
      <c r="QRX726" s="424"/>
      <c r="QRY726" s="423" t="s">
        <v>2795</v>
      </c>
      <c r="QRZ726" s="424"/>
      <c r="QSA726" s="424"/>
      <c r="QSB726" s="424"/>
      <c r="QSC726" s="423" t="s">
        <v>2795</v>
      </c>
      <c r="QSD726" s="424"/>
      <c r="QSE726" s="424"/>
      <c r="QSF726" s="424"/>
      <c r="QSG726" s="423" t="s">
        <v>2795</v>
      </c>
      <c r="QSH726" s="424"/>
      <c r="QSI726" s="424"/>
      <c r="QSJ726" s="424"/>
      <c r="QSK726" s="423" t="s">
        <v>2795</v>
      </c>
      <c r="QSL726" s="424"/>
      <c r="QSM726" s="424"/>
      <c r="QSN726" s="424"/>
      <c r="QSO726" s="423" t="s">
        <v>2795</v>
      </c>
      <c r="QSP726" s="424"/>
      <c r="QSQ726" s="424"/>
      <c r="QSR726" s="424"/>
      <c r="QSS726" s="423" t="s">
        <v>2795</v>
      </c>
      <c r="QST726" s="424"/>
      <c r="QSU726" s="424"/>
      <c r="QSV726" s="424"/>
      <c r="QSW726" s="423" t="s">
        <v>2795</v>
      </c>
      <c r="QSX726" s="424"/>
      <c r="QSY726" s="424"/>
      <c r="QSZ726" s="424"/>
      <c r="QTA726" s="423" t="s">
        <v>2795</v>
      </c>
      <c r="QTB726" s="424"/>
      <c r="QTC726" s="424"/>
      <c r="QTD726" s="424"/>
      <c r="QTE726" s="423" t="s">
        <v>2795</v>
      </c>
      <c r="QTF726" s="424"/>
      <c r="QTG726" s="424"/>
      <c r="QTH726" s="424"/>
      <c r="QTI726" s="423" t="s">
        <v>2795</v>
      </c>
      <c r="QTJ726" s="424"/>
      <c r="QTK726" s="424"/>
      <c r="QTL726" s="424"/>
      <c r="QTM726" s="423" t="s">
        <v>2795</v>
      </c>
      <c r="QTN726" s="424"/>
      <c r="QTO726" s="424"/>
      <c r="QTP726" s="424"/>
      <c r="QTQ726" s="423" t="s">
        <v>2795</v>
      </c>
      <c r="QTR726" s="424"/>
      <c r="QTS726" s="424"/>
      <c r="QTT726" s="424"/>
      <c r="QTU726" s="423" t="s">
        <v>2795</v>
      </c>
      <c r="QTV726" s="424"/>
      <c r="QTW726" s="424"/>
      <c r="QTX726" s="424"/>
      <c r="QTY726" s="423" t="s">
        <v>2795</v>
      </c>
      <c r="QTZ726" s="424"/>
      <c r="QUA726" s="424"/>
      <c r="QUB726" s="424"/>
      <c r="QUC726" s="423" t="s">
        <v>2795</v>
      </c>
      <c r="QUD726" s="424"/>
      <c r="QUE726" s="424"/>
      <c r="QUF726" s="424"/>
      <c r="QUG726" s="423" t="s">
        <v>2795</v>
      </c>
      <c r="QUH726" s="424"/>
      <c r="QUI726" s="424"/>
      <c r="QUJ726" s="424"/>
      <c r="QUK726" s="423" t="s">
        <v>2795</v>
      </c>
      <c r="QUL726" s="424"/>
      <c r="QUM726" s="424"/>
      <c r="QUN726" s="424"/>
      <c r="QUO726" s="423" t="s">
        <v>2795</v>
      </c>
      <c r="QUP726" s="424"/>
      <c r="QUQ726" s="424"/>
      <c r="QUR726" s="424"/>
      <c r="QUS726" s="423" t="s">
        <v>2795</v>
      </c>
      <c r="QUT726" s="424"/>
      <c r="QUU726" s="424"/>
      <c r="QUV726" s="424"/>
      <c r="QUW726" s="423" t="s">
        <v>2795</v>
      </c>
      <c r="QUX726" s="424"/>
      <c r="QUY726" s="424"/>
      <c r="QUZ726" s="424"/>
      <c r="QVA726" s="423" t="s">
        <v>2795</v>
      </c>
      <c r="QVB726" s="424"/>
      <c r="QVC726" s="424"/>
      <c r="QVD726" s="424"/>
      <c r="QVE726" s="423" t="s">
        <v>2795</v>
      </c>
      <c r="QVF726" s="424"/>
      <c r="QVG726" s="424"/>
      <c r="QVH726" s="424"/>
      <c r="QVI726" s="423" t="s">
        <v>2795</v>
      </c>
      <c r="QVJ726" s="424"/>
      <c r="QVK726" s="424"/>
      <c r="QVL726" s="424"/>
      <c r="QVM726" s="423" t="s">
        <v>2795</v>
      </c>
      <c r="QVN726" s="424"/>
      <c r="QVO726" s="424"/>
      <c r="QVP726" s="424"/>
      <c r="QVQ726" s="423" t="s">
        <v>2795</v>
      </c>
      <c r="QVR726" s="424"/>
      <c r="QVS726" s="424"/>
      <c r="QVT726" s="424"/>
      <c r="QVU726" s="423" t="s">
        <v>2795</v>
      </c>
      <c r="QVV726" s="424"/>
      <c r="QVW726" s="424"/>
      <c r="QVX726" s="424"/>
      <c r="QVY726" s="423" t="s">
        <v>2795</v>
      </c>
      <c r="QVZ726" s="424"/>
      <c r="QWA726" s="424"/>
      <c r="QWB726" s="424"/>
      <c r="QWC726" s="423" t="s">
        <v>2795</v>
      </c>
      <c r="QWD726" s="424"/>
      <c r="QWE726" s="424"/>
      <c r="QWF726" s="424"/>
      <c r="QWG726" s="423" t="s">
        <v>2795</v>
      </c>
      <c r="QWH726" s="424"/>
      <c r="QWI726" s="424"/>
      <c r="QWJ726" s="424"/>
      <c r="QWK726" s="423" t="s">
        <v>2795</v>
      </c>
      <c r="QWL726" s="424"/>
      <c r="QWM726" s="424"/>
      <c r="QWN726" s="424"/>
      <c r="QWO726" s="423" t="s">
        <v>2795</v>
      </c>
      <c r="QWP726" s="424"/>
      <c r="QWQ726" s="424"/>
      <c r="QWR726" s="424"/>
      <c r="QWS726" s="423" t="s">
        <v>2795</v>
      </c>
      <c r="QWT726" s="424"/>
      <c r="QWU726" s="424"/>
      <c r="QWV726" s="424"/>
      <c r="QWW726" s="423" t="s">
        <v>2795</v>
      </c>
      <c r="QWX726" s="424"/>
      <c r="QWY726" s="424"/>
      <c r="QWZ726" s="424"/>
      <c r="QXA726" s="423" t="s">
        <v>2795</v>
      </c>
      <c r="QXB726" s="424"/>
      <c r="QXC726" s="424"/>
      <c r="QXD726" s="424"/>
      <c r="QXE726" s="423" t="s">
        <v>2795</v>
      </c>
      <c r="QXF726" s="424"/>
      <c r="QXG726" s="424"/>
      <c r="QXH726" s="424"/>
      <c r="QXI726" s="423" t="s">
        <v>2795</v>
      </c>
      <c r="QXJ726" s="424"/>
      <c r="QXK726" s="424"/>
      <c r="QXL726" s="424"/>
      <c r="QXM726" s="423" t="s">
        <v>2795</v>
      </c>
      <c r="QXN726" s="424"/>
      <c r="QXO726" s="424"/>
      <c r="QXP726" s="424"/>
      <c r="QXQ726" s="423" t="s">
        <v>2795</v>
      </c>
      <c r="QXR726" s="424"/>
      <c r="QXS726" s="424"/>
      <c r="QXT726" s="424"/>
      <c r="QXU726" s="423" t="s">
        <v>2795</v>
      </c>
      <c r="QXV726" s="424"/>
      <c r="QXW726" s="424"/>
      <c r="QXX726" s="424"/>
      <c r="QXY726" s="423" t="s">
        <v>2795</v>
      </c>
      <c r="QXZ726" s="424"/>
      <c r="QYA726" s="424"/>
      <c r="QYB726" s="424"/>
      <c r="QYC726" s="423" t="s">
        <v>2795</v>
      </c>
      <c r="QYD726" s="424"/>
      <c r="QYE726" s="424"/>
      <c r="QYF726" s="424"/>
      <c r="QYG726" s="423" t="s">
        <v>2795</v>
      </c>
      <c r="QYH726" s="424"/>
      <c r="QYI726" s="424"/>
      <c r="QYJ726" s="424"/>
      <c r="QYK726" s="423" t="s">
        <v>2795</v>
      </c>
      <c r="QYL726" s="424"/>
      <c r="QYM726" s="424"/>
      <c r="QYN726" s="424"/>
      <c r="QYO726" s="423" t="s">
        <v>2795</v>
      </c>
      <c r="QYP726" s="424"/>
      <c r="QYQ726" s="424"/>
      <c r="QYR726" s="424"/>
      <c r="QYS726" s="423" t="s">
        <v>2795</v>
      </c>
      <c r="QYT726" s="424"/>
      <c r="QYU726" s="424"/>
      <c r="QYV726" s="424"/>
      <c r="QYW726" s="423" t="s">
        <v>2795</v>
      </c>
      <c r="QYX726" s="424"/>
      <c r="QYY726" s="424"/>
      <c r="QYZ726" s="424"/>
      <c r="QZA726" s="423" t="s">
        <v>2795</v>
      </c>
      <c r="QZB726" s="424"/>
      <c r="QZC726" s="424"/>
      <c r="QZD726" s="424"/>
      <c r="QZE726" s="423" t="s">
        <v>2795</v>
      </c>
      <c r="QZF726" s="424"/>
      <c r="QZG726" s="424"/>
      <c r="QZH726" s="424"/>
      <c r="QZI726" s="423" t="s">
        <v>2795</v>
      </c>
      <c r="QZJ726" s="424"/>
      <c r="QZK726" s="424"/>
      <c r="QZL726" s="424"/>
      <c r="QZM726" s="423" t="s">
        <v>2795</v>
      </c>
      <c r="QZN726" s="424"/>
      <c r="QZO726" s="424"/>
      <c r="QZP726" s="424"/>
      <c r="QZQ726" s="423" t="s">
        <v>2795</v>
      </c>
      <c r="QZR726" s="424"/>
      <c r="QZS726" s="424"/>
      <c r="QZT726" s="424"/>
      <c r="QZU726" s="423" t="s">
        <v>2795</v>
      </c>
      <c r="QZV726" s="424"/>
      <c r="QZW726" s="424"/>
      <c r="QZX726" s="424"/>
      <c r="QZY726" s="423" t="s">
        <v>2795</v>
      </c>
      <c r="QZZ726" s="424"/>
      <c r="RAA726" s="424"/>
      <c r="RAB726" s="424"/>
      <c r="RAC726" s="423" t="s">
        <v>2795</v>
      </c>
      <c r="RAD726" s="424"/>
      <c r="RAE726" s="424"/>
      <c r="RAF726" s="424"/>
      <c r="RAG726" s="423" t="s">
        <v>2795</v>
      </c>
      <c r="RAH726" s="424"/>
      <c r="RAI726" s="424"/>
      <c r="RAJ726" s="424"/>
      <c r="RAK726" s="423" t="s">
        <v>2795</v>
      </c>
      <c r="RAL726" s="424"/>
      <c r="RAM726" s="424"/>
      <c r="RAN726" s="424"/>
      <c r="RAO726" s="423" t="s">
        <v>2795</v>
      </c>
      <c r="RAP726" s="424"/>
      <c r="RAQ726" s="424"/>
      <c r="RAR726" s="424"/>
      <c r="RAS726" s="423" t="s">
        <v>2795</v>
      </c>
      <c r="RAT726" s="424"/>
      <c r="RAU726" s="424"/>
      <c r="RAV726" s="424"/>
      <c r="RAW726" s="423" t="s">
        <v>2795</v>
      </c>
      <c r="RAX726" s="424"/>
      <c r="RAY726" s="424"/>
      <c r="RAZ726" s="424"/>
      <c r="RBA726" s="423" t="s">
        <v>2795</v>
      </c>
      <c r="RBB726" s="424"/>
      <c r="RBC726" s="424"/>
      <c r="RBD726" s="424"/>
      <c r="RBE726" s="423" t="s">
        <v>2795</v>
      </c>
      <c r="RBF726" s="424"/>
      <c r="RBG726" s="424"/>
      <c r="RBH726" s="424"/>
      <c r="RBI726" s="423" t="s">
        <v>2795</v>
      </c>
      <c r="RBJ726" s="424"/>
      <c r="RBK726" s="424"/>
      <c r="RBL726" s="424"/>
      <c r="RBM726" s="423" t="s">
        <v>2795</v>
      </c>
      <c r="RBN726" s="424"/>
      <c r="RBO726" s="424"/>
      <c r="RBP726" s="424"/>
      <c r="RBQ726" s="423" t="s">
        <v>2795</v>
      </c>
      <c r="RBR726" s="424"/>
      <c r="RBS726" s="424"/>
      <c r="RBT726" s="424"/>
      <c r="RBU726" s="423" t="s">
        <v>2795</v>
      </c>
      <c r="RBV726" s="424"/>
      <c r="RBW726" s="424"/>
      <c r="RBX726" s="424"/>
      <c r="RBY726" s="423" t="s">
        <v>2795</v>
      </c>
      <c r="RBZ726" s="424"/>
      <c r="RCA726" s="424"/>
      <c r="RCB726" s="424"/>
      <c r="RCC726" s="423" t="s">
        <v>2795</v>
      </c>
      <c r="RCD726" s="424"/>
      <c r="RCE726" s="424"/>
      <c r="RCF726" s="424"/>
      <c r="RCG726" s="423" t="s">
        <v>2795</v>
      </c>
      <c r="RCH726" s="424"/>
      <c r="RCI726" s="424"/>
      <c r="RCJ726" s="424"/>
      <c r="RCK726" s="423" t="s">
        <v>2795</v>
      </c>
      <c r="RCL726" s="424"/>
      <c r="RCM726" s="424"/>
      <c r="RCN726" s="424"/>
      <c r="RCO726" s="423" t="s">
        <v>2795</v>
      </c>
      <c r="RCP726" s="424"/>
      <c r="RCQ726" s="424"/>
      <c r="RCR726" s="424"/>
      <c r="RCS726" s="423" t="s">
        <v>2795</v>
      </c>
      <c r="RCT726" s="424"/>
      <c r="RCU726" s="424"/>
      <c r="RCV726" s="424"/>
      <c r="RCW726" s="423" t="s">
        <v>2795</v>
      </c>
      <c r="RCX726" s="424"/>
      <c r="RCY726" s="424"/>
      <c r="RCZ726" s="424"/>
      <c r="RDA726" s="423" t="s">
        <v>2795</v>
      </c>
      <c r="RDB726" s="424"/>
      <c r="RDC726" s="424"/>
      <c r="RDD726" s="424"/>
      <c r="RDE726" s="423" t="s">
        <v>2795</v>
      </c>
      <c r="RDF726" s="424"/>
      <c r="RDG726" s="424"/>
      <c r="RDH726" s="424"/>
      <c r="RDI726" s="423" t="s">
        <v>2795</v>
      </c>
      <c r="RDJ726" s="424"/>
      <c r="RDK726" s="424"/>
      <c r="RDL726" s="424"/>
      <c r="RDM726" s="423" t="s">
        <v>2795</v>
      </c>
      <c r="RDN726" s="424"/>
      <c r="RDO726" s="424"/>
      <c r="RDP726" s="424"/>
      <c r="RDQ726" s="423" t="s">
        <v>2795</v>
      </c>
      <c r="RDR726" s="424"/>
      <c r="RDS726" s="424"/>
      <c r="RDT726" s="424"/>
      <c r="RDU726" s="423" t="s">
        <v>2795</v>
      </c>
      <c r="RDV726" s="424"/>
      <c r="RDW726" s="424"/>
      <c r="RDX726" s="424"/>
      <c r="RDY726" s="423" t="s">
        <v>2795</v>
      </c>
      <c r="RDZ726" s="424"/>
      <c r="REA726" s="424"/>
      <c r="REB726" s="424"/>
      <c r="REC726" s="423" t="s">
        <v>2795</v>
      </c>
      <c r="RED726" s="424"/>
      <c r="REE726" s="424"/>
      <c r="REF726" s="424"/>
      <c r="REG726" s="423" t="s">
        <v>2795</v>
      </c>
      <c r="REH726" s="424"/>
      <c r="REI726" s="424"/>
      <c r="REJ726" s="424"/>
      <c r="REK726" s="423" t="s">
        <v>2795</v>
      </c>
      <c r="REL726" s="424"/>
      <c r="REM726" s="424"/>
      <c r="REN726" s="424"/>
      <c r="REO726" s="423" t="s">
        <v>2795</v>
      </c>
      <c r="REP726" s="424"/>
      <c r="REQ726" s="424"/>
      <c r="RER726" s="424"/>
      <c r="RES726" s="423" t="s">
        <v>2795</v>
      </c>
      <c r="RET726" s="424"/>
      <c r="REU726" s="424"/>
      <c r="REV726" s="424"/>
      <c r="REW726" s="423" t="s">
        <v>2795</v>
      </c>
      <c r="REX726" s="424"/>
      <c r="REY726" s="424"/>
      <c r="REZ726" s="424"/>
      <c r="RFA726" s="423" t="s">
        <v>2795</v>
      </c>
      <c r="RFB726" s="424"/>
      <c r="RFC726" s="424"/>
      <c r="RFD726" s="424"/>
      <c r="RFE726" s="423" t="s">
        <v>2795</v>
      </c>
      <c r="RFF726" s="424"/>
      <c r="RFG726" s="424"/>
      <c r="RFH726" s="424"/>
      <c r="RFI726" s="423" t="s">
        <v>2795</v>
      </c>
      <c r="RFJ726" s="424"/>
      <c r="RFK726" s="424"/>
      <c r="RFL726" s="424"/>
      <c r="RFM726" s="423" t="s">
        <v>2795</v>
      </c>
      <c r="RFN726" s="424"/>
      <c r="RFO726" s="424"/>
      <c r="RFP726" s="424"/>
      <c r="RFQ726" s="423" t="s">
        <v>2795</v>
      </c>
      <c r="RFR726" s="424"/>
      <c r="RFS726" s="424"/>
      <c r="RFT726" s="424"/>
      <c r="RFU726" s="423" t="s">
        <v>2795</v>
      </c>
      <c r="RFV726" s="424"/>
      <c r="RFW726" s="424"/>
      <c r="RFX726" s="424"/>
      <c r="RFY726" s="423" t="s">
        <v>2795</v>
      </c>
      <c r="RFZ726" s="424"/>
      <c r="RGA726" s="424"/>
      <c r="RGB726" s="424"/>
      <c r="RGC726" s="423" t="s">
        <v>2795</v>
      </c>
      <c r="RGD726" s="424"/>
      <c r="RGE726" s="424"/>
      <c r="RGF726" s="424"/>
      <c r="RGG726" s="423" t="s">
        <v>2795</v>
      </c>
      <c r="RGH726" s="424"/>
      <c r="RGI726" s="424"/>
      <c r="RGJ726" s="424"/>
      <c r="RGK726" s="423" t="s">
        <v>2795</v>
      </c>
      <c r="RGL726" s="424"/>
      <c r="RGM726" s="424"/>
      <c r="RGN726" s="424"/>
      <c r="RGO726" s="423" t="s">
        <v>2795</v>
      </c>
      <c r="RGP726" s="424"/>
      <c r="RGQ726" s="424"/>
      <c r="RGR726" s="424"/>
      <c r="RGS726" s="423" t="s">
        <v>2795</v>
      </c>
      <c r="RGT726" s="424"/>
      <c r="RGU726" s="424"/>
      <c r="RGV726" s="424"/>
      <c r="RGW726" s="423" t="s">
        <v>2795</v>
      </c>
      <c r="RGX726" s="424"/>
      <c r="RGY726" s="424"/>
      <c r="RGZ726" s="424"/>
      <c r="RHA726" s="423" t="s">
        <v>2795</v>
      </c>
      <c r="RHB726" s="424"/>
      <c r="RHC726" s="424"/>
      <c r="RHD726" s="424"/>
      <c r="RHE726" s="423" t="s">
        <v>2795</v>
      </c>
      <c r="RHF726" s="424"/>
      <c r="RHG726" s="424"/>
      <c r="RHH726" s="424"/>
      <c r="RHI726" s="423" t="s">
        <v>2795</v>
      </c>
      <c r="RHJ726" s="424"/>
      <c r="RHK726" s="424"/>
      <c r="RHL726" s="424"/>
      <c r="RHM726" s="423" t="s">
        <v>2795</v>
      </c>
      <c r="RHN726" s="424"/>
      <c r="RHO726" s="424"/>
      <c r="RHP726" s="424"/>
      <c r="RHQ726" s="423" t="s">
        <v>2795</v>
      </c>
      <c r="RHR726" s="424"/>
      <c r="RHS726" s="424"/>
      <c r="RHT726" s="424"/>
      <c r="RHU726" s="423" t="s">
        <v>2795</v>
      </c>
      <c r="RHV726" s="424"/>
      <c r="RHW726" s="424"/>
      <c r="RHX726" s="424"/>
      <c r="RHY726" s="423" t="s">
        <v>2795</v>
      </c>
      <c r="RHZ726" s="424"/>
      <c r="RIA726" s="424"/>
      <c r="RIB726" s="424"/>
      <c r="RIC726" s="423" t="s">
        <v>2795</v>
      </c>
      <c r="RID726" s="424"/>
      <c r="RIE726" s="424"/>
      <c r="RIF726" s="424"/>
      <c r="RIG726" s="423" t="s">
        <v>2795</v>
      </c>
      <c r="RIH726" s="424"/>
      <c r="RII726" s="424"/>
      <c r="RIJ726" s="424"/>
      <c r="RIK726" s="423" t="s">
        <v>2795</v>
      </c>
      <c r="RIL726" s="424"/>
      <c r="RIM726" s="424"/>
      <c r="RIN726" s="424"/>
      <c r="RIO726" s="423" t="s">
        <v>2795</v>
      </c>
      <c r="RIP726" s="424"/>
      <c r="RIQ726" s="424"/>
      <c r="RIR726" s="424"/>
      <c r="RIS726" s="423" t="s">
        <v>2795</v>
      </c>
      <c r="RIT726" s="424"/>
      <c r="RIU726" s="424"/>
      <c r="RIV726" s="424"/>
      <c r="RIW726" s="423" t="s">
        <v>2795</v>
      </c>
      <c r="RIX726" s="424"/>
      <c r="RIY726" s="424"/>
      <c r="RIZ726" s="424"/>
      <c r="RJA726" s="423" t="s">
        <v>2795</v>
      </c>
      <c r="RJB726" s="424"/>
      <c r="RJC726" s="424"/>
      <c r="RJD726" s="424"/>
      <c r="RJE726" s="423" t="s">
        <v>2795</v>
      </c>
      <c r="RJF726" s="424"/>
      <c r="RJG726" s="424"/>
      <c r="RJH726" s="424"/>
      <c r="RJI726" s="423" t="s">
        <v>2795</v>
      </c>
      <c r="RJJ726" s="424"/>
      <c r="RJK726" s="424"/>
      <c r="RJL726" s="424"/>
      <c r="RJM726" s="423" t="s">
        <v>2795</v>
      </c>
      <c r="RJN726" s="424"/>
      <c r="RJO726" s="424"/>
      <c r="RJP726" s="424"/>
      <c r="RJQ726" s="423" t="s">
        <v>2795</v>
      </c>
      <c r="RJR726" s="424"/>
      <c r="RJS726" s="424"/>
      <c r="RJT726" s="424"/>
      <c r="RJU726" s="423" t="s">
        <v>2795</v>
      </c>
      <c r="RJV726" s="424"/>
      <c r="RJW726" s="424"/>
      <c r="RJX726" s="424"/>
      <c r="RJY726" s="423" t="s">
        <v>2795</v>
      </c>
      <c r="RJZ726" s="424"/>
      <c r="RKA726" s="424"/>
      <c r="RKB726" s="424"/>
      <c r="RKC726" s="423" t="s">
        <v>2795</v>
      </c>
      <c r="RKD726" s="424"/>
      <c r="RKE726" s="424"/>
      <c r="RKF726" s="424"/>
      <c r="RKG726" s="423" t="s">
        <v>2795</v>
      </c>
      <c r="RKH726" s="424"/>
      <c r="RKI726" s="424"/>
      <c r="RKJ726" s="424"/>
      <c r="RKK726" s="423" t="s">
        <v>2795</v>
      </c>
      <c r="RKL726" s="424"/>
      <c r="RKM726" s="424"/>
      <c r="RKN726" s="424"/>
      <c r="RKO726" s="423" t="s">
        <v>2795</v>
      </c>
      <c r="RKP726" s="424"/>
      <c r="RKQ726" s="424"/>
      <c r="RKR726" s="424"/>
      <c r="RKS726" s="423" t="s">
        <v>2795</v>
      </c>
      <c r="RKT726" s="424"/>
      <c r="RKU726" s="424"/>
      <c r="RKV726" s="424"/>
      <c r="RKW726" s="423" t="s">
        <v>2795</v>
      </c>
      <c r="RKX726" s="424"/>
      <c r="RKY726" s="424"/>
      <c r="RKZ726" s="424"/>
      <c r="RLA726" s="423" t="s">
        <v>2795</v>
      </c>
      <c r="RLB726" s="424"/>
      <c r="RLC726" s="424"/>
      <c r="RLD726" s="424"/>
      <c r="RLE726" s="423" t="s">
        <v>2795</v>
      </c>
      <c r="RLF726" s="424"/>
      <c r="RLG726" s="424"/>
      <c r="RLH726" s="424"/>
      <c r="RLI726" s="423" t="s">
        <v>2795</v>
      </c>
      <c r="RLJ726" s="424"/>
      <c r="RLK726" s="424"/>
      <c r="RLL726" s="424"/>
      <c r="RLM726" s="423" t="s">
        <v>2795</v>
      </c>
      <c r="RLN726" s="424"/>
      <c r="RLO726" s="424"/>
      <c r="RLP726" s="424"/>
      <c r="RLQ726" s="423" t="s">
        <v>2795</v>
      </c>
      <c r="RLR726" s="424"/>
      <c r="RLS726" s="424"/>
      <c r="RLT726" s="424"/>
      <c r="RLU726" s="423" t="s">
        <v>2795</v>
      </c>
      <c r="RLV726" s="424"/>
      <c r="RLW726" s="424"/>
      <c r="RLX726" s="424"/>
      <c r="RLY726" s="423" t="s">
        <v>2795</v>
      </c>
      <c r="RLZ726" s="424"/>
      <c r="RMA726" s="424"/>
      <c r="RMB726" s="424"/>
      <c r="RMC726" s="423" t="s">
        <v>2795</v>
      </c>
      <c r="RMD726" s="424"/>
      <c r="RME726" s="424"/>
      <c r="RMF726" s="424"/>
      <c r="RMG726" s="423" t="s">
        <v>2795</v>
      </c>
      <c r="RMH726" s="424"/>
      <c r="RMI726" s="424"/>
      <c r="RMJ726" s="424"/>
      <c r="RMK726" s="423" t="s">
        <v>2795</v>
      </c>
      <c r="RML726" s="424"/>
      <c r="RMM726" s="424"/>
      <c r="RMN726" s="424"/>
      <c r="RMO726" s="423" t="s">
        <v>2795</v>
      </c>
      <c r="RMP726" s="424"/>
      <c r="RMQ726" s="424"/>
      <c r="RMR726" s="424"/>
      <c r="RMS726" s="423" t="s">
        <v>2795</v>
      </c>
      <c r="RMT726" s="424"/>
      <c r="RMU726" s="424"/>
      <c r="RMV726" s="424"/>
      <c r="RMW726" s="423" t="s">
        <v>2795</v>
      </c>
      <c r="RMX726" s="424"/>
      <c r="RMY726" s="424"/>
      <c r="RMZ726" s="424"/>
      <c r="RNA726" s="423" t="s">
        <v>2795</v>
      </c>
      <c r="RNB726" s="424"/>
      <c r="RNC726" s="424"/>
      <c r="RND726" s="424"/>
      <c r="RNE726" s="423" t="s">
        <v>2795</v>
      </c>
      <c r="RNF726" s="424"/>
      <c r="RNG726" s="424"/>
      <c r="RNH726" s="424"/>
      <c r="RNI726" s="423" t="s">
        <v>2795</v>
      </c>
      <c r="RNJ726" s="424"/>
      <c r="RNK726" s="424"/>
      <c r="RNL726" s="424"/>
      <c r="RNM726" s="423" t="s">
        <v>2795</v>
      </c>
      <c r="RNN726" s="424"/>
      <c r="RNO726" s="424"/>
      <c r="RNP726" s="424"/>
      <c r="RNQ726" s="423" t="s">
        <v>2795</v>
      </c>
      <c r="RNR726" s="424"/>
      <c r="RNS726" s="424"/>
      <c r="RNT726" s="424"/>
      <c r="RNU726" s="423" t="s">
        <v>2795</v>
      </c>
      <c r="RNV726" s="424"/>
      <c r="RNW726" s="424"/>
      <c r="RNX726" s="424"/>
      <c r="RNY726" s="423" t="s">
        <v>2795</v>
      </c>
      <c r="RNZ726" s="424"/>
      <c r="ROA726" s="424"/>
      <c r="ROB726" s="424"/>
      <c r="ROC726" s="423" t="s">
        <v>2795</v>
      </c>
      <c r="ROD726" s="424"/>
      <c r="ROE726" s="424"/>
      <c r="ROF726" s="424"/>
      <c r="ROG726" s="423" t="s">
        <v>2795</v>
      </c>
      <c r="ROH726" s="424"/>
      <c r="ROI726" s="424"/>
      <c r="ROJ726" s="424"/>
      <c r="ROK726" s="423" t="s">
        <v>2795</v>
      </c>
      <c r="ROL726" s="424"/>
      <c r="ROM726" s="424"/>
      <c r="RON726" s="424"/>
      <c r="ROO726" s="423" t="s">
        <v>2795</v>
      </c>
      <c r="ROP726" s="424"/>
      <c r="ROQ726" s="424"/>
      <c r="ROR726" s="424"/>
      <c r="ROS726" s="423" t="s">
        <v>2795</v>
      </c>
      <c r="ROT726" s="424"/>
      <c r="ROU726" s="424"/>
      <c r="ROV726" s="424"/>
      <c r="ROW726" s="423" t="s">
        <v>2795</v>
      </c>
      <c r="ROX726" s="424"/>
      <c r="ROY726" s="424"/>
      <c r="ROZ726" s="424"/>
      <c r="RPA726" s="423" t="s">
        <v>2795</v>
      </c>
      <c r="RPB726" s="424"/>
      <c r="RPC726" s="424"/>
      <c r="RPD726" s="424"/>
      <c r="RPE726" s="423" t="s">
        <v>2795</v>
      </c>
      <c r="RPF726" s="424"/>
      <c r="RPG726" s="424"/>
      <c r="RPH726" s="424"/>
      <c r="RPI726" s="423" t="s">
        <v>2795</v>
      </c>
      <c r="RPJ726" s="424"/>
      <c r="RPK726" s="424"/>
      <c r="RPL726" s="424"/>
      <c r="RPM726" s="423" t="s">
        <v>2795</v>
      </c>
      <c r="RPN726" s="424"/>
      <c r="RPO726" s="424"/>
      <c r="RPP726" s="424"/>
      <c r="RPQ726" s="423" t="s">
        <v>2795</v>
      </c>
      <c r="RPR726" s="424"/>
      <c r="RPS726" s="424"/>
      <c r="RPT726" s="424"/>
      <c r="RPU726" s="423" t="s">
        <v>2795</v>
      </c>
      <c r="RPV726" s="424"/>
      <c r="RPW726" s="424"/>
      <c r="RPX726" s="424"/>
      <c r="RPY726" s="423" t="s">
        <v>2795</v>
      </c>
      <c r="RPZ726" s="424"/>
      <c r="RQA726" s="424"/>
      <c r="RQB726" s="424"/>
      <c r="RQC726" s="423" t="s">
        <v>2795</v>
      </c>
      <c r="RQD726" s="424"/>
      <c r="RQE726" s="424"/>
      <c r="RQF726" s="424"/>
      <c r="RQG726" s="423" t="s">
        <v>2795</v>
      </c>
      <c r="RQH726" s="424"/>
      <c r="RQI726" s="424"/>
      <c r="RQJ726" s="424"/>
      <c r="RQK726" s="423" t="s">
        <v>2795</v>
      </c>
      <c r="RQL726" s="424"/>
      <c r="RQM726" s="424"/>
      <c r="RQN726" s="424"/>
      <c r="RQO726" s="423" t="s">
        <v>2795</v>
      </c>
      <c r="RQP726" s="424"/>
      <c r="RQQ726" s="424"/>
      <c r="RQR726" s="424"/>
      <c r="RQS726" s="423" t="s">
        <v>2795</v>
      </c>
      <c r="RQT726" s="424"/>
      <c r="RQU726" s="424"/>
      <c r="RQV726" s="424"/>
      <c r="RQW726" s="423" t="s">
        <v>2795</v>
      </c>
      <c r="RQX726" s="424"/>
      <c r="RQY726" s="424"/>
      <c r="RQZ726" s="424"/>
      <c r="RRA726" s="423" t="s">
        <v>2795</v>
      </c>
      <c r="RRB726" s="424"/>
      <c r="RRC726" s="424"/>
      <c r="RRD726" s="424"/>
      <c r="RRE726" s="423" t="s">
        <v>2795</v>
      </c>
      <c r="RRF726" s="424"/>
      <c r="RRG726" s="424"/>
      <c r="RRH726" s="424"/>
      <c r="RRI726" s="423" t="s">
        <v>2795</v>
      </c>
      <c r="RRJ726" s="424"/>
      <c r="RRK726" s="424"/>
      <c r="RRL726" s="424"/>
      <c r="RRM726" s="423" t="s">
        <v>2795</v>
      </c>
      <c r="RRN726" s="424"/>
      <c r="RRO726" s="424"/>
      <c r="RRP726" s="424"/>
      <c r="RRQ726" s="423" t="s">
        <v>2795</v>
      </c>
      <c r="RRR726" s="424"/>
      <c r="RRS726" s="424"/>
      <c r="RRT726" s="424"/>
      <c r="RRU726" s="423" t="s">
        <v>2795</v>
      </c>
      <c r="RRV726" s="424"/>
      <c r="RRW726" s="424"/>
      <c r="RRX726" s="424"/>
      <c r="RRY726" s="423" t="s">
        <v>2795</v>
      </c>
      <c r="RRZ726" s="424"/>
      <c r="RSA726" s="424"/>
      <c r="RSB726" s="424"/>
      <c r="RSC726" s="423" t="s">
        <v>2795</v>
      </c>
      <c r="RSD726" s="424"/>
      <c r="RSE726" s="424"/>
      <c r="RSF726" s="424"/>
      <c r="RSG726" s="423" t="s">
        <v>2795</v>
      </c>
      <c r="RSH726" s="424"/>
      <c r="RSI726" s="424"/>
      <c r="RSJ726" s="424"/>
      <c r="RSK726" s="423" t="s">
        <v>2795</v>
      </c>
      <c r="RSL726" s="424"/>
      <c r="RSM726" s="424"/>
      <c r="RSN726" s="424"/>
      <c r="RSO726" s="423" t="s">
        <v>2795</v>
      </c>
      <c r="RSP726" s="424"/>
      <c r="RSQ726" s="424"/>
      <c r="RSR726" s="424"/>
      <c r="RSS726" s="423" t="s">
        <v>2795</v>
      </c>
      <c r="RST726" s="424"/>
      <c r="RSU726" s="424"/>
      <c r="RSV726" s="424"/>
      <c r="RSW726" s="423" t="s">
        <v>2795</v>
      </c>
      <c r="RSX726" s="424"/>
      <c r="RSY726" s="424"/>
      <c r="RSZ726" s="424"/>
      <c r="RTA726" s="423" t="s">
        <v>2795</v>
      </c>
      <c r="RTB726" s="424"/>
      <c r="RTC726" s="424"/>
      <c r="RTD726" s="424"/>
      <c r="RTE726" s="423" t="s">
        <v>2795</v>
      </c>
      <c r="RTF726" s="424"/>
      <c r="RTG726" s="424"/>
      <c r="RTH726" s="424"/>
      <c r="RTI726" s="423" t="s">
        <v>2795</v>
      </c>
      <c r="RTJ726" s="424"/>
      <c r="RTK726" s="424"/>
      <c r="RTL726" s="424"/>
      <c r="RTM726" s="423" t="s">
        <v>2795</v>
      </c>
      <c r="RTN726" s="424"/>
      <c r="RTO726" s="424"/>
      <c r="RTP726" s="424"/>
      <c r="RTQ726" s="423" t="s">
        <v>2795</v>
      </c>
      <c r="RTR726" s="424"/>
      <c r="RTS726" s="424"/>
      <c r="RTT726" s="424"/>
      <c r="RTU726" s="423" t="s">
        <v>2795</v>
      </c>
      <c r="RTV726" s="424"/>
      <c r="RTW726" s="424"/>
      <c r="RTX726" s="424"/>
      <c r="RTY726" s="423" t="s">
        <v>2795</v>
      </c>
      <c r="RTZ726" s="424"/>
      <c r="RUA726" s="424"/>
      <c r="RUB726" s="424"/>
      <c r="RUC726" s="423" t="s">
        <v>2795</v>
      </c>
      <c r="RUD726" s="424"/>
      <c r="RUE726" s="424"/>
      <c r="RUF726" s="424"/>
      <c r="RUG726" s="423" t="s">
        <v>2795</v>
      </c>
      <c r="RUH726" s="424"/>
      <c r="RUI726" s="424"/>
      <c r="RUJ726" s="424"/>
      <c r="RUK726" s="423" t="s">
        <v>2795</v>
      </c>
      <c r="RUL726" s="424"/>
      <c r="RUM726" s="424"/>
      <c r="RUN726" s="424"/>
      <c r="RUO726" s="423" t="s">
        <v>2795</v>
      </c>
      <c r="RUP726" s="424"/>
      <c r="RUQ726" s="424"/>
      <c r="RUR726" s="424"/>
      <c r="RUS726" s="423" t="s">
        <v>2795</v>
      </c>
      <c r="RUT726" s="424"/>
      <c r="RUU726" s="424"/>
      <c r="RUV726" s="424"/>
      <c r="RUW726" s="423" t="s">
        <v>2795</v>
      </c>
      <c r="RUX726" s="424"/>
      <c r="RUY726" s="424"/>
      <c r="RUZ726" s="424"/>
      <c r="RVA726" s="423" t="s">
        <v>2795</v>
      </c>
      <c r="RVB726" s="424"/>
      <c r="RVC726" s="424"/>
      <c r="RVD726" s="424"/>
      <c r="RVE726" s="423" t="s">
        <v>2795</v>
      </c>
      <c r="RVF726" s="424"/>
      <c r="RVG726" s="424"/>
      <c r="RVH726" s="424"/>
      <c r="RVI726" s="423" t="s">
        <v>2795</v>
      </c>
      <c r="RVJ726" s="424"/>
      <c r="RVK726" s="424"/>
      <c r="RVL726" s="424"/>
      <c r="RVM726" s="423" t="s">
        <v>2795</v>
      </c>
      <c r="RVN726" s="424"/>
      <c r="RVO726" s="424"/>
      <c r="RVP726" s="424"/>
      <c r="RVQ726" s="423" t="s">
        <v>2795</v>
      </c>
      <c r="RVR726" s="424"/>
      <c r="RVS726" s="424"/>
      <c r="RVT726" s="424"/>
      <c r="RVU726" s="423" t="s">
        <v>2795</v>
      </c>
      <c r="RVV726" s="424"/>
      <c r="RVW726" s="424"/>
      <c r="RVX726" s="424"/>
      <c r="RVY726" s="423" t="s">
        <v>2795</v>
      </c>
      <c r="RVZ726" s="424"/>
      <c r="RWA726" s="424"/>
      <c r="RWB726" s="424"/>
      <c r="RWC726" s="423" t="s">
        <v>2795</v>
      </c>
      <c r="RWD726" s="424"/>
      <c r="RWE726" s="424"/>
      <c r="RWF726" s="424"/>
      <c r="RWG726" s="423" t="s">
        <v>2795</v>
      </c>
      <c r="RWH726" s="424"/>
      <c r="RWI726" s="424"/>
      <c r="RWJ726" s="424"/>
      <c r="RWK726" s="423" t="s">
        <v>2795</v>
      </c>
      <c r="RWL726" s="424"/>
      <c r="RWM726" s="424"/>
      <c r="RWN726" s="424"/>
      <c r="RWO726" s="423" t="s">
        <v>2795</v>
      </c>
      <c r="RWP726" s="424"/>
      <c r="RWQ726" s="424"/>
      <c r="RWR726" s="424"/>
      <c r="RWS726" s="423" t="s">
        <v>2795</v>
      </c>
      <c r="RWT726" s="424"/>
      <c r="RWU726" s="424"/>
      <c r="RWV726" s="424"/>
      <c r="RWW726" s="423" t="s">
        <v>2795</v>
      </c>
      <c r="RWX726" s="424"/>
      <c r="RWY726" s="424"/>
      <c r="RWZ726" s="424"/>
      <c r="RXA726" s="423" t="s">
        <v>2795</v>
      </c>
      <c r="RXB726" s="424"/>
      <c r="RXC726" s="424"/>
      <c r="RXD726" s="424"/>
      <c r="RXE726" s="423" t="s">
        <v>2795</v>
      </c>
      <c r="RXF726" s="424"/>
      <c r="RXG726" s="424"/>
      <c r="RXH726" s="424"/>
      <c r="RXI726" s="423" t="s">
        <v>2795</v>
      </c>
      <c r="RXJ726" s="424"/>
      <c r="RXK726" s="424"/>
      <c r="RXL726" s="424"/>
      <c r="RXM726" s="423" t="s">
        <v>2795</v>
      </c>
      <c r="RXN726" s="424"/>
      <c r="RXO726" s="424"/>
      <c r="RXP726" s="424"/>
      <c r="RXQ726" s="423" t="s">
        <v>2795</v>
      </c>
      <c r="RXR726" s="424"/>
      <c r="RXS726" s="424"/>
      <c r="RXT726" s="424"/>
      <c r="RXU726" s="423" t="s">
        <v>2795</v>
      </c>
      <c r="RXV726" s="424"/>
      <c r="RXW726" s="424"/>
      <c r="RXX726" s="424"/>
      <c r="RXY726" s="423" t="s">
        <v>2795</v>
      </c>
      <c r="RXZ726" s="424"/>
      <c r="RYA726" s="424"/>
      <c r="RYB726" s="424"/>
      <c r="RYC726" s="423" t="s">
        <v>2795</v>
      </c>
      <c r="RYD726" s="424"/>
      <c r="RYE726" s="424"/>
      <c r="RYF726" s="424"/>
      <c r="RYG726" s="423" t="s">
        <v>2795</v>
      </c>
      <c r="RYH726" s="424"/>
      <c r="RYI726" s="424"/>
      <c r="RYJ726" s="424"/>
      <c r="RYK726" s="423" t="s">
        <v>2795</v>
      </c>
      <c r="RYL726" s="424"/>
      <c r="RYM726" s="424"/>
      <c r="RYN726" s="424"/>
      <c r="RYO726" s="423" t="s">
        <v>2795</v>
      </c>
      <c r="RYP726" s="424"/>
      <c r="RYQ726" s="424"/>
      <c r="RYR726" s="424"/>
      <c r="RYS726" s="423" t="s">
        <v>2795</v>
      </c>
      <c r="RYT726" s="424"/>
      <c r="RYU726" s="424"/>
      <c r="RYV726" s="424"/>
      <c r="RYW726" s="423" t="s">
        <v>2795</v>
      </c>
      <c r="RYX726" s="424"/>
      <c r="RYY726" s="424"/>
      <c r="RYZ726" s="424"/>
      <c r="RZA726" s="423" t="s">
        <v>2795</v>
      </c>
      <c r="RZB726" s="424"/>
      <c r="RZC726" s="424"/>
      <c r="RZD726" s="424"/>
      <c r="RZE726" s="423" t="s">
        <v>2795</v>
      </c>
      <c r="RZF726" s="424"/>
      <c r="RZG726" s="424"/>
      <c r="RZH726" s="424"/>
      <c r="RZI726" s="423" t="s">
        <v>2795</v>
      </c>
      <c r="RZJ726" s="424"/>
      <c r="RZK726" s="424"/>
      <c r="RZL726" s="424"/>
      <c r="RZM726" s="423" t="s">
        <v>2795</v>
      </c>
      <c r="RZN726" s="424"/>
      <c r="RZO726" s="424"/>
      <c r="RZP726" s="424"/>
      <c r="RZQ726" s="423" t="s">
        <v>2795</v>
      </c>
      <c r="RZR726" s="424"/>
      <c r="RZS726" s="424"/>
      <c r="RZT726" s="424"/>
      <c r="RZU726" s="423" t="s">
        <v>2795</v>
      </c>
      <c r="RZV726" s="424"/>
      <c r="RZW726" s="424"/>
      <c r="RZX726" s="424"/>
      <c r="RZY726" s="423" t="s">
        <v>2795</v>
      </c>
      <c r="RZZ726" s="424"/>
      <c r="SAA726" s="424"/>
      <c r="SAB726" s="424"/>
      <c r="SAC726" s="423" t="s">
        <v>2795</v>
      </c>
      <c r="SAD726" s="424"/>
      <c r="SAE726" s="424"/>
      <c r="SAF726" s="424"/>
      <c r="SAG726" s="423" t="s">
        <v>2795</v>
      </c>
      <c r="SAH726" s="424"/>
      <c r="SAI726" s="424"/>
      <c r="SAJ726" s="424"/>
      <c r="SAK726" s="423" t="s">
        <v>2795</v>
      </c>
      <c r="SAL726" s="424"/>
      <c r="SAM726" s="424"/>
      <c r="SAN726" s="424"/>
      <c r="SAO726" s="423" t="s">
        <v>2795</v>
      </c>
      <c r="SAP726" s="424"/>
      <c r="SAQ726" s="424"/>
      <c r="SAR726" s="424"/>
      <c r="SAS726" s="423" t="s">
        <v>2795</v>
      </c>
      <c r="SAT726" s="424"/>
      <c r="SAU726" s="424"/>
      <c r="SAV726" s="424"/>
      <c r="SAW726" s="423" t="s">
        <v>2795</v>
      </c>
      <c r="SAX726" s="424"/>
      <c r="SAY726" s="424"/>
      <c r="SAZ726" s="424"/>
      <c r="SBA726" s="423" t="s">
        <v>2795</v>
      </c>
      <c r="SBB726" s="424"/>
      <c r="SBC726" s="424"/>
      <c r="SBD726" s="424"/>
      <c r="SBE726" s="423" t="s">
        <v>2795</v>
      </c>
      <c r="SBF726" s="424"/>
      <c r="SBG726" s="424"/>
      <c r="SBH726" s="424"/>
      <c r="SBI726" s="423" t="s">
        <v>2795</v>
      </c>
      <c r="SBJ726" s="424"/>
      <c r="SBK726" s="424"/>
      <c r="SBL726" s="424"/>
      <c r="SBM726" s="423" t="s">
        <v>2795</v>
      </c>
      <c r="SBN726" s="424"/>
      <c r="SBO726" s="424"/>
      <c r="SBP726" s="424"/>
      <c r="SBQ726" s="423" t="s">
        <v>2795</v>
      </c>
      <c r="SBR726" s="424"/>
      <c r="SBS726" s="424"/>
      <c r="SBT726" s="424"/>
      <c r="SBU726" s="423" t="s">
        <v>2795</v>
      </c>
      <c r="SBV726" s="424"/>
      <c r="SBW726" s="424"/>
      <c r="SBX726" s="424"/>
      <c r="SBY726" s="423" t="s">
        <v>2795</v>
      </c>
      <c r="SBZ726" s="424"/>
      <c r="SCA726" s="424"/>
      <c r="SCB726" s="424"/>
      <c r="SCC726" s="423" t="s">
        <v>2795</v>
      </c>
      <c r="SCD726" s="424"/>
      <c r="SCE726" s="424"/>
      <c r="SCF726" s="424"/>
      <c r="SCG726" s="423" t="s">
        <v>2795</v>
      </c>
      <c r="SCH726" s="424"/>
      <c r="SCI726" s="424"/>
      <c r="SCJ726" s="424"/>
      <c r="SCK726" s="423" t="s">
        <v>2795</v>
      </c>
      <c r="SCL726" s="424"/>
      <c r="SCM726" s="424"/>
      <c r="SCN726" s="424"/>
      <c r="SCO726" s="423" t="s">
        <v>2795</v>
      </c>
      <c r="SCP726" s="424"/>
      <c r="SCQ726" s="424"/>
      <c r="SCR726" s="424"/>
      <c r="SCS726" s="423" t="s">
        <v>2795</v>
      </c>
      <c r="SCT726" s="424"/>
      <c r="SCU726" s="424"/>
      <c r="SCV726" s="424"/>
      <c r="SCW726" s="423" t="s">
        <v>2795</v>
      </c>
      <c r="SCX726" s="424"/>
      <c r="SCY726" s="424"/>
      <c r="SCZ726" s="424"/>
      <c r="SDA726" s="423" t="s">
        <v>2795</v>
      </c>
      <c r="SDB726" s="424"/>
      <c r="SDC726" s="424"/>
      <c r="SDD726" s="424"/>
      <c r="SDE726" s="423" t="s">
        <v>2795</v>
      </c>
      <c r="SDF726" s="424"/>
      <c r="SDG726" s="424"/>
      <c r="SDH726" s="424"/>
      <c r="SDI726" s="423" t="s">
        <v>2795</v>
      </c>
      <c r="SDJ726" s="424"/>
      <c r="SDK726" s="424"/>
      <c r="SDL726" s="424"/>
      <c r="SDM726" s="423" t="s">
        <v>2795</v>
      </c>
      <c r="SDN726" s="424"/>
      <c r="SDO726" s="424"/>
      <c r="SDP726" s="424"/>
      <c r="SDQ726" s="423" t="s">
        <v>2795</v>
      </c>
      <c r="SDR726" s="424"/>
      <c r="SDS726" s="424"/>
      <c r="SDT726" s="424"/>
      <c r="SDU726" s="423" t="s">
        <v>2795</v>
      </c>
      <c r="SDV726" s="424"/>
      <c r="SDW726" s="424"/>
      <c r="SDX726" s="424"/>
      <c r="SDY726" s="423" t="s">
        <v>2795</v>
      </c>
      <c r="SDZ726" s="424"/>
      <c r="SEA726" s="424"/>
      <c r="SEB726" s="424"/>
      <c r="SEC726" s="423" t="s">
        <v>2795</v>
      </c>
      <c r="SED726" s="424"/>
      <c r="SEE726" s="424"/>
      <c r="SEF726" s="424"/>
      <c r="SEG726" s="423" t="s">
        <v>2795</v>
      </c>
      <c r="SEH726" s="424"/>
      <c r="SEI726" s="424"/>
      <c r="SEJ726" s="424"/>
      <c r="SEK726" s="423" t="s">
        <v>2795</v>
      </c>
      <c r="SEL726" s="424"/>
      <c r="SEM726" s="424"/>
      <c r="SEN726" s="424"/>
      <c r="SEO726" s="423" t="s">
        <v>2795</v>
      </c>
      <c r="SEP726" s="424"/>
      <c r="SEQ726" s="424"/>
      <c r="SER726" s="424"/>
      <c r="SES726" s="423" t="s">
        <v>2795</v>
      </c>
      <c r="SET726" s="424"/>
      <c r="SEU726" s="424"/>
      <c r="SEV726" s="424"/>
      <c r="SEW726" s="423" t="s">
        <v>2795</v>
      </c>
      <c r="SEX726" s="424"/>
      <c r="SEY726" s="424"/>
      <c r="SEZ726" s="424"/>
      <c r="SFA726" s="423" t="s">
        <v>2795</v>
      </c>
      <c r="SFB726" s="424"/>
      <c r="SFC726" s="424"/>
      <c r="SFD726" s="424"/>
      <c r="SFE726" s="423" t="s">
        <v>2795</v>
      </c>
      <c r="SFF726" s="424"/>
      <c r="SFG726" s="424"/>
      <c r="SFH726" s="424"/>
      <c r="SFI726" s="423" t="s">
        <v>2795</v>
      </c>
      <c r="SFJ726" s="424"/>
      <c r="SFK726" s="424"/>
      <c r="SFL726" s="424"/>
      <c r="SFM726" s="423" t="s">
        <v>2795</v>
      </c>
      <c r="SFN726" s="424"/>
      <c r="SFO726" s="424"/>
      <c r="SFP726" s="424"/>
      <c r="SFQ726" s="423" t="s">
        <v>2795</v>
      </c>
      <c r="SFR726" s="424"/>
      <c r="SFS726" s="424"/>
      <c r="SFT726" s="424"/>
      <c r="SFU726" s="423" t="s">
        <v>2795</v>
      </c>
      <c r="SFV726" s="424"/>
      <c r="SFW726" s="424"/>
      <c r="SFX726" s="424"/>
      <c r="SFY726" s="423" t="s">
        <v>2795</v>
      </c>
      <c r="SFZ726" s="424"/>
      <c r="SGA726" s="424"/>
      <c r="SGB726" s="424"/>
      <c r="SGC726" s="423" t="s">
        <v>2795</v>
      </c>
      <c r="SGD726" s="424"/>
      <c r="SGE726" s="424"/>
      <c r="SGF726" s="424"/>
      <c r="SGG726" s="423" t="s">
        <v>2795</v>
      </c>
      <c r="SGH726" s="424"/>
      <c r="SGI726" s="424"/>
      <c r="SGJ726" s="424"/>
      <c r="SGK726" s="423" t="s">
        <v>2795</v>
      </c>
      <c r="SGL726" s="424"/>
      <c r="SGM726" s="424"/>
      <c r="SGN726" s="424"/>
      <c r="SGO726" s="423" t="s">
        <v>2795</v>
      </c>
      <c r="SGP726" s="424"/>
      <c r="SGQ726" s="424"/>
      <c r="SGR726" s="424"/>
      <c r="SGS726" s="423" t="s">
        <v>2795</v>
      </c>
      <c r="SGT726" s="424"/>
      <c r="SGU726" s="424"/>
      <c r="SGV726" s="424"/>
      <c r="SGW726" s="423" t="s">
        <v>2795</v>
      </c>
      <c r="SGX726" s="424"/>
      <c r="SGY726" s="424"/>
      <c r="SGZ726" s="424"/>
      <c r="SHA726" s="423" t="s">
        <v>2795</v>
      </c>
      <c r="SHB726" s="424"/>
      <c r="SHC726" s="424"/>
      <c r="SHD726" s="424"/>
      <c r="SHE726" s="423" t="s">
        <v>2795</v>
      </c>
      <c r="SHF726" s="424"/>
      <c r="SHG726" s="424"/>
      <c r="SHH726" s="424"/>
      <c r="SHI726" s="423" t="s">
        <v>2795</v>
      </c>
      <c r="SHJ726" s="424"/>
      <c r="SHK726" s="424"/>
      <c r="SHL726" s="424"/>
      <c r="SHM726" s="423" t="s">
        <v>2795</v>
      </c>
      <c r="SHN726" s="424"/>
      <c r="SHO726" s="424"/>
      <c r="SHP726" s="424"/>
      <c r="SHQ726" s="423" t="s">
        <v>2795</v>
      </c>
      <c r="SHR726" s="424"/>
      <c r="SHS726" s="424"/>
      <c r="SHT726" s="424"/>
      <c r="SHU726" s="423" t="s">
        <v>2795</v>
      </c>
      <c r="SHV726" s="424"/>
      <c r="SHW726" s="424"/>
      <c r="SHX726" s="424"/>
      <c r="SHY726" s="423" t="s">
        <v>2795</v>
      </c>
      <c r="SHZ726" s="424"/>
      <c r="SIA726" s="424"/>
      <c r="SIB726" s="424"/>
      <c r="SIC726" s="423" t="s">
        <v>2795</v>
      </c>
      <c r="SID726" s="424"/>
      <c r="SIE726" s="424"/>
      <c r="SIF726" s="424"/>
      <c r="SIG726" s="423" t="s">
        <v>2795</v>
      </c>
      <c r="SIH726" s="424"/>
      <c r="SII726" s="424"/>
      <c r="SIJ726" s="424"/>
      <c r="SIK726" s="423" t="s">
        <v>2795</v>
      </c>
      <c r="SIL726" s="424"/>
      <c r="SIM726" s="424"/>
      <c r="SIN726" s="424"/>
      <c r="SIO726" s="423" t="s">
        <v>2795</v>
      </c>
      <c r="SIP726" s="424"/>
      <c r="SIQ726" s="424"/>
      <c r="SIR726" s="424"/>
      <c r="SIS726" s="423" t="s">
        <v>2795</v>
      </c>
      <c r="SIT726" s="424"/>
      <c r="SIU726" s="424"/>
      <c r="SIV726" s="424"/>
      <c r="SIW726" s="423" t="s">
        <v>2795</v>
      </c>
      <c r="SIX726" s="424"/>
      <c r="SIY726" s="424"/>
      <c r="SIZ726" s="424"/>
      <c r="SJA726" s="423" t="s">
        <v>2795</v>
      </c>
      <c r="SJB726" s="424"/>
      <c r="SJC726" s="424"/>
      <c r="SJD726" s="424"/>
      <c r="SJE726" s="423" t="s">
        <v>2795</v>
      </c>
      <c r="SJF726" s="424"/>
      <c r="SJG726" s="424"/>
      <c r="SJH726" s="424"/>
      <c r="SJI726" s="423" t="s">
        <v>2795</v>
      </c>
      <c r="SJJ726" s="424"/>
      <c r="SJK726" s="424"/>
      <c r="SJL726" s="424"/>
      <c r="SJM726" s="423" t="s">
        <v>2795</v>
      </c>
      <c r="SJN726" s="424"/>
      <c r="SJO726" s="424"/>
      <c r="SJP726" s="424"/>
      <c r="SJQ726" s="423" t="s">
        <v>2795</v>
      </c>
      <c r="SJR726" s="424"/>
      <c r="SJS726" s="424"/>
      <c r="SJT726" s="424"/>
      <c r="SJU726" s="423" t="s">
        <v>2795</v>
      </c>
      <c r="SJV726" s="424"/>
      <c r="SJW726" s="424"/>
      <c r="SJX726" s="424"/>
      <c r="SJY726" s="423" t="s">
        <v>2795</v>
      </c>
      <c r="SJZ726" s="424"/>
      <c r="SKA726" s="424"/>
      <c r="SKB726" s="424"/>
      <c r="SKC726" s="423" t="s">
        <v>2795</v>
      </c>
      <c r="SKD726" s="424"/>
      <c r="SKE726" s="424"/>
      <c r="SKF726" s="424"/>
      <c r="SKG726" s="423" t="s">
        <v>2795</v>
      </c>
      <c r="SKH726" s="424"/>
      <c r="SKI726" s="424"/>
      <c r="SKJ726" s="424"/>
      <c r="SKK726" s="423" t="s">
        <v>2795</v>
      </c>
      <c r="SKL726" s="424"/>
      <c r="SKM726" s="424"/>
      <c r="SKN726" s="424"/>
      <c r="SKO726" s="423" t="s">
        <v>2795</v>
      </c>
      <c r="SKP726" s="424"/>
      <c r="SKQ726" s="424"/>
      <c r="SKR726" s="424"/>
      <c r="SKS726" s="423" t="s">
        <v>2795</v>
      </c>
      <c r="SKT726" s="424"/>
      <c r="SKU726" s="424"/>
      <c r="SKV726" s="424"/>
      <c r="SKW726" s="423" t="s">
        <v>2795</v>
      </c>
      <c r="SKX726" s="424"/>
      <c r="SKY726" s="424"/>
      <c r="SKZ726" s="424"/>
      <c r="SLA726" s="423" t="s">
        <v>2795</v>
      </c>
      <c r="SLB726" s="424"/>
      <c r="SLC726" s="424"/>
      <c r="SLD726" s="424"/>
      <c r="SLE726" s="423" t="s">
        <v>2795</v>
      </c>
      <c r="SLF726" s="424"/>
      <c r="SLG726" s="424"/>
      <c r="SLH726" s="424"/>
      <c r="SLI726" s="423" t="s">
        <v>2795</v>
      </c>
      <c r="SLJ726" s="424"/>
      <c r="SLK726" s="424"/>
      <c r="SLL726" s="424"/>
      <c r="SLM726" s="423" t="s">
        <v>2795</v>
      </c>
      <c r="SLN726" s="424"/>
      <c r="SLO726" s="424"/>
      <c r="SLP726" s="424"/>
      <c r="SLQ726" s="423" t="s">
        <v>2795</v>
      </c>
      <c r="SLR726" s="424"/>
      <c r="SLS726" s="424"/>
      <c r="SLT726" s="424"/>
      <c r="SLU726" s="423" t="s">
        <v>2795</v>
      </c>
      <c r="SLV726" s="424"/>
      <c r="SLW726" s="424"/>
      <c r="SLX726" s="424"/>
      <c r="SLY726" s="423" t="s">
        <v>2795</v>
      </c>
      <c r="SLZ726" s="424"/>
      <c r="SMA726" s="424"/>
      <c r="SMB726" s="424"/>
      <c r="SMC726" s="423" t="s">
        <v>2795</v>
      </c>
      <c r="SMD726" s="424"/>
      <c r="SME726" s="424"/>
      <c r="SMF726" s="424"/>
      <c r="SMG726" s="423" t="s">
        <v>2795</v>
      </c>
      <c r="SMH726" s="424"/>
      <c r="SMI726" s="424"/>
      <c r="SMJ726" s="424"/>
      <c r="SMK726" s="423" t="s">
        <v>2795</v>
      </c>
      <c r="SML726" s="424"/>
      <c r="SMM726" s="424"/>
      <c r="SMN726" s="424"/>
      <c r="SMO726" s="423" t="s">
        <v>2795</v>
      </c>
      <c r="SMP726" s="424"/>
      <c r="SMQ726" s="424"/>
      <c r="SMR726" s="424"/>
      <c r="SMS726" s="423" t="s">
        <v>2795</v>
      </c>
      <c r="SMT726" s="424"/>
      <c r="SMU726" s="424"/>
      <c r="SMV726" s="424"/>
      <c r="SMW726" s="423" t="s">
        <v>2795</v>
      </c>
      <c r="SMX726" s="424"/>
      <c r="SMY726" s="424"/>
      <c r="SMZ726" s="424"/>
      <c r="SNA726" s="423" t="s">
        <v>2795</v>
      </c>
      <c r="SNB726" s="424"/>
      <c r="SNC726" s="424"/>
      <c r="SND726" s="424"/>
      <c r="SNE726" s="423" t="s">
        <v>2795</v>
      </c>
      <c r="SNF726" s="424"/>
      <c r="SNG726" s="424"/>
      <c r="SNH726" s="424"/>
      <c r="SNI726" s="423" t="s">
        <v>2795</v>
      </c>
      <c r="SNJ726" s="424"/>
      <c r="SNK726" s="424"/>
      <c r="SNL726" s="424"/>
      <c r="SNM726" s="423" t="s">
        <v>2795</v>
      </c>
      <c r="SNN726" s="424"/>
      <c r="SNO726" s="424"/>
      <c r="SNP726" s="424"/>
      <c r="SNQ726" s="423" t="s">
        <v>2795</v>
      </c>
      <c r="SNR726" s="424"/>
      <c r="SNS726" s="424"/>
      <c r="SNT726" s="424"/>
      <c r="SNU726" s="423" t="s">
        <v>2795</v>
      </c>
      <c r="SNV726" s="424"/>
      <c r="SNW726" s="424"/>
      <c r="SNX726" s="424"/>
      <c r="SNY726" s="423" t="s">
        <v>2795</v>
      </c>
      <c r="SNZ726" s="424"/>
      <c r="SOA726" s="424"/>
      <c r="SOB726" s="424"/>
      <c r="SOC726" s="423" t="s">
        <v>2795</v>
      </c>
      <c r="SOD726" s="424"/>
      <c r="SOE726" s="424"/>
      <c r="SOF726" s="424"/>
      <c r="SOG726" s="423" t="s">
        <v>2795</v>
      </c>
      <c r="SOH726" s="424"/>
      <c r="SOI726" s="424"/>
      <c r="SOJ726" s="424"/>
      <c r="SOK726" s="423" t="s">
        <v>2795</v>
      </c>
      <c r="SOL726" s="424"/>
      <c r="SOM726" s="424"/>
      <c r="SON726" s="424"/>
      <c r="SOO726" s="423" t="s">
        <v>2795</v>
      </c>
      <c r="SOP726" s="424"/>
      <c r="SOQ726" s="424"/>
      <c r="SOR726" s="424"/>
      <c r="SOS726" s="423" t="s">
        <v>2795</v>
      </c>
      <c r="SOT726" s="424"/>
      <c r="SOU726" s="424"/>
      <c r="SOV726" s="424"/>
      <c r="SOW726" s="423" t="s">
        <v>2795</v>
      </c>
      <c r="SOX726" s="424"/>
      <c r="SOY726" s="424"/>
      <c r="SOZ726" s="424"/>
      <c r="SPA726" s="423" t="s">
        <v>2795</v>
      </c>
      <c r="SPB726" s="424"/>
      <c r="SPC726" s="424"/>
      <c r="SPD726" s="424"/>
      <c r="SPE726" s="423" t="s">
        <v>2795</v>
      </c>
      <c r="SPF726" s="424"/>
      <c r="SPG726" s="424"/>
      <c r="SPH726" s="424"/>
      <c r="SPI726" s="423" t="s">
        <v>2795</v>
      </c>
      <c r="SPJ726" s="424"/>
      <c r="SPK726" s="424"/>
      <c r="SPL726" s="424"/>
      <c r="SPM726" s="423" t="s">
        <v>2795</v>
      </c>
      <c r="SPN726" s="424"/>
      <c r="SPO726" s="424"/>
      <c r="SPP726" s="424"/>
      <c r="SPQ726" s="423" t="s">
        <v>2795</v>
      </c>
      <c r="SPR726" s="424"/>
      <c r="SPS726" s="424"/>
      <c r="SPT726" s="424"/>
      <c r="SPU726" s="423" t="s">
        <v>2795</v>
      </c>
      <c r="SPV726" s="424"/>
      <c r="SPW726" s="424"/>
      <c r="SPX726" s="424"/>
      <c r="SPY726" s="423" t="s">
        <v>2795</v>
      </c>
      <c r="SPZ726" s="424"/>
      <c r="SQA726" s="424"/>
      <c r="SQB726" s="424"/>
      <c r="SQC726" s="423" t="s">
        <v>2795</v>
      </c>
      <c r="SQD726" s="424"/>
      <c r="SQE726" s="424"/>
      <c r="SQF726" s="424"/>
      <c r="SQG726" s="423" t="s">
        <v>2795</v>
      </c>
      <c r="SQH726" s="424"/>
      <c r="SQI726" s="424"/>
      <c r="SQJ726" s="424"/>
      <c r="SQK726" s="423" t="s">
        <v>2795</v>
      </c>
      <c r="SQL726" s="424"/>
      <c r="SQM726" s="424"/>
      <c r="SQN726" s="424"/>
      <c r="SQO726" s="423" t="s">
        <v>2795</v>
      </c>
      <c r="SQP726" s="424"/>
      <c r="SQQ726" s="424"/>
      <c r="SQR726" s="424"/>
      <c r="SQS726" s="423" t="s">
        <v>2795</v>
      </c>
      <c r="SQT726" s="424"/>
      <c r="SQU726" s="424"/>
      <c r="SQV726" s="424"/>
      <c r="SQW726" s="423" t="s">
        <v>2795</v>
      </c>
      <c r="SQX726" s="424"/>
      <c r="SQY726" s="424"/>
      <c r="SQZ726" s="424"/>
      <c r="SRA726" s="423" t="s">
        <v>2795</v>
      </c>
      <c r="SRB726" s="424"/>
      <c r="SRC726" s="424"/>
      <c r="SRD726" s="424"/>
      <c r="SRE726" s="423" t="s">
        <v>2795</v>
      </c>
      <c r="SRF726" s="424"/>
      <c r="SRG726" s="424"/>
      <c r="SRH726" s="424"/>
      <c r="SRI726" s="423" t="s">
        <v>2795</v>
      </c>
      <c r="SRJ726" s="424"/>
      <c r="SRK726" s="424"/>
      <c r="SRL726" s="424"/>
      <c r="SRM726" s="423" t="s">
        <v>2795</v>
      </c>
      <c r="SRN726" s="424"/>
      <c r="SRO726" s="424"/>
      <c r="SRP726" s="424"/>
      <c r="SRQ726" s="423" t="s">
        <v>2795</v>
      </c>
      <c r="SRR726" s="424"/>
      <c r="SRS726" s="424"/>
      <c r="SRT726" s="424"/>
      <c r="SRU726" s="423" t="s">
        <v>2795</v>
      </c>
      <c r="SRV726" s="424"/>
      <c r="SRW726" s="424"/>
      <c r="SRX726" s="424"/>
      <c r="SRY726" s="423" t="s">
        <v>2795</v>
      </c>
      <c r="SRZ726" s="424"/>
      <c r="SSA726" s="424"/>
      <c r="SSB726" s="424"/>
      <c r="SSC726" s="423" t="s">
        <v>2795</v>
      </c>
      <c r="SSD726" s="424"/>
      <c r="SSE726" s="424"/>
      <c r="SSF726" s="424"/>
      <c r="SSG726" s="423" t="s">
        <v>2795</v>
      </c>
      <c r="SSH726" s="424"/>
      <c r="SSI726" s="424"/>
      <c r="SSJ726" s="424"/>
      <c r="SSK726" s="423" t="s">
        <v>2795</v>
      </c>
      <c r="SSL726" s="424"/>
      <c r="SSM726" s="424"/>
      <c r="SSN726" s="424"/>
      <c r="SSO726" s="423" t="s">
        <v>2795</v>
      </c>
      <c r="SSP726" s="424"/>
      <c r="SSQ726" s="424"/>
      <c r="SSR726" s="424"/>
      <c r="SSS726" s="423" t="s">
        <v>2795</v>
      </c>
      <c r="SST726" s="424"/>
      <c r="SSU726" s="424"/>
      <c r="SSV726" s="424"/>
      <c r="SSW726" s="423" t="s">
        <v>2795</v>
      </c>
      <c r="SSX726" s="424"/>
      <c r="SSY726" s="424"/>
      <c r="SSZ726" s="424"/>
      <c r="STA726" s="423" t="s">
        <v>2795</v>
      </c>
      <c r="STB726" s="424"/>
      <c r="STC726" s="424"/>
      <c r="STD726" s="424"/>
      <c r="STE726" s="423" t="s">
        <v>2795</v>
      </c>
      <c r="STF726" s="424"/>
      <c r="STG726" s="424"/>
      <c r="STH726" s="424"/>
      <c r="STI726" s="423" t="s">
        <v>2795</v>
      </c>
      <c r="STJ726" s="424"/>
      <c r="STK726" s="424"/>
      <c r="STL726" s="424"/>
      <c r="STM726" s="423" t="s">
        <v>2795</v>
      </c>
      <c r="STN726" s="424"/>
      <c r="STO726" s="424"/>
      <c r="STP726" s="424"/>
      <c r="STQ726" s="423" t="s">
        <v>2795</v>
      </c>
      <c r="STR726" s="424"/>
      <c r="STS726" s="424"/>
      <c r="STT726" s="424"/>
      <c r="STU726" s="423" t="s">
        <v>2795</v>
      </c>
      <c r="STV726" s="424"/>
      <c r="STW726" s="424"/>
      <c r="STX726" s="424"/>
      <c r="STY726" s="423" t="s">
        <v>2795</v>
      </c>
      <c r="STZ726" s="424"/>
      <c r="SUA726" s="424"/>
      <c r="SUB726" s="424"/>
      <c r="SUC726" s="423" t="s">
        <v>2795</v>
      </c>
      <c r="SUD726" s="424"/>
      <c r="SUE726" s="424"/>
      <c r="SUF726" s="424"/>
      <c r="SUG726" s="423" t="s">
        <v>2795</v>
      </c>
      <c r="SUH726" s="424"/>
      <c r="SUI726" s="424"/>
      <c r="SUJ726" s="424"/>
      <c r="SUK726" s="423" t="s">
        <v>2795</v>
      </c>
      <c r="SUL726" s="424"/>
      <c r="SUM726" s="424"/>
      <c r="SUN726" s="424"/>
      <c r="SUO726" s="423" t="s">
        <v>2795</v>
      </c>
      <c r="SUP726" s="424"/>
      <c r="SUQ726" s="424"/>
      <c r="SUR726" s="424"/>
      <c r="SUS726" s="423" t="s">
        <v>2795</v>
      </c>
      <c r="SUT726" s="424"/>
      <c r="SUU726" s="424"/>
      <c r="SUV726" s="424"/>
      <c r="SUW726" s="423" t="s">
        <v>2795</v>
      </c>
      <c r="SUX726" s="424"/>
      <c r="SUY726" s="424"/>
      <c r="SUZ726" s="424"/>
      <c r="SVA726" s="423" t="s">
        <v>2795</v>
      </c>
      <c r="SVB726" s="424"/>
      <c r="SVC726" s="424"/>
      <c r="SVD726" s="424"/>
      <c r="SVE726" s="423" t="s">
        <v>2795</v>
      </c>
      <c r="SVF726" s="424"/>
      <c r="SVG726" s="424"/>
      <c r="SVH726" s="424"/>
      <c r="SVI726" s="423" t="s">
        <v>2795</v>
      </c>
      <c r="SVJ726" s="424"/>
      <c r="SVK726" s="424"/>
      <c r="SVL726" s="424"/>
      <c r="SVM726" s="423" t="s">
        <v>2795</v>
      </c>
      <c r="SVN726" s="424"/>
      <c r="SVO726" s="424"/>
      <c r="SVP726" s="424"/>
      <c r="SVQ726" s="423" t="s">
        <v>2795</v>
      </c>
      <c r="SVR726" s="424"/>
      <c r="SVS726" s="424"/>
      <c r="SVT726" s="424"/>
      <c r="SVU726" s="423" t="s">
        <v>2795</v>
      </c>
      <c r="SVV726" s="424"/>
      <c r="SVW726" s="424"/>
      <c r="SVX726" s="424"/>
      <c r="SVY726" s="423" t="s">
        <v>2795</v>
      </c>
      <c r="SVZ726" s="424"/>
      <c r="SWA726" s="424"/>
      <c r="SWB726" s="424"/>
      <c r="SWC726" s="423" t="s">
        <v>2795</v>
      </c>
      <c r="SWD726" s="424"/>
      <c r="SWE726" s="424"/>
      <c r="SWF726" s="424"/>
      <c r="SWG726" s="423" t="s">
        <v>2795</v>
      </c>
      <c r="SWH726" s="424"/>
      <c r="SWI726" s="424"/>
      <c r="SWJ726" s="424"/>
      <c r="SWK726" s="423" t="s">
        <v>2795</v>
      </c>
      <c r="SWL726" s="424"/>
      <c r="SWM726" s="424"/>
      <c r="SWN726" s="424"/>
      <c r="SWO726" s="423" t="s">
        <v>2795</v>
      </c>
      <c r="SWP726" s="424"/>
      <c r="SWQ726" s="424"/>
      <c r="SWR726" s="424"/>
      <c r="SWS726" s="423" t="s">
        <v>2795</v>
      </c>
      <c r="SWT726" s="424"/>
      <c r="SWU726" s="424"/>
      <c r="SWV726" s="424"/>
      <c r="SWW726" s="423" t="s">
        <v>2795</v>
      </c>
      <c r="SWX726" s="424"/>
      <c r="SWY726" s="424"/>
      <c r="SWZ726" s="424"/>
      <c r="SXA726" s="423" t="s">
        <v>2795</v>
      </c>
      <c r="SXB726" s="424"/>
      <c r="SXC726" s="424"/>
      <c r="SXD726" s="424"/>
      <c r="SXE726" s="423" t="s">
        <v>2795</v>
      </c>
      <c r="SXF726" s="424"/>
      <c r="SXG726" s="424"/>
      <c r="SXH726" s="424"/>
      <c r="SXI726" s="423" t="s">
        <v>2795</v>
      </c>
      <c r="SXJ726" s="424"/>
      <c r="SXK726" s="424"/>
      <c r="SXL726" s="424"/>
      <c r="SXM726" s="423" t="s">
        <v>2795</v>
      </c>
      <c r="SXN726" s="424"/>
      <c r="SXO726" s="424"/>
      <c r="SXP726" s="424"/>
      <c r="SXQ726" s="423" t="s">
        <v>2795</v>
      </c>
      <c r="SXR726" s="424"/>
      <c r="SXS726" s="424"/>
      <c r="SXT726" s="424"/>
      <c r="SXU726" s="423" t="s">
        <v>2795</v>
      </c>
      <c r="SXV726" s="424"/>
      <c r="SXW726" s="424"/>
      <c r="SXX726" s="424"/>
      <c r="SXY726" s="423" t="s">
        <v>2795</v>
      </c>
      <c r="SXZ726" s="424"/>
      <c r="SYA726" s="424"/>
      <c r="SYB726" s="424"/>
      <c r="SYC726" s="423" t="s">
        <v>2795</v>
      </c>
      <c r="SYD726" s="424"/>
      <c r="SYE726" s="424"/>
      <c r="SYF726" s="424"/>
      <c r="SYG726" s="423" t="s">
        <v>2795</v>
      </c>
      <c r="SYH726" s="424"/>
      <c r="SYI726" s="424"/>
      <c r="SYJ726" s="424"/>
      <c r="SYK726" s="423" t="s">
        <v>2795</v>
      </c>
      <c r="SYL726" s="424"/>
      <c r="SYM726" s="424"/>
      <c r="SYN726" s="424"/>
      <c r="SYO726" s="423" t="s">
        <v>2795</v>
      </c>
      <c r="SYP726" s="424"/>
      <c r="SYQ726" s="424"/>
      <c r="SYR726" s="424"/>
      <c r="SYS726" s="423" t="s">
        <v>2795</v>
      </c>
      <c r="SYT726" s="424"/>
      <c r="SYU726" s="424"/>
      <c r="SYV726" s="424"/>
      <c r="SYW726" s="423" t="s">
        <v>2795</v>
      </c>
      <c r="SYX726" s="424"/>
      <c r="SYY726" s="424"/>
      <c r="SYZ726" s="424"/>
      <c r="SZA726" s="423" t="s">
        <v>2795</v>
      </c>
      <c r="SZB726" s="424"/>
      <c r="SZC726" s="424"/>
      <c r="SZD726" s="424"/>
      <c r="SZE726" s="423" t="s">
        <v>2795</v>
      </c>
      <c r="SZF726" s="424"/>
      <c r="SZG726" s="424"/>
      <c r="SZH726" s="424"/>
      <c r="SZI726" s="423" t="s">
        <v>2795</v>
      </c>
      <c r="SZJ726" s="424"/>
      <c r="SZK726" s="424"/>
      <c r="SZL726" s="424"/>
      <c r="SZM726" s="423" t="s">
        <v>2795</v>
      </c>
      <c r="SZN726" s="424"/>
      <c r="SZO726" s="424"/>
      <c r="SZP726" s="424"/>
      <c r="SZQ726" s="423" t="s">
        <v>2795</v>
      </c>
      <c r="SZR726" s="424"/>
      <c r="SZS726" s="424"/>
      <c r="SZT726" s="424"/>
      <c r="SZU726" s="423" t="s">
        <v>2795</v>
      </c>
      <c r="SZV726" s="424"/>
      <c r="SZW726" s="424"/>
      <c r="SZX726" s="424"/>
      <c r="SZY726" s="423" t="s">
        <v>2795</v>
      </c>
      <c r="SZZ726" s="424"/>
      <c r="TAA726" s="424"/>
      <c r="TAB726" s="424"/>
      <c r="TAC726" s="423" t="s">
        <v>2795</v>
      </c>
      <c r="TAD726" s="424"/>
      <c r="TAE726" s="424"/>
      <c r="TAF726" s="424"/>
      <c r="TAG726" s="423" t="s">
        <v>2795</v>
      </c>
      <c r="TAH726" s="424"/>
      <c r="TAI726" s="424"/>
      <c r="TAJ726" s="424"/>
      <c r="TAK726" s="423" t="s">
        <v>2795</v>
      </c>
      <c r="TAL726" s="424"/>
      <c r="TAM726" s="424"/>
      <c r="TAN726" s="424"/>
      <c r="TAO726" s="423" t="s">
        <v>2795</v>
      </c>
      <c r="TAP726" s="424"/>
      <c r="TAQ726" s="424"/>
      <c r="TAR726" s="424"/>
      <c r="TAS726" s="423" t="s">
        <v>2795</v>
      </c>
      <c r="TAT726" s="424"/>
      <c r="TAU726" s="424"/>
      <c r="TAV726" s="424"/>
      <c r="TAW726" s="423" t="s">
        <v>2795</v>
      </c>
      <c r="TAX726" s="424"/>
      <c r="TAY726" s="424"/>
      <c r="TAZ726" s="424"/>
      <c r="TBA726" s="423" t="s">
        <v>2795</v>
      </c>
      <c r="TBB726" s="424"/>
      <c r="TBC726" s="424"/>
      <c r="TBD726" s="424"/>
      <c r="TBE726" s="423" t="s">
        <v>2795</v>
      </c>
      <c r="TBF726" s="424"/>
      <c r="TBG726" s="424"/>
      <c r="TBH726" s="424"/>
      <c r="TBI726" s="423" t="s">
        <v>2795</v>
      </c>
      <c r="TBJ726" s="424"/>
      <c r="TBK726" s="424"/>
      <c r="TBL726" s="424"/>
      <c r="TBM726" s="423" t="s">
        <v>2795</v>
      </c>
      <c r="TBN726" s="424"/>
      <c r="TBO726" s="424"/>
      <c r="TBP726" s="424"/>
      <c r="TBQ726" s="423" t="s">
        <v>2795</v>
      </c>
      <c r="TBR726" s="424"/>
      <c r="TBS726" s="424"/>
      <c r="TBT726" s="424"/>
      <c r="TBU726" s="423" t="s">
        <v>2795</v>
      </c>
      <c r="TBV726" s="424"/>
      <c r="TBW726" s="424"/>
      <c r="TBX726" s="424"/>
      <c r="TBY726" s="423" t="s">
        <v>2795</v>
      </c>
      <c r="TBZ726" s="424"/>
      <c r="TCA726" s="424"/>
      <c r="TCB726" s="424"/>
      <c r="TCC726" s="423" t="s">
        <v>2795</v>
      </c>
      <c r="TCD726" s="424"/>
      <c r="TCE726" s="424"/>
      <c r="TCF726" s="424"/>
      <c r="TCG726" s="423" t="s">
        <v>2795</v>
      </c>
      <c r="TCH726" s="424"/>
      <c r="TCI726" s="424"/>
      <c r="TCJ726" s="424"/>
      <c r="TCK726" s="423" t="s">
        <v>2795</v>
      </c>
      <c r="TCL726" s="424"/>
      <c r="TCM726" s="424"/>
      <c r="TCN726" s="424"/>
      <c r="TCO726" s="423" t="s">
        <v>2795</v>
      </c>
      <c r="TCP726" s="424"/>
      <c r="TCQ726" s="424"/>
      <c r="TCR726" s="424"/>
      <c r="TCS726" s="423" t="s">
        <v>2795</v>
      </c>
      <c r="TCT726" s="424"/>
      <c r="TCU726" s="424"/>
      <c r="TCV726" s="424"/>
      <c r="TCW726" s="423" t="s">
        <v>2795</v>
      </c>
      <c r="TCX726" s="424"/>
      <c r="TCY726" s="424"/>
      <c r="TCZ726" s="424"/>
      <c r="TDA726" s="423" t="s">
        <v>2795</v>
      </c>
      <c r="TDB726" s="424"/>
      <c r="TDC726" s="424"/>
      <c r="TDD726" s="424"/>
      <c r="TDE726" s="423" t="s">
        <v>2795</v>
      </c>
      <c r="TDF726" s="424"/>
      <c r="TDG726" s="424"/>
      <c r="TDH726" s="424"/>
      <c r="TDI726" s="423" t="s">
        <v>2795</v>
      </c>
      <c r="TDJ726" s="424"/>
      <c r="TDK726" s="424"/>
      <c r="TDL726" s="424"/>
      <c r="TDM726" s="423" t="s">
        <v>2795</v>
      </c>
      <c r="TDN726" s="424"/>
      <c r="TDO726" s="424"/>
      <c r="TDP726" s="424"/>
      <c r="TDQ726" s="423" t="s">
        <v>2795</v>
      </c>
      <c r="TDR726" s="424"/>
      <c r="TDS726" s="424"/>
      <c r="TDT726" s="424"/>
      <c r="TDU726" s="423" t="s">
        <v>2795</v>
      </c>
      <c r="TDV726" s="424"/>
      <c r="TDW726" s="424"/>
      <c r="TDX726" s="424"/>
      <c r="TDY726" s="423" t="s">
        <v>2795</v>
      </c>
      <c r="TDZ726" s="424"/>
      <c r="TEA726" s="424"/>
      <c r="TEB726" s="424"/>
      <c r="TEC726" s="423" t="s">
        <v>2795</v>
      </c>
      <c r="TED726" s="424"/>
      <c r="TEE726" s="424"/>
      <c r="TEF726" s="424"/>
      <c r="TEG726" s="423" t="s">
        <v>2795</v>
      </c>
      <c r="TEH726" s="424"/>
      <c r="TEI726" s="424"/>
      <c r="TEJ726" s="424"/>
      <c r="TEK726" s="423" t="s">
        <v>2795</v>
      </c>
      <c r="TEL726" s="424"/>
      <c r="TEM726" s="424"/>
      <c r="TEN726" s="424"/>
      <c r="TEO726" s="423" t="s">
        <v>2795</v>
      </c>
      <c r="TEP726" s="424"/>
      <c r="TEQ726" s="424"/>
      <c r="TER726" s="424"/>
      <c r="TES726" s="423" t="s">
        <v>2795</v>
      </c>
      <c r="TET726" s="424"/>
      <c r="TEU726" s="424"/>
      <c r="TEV726" s="424"/>
      <c r="TEW726" s="423" t="s">
        <v>2795</v>
      </c>
      <c r="TEX726" s="424"/>
      <c r="TEY726" s="424"/>
      <c r="TEZ726" s="424"/>
      <c r="TFA726" s="423" t="s">
        <v>2795</v>
      </c>
      <c r="TFB726" s="424"/>
      <c r="TFC726" s="424"/>
      <c r="TFD726" s="424"/>
      <c r="TFE726" s="423" t="s">
        <v>2795</v>
      </c>
      <c r="TFF726" s="424"/>
      <c r="TFG726" s="424"/>
      <c r="TFH726" s="424"/>
      <c r="TFI726" s="423" t="s">
        <v>2795</v>
      </c>
      <c r="TFJ726" s="424"/>
      <c r="TFK726" s="424"/>
      <c r="TFL726" s="424"/>
      <c r="TFM726" s="423" t="s">
        <v>2795</v>
      </c>
      <c r="TFN726" s="424"/>
      <c r="TFO726" s="424"/>
      <c r="TFP726" s="424"/>
      <c r="TFQ726" s="423" t="s">
        <v>2795</v>
      </c>
      <c r="TFR726" s="424"/>
      <c r="TFS726" s="424"/>
      <c r="TFT726" s="424"/>
      <c r="TFU726" s="423" t="s">
        <v>2795</v>
      </c>
      <c r="TFV726" s="424"/>
      <c r="TFW726" s="424"/>
      <c r="TFX726" s="424"/>
      <c r="TFY726" s="423" t="s">
        <v>2795</v>
      </c>
      <c r="TFZ726" s="424"/>
      <c r="TGA726" s="424"/>
      <c r="TGB726" s="424"/>
      <c r="TGC726" s="423" t="s">
        <v>2795</v>
      </c>
      <c r="TGD726" s="424"/>
      <c r="TGE726" s="424"/>
      <c r="TGF726" s="424"/>
      <c r="TGG726" s="423" t="s">
        <v>2795</v>
      </c>
      <c r="TGH726" s="424"/>
      <c r="TGI726" s="424"/>
      <c r="TGJ726" s="424"/>
      <c r="TGK726" s="423" t="s">
        <v>2795</v>
      </c>
      <c r="TGL726" s="424"/>
      <c r="TGM726" s="424"/>
      <c r="TGN726" s="424"/>
      <c r="TGO726" s="423" t="s">
        <v>2795</v>
      </c>
      <c r="TGP726" s="424"/>
      <c r="TGQ726" s="424"/>
      <c r="TGR726" s="424"/>
      <c r="TGS726" s="423" t="s">
        <v>2795</v>
      </c>
      <c r="TGT726" s="424"/>
      <c r="TGU726" s="424"/>
      <c r="TGV726" s="424"/>
      <c r="TGW726" s="423" t="s">
        <v>2795</v>
      </c>
      <c r="TGX726" s="424"/>
      <c r="TGY726" s="424"/>
      <c r="TGZ726" s="424"/>
      <c r="THA726" s="423" t="s">
        <v>2795</v>
      </c>
      <c r="THB726" s="424"/>
      <c r="THC726" s="424"/>
      <c r="THD726" s="424"/>
      <c r="THE726" s="423" t="s">
        <v>2795</v>
      </c>
      <c r="THF726" s="424"/>
      <c r="THG726" s="424"/>
      <c r="THH726" s="424"/>
      <c r="THI726" s="423" t="s">
        <v>2795</v>
      </c>
      <c r="THJ726" s="424"/>
      <c r="THK726" s="424"/>
      <c r="THL726" s="424"/>
      <c r="THM726" s="423" t="s">
        <v>2795</v>
      </c>
      <c r="THN726" s="424"/>
      <c r="THO726" s="424"/>
      <c r="THP726" s="424"/>
      <c r="THQ726" s="423" t="s">
        <v>2795</v>
      </c>
      <c r="THR726" s="424"/>
      <c r="THS726" s="424"/>
      <c r="THT726" s="424"/>
      <c r="THU726" s="423" t="s">
        <v>2795</v>
      </c>
      <c r="THV726" s="424"/>
      <c r="THW726" s="424"/>
      <c r="THX726" s="424"/>
      <c r="THY726" s="423" t="s">
        <v>2795</v>
      </c>
      <c r="THZ726" s="424"/>
      <c r="TIA726" s="424"/>
      <c r="TIB726" s="424"/>
      <c r="TIC726" s="423" t="s">
        <v>2795</v>
      </c>
      <c r="TID726" s="424"/>
      <c r="TIE726" s="424"/>
      <c r="TIF726" s="424"/>
      <c r="TIG726" s="423" t="s">
        <v>2795</v>
      </c>
      <c r="TIH726" s="424"/>
      <c r="TII726" s="424"/>
      <c r="TIJ726" s="424"/>
      <c r="TIK726" s="423" t="s">
        <v>2795</v>
      </c>
      <c r="TIL726" s="424"/>
      <c r="TIM726" s="424"/>
      <c r="TIN726" s="424"/>
      <c r="TIO726" s="423" t="s">
        <v>2795</v>
      </c>
      <c r="TIP726" s="424"/>
      <c r="TIQ726" s="424"/>
      <c r="TIR726" s="424"/>
      <c r="TIS726" s="423" t="s">
        <v>2795</v>
      </c>
      <c r="TIT726" s="424"/>
      <c r="TIU726" s="424"/>
      <c r="TIV726" s="424"/>
      <c r="TIW726" s="423" t="s">
        <v>2795</v>
      </c>
      <c r="TIX726" s="424"/>
      <c r="TIY726" s="424"/>
      <c r="TIZ726" s="424"/>
      <c r="TJA726" s="423" t="s">
        <v>2795</v>
      </c>
      <c r="TJB726" s="424"/>
      <c r="TJC726" s="424"/>
      <c r="TJD726" s="424"/>
      <c r="TJE726" s="423" t="s">
        <v>2795</v>
      </c>
      <c r="TJF726" s="424"/>
      <c r="TJG726" s="424"/>
      <c r="TJH726" s="424"/>
      <c r="TJI726" s="423" t="s">
        <v>2795</v>
      </c>
      <c r="TJJ726" s="424"/>
      <c r="TJK726" s="424"/>
      <c r="TJL726" s="424"/>
      <c r="TJM726" s="423" t="s">
        <v>2795</v>
      </c>
      <c r="TJN726" s="424"/>
      <c r="TJO726" s="424"/>
      <c r="TJP726" s="424"/>
      <c r="TJQ726" s="423" t="s">
        <v>2795</v>
      </c>
      <c r="TJR726" s="424"/>
      <c r="TJS726" s="424"/>
      <c r="TJT726" s="424"/>
      <c r="TJU726" s="423" t="s">
        <v>2795</v>
      </c>
      <c r="TJV726" s="424"/>
      <c r="TJW726" s="424"/>
      <c r="TJX726" s="424"/>
      <c r="TJY726" s="423" t="s">
        <v>2795</v>
      </c>
      <c r="TJZ726" s="424"/>
      <c r="TKA726" s="424"/>
      <c r="TKB726" s="424"/>
      <c r="TKC726" s="423" t="s">
        <v>2795</v>
      </c>
      <c r="TKD726" s="424"/>
      <c r="TKE726" s="424"/>
      <c r="TKF726" s="424"/>
      <c r="TKG726" s="423" t="s">
        <v>2795</v>
      </c>
      <c r="TKH726" s="424"/>
      <c r="TKI726" s="424"/>
      <c r="TKJ726" s="424"/>
      <c r="TKK726" s="423" t="s">
        <v>2795</v>
      </c>
      <c r="TKL726" s="424"/>
      <c r="TKM726" s="424"/>
      <c r="TKN726" s="424"/>
      <c r="TKO726" s="423" t="s">
        <v>2795</v>
      </c>
      <c r="TKP726" s="424"/>
      <c r="TKQ726" s="424"/>
      <c r="TKR726" s="424"/>
      <c r="TKS726" s="423" t="s">
        <v>2795</v>
      </c>
      <c r="TKT726" s="424"/>
      <c r="TKU726" s="424"/>
      <c r="TKV726" s="424"/>
      <c r="TKW726" s="423" t="s">
        <v>2795</v>
      </c>
      <c r="TKX726" s="424"/>
      <c r="TKY726" s="424"/>
      <c r="TKZ726" s="424"/>
      <c r="TLA726" s="423" t="s">
        <v>2795</v>
      </c>
      <c r="TLB726" s="424"/>
      <c r="TLC726" s="424"/>
      <c r="TLD726" s="424"/>
      <c r="TLE726" s="423" t="s">
        <v>2795</v>
      </c>
      <c r="TLF726" s="424"/>
      <c r="TLG726" s="424"/>
      <c r="TLH726" s="424"/>
      <c r="TLI726" s="423" t="s">
        <v>2795</v>
      </c>
      <c r="TLJ726" s="424"/>
      <c r="TLK726" s="424"/>
      <c r="TLL726" s="424"/>
      <c r="TLM726" s="423" t="s">
        <v>2795</v>
      </c>
      <c r="TLN726" s="424"/>
      <c r="TLO726" s="424"/>
      <c r="TLP726" s="424"/>
      <c r="TLQ726" s="423" t="s">
        <v>2795</v>
      </c>
      <c r="TLR726" s="424"/>
      <c r="TLS726" s="424"/>
      <c r="TLT726" s="424"/>
      <c r="TLU726" s="423" t="s">
        <v>2795</v>
      </c>
      <c r="TLV726" s="424"/>
      <c r="TLW726" s="424"/>
      <c r="TLX726" s="424"/>
      <c r="TLY726" s="423" t="s">
        <v>2795</v>
      </c>
      <c r="TLZ726" s="424"/>
      <c r="TMA726" s="424"/>
      <c r="TMB726" s="424"/>
      <c r="TMC726" s="423" t="s">
        <v>2795</v>
      </c>
      <c r="TMD726" s="424"/>
      <c r="TME726" s="424"/>
      <c r="TMF726" s="424"/>
      <c r="TMG726" s="423" t="s">
        <v>2795</v>
      </c>
      <c r="TMH726" s="424"/>
      <c r="TMI726" s="424"/>
      <c r="TMJ726" s="424"/>
      <c r="TMK726" s="423" t="s">
        <v>2795</v>
      </c>
      <c r="TML726" s="424"/>
      <c r="TMM726" s="424"/>
      <c r="TMN726" s="424"/>
      <c r="TMO726" s="423" t="s">
        <v>2795</v>
      </c>
      <c r="TMP726" s="424"/>
      <c r="TMQ726" s="424"/>
      <c r="TMR726" s="424"/>
      <c r="TMS726" s="423" t="s">
        <v>2795</v>
      </c>
      <c r="TMT726" s="424"/>
      <c r="TMU726" s="424"/>
      <c r="TMV726" s="424"/>
      <c r="TMW726" s="423" t="s">
        <v>2795</v>
      </c>
      <c r="TMX726" s="424"/>
      <c r="TMY726" s="424"/>
      <c r="TMZ726" s="424"/>
      <c r="TNA726" s="423" t="s">
        <v>2795</v>
      </c>
      <c r="TNB726" s="424"/>
      <c r="TNC726" s="424"/>
      <c r="TND726" s="424"/>
      <c r="TNE726" s="423" t="s">
        <v>2795</v>
      </c>
      <c r="TNF726" s="424"/>
      <c r="TNG726" s="424"/>
      <c r="TNH726" s="424"/>
      <c r="TNI726" s="423" t="s">
        <v>2795</v>
      </c>
      <c r="TNJ726" s="424"/>
      <c r="TNK726" s="424"/>
      <c r="TNL726" s="424"/>
      <c r="TNM726" s="423" t="s">
        <v>2795</v>
      </c>
      <c r="TNN726" s="424"/>
      <c r="TNO726" s="424"/>
      <c r="TNP726" s="424"/>
      <c r="TNQ726" s="423" t="s">
        <v>2795</v>
      </c>
      <c r="TNR726" s="424"/>
      <c r="TNS726" s="424"/>
      <c r="TNT726" s="424"/>
      <c r="TNU726" s="423" t="s">
        <v>2795</v>
      </c>
      <c r="TNV726" s="424"/>
      <c r="TNW726" s="424"/>
      <c r="TNX726" s="424"/>
      <c r="TNY726" s="423" t="s">
        <v>2795</v>
      </c>
      <c r="TNZ726" s="424"/>
      <c r="TOA726" s="424"/>
      <c r="TOB726" s="424"/>
      <c r="TOC726" s="423" t="s">
        <v>2795</v>
      </c>
      <c r="TOD726" s="424"/>
      <c r="TOE726" s="424"/>
      <c r="TOF726" s="424"/>
      <c r="TOG726" s="423" t="s">
        <v>2795</v>
      </c>
      <c r="TOH726" s="424"/>
      <c r="TOI726" s="424"/>
      <c r="TOJ726" s="424"/>
      <c r="TOK726" s="423" t="s">
        <v>2795</v>
      </c>
      <c r="TOL726" s="424"/>
      <c r="TOM726" s="424"/>
      <c r="TON726" s="424"/>
      <c r="TOO726" s="423" t="s">
        <v>2795</v>
      </c>
      <c r="TOP726" s="424"/>
      <c r="TOQ726" s="424"/>
      <c r="TOR726" s="424"/>
      <c r="TOS726" s="423" t="s">
        <v>2795</v>
      </c>
      <c r="TOT726" s="424"/>
      <c r="TOU726" s="424"/>
      <c r="TOV726" s="424"/>
      <c r="TOW726" s="423" t="s">
        <v>2795</v>
      </c>
      <c r="TOX726" s="424"/>
      <c r="TOY726" s="424"/>
      <c r="TOZ726" s="424"/>
      <c r="TPA726" s="423" t="s">
        <v>2795</v>
      </c>
      <c r="TPB726" s="424"/>
      <c r="TPC726" s="424"/>
      <c r="TPD726" s="424"/>
      <c r="TPE726" s="423" t="s">
        <v>2795</v>
      </c>
      <c r="TPF726" s="424"/>
      <c r="TPG726" s="424"/>
      <c r="TPH726" s="424"/>
      <c r="TPI726" s="423" t="s">
        <v>2795</v>
      </c>
      <c r="TPJ726" s="424"/>
      <c r="TPK726" s="424"/>
      <c r="TPL726" s="424"/>
      <c r="TPM726" s="423" t="s">
        <v>2795</v>
      </c>
      <c r="TPN726" s="424"/>
      <c r="TPO726" s="424"/>
      <c r="TPP726" s="424"/>
      <c r="TPQ726" s="423" t="s">
        <v>2795</v>
      </c>
      <c r="TPR726" s="424"/>
      <c r="TPS726" s="424"/>
      <c r="TPT726" s="424"/>
      <c r="TPU726" s="423" t="s">
        <v>2795</v>
      </c>
      <c r="TPV726" s="424"/>
      <c r="TPW726" s="424"/>
      <c r="TPX726" s="424"/>
      <c r="TPY726" s="423" t="s">
        <v>2795</v>
      </c>
      <c r="TPZ726" s="424"/>
      <c r="TQA726" s="424"/>
      <c r="TQB726" s="424"/>
      <c r="TQC726" s="423" t="s">
        <v>2795</v>
      </c>
      <c r="TQD726" s="424"/>
      <c r="TQE726" s="424"/>
      <c r="TQF726" s="424"/>
      <c r="TQG726" s="423" t="s">
        <v>2795</v>
      </c>
      <c r="TQH726" s="424"/>
      <c r="TQI726" s="424"/>
      <c r="TQJ726" s="424"/>
      <c r="TQK726" s="423" t="s">
        <v>2795</v>
      </c>
      <c r="TQL726" s="424"/>
      <c r="TQM726" s="424"/>
      <c r="TQN726" s="424"/>
      <c r="TQO726" s="423" t="s">
        <v>2795</v>
      </c>
      <c r="TQP726" s="424"/>
      <c r="TQQ726" s="424"/>
      <c r="TQR726" s="424"/>
      <c r="TQS726" s="423" t="s">
        <v>2795</v>
      </c>
      <c r="TQT726" s="424"/>
      <c r="TQU726" s="424"/>
      <c r="TQV726" s="424"/>
      <c r="TQW726" s="423" t="s">
        <v>2795</v>
      </c>
      <c r="TQX726" s="424"/>
      <c r="TQY726" s="424"/>
      <c r="TQZ726" s="424"/>
      <c r="TRA726" s="423" t="s">
        <v>2795</v>
      </c>
      <c r="TRB726" s="424"/>
      <c r="TRC726" s="424"/>
      <c r="TRD726" s="424"/>
      <c r="TRE726" s="423" t="s">
        <v>2795</v>
      </c>
      <c r="TRF726" s="424"/>
      <c r="TRG726" s="424"/>
      <c r="TRH726" s="424"/>
      <c r="TRI726" s="423" t="s">
        <v>2795</v>
      </c>
      <c r="TRJ726" s="424"/>
      <c r="TRK726" s="424"/>
      <c r="TRL726" s="424"/>
      <c r="TRM726" s="423" t="s">
        <v>2795</v>
      </c>
      <c r="TRN726" s="424"/>
      <c r="TRO726" s="424"/>
      <c r="TRP726" s="424"/>
      <c r="TRQ726" s="423" t="s">
        <v>2795</v>
      </c>
      <c r="TRR726" s="424"/>
      <c r="TRS726" s="424"/>
      <c r="TRT726" s="424"/>
      <c r="TRU726" s="423" t="s">
        <v>2795</v>
      </c>
      <c r="TRV726" s="424"/>
      <c r="TRW726" s="424"/>
      <c r="TRX726" s="424"/>
      <c r="TRY726" s="423" t="s">
        <v>2795</v>
      </c>
      <c r="TRZ726" s="424"/>
      <c r="TSA726" s="424"/>
      <c r="TSB726" s="424"/>
      <c r="TSC726" s="423" t="s">
        <v>2795</v>
      </c>
      <c r="TSD726" s="424"/>
      <c r="TSE726" s="424"/>
      <c r="TSF726" s="424"/>
      <c r="TSG726" s="423" t="s">
        <v>2795</v>
      </c>
      <c r="TSH726" s="424"/>
      <c r="TSI726" s="424"/>
      <c r="TSJ726" s="424"/>
      <c r="TSK726" s="423" t="s">
        <v>2795</v>
      </c>
      <c r="TSL726" s="424"/>
      <c r="TSM726" s="424"/>
      <c r="TSN726" s="424"/>
      <c r="TSO726" s="423" t="s">
        <v>2795</v>
      </c>
      <c r="TSP726" s="424"/>
      <c r="TSQ726" s="424"/>
      <c r="TSR726" s="424"/>
      <c r="TSS726" s="423" t="s">
        <v>2795</v>
      </c>
      <c r="TST726" s="424"/>
      <c r="TSU726" s="424"/>
      <c r="TSV726" s="424"/>
      <c r="TSW726" s="423" t="s">
        <v>2795</v>
      </c>
      <c r="TSX726" s="424"/>
      <c r="TSY726" s="424"/>
      <c r="TSZ726" s="424"/>
      <c r="TTA726" s="423" t="s">
        <v>2795</v>
      </c>
      <c r="TTB726" s="424"/>
      <c r="TTC726" s="424"/>
      <c r="TTD726" s="424"/>
      <c r="TTE726" s="423" t="s">
        <v>2795</v>
      </c>
      <c r="TTF726" s="424"/>
      <c r="TTG726" s="424"/>
      <c r="TTH726" s="424"/>
      <c r="TTI726" s="423" t="s">
        <v>2795</v>
      </c>
      <c r="TTJ726" s="424"/>
      <c r="TTK726" s="424"/>
      <c r="TTL726" s="424"/>
      <c r="TTM726" s="423" t="s">
        <v>2795</v>
      </c>
      <c r="TTN726" s="424"/>
      <c r="TTO726" s="424"/>
      <c r="TTP726" s="424"/>
      <c r="TTQ726" s="423" t="s">
        <v>2795</v>
      </c>
      <c r="TTR726" s="424"/>
      <c r="TTS726" s="424"/>
      <c r="TTT726" s="424"/>
      <c r="TTU726" s="423" t="s">
        <v>2795</v>
      </c>
      <c r="TTV726" s="424"/>
      <c r="TTW726" s="424"/>
      <c r="TTX726" s="424"/>
      <c r="TTY726" s="423" t="s">
        <v>2795</v>
      </c>
      <c r="TTZ726" s="424"/>
      <c r="TUA726" s="424"/>
      <c r="TUB726" s="424"/>
      <c r="TUC726" s="423" t="s">
        <v>2795</v>
      </c>
      <c r="TUD726" s="424"/>
      <c r="TUE726" s="424"/>
      <c r="TUF726" s="424"/>
      <c r="TUG726" s="423" t="s">
        <v>2795</v>
      </c>
      <c r="TUH726" s="424"/>
      <c r="TUI726" s="424"/>
      <c r="TUJ726" s="424"/>
      <c r="TUK726" s="423" t="s">
        <v>2795</v>
      </c>
      <c r="TUL726" s="424"/>
      <c r="TUM726" s="424"/>
      <c r="TUN726" s="424"/>
      <c r="TUO726" s="423" t="s">
        <v>2795</v>
      </c>
      <c r="TUP726" s="424"/>
      <c r="TUQ726" s="424"/>
      <c r="TUR726" s="424"/>
      <c r="TUS726" s="423" t="s">
        <v>2795</v>
      </c>
      <c r="TUT726" s="424"/>
      <c r="TUU726" s="424"/>
      <c r="TUV726" s="424"/>
      <c r="TUW726" s="423" t="s">
        <v>2795</v>
      </c>
      <c r="TUX726" s="424"/>
      <c r="TUY726" s="424"/>
      <c r="TUZ726" s="424"/>
      <c r="TVA726" s="423" t="s">
        <v>2795</v>
      </c>
      <c r="TVB726" s="424"/>
      <c r="TVC726" s="424"/>
      <c r="TVD726" s="424"/>
      <c r="TVE726" s="423" t="s">
        <v>2795</v>
      </c>
      <c r="TVF726" s="424"/>
      <c r="TVG726" s="424"/>
      <c r="TVH726" s="424"/>
      <c r="TVI726" s="423" t="s">
        <v>2795</v>
      </c>
      <c r="TVJ726" s="424"/>
      <c r="TVK726" s="424"/>
      <c r="TVL726" s="424"/>
      <c r="TVM726" s="423" t="s">
        <v>2795</v>
      </c>
      <c r="TVN726" s="424"/>
      <c r="TVO726" s="424"/>
      <c r="TVP726" s="424"/>
      <c r="TVQ726" s="423" t="s">
        <v>2795</v>
      </c>
      <c r="TVR726" s="424"/>
      <c r="TVS726" s="424"/>
      <c r="TVT726" s="424"/>
      <c r="TVU726" s="423" t="s">
        <v>2795</v>
      </c>
      <c r="TVV726" s="424"/>
      <c r="TVW726" s="424"/>
      <c r="TVX726" s="424"/>
      <c r="TVY726" s="423" t="s">
        <v>2795</v>
      </c>
      <c r="TVZ726" s="424"/>
      <c r="TWA726" s="424"/>
      <c r="TWB726" s="424"/>
      <c r="TWC726" s="423" t="s">
        <v>2795</v>
      </c>
      <c r="TWD726" s="424"/>
      <c r="TWE726" s="424"/>
      <c r="TWF726" s="424"/>
      <c r="TWG726" s="423" t="s">
        <v>2795</v>
      </c>
      <c r="TWH726" s="424"/>
      <c r="TWI726" s="424"/>
      <c r="TWJ726" s="424"/>
      <c r="TWK726" s="423" t="s">
        <v>2795</v>
      </c>
      <c r="TWL726" s="424"/>
      <c r="TWM726" s="424"/>
      <c r="TWN726" s="424"/>
      <c r="TWO726" s="423" t="s">
        <v>2795</v>
      </c>
      <c r="TWP726" s="424"/>
      <c r="TWQ726" s="424"/>
      <c r="TWR726" s="424"/>
      <c r="TWS726" s="423" t="s">
        <v>2795</v>
      </c>
      <c r="TWT726" s="424"/>
      <c r="TWU726" s="424"/>
      <c r="TWV726" s="424"/>
      <c r="TWW726" s="423" t="s">
        <v>2795</v>
      </c>
      <c r="TWX726" s="424"/>
      <c r="TWY726" s="424"/>
      <c r="TWZ726" s="424"/>
      <c r="TXA726" s="423" t="s">
        <v>2795</v>
      </c>
      <c r="TXB726" s="424"/>
      <c r="TXC726" s="424"/>
      <c r="TXD726" s="424"/>
      <c r="TXE726" s="423" t="s">
        <v>2795</v>
      </c>
      <c r="TXF726" s="424"/>
      <c r="TXG726" s="424"/>
      <c r="TXH726" s="424"/>
      <c r="TXI726" s="423" t="s">
        <v>2795</v>
      </c>
      <c r="TXJ726" s="424"/>
      <c r="TXK726" s="424"/>
      <c r="TXL726" s="424"/>
      <c r="TXM726" s="423" t="s">
        <v>2795</v>
      </c>
      <c r="TXN726" s="424"/>
      <c r="TXO726" s="424"/>
      <c r="TXP726" s="424"/>
      <c r="TXQ726" s="423" t="s">
        <v>2795</v>
      </c>
      <c r="TXR726" s="424"/>
      <c r="TXS726" s="424"/>
      <c r="TXT726" s="424"/>
      <c r="TXU726" s="423" t="s">
        <v>2795</v>
      </c>
      <c r="TXV726" s="424"/>
      <c r="TXW726" s="424"/>
      <c r="TXX726" s="424"/>
      <c r="TXY726" s="423" t="s">
        <v>2795</v>
      </c>
      <c r="TXZ726" s="424"/>
      <c r="TYA726" s="424"/>
      <c r="TYB726" s="424"/>
      <c r="TYC726" s="423" t="s">
        <v>2795</v>
      </c>
      <c r="TYD726" s="424"/>
      <c r="TYE726" s="424"/>
      <c r="TYF726" s="424"/>
      <c r="TYG726" s="423" t="s">
        <v>2795</v>
      </c>
      <c r="TYH726" s="424"/>
      <c r="TYI726" s="424"/>
      <c r="TYJ726" s="424"/>
      <c r="TYK726" s="423" t="s">
        <v>2795</v>
      </c>
      <c r="TYL726" s="424"/>
      <c r="TYM726" s="424"/>
      <c r="TYN726" s="424"/>
      <c r="TYO726" s="423" t="s">
        <v>2795</v>
      </c>
      <c r="TYP726" s="424"/>
      <c r="TYQ726" s="424"/>
      <c r="TYR726" s="424"/>
      <c r="TYS726" s="423" t="s">
        <v>2795</v>
      </c>
      <c r="TYT726" s="424"/>
      <c r="TYU726" s="424"/>
      <c r="TYV726" s="424"/>
      <c r="TYW726" s="423" t="s">
        <v>2795</v>
      </c>
      <c r="TYX726" s="424"/>
      <c r="TYY726" s="424"/>
      <c r="TYZ726" s="424"/>
      <c r="TZA726" s="423" t="s">
        <v>2795</v>
      </c>
      <c r="TZB726" s="424"/>
      <c r="TZC726" s="424"/>
      <c r="TZD726" s="424"/>
      <c r="TZE726" s="423" t="s">
        <v>2795</v>
      </c>
      <c r="TZF726" s="424"/>
      <c r="TZG726" s="424"/>
      <c r="TZH726" s="424"/>
      <c r="TZI726" s="423" t="s">
        <v>2795</v>
      </c>
      <c r="TZJ726" s="424"/>
      <c r="TZK726" s="424"/>
      <c r="TZL726" s="424"/>
      <c r="TZM726" s="423" t="s">
        <v>2795</v>
      </c>
      <c r="TZN726" s="424"/>
      <c r="TZO726" s="424"/>
      <c r="TZP726" s="424"/>
      <c r="TZQ726" s="423" t="s">
        <v>2795</v>
      </c>
      <c r="TZR726" s="424"/>
      <c r="TZS726" s="424"/>
      <c r="TZT726" s="424"/>
      <c r="TZU726" s="423" t="s">
        <v>2795</v>
      </c>
      <c r="TZV726" s="424"/>
      <c r="TZW726" s="424"/>
      <c r="TZX726" s="424"/>
      <c r="TZY726" s="423" t="s">
        <v>2795</v>
      </c>
      <c r="TZZ726" s="424"/>
      <c r="UAA726" s="424"/>
      <c r="UAB726" s="424"/>
      <c r="UAC726" s="423" t="s">
        <v>2795</v>
      </c>
      <c r="UAD726" s="424"/>
      <c r="UAE726" s="424"/>
      <c r="UAF726" s="424"/>
      <c r="UAG726" s="423" t="s">
        <v>2795</v>
      </c>
      <c r="UAH726" s="424"/>
      <c r="UAI726" s="424"/>
      <c r="UAJ726" s="424"/>
      <c r="UAK726" s="423" t="s">
        <v>2795</v>
      </c>
      <c r="UAL726" s="424"/>
      <c r="UAM726" s="424"/>
      <c r="UAN726" s="424"/>
      <c r="UAO726" s="423" t="s">
        <v>2795</v>
      </c>
      <c r="UAP726" s="424"/>
      <c r="UAQ726" s="424"/>
      <c r="UAR726" s="424"/>
      <c r="UAS726" s="423" t="s">
        <v>2795</v>
      </c>
      <c r="UAT726" s="424"/>
      <c r="UAU726" s="424"/>
      <c r="UAV726" s="424"/>
      <c r="UAW726" s="423" t="s">
        <v>2795</v>
      </c>
      <c r="UAX726" s="424"/>
      <c r="UAY726" s="424"/>
      <c r="UAZ726" s="424"/>
      <c r="UBA726" s="423" t="s">
        <v>2795</v>
      </c>
      <c r="UBB726" s="424"/>
      <c r="UBC726" s="424"/>
      <c r="UBD726" s="424"/>
      <c r="UBE726" s="423" t="s">
        <v>2795</v>
      </c>
      <c r="UBF726" s="424"/>
      <c r="UBG726" s="424"/>
      <c r="UBH726" s="424"/>
      <c r="UBI726" s="423" t="s">
        <v>2795</v>
      </c>
      <c r="UBJ726" s="424"/>
      <c r="UBK726" s="424"/>
      <c r="UBL726" s="424"/>
      <c r="UBM726" s="423" t="s">
        <v>2795</v>
      </c>
      <c r="UBN726" s="424"/>
      <c r="UBO726" s="424"/>
      <c r="UBP726" s="424"/>
      <c r="UBQ726" s="423" t="s">
        <v>2795</v>
      </c>
      <c r="UBR726" s="424"/>
      <c r="UBS726" s="424"/>
      <c r="UBT726" s="424"/>
      <c r="UBU726" s="423" t="s">
        <v>2795</v>
      </c>
      <c r="UBV726" s="424"/>
      <c r="UBW726" s="424"/>
      <c r="UBX726" s="424"/>
      <c r="UBY726" s="423" t="s">
        <v>2795</v>
      </c>
      <c r="UBZ726" s="424"/>
      <c r="UCA726" s="424"/>
      <c r="UCB726" s="424"/>
      <c r="UCC726" s="423" t="s">
        <v>2795</v>
      </c>
      <c r="UCD726" s="424"/>
      <c r="UCE726" s="424"/>
      <c r="UCF726" s="424"/>
      <c r="UCG726" s="423" t="s">
        <v>2795</v>
      </c>
      <c r="UCH726" s="424"/>
      <c r="UCI726" s="424"/>
      <c r="UCJ726" s="424"/>
      <c r="UCK726" s="423" t="s">
        <v>2795</v>
      </c>
      <c r="UCL726" s="424"/>
      <c r="UCM726" s="424"/>
      <c r="UCN726" s="424"/>
      <c r="UCO726" s="423" t="s">
        <v>2795</v>
      </c>
      <c r="UCP726" s="424"/>
      <c r="UCQ726" s="424"/>
      <c r="UCR726" s="424"/>
      <c r="UCS726" s="423" t="s">
        <v>2795</v>
      </c>
      <c r="UCT726" s="424"/>
      <c r="UCU726" s="424"/>
      <c r="UCV726" s="424"/>
      <c r="UCW726" s="423" t="s">
        <v>2795</v>
      </c>
      <c r="UCX726" s="424"/>
      <c r="UCY726" s="424"/>
      <c r="UCZ726" s="424"/>
      <c r="UDA726" s="423" t="s">
        <v>2795</v>
      </c>
      <c r="UDB726" s="424"/>
      <c r="UDC726" s="424"/>
      <c r="UDD726" s="424"/>
      <c r="UDE726" s="423" t="s">
        <v>2795</v>
      </c>
      <c r="UDF726" s="424"/>
      <c r="UDG726" s="424"/>
      <c r="UDH726" s="424"/>
      <c r="UDI726" s="423" t="s">
        <v>2795</v>
      </c>
      <c r="UDJ726" s="424"/>
      <c r="UDK726" s="424"/>
      <c r="UDL726" s="424"/>
      <c r="UDM726" s="423" t="s">
        <v>2795</v>
      </c>
      <c r="UDN726" s="424"/>
      <c r="UDO726" s="424"/>
      <c r="UDP726" s="424"/>
      <c r="UDQ726" s="423" t="s">
        <v>2795</v>
      </c>
      <c r="UDR726" s="424"/>
      <c r="UDS726" s="424"/>
      <c r="UDT726" s="424"/>
      <c r="UDU726" s="423" t="s">
        <v>2795</v>
      </c>
      <c r="UDV726" s="424"/>
      <c r="UDW726" s="424"/>
      <c r="UDX726" s="424"/>
      <c r="UDY726" s="423" t="s">
        <v>2795</v>
      </c>
      <c r="UDZ726" s="424"/>
      <c r="UEA726" s="424"/>
      <c r="UEB726" s="424"/>
      <c r="UEC726" s="423" t="s">
        <v>2795</v>
      </c>
      <c r="UED726" s="424"/>
      <c r="UEE726" s="424"/>
      <c r="UEF726" s="424"/>
      <c r="UEG726" s="423" t="s">
        <v>2795</v>
      </c>
      <c r="UEH726" s="424"/>
      <c r="UEI726" s="424"/>
      <c r="UEJ726" s="424"/>
      <c r="UEK726" s="423" t="s">
        <v>2795</v>
      </c>
      <c r="UEL726" s="424"/>
      <c r="UEM726" s="424"/>
      <c r="UEN726" s="424"/>
      <c r="UEO726" s="423" t="s">
        <v>2795</v>
      </c>
      <c r="UEP726" s="424"/>
      <c r="UEQ726" s="424"/>
      <c r="UER726" s="424"/>
      <c r="UES726" s="423" t="s">
        <v>2795</v>
      </c>
      <c r="UET726" s="424"/>
      <c r="UEU726" s="424"/>
      <c r="UEV726" s="424"/>
      <c r="UEW726" s="423" t="s">
        <v>2795</v>
      </c>
      <c r="UEX726" s="424"/>
      <c r="UEY726" s="424"/>
      <c r="UEZ726" s="424"/>
      <c r="UFA726" s="423" t="s">
        <v>2795</v>
      </c>
      <c r="UFB726" s="424"/>
      <c r="UFC726" s="424"/>
      <c r="UFD726" s="424"/>
      <c r="UFE726" s="423" t="s">
        <v>2795</v>
      </c>
      <c r="UFF726" s="424"/>
      <c r="UFG726" s="424"/>
      <c r="UFH726" s="424"/>
      <c r="UFI726" s="423" t="s">
        <v>2795</v>
      </c>
      <c r="UFJ726" s="424"/>
      <c r="UFK726" s="424"/>
      <c r="UFL726" s="424"/>
      <c r="UFM726" s="423" t="s">
        <v>2795</v>
      </c>
      <c r="UFN726" s="424"/>
      <c r="UFO726" s="424"/>
      <c r="UFP726" s="424"/>
      <c r="UFQ726" s="423" t="s">
        <v>2795</v>
      </c>
      <c r="UFR726" s="424"/>
      <c r="UFS726" s="424"/>
      <c r="UFT726" s="424"/>
      <c r="UFU726" s="423" t="s">
        <v>2795</v>
      </c>
      <c r="UFV726" s="424"/>
      <c r="UFW726" s="424"/>
      <c r="UFX726" s="424"/>
      <c r="UFY726" s="423" t="s">
        <v>2795</v>
      </c>
      <c r="UFZ726" s="424"/>
      <c r="UGA726" s="424"/>
      <c r="UGB726" s="424"/>
      <c r="UGC726" s="423" t="s">
        <v>2795</v>
      </c>
      <c r="UGD726" s="424"/>
      <c r="UGE726" s="424"/>
      <c r="UGF726" s="424"/>
      <c r="UGG726" s="423" t="s">
        <v>2795</v>
      </c>
      <c r="UGH726" s="424"/>
      <c r="UGI726" s="424"/>
      <c r="UGJ726" s="424"/>
      <c r="UGK726" s="423" t="s">
        <v>2795</v>
      </c>
      <c r="UGL726" s="424"/>
      <c r="UGM726" s="424"/>
      <c r="UGN726" s="424"/>
      <c r="UGO726" s="423" t="s">
        <v>2795</v>
      </c>
      <c r="UGP726" s="424"/>
      <c r="UGQ726" s="424"/>
      <c r="UGR726" s="424"/>
      <c r="UGS726" s="423" t="s">
        <v>2795</v>
      </c>
      <c r="UGT726" s="424"/>
      <c r="UGU726" s="424"/>
      <c r="UGV726" s="424"/>
      <c r="UGW726" s="423" t="s">
        <v>2795</v>
      </c>
      <c r="UGX726" s="424"/>
      <c r="UGY726" s="424"/>
      <c r="UGZ726" s="424"/>
      <c r="UHA726" s="423" t="s">
        <v>2795</v>
      </c>
      <c r="UHB726" s="424"/>
      <c r="UHC726" s="424"/>
      <c r="UHD726" s="424"/>
      <c r="UHE726" s="423" t="s">
        <v>2795</v>
      </c>
      <c r="UHF726" s="424"/>
      <c r="UHG726" s="424"/>
      <c r="UHH726" s="424"/>
      <c r="UHI726" s="423" t="s">
        <v>2795</v>
      </c>
      <c r="UHJ726" s="424"/>
      <c r="UHK726" s="424"/>
      <c r="UHL726" s="424"/>
      <c r="UHM726" s="423" t="s">
        <v>2795</v>
      </c>
      <c r="UHN726" s="424"/>
      <c r="UHO726" s="424"/>
      <c r="UHP726" s="424"/>
      <c r="UHQ726" s="423" t="s">
        <v>2795</v>
      </c>
      <c r="UHR726" s="424"/>
      <c r="UHS726" s="424"/>
      <c r="UHT726" s="424"/>
      <c r="UHU726" s="423" t="s">
        <v>2795</v>
      </c>
      <c r="UHV726" s="424"/>
      <c r="UHW726" s="424"/>
      <c r="UHX726" s="424"/>
      <c r="UHY726" s="423" t="s">
        <v>2795</v>
      </c>
      <c r="UHZ726" s="424"/>
      <c r="UIA726" s="424"/>
      <c r="UIB726" s="424"/>
      <c r="UIC726" s="423" t="s">
        <v>2795</v>
      </c>
      <c r="UID726" s="424"/>
      <c r="UIE726" s="424"/>
      <c r="UIF726" s="424"/>
      <c r="UIG726" s="423" t="s">
        <v>2795</v>
      </c>
      <c r="UIH726" s="424"/>
      <c r="UII726" s="424"/>
      <c r="UIJ726" s="424"/>
      <c r="UIK726" s="423" t="s">
        <v>2795</v>
      </c>
      <c r="UIL726" s="424"/>
      <c r="UIM726" s="424"/>
      <c r="UIN726" s="424"/>
      <c r="UIO726" s="423" t="s">
        <v>2795</v>
      </c>
      <c r="UIP726" s="424"/>
      <c r="UIQ726" s="424"/>
      <c r="UIR726" s="424"/>
      <c r="UIS726" s="423" t="s">
        <v>2795</v>
      </c>
      <c r="UIT726" s="424"/>
      <c r="UIU726" s="424"/>
      <c r="UIV726" s="424"/>
      <c r="UIW726" s="423" t="s">
        <v>2795</v>
      </c>
      <c r="UIX726" s="424"/>
      <c r="UIY726" s="424"/>
      <c r="UIZ726" s="424"/>
      <c r="UJA726" s="423" t="s">
        <v>2795</v>
      </c>
      <c r="UJB726" s="424"/>
      <c r="UJC726" s="424"/>
      <c r="UJD726" s="424"/>
      <c r="UJE726" s="423" t="s">
        <v>2795</v>
      </c>
      <c r="UJF726" s="424"/>
      <c r="UJG726" s="424"/>
      <c r="UJH726" s="424"/>
      <c r="UJI726" s="423" t="s">
        <v>2795</v>
      </c>
      <c r="UJJ726" s="424"/>
      <c r="UJK726" s="424"/>
      <c r="UJL726" s="424"/>
      <c r="UJM726" s="423" t="s">
        <v>2795</v>
      </c>
      <c r="UJN726" s="424"/>
      <c r="UJO726" s="424"/>
      <c r="UJP726" s="424"/>
      <c r="UJQ726" s="423" t="s">
        <v>2795</v>
      </c>
      <c r="UJR726" s="424"/>
      <c r="UJS726" s="424"/>
      <c r="UJT726" s="424"/>
      <c r="UJU726" s="423" t="s">
        <v>2795</v>
      </c>
      <c r="UJV726" s="424"/>
      <c r="UJW726" s="424"/>
      <c r="UJX726" s="424"/>
      <c r="UJY726" s="423" t="s">
        <v>2795</v>
      </c>
      <c r="UJZ726" s="424"/>
      <c r="UKA726" s="424"/>
      <c r="UKB726" s="424"/>
      <c r="UKC726" s="423" t="s">
        <v>2795</v>
      </c>
      <c r="UKD726" s="424"/>
      <c r="UKE726" s="424"/>
      <c r="UKF726" s="424"/>
      <c r="UKG726" s="423" t="s">
        <v>2795</v>
      </c>
      <c r="UKH726" s="424"/>
      <c r="UKI726" s="424"/>
      <c r="UKJ726" s="424"/>
      <c r="UKK726" s="423" t="s">
        <v>2795</v>
      </c>
      <c r="UKL726" s="424"/>
      <c r="UKM726" s="424"/>
      <c r="UKN726" s="424"/>
      <c r="UKO726" s="423" t="s">
        <v>2795</v>
      </c>
      <c r="UKP726" s="424"/>
      <c r="UKQ726" s="424"/>
      <c r="UKR726" s="424"/>
      <c r="UKS726" s="423" t="s">
        <v>2795</v>
      </c>
      <c r="UKT726" s="424"/>
      <c r="UKU726" s="424"/>
      <c r="UKV726" s="424"/>
      <c r="UKW726" s="423" t="s">
        <v>2795</v>
      </c>
      <c r="UKX726" s="424"/>
      <c r="UKY726" s="424"/>
      <c r="UKZ726" s="424"/>
      <c r="ULA726" s="423" t="s">
        <v>2795</v>
      </c>
      <c r="ULB726" s="424"/>
      <c r="ULC726" s="424"/>
      <c r="ULD726" s="424"/>
      <c r="ULE726" s="423" t="s">
        <v>2795</v>
      </c>
      <c r="ULF726" s="424"/>
      <c r="ULG726" s="424"/>
      <c r="ULH726" s="424"/>
      <c r="ULI726" s="423" t="s">
        <v>2795</v>
      </c>
      <c r="ULJ726" s="424"/>
      <c r="ULK726" s="424"/>
      <c r="ULL726" s="424"/>
      <c r="ULM726" s="423" t="s">
        <v>2795</v>
      </c>
      <c r="ULN726" s="424"/>
      <c r="ULO726" s="424"/>
      <c r="ULP726" s="424"/>
      <c r="ULQ726" s="423" t="s">
        <v>2795</v>
      </c>
      <c r="ULR726" s="424"/>
      <c r="ULS726" s="424"/>
      <c r="ULT726" s="424"/>
      <c r="ULU726" s="423" t="s">
        <v>2795</v>
      </c>
      <c r="ULV726" s="424"/>
      <c r="ULW726" s="424"/>
      <c r="ULX726" s="424"/>
      <c r="ULY726" s="423" t="s">
        <v>2795</v>
      </c>
      <c r="ULZ726" s="424"/>
      <c r="UMA726" s="424"/>
      <c r="UMB726" s="424"/>
      <c r="UMC726" s="423" t="s">
        <v>2795</v>
      </c>
      <c r="UMD726" s="424"/>
      <c r="UME726" s="424"/>
      <c r="UMF726" s="424"/>
      <c r="UMG726" s="423" t="s">
        <v>2795</v>
      </c>
      <c r="UMH726" s="424"/>
      <c r="UMI726" s="424"/>
      <c r="UMJ726" s="424"/>
      <c r="UMK726" s="423" t="s">
        <v>2795</v>
      </c>
      <c r="UML726" s="424"/>
      <c r="UMM726" s="424"/>
      <c r="UMN726" s="424"/>
      <c r="UMO726" s="423" t="s">
        <v>2795</v>
      </c>
      <c r="UMP726" s="424"/>
      <c r="UMQ726" s="424"/>
      <c r="UMR726" s="424"/>
      <c r="UMS726" s="423" t="s">
        <v>2795</v>
      </c>
      <c r="UMT726" s="424"/>
      <c r="UMU726" s="424"/>
      <c r="UMV726" s="424"/>
      <c r="UMW726" s="423" t="s">
        <v>2795</v>
      </c>
      <c r="UMX726" s="424"/>
      <c r="UMY726" s="424"/>
      <c r="UMZ726" s="424"/>
      <c r="UNA726" s="423" t="s">
        <v>2795</v>
      </c>
      <c r="UNB726" s="424"/>
      <c r="UNC726" s="424"/>
      <c r="UND726" s="424"/>
      <c r="UNE726" s="423" t="s">
        <v>2795</v>
      </c>
      <c r="UNF726" s="424"/>
      <c r="UNG726" s="424"/>
      <c r="UNH726" s="424"/>
      <c r="UNI726" s="423" t="s">
        <v>2795</v>
      </c>
      <c r="UNJ726" s="424"/>
      <c r="UNK726" s="424"/>
      <c r="UNL726" s="424"/>
      <c r="UNM726" s="423" t="s">
        <v>2795</v>
      </c>
      <c r="UNN726" s="424"/>
      <c r="UNO726" s="424"/>
      <c r="UNP726" s="424"/>
      <c r="UNQ726" s="423" t="s">
        <v>2795</v>
      </c>
      <c r="UNR726" s="424"/>
      <c r="UNS726" s="424"/>
      <c r="UNT726" s="424"/>
      <c r="UNU726" s="423" t="s">
        <v>2795</v>
      </c>
      <c r="UNV726" s="424"/>
      <c r="UNW726" s="424"/>
      <c r="UNX726" s="424"/>
      <c r="UNY726" s="423" t="s">
        <v>2795</v>
      </c>
      <c r="UNZ726" s="424"/>
      <c r="UOA726" s="424"/>
      <c r="UOB726" s="424"/>
      <c r="UOC726" s="423" t="s">
        <v>2795</v>
      </c>
      <c r="UOD726" s="424"/>
      <c r="UOE726" s="424"/>
      <c r="UOF726" s="424"/>
      <c r="UOG726" s="423" t="s">
        <v>2795</v>
      </c>
      <c r="UOH726" s="424"/>
      <c r="UOI726" s="424"/>
      <c r="UOJ726" s="424"/>
      <c r="UOK726" s="423" t="s">
        <v>2795</v>
      </c>
      <c r="UOL726" s="424"/>
      <c r="UOM726" s="424"/>
      <c r="UON726" s="424"/>
      <c r="UOO726" s="423" t="s">
        <v>2795</v>
      </c>
      <c r="UOP726" s="424"/>
      <c r="UOQ726" s="424"/>
      <c r="UOR726" s="424"/>
      <c r="UOS726" s="423" t="s">
        <v>2795</v>
      </c>
      <c r="UOT726" s="424"/>
      <c r="UOU726" s="424"/>
      <c r="UOV726" s="424"/>
      <c r="UOW726" s="423" t="s">
        <v>2795</v>
      </c>
      <c r="UOX726" s="424"/>
      <c r="UOY726" s="424"/>
      <c r="UOZ726" s="424"/>
      <c r="UPA726" s="423" t="s">
        <v>2795</v>
      </c>
      <c r="UPB726" s="424"/>
      <c r="UPC726" s="424"/>
      <c r="UPD726" s="424"/>
      <c r="UPE726" s="423" t="s">
        <v>2795</v>
      </c>
      <c r="UPF726" s="424"/>
      <c r="UPG726" s="424"/>
      <c r="UPH726" s="424"/>
      <c r="UPI726" s="423" t="s">
        <v>2795</v>
      </c>
      <c r="UPJ726" s="424"/>
      <c r="UPK726" s="424"/>
      <c r="UPL726" s="424"/>
      <c r="UPM726" s="423" t="s">
        <v>2795</v>
      </c>
      <c r="UPN726" s="424"/>
      <c r="UPO726" s="424"/>
      <c r="UPP726" s="424"/>
      <c r="UPQ726" s="423" t="s">
        <v>2795</v>
      </c>
      <c r="UPR726" s="424"/>
      <c r="UPS726" s="424"/>
      <c r="UPT726" s="424"/>
      <c r="UPU726" s="423" t="s">
        <v>2795</v>
      </c>
      <c r="UPV726" s="424"/>
      <c r="UPW726" s="424"/>
      <c r="UPX726" s="424"/>
      <c r="UPY726" s="423" t="s">
        <v>2795</v>
      </c>
      <c r="UPZ726" s="424"/>
      <c r="UQA726" s="424"/>
      <c r="UQB726" s="424"/>
      <c r="UQC726" s="423" t="s">
        <v>2795</v>
      </c>
      <c r="UQD726" s="424"/>
      <c r="UQE726" s="424"/>
      <c r="UQF726" s="424"/>
      <c r="UQG726" s="423" t="s">
        <v>2795</v>
      </c>
      <c r="UQH726" s="424"/>
      <c r="UQI726" s="424"/>
      <c r="UQJ726" s="424"/>
      <c r="UQK726" s="423" t="s">
        <v>2795</v>
      </c>
      <c r="UQL726" s="424"/>
      <c r="UQM726" s="424"/>
      <c r="UQN726" s="424"/>
      <c r="UQO726" s="423" t="s">
        <v>2795</v>
      </c>
      <c r="UQP726" s="424"/>
      <c r="UQQ726" s="424"/>
      <c r="UQR726" s="424"/>
      <c r="UQS726" s="423" t="s">
        <v>2795</v>
      </c>
      <c r="UQT726" s="424"/>
      <c r="UQU726" s="424"/>
      <c r="UQV726" s="424"/>
      <c r="UQW726" s="423" t="s">
        <v>2795</v>
      </c>
      <c r="UQX726" s="424"/>
      <c r="UQY726" s="424"/>
      <c r="UQZ726" s="424"/>
      <c r="URA726" s="423" t="s">
        <v>2795</v>
      </c>
      <c r="URB726" s="424"/>
      <c r="URC726" s="424"/>
      <c r="URD726" s="424"/>
      <c r="URE726" s="423" t="s">
        <v>2795</v>
      </c>
      <c r="URF726" s="424"/>
      <c r="URG726" s="424"/>
      <c r="URH726" s="424"/>
      <c r="URI726" s="423" t="s">
        <v>2795</v>
      </c>
      <c r="URJ726" s="424"/>
      <c r="URK726" s="424"/>
      <c r="URL726" s="424"/>
      <c r="URM726" s="423" t="s">
        <v>2795</v>
      </c>
      <c r="URN726" s="424"/>
      <c r="URO726" s="424"/>
      <c r="URP726" s="424"/>
      <c r="URQ726" s="423" t="s">
        <v>2795</v>
      </c>
      <c r="URR726" s="424"/>
      <c r="URS726" s="424"/>
      <c r="URT726" s="424"/>
      <c r="URU726" s="423" t="s">
        <v>2795</v>
      </c>
      <c r="URV726" s="424"/>
      <c r="URW726" s="424"/>
      <c r="URX726" s="424"/>
      <c r="URY726" s="423" t="s">
        <v>2795</v>
      </c>
      <c r="URZ726" s="424"/>
      <c r="USA726" s="424"/>
      <c r="USB726" s="424"/>
      <c r="USC726" s="423" t="s">
        <v>2795</v>
      </c>
      <c r="USD726" s="424"/>
      <c r="USE726" s="424"/>
      <c r="USF726" s="424"/>
      <c r="USG726" s="423" t="s">
        <v>2795</v>
      </c>
      <c r="USH726" s="424"/>
      <c r="USI726" s="424"/>
      <c r="USJ726" s="424"/>
      <c r="USK726" s="423" t="s">
        <v>2795</v>
      </c>
      <c r="USL726" s="424"/>
      <c r="USM726" s="424"/>
      <c r="USN726" s="424"/>
      <c r="USO726" s="423" t="s">
        <v>2795</v>
      </c>
      <c r="USP726" s="424"/>
      <c r="USQ726" s="424"/>
      <c r="USR726" s="424"/>
      <c r="USS726" s="423" t="s">
        <v>2795</v>
      </c>
      <c r="UST726" s="424"/>
      <c r="USU726" s="424"/>
      <c r="USV726" s="424"/>
      <c r="USW726" s="423" t="s">
        <v>2795</v>
      </c>
      <c r="USX726" s="424"/>
      <c r="USY726" s="424"/>
      <c r="USZ726" s="424"/>
      <c r="UTA726" s="423" t="s">
        <v>2795</v>
      </c>
      <c r="UTB726" s="424"/>
      <c r="UTC726" s="424"/>
      <c r="UTD726" s="424"/>
      <c r="UTE726" s="423" t="s">
        <v>2795</v>
      </c>
      <c r="UTF726" s="424"/>
      <c r="UTG726" s="424"/>
      <c r="UTH726" s="424"/>
      <c r="UTI726" s="423" t="s">
        <v>2795</v>
      </c>
      <c r="UTJ726" s="424"/>
      <c r="UTK726" s="424"/>
      <c r="UTL726" s="424"/>
      <c r="UTM726" s="423" t="s">
        <v>2795</v>
      </c>
      <c r="UTN726" s="424"/>
      <c r="UTO726" s="424"/>
      <c r="UTP726" s="424"/>
      <c r="UTQ726" s="423" t="s">
        <v>2795</v>
      </c>
      <c r="UTR726" s="424"/>
      <c r="UTS726" s="424"/>
      <c r="UTT726" s="424"/>
      <c r="UTU726" s="423" t="s">
        <v>2795</v>
      </c>
      <c r="UTV726" s="424"/>
      <c r="UTW726" s="424"/>
      <c r="UTX726" s="424"/>
      <c r="UTY726" s="423" t="s">
        <v>2795</v>
      </c>
      <c r="UTZ726" s="424"/>
      <c r="UUA726" s="424"/>
      <c r="UUB726" s="424"/>
      <c r="UUC726" s="423" t="s">
        <v>2795</v>
      </c>
      <c r="UUD726" s="424"/>
      <c r="UUE726" s="424"/>
      <c r="UUF726" s="424"/>
      <c r="UUG726" s="423" t="s">
        <v>2795</v>
      </c>
      <c r="UUH726" s="424"/>
      <c r="UUI726" s="424"/>
      <c r="UUJ726" s="424"/>
      <c r="UUK726" s="423" t="s">
        <v>2795</v>
      </c>
      <c r="UUL726" s="424"/>
      <c r="UUM726" s="424"/>
      <c r="UUN726" s="424"/>
      <c r="UUO726" s="423" t="s">
        <v>2795</v>
      </c>
      <c r="UUP726" s="424"/>
      <c r="UUQ726" s="424"/>
      <c r="UUR726" s="424"/>
      <c r="UUS726" s="423" t="s">
        <v>2795</v>
      </c>
      <c r="UUT726" s="424"/>
      <c r="UUU726" s="424"/>
      <c r="UUV726" s="424"/>
      <c r="UUW726" s="423" t="s">
        <v>2795</v>
      </c>
      <c r="UUX726" s="424"/>
      <c r="UUY726" s="424"/>
      <c r="UUZ726" s="424"/>
      <c r="UVA726" s="423" t="s">
        <v>2795</v>
      </c>
      <c r="UVB726" s="424"/>
      <c r="UVC726" s="424"/>
      <c r="UVD726" s="424"/>
      <c r="UVE726" s="423" t="s">
        <v>2795</v>
      </c>
      <c r="UVF726" s="424"/>
      <c r="UVG726" s="424"/>
      <c r="UVH726" s="424"/>
      <c r="UVI726" s="423" t="s">
        <v>2795</v>
      </c>
      <c r="UVJ726" s="424"/>
      <c r="UVK726" s="424"/>
      <c r="UVL726" s="424"/>
      <c r="UVM726" s="423" t="s">
        <v>2795</v>
      </c>
      <c r="UVN726" s="424"/>
      <c r="UVO726" s="424"/>
      <c r="UVP726" s="424"/>
      <c r="UVQ726" s="423" t="s">
        <v>2795</v>
      </c>
      <c r="UVR726" s="424"/>
      <c r="UVS726" s="424"/>
      <c r="UVT726" s="424"/>
      <c r="UVU726" s="423" t="s">
        <v>2795</v>
      </c>
      <c r="UVV726" s="424"/>
      <c r="UVW726" s="424"/>
      <c r="UVX726" s="424"/>
      <c r="UVY726" s="423" t="s">
        <v>2795</v>
      </c>
      <c r="UVZ726" s="424"/>
      <c r="UWA726" s="424"/>
      <c r="UWB726" s="424"/>
      <c r="UWC726" s="423" t="s">
        <v>2795</v>
      </c>
      <c r="UWD726" s="424"/>
      <c r="UWE726" s="424"/>
      <c r="UWF726" s="424"/>
      <c r="UWG726" s="423" t="s">
        <v>2795</v>
      </c>
      <c r="UWH726" s="424"/>
      <c r="UWI726" s="424"/>
      <c r="UWJ726" s="424"/>
      <c r="UWK726" s="423" t="s">
        <v>2795</v>
      </c>
      <c r="UWL726" s="424"/>
      <c r="UWM726" s="424"/>
      <c r="UWN726" s="424"/>
      <c r="UWO726" s="423" t="s">
        <v>2795</v>
      </c>
      <c r="UWP726" s="424"/>
      <c r="UWQ726" s="424"/>
      <c r="UWR726" s="424"/>
      <c r="UWS726" s="423" t="s">
        <v>2795</v>
      </c>
      <c r="UWT726" s="424"/>
      <c r="UWU726" s="424"/>
      <c r="UWV726" s="424"/>
      <c r="UWW726" s="423" t="s">
        <v>2795</v>
      </c>
      <c r="UWX726" s="424"/>
      <c r="UWY726" s="424"/>
      <c r="UWZ726" s="424"/>
      <c r="UXA726" s="423" t="s">
        <v>2795</v>
      </c>
      <c r="UXB726" s="424"/>
      <c r="UXC726" s="424"/>
      <c r="UXD726" s="424"/>
      <c r="UXE726" s="423" t="s">
        <v>2795</v>
      </c>
      <c r="UXF726" s="424"/>
      <c r="UXG726" s="424"/>
      <c r="UXH726" s="424"/>
      <c r="UXI726" s="423" t="s">
        <v>2795</v>
      </c>
      <c r="UXJ726" s="424"/>
      <c r="UXK726" s="424"/>
      <c r="UXL726" s="424"/>
      <c r="UXM726" s="423" t="s">
        <v>2795</v>
      </c>
      <c r="UXN726" s="424"/>
      <c r="UXO726" s="424"/>
      <c r="UXP726" s="424"/>
      <c r="UXQ726" s="423" t="s">
        <v>2795</v>
      </c>
      <c r="UXR726" s="424"/>
      <c r="UXS726" s="424"/>
      <c r="UXT726" s="424"/>
      <c r="UXU726" s="423" t="s">
        <v>2795</v>
      </c>
      <c r="UXV726" s="424"/>
      <c r="UXW726" s="424"/>
      <c r="UXX726" s="424"/>
      <c r="UXY726" s="423" t="s">
        <v>2795</v>
      </c>
      <c r="UXZ726" s="424"/>
      <c r="UYA726" s="424"/>
      <c r="UYB726" s="424"/>
      <c r="UYC726" s="423" t="s">
        <v>2795</v>
      </c>
      <c r="UYD726" s="424"/>
      <c r="UYE726" s="424"/>
      <c r="UYF726" s="424"/>
      <c r="UYG726" s="423" t="s">
        <v>2795</v>
      </c>
      <c r="UYH726" s="424"/>
      <c r="UYI726" s="424"/>
      <c r="UYJ726" s="424"/>
      <c r="UYK726" s="423" t="s">
        <v>2795</v>
      </c>
      <c r="UYL726" s="424"/>
      <c r="UYM726" s="424"/>
      <c r="UYN726" s="424"/>
      <c r="UYO726" s="423" t="s">
        <v>2795</v>
      </c>
      <c r="UYP726" s="424"/>
      <c r="UYQ726" s="424"/>
      <c r="UYR726" s="424"/>
      <c r="UYS726" s="423" t="s">
        <v>2795</v>
      </c>
      <c r="UYT726" s="424"/>
      <c r="UYU726" s="424"/>
      <c r="UYV726" s="424"/>
      <c r="UYW726" s="423" t="s">
        <v>2795</v>
      </c>
      <c r="UYX726" s="424"/>
      <c r="UYY726" s="424"/>
      <c r="UYZ726" s="424"/>
      <c r="UZA726" s="423" t="s">
        <v>2795</v>
      </c>
      <c r="UZB726" s="424"/>
      <c r="UZC726" s="424"/>
      <c r="UZD726" s="424"/>
      <c r="UZE726" s="423" t="s">
        <v>2795</v>
      </c>
      <c r="UZF726" s="424"/>
      <c r="UZG726" s="424"/>
      <c r="UZH726" s="424"/>
      <c r="UZI726" s="423" t="s">
        <v>2795</v>
      </c>
      <c r="UZJ726" s="424"/>
      <c r="UZK726" s="424"/>
      <c r="UZL726" s="424"/>
      <c r="UZM726" s="423" t="s">
        <v>2795</v>
      </c>
      <c r="UZN726" s="424"/>
      <c r="UZO726" s="424"/>
      <c r="UZP726" s="424"/>
      <c r="UZQ726" s="423" t="s">
        <v>2795</v>
      </c>
      <c r="UZR726" s="424"/>
      <c r="UZS726" s="424"/>
      <c r="UZT726" s="424"/>
      <c r="UZU726" s="423" t="s">
        <v>2795</v>
      </c>
      <c r="UZV726" s="424"/>
      <c r="UZW726" s="424"/>
      <c r="UZX726" s="424"/>
      <c r="UZY726" s="423" t="s">
        <v>2795</v>
      </c>
      <c r="UZZ726" s="424"/>
      <c r="VAA726" s="424"/>
      <c r="VAB726" s="424"/>
      <c r="VAC726" s="423" t="s">
        <v>2795</v>
      </c>
      <c r="VAD726" s="424"/>
      <c r="VAE726" s="424"/>
      <c r="VAF726" s="424"/>
      <c r="VAG726" s="423" t="s">
        <v>2795</v>
      </c>
      <c r="VAH726" s="424"/>
      <c r="VAI726" s="424"/>
      <c r="VAJ726" s="424"/>
      <c r="VAK726" s="423" t="s">
        <v>2795</v>
      </c>
      <c r="VAL726" s="424"/>
      <c r="VAM726" s="424"/>
      <c r="VAN726" s="424"/>
      <c r="VAO726" s="423" t="s">
        <v>2795</v>
      </c>
      <c r="VAP726" s="424"/>
      <c r="VAQ726" s="424"/>
      <c r="VAR726" s="424"/>
      <c r="VAS726" s="423" t="s">
        <v>2795</v>
      </c>
      <c r="VAT726" s="424"/>
      <c r="VAU726" s="424"/>
      <c r="VAV726" s="424"/>
      <c r="VAW726" s="423" t="s">
        <v>2795</v>
      </c>
      <c r="VAX726" s="424"/>
      <c r="VAY726" s="424"/>
      <c r="VAZ726" s="424"/>
      <c r="VBA726" s="423" t="s">
        <v>2795</v>
      </c>
      <c r="VBB726" s="424"/>
      <c r="VBC726" s="424"/>
      <c r="VBD726" s="424"/>
      <c r="VBE726" s="423" t="s">
        <v>2795</v>
      </c>
      <c r="VBF726" s="424"/>
      <c r="VBG726" s="424"/>
      <c r="VBH726" s="424"/>
      <c r="VBI726" s="423" t="s">
        <v>2795</v>
      </c>
      <c r="VBJ726" s="424"/>
      <c r="VBK726" s="424"/>
      <c r="VBL726" s="424"/>
      <c r="VBM726" s="423" t="s">
        <v>2795</v>
      </c>
      <c r="VBN726" s="424"/>
      <c r="VBO726" s="424"/>
      <c r="VBP726" s="424"/>
      <c r="VBQ726" s="423" t="s">
        <v>2795</v>
      </c>
      <c r="VBR726" s="424"/>
      <c r="VBS726" s="424"/>
      <c r="VBT726" s="424"/>
      <c r="VBU726" s="423" t="s">
        <v>2795</v>
      </c>
      <c r="VBV726" s="424"/>
      <c r="VBW726" s="424"/>
      <c r="VBX726" s="424"/>
      <c r="VBY726" s="423" t="s">
        <v>2795</v>
      </c>
      <c r="VBZ726" s="424"/>
      <c r="VCA726" s="424"/>
      <c r="VCB726" s="424"/>
      <c r="VCC726" s="423" t="s">
        <v>2795</v>
      </c>
      <c r="VCD726" s="424"/>
      <c r="VCE726" s="424"/>
      <c r="VCF726" s="424"/>
      <c r="VCG726" s="423" t="s">
        <v>2795</v>
      </c>
      <c r="VCH726" s="424"/>
      <c r="VCI726" s="424"/>
      <c r="VCJ726" s="424"/>
      <c r="VCK726" s="423" t="s">
        <v>2795</v>
      </c>
      <c r="VCL726" s="424"/>
      <c r="VCM726" s="424"/>
      <c r="VCN726" s="424"/>
      <c r="VCO726" s="423" t="s">
        <v>2795</v>
      </c>
      <c r="VCP726" s="424"/>
      <c r="VCQ726" s="424"/>
      <c r="VCR726" s="424"/>
      <c r="VCS726" s="423" t="s">
        <v>2795</v>
      </c>
      <c r="VCT726" s="424"/>
      <c r="VCU726" s="424"/>
      <c r="VCV726" s="424"/>
      <c r="VCW726" s="423" t="s">
        <v>2795</v>
      </c>
      <c r="VCX726" s="424"/>
      <c r="VCY726" s="424"/>
      <c r="VCZ726" s="424"/>
      <c r="VDA726" s="423" t="s">
        <v>2795</v>
      </c>
      <c r="VDB726" s="424"/>
      <c r="VDC726" s="424"/>
      <c r="VDD726" s="424"/>
      <c r="VDE726" s="423" t="s">
        <v>2795</v>
      </c>
      <c r="VDF726" s="424"/>
      <c r="VDG726" s="424"/>
      <c r="VDH726" s="424"/>
      <c r="VDI726" s="423" t="s">
        <v>2795</v>
      </c>
      <c r="VDJ726" s="424"/>
      <c r="VDK726" s="424"/>
      <c r="VDL726" s="424"/>
      <c r="VDM726" s="423" t="s">
        <v>2795</v>
      </c>
      <c r="VDN726" s="424"/>
      <c r="VDO726" s="424"/>
      <c r="VDP726" s="424"/>
      <c r="VDQ726" s="423" t="s">
        <v>2795</v>
      </c>
      <c r="VDR726" s="424"/>
      <c r="VDS726" s="424"/>
      <c r="VDT726" s="424"/>
      <c r="VDU726" s="423" t="s">
        <v>2795</v>
      </c>
      <c r="VDV726" s="424"/>
      <c r="VDW726" s="424"/>
      <c r="VDX726" s="424"/>
      <c r="VDY726" s="423" t="s">
        <v>2795</v>
      </c>
      <c r="VDZ726" s="424"/>
      <c r="VEA726" s="424"/>
      <c r="VEB726" s="424"/>
      <c r="VEC726" s="423" t="s">
        <v>2795</v>
      </c>
      <c r="VED726" s="424"/>
      <c r="VEE726" s="424"/>
      <c r="VEF726" s="424"/>
      <c r="VEG726" s="423" t="s">
        <v>2795</v>
      </c>
      <c r="VEH726" s="424"/>
      <c r="VEI726" s="424"/>
      <c r="VEJ726" s="424"/>
      <c r="VEK726" s="423" t="s">
        <v>2795</v>
      </c>
      <c r="VEL726" s="424"/>
      <c r="VEM726" s="424"/>
      <c r="VEN726" s="424"/>
      <c r="VEO726" s="423" t="s">
        <v>2795</v>
      </c>
      <c r="VEP726" s="424"/>
      <c r="VEQ726" s="424"/>
      <c r="VER726" s="424"/>
      <c r="VES726" s="423" t="s">
        <v>2795</v>
      </c>
      <c r="VET726" s="424"/>
      <c r="VEU726" s="424"/>
      <c r="VEV726" s="424"/>
      <c r="VEW726" s="423" t="s">
        <v>2795</v>
      </c>
      <c r="VEX726" s="424"/>
      <c r="VEY726" s="424"/>
      <c r="VEZ726" s="424"/>
      <c r="VFA726" s="423" t="s">
        <v>2795</v>
      </c>
      <c r="VFB726" s="424"/>
      <c r="VFC726" s="424"/>
      <c r="VFD726" s="424"/>
      <c r="VFE726" s="423" t="s">
        <v>2795</v>
      </c>
      <c r="VFF726" s="424"/>
      <c r="VFG726" s="424"/>
      <c r="VFH726" s="424"/>
      <c r="VFI726" s="423" t="s">
        <v>2795</v>
      </c>
      <c r="VFJ726" s="424"/>
      <c r="VFK726" s="424"/>
      <c r="VFL726" s="424"/>
      <c r="VFM726" s="423" t="s">
        <v>2795</v>
      </c>
      <c r="VFN726" s="424"/>
      <c r="VFO726" s="424"/>
      <c r="VFP726" s="424"/>
      <c r="VFQ726" s="423" t="s">
        <v>2795</v>
      </c>
      <c r="VFR726" s="424"/>
      <c r="VFS726" s="424"/>
      <c r="VFT726" s="424"/>
      <c r="VFU726" s="423" t="s">
        <v>2795</v>
      </c>
      <c r="VFV726" s="424"/>
      <c r="VFW726" s="424"/>
      <c r="VFX726" s="424"/>
      <c r="VFY726" s="423" t="s">
        <v>2795</v>
      </c>
      <c r="VFZ726" s="424"/>
      <c r="VGA726" s="424"/>
      <c r="VGB726" s="424"/>
      <c r="VGC726" s="423" t="s">
        <v>2795</v>
      </c>
      <c r="VGD726" s="424"/>
      <c r="VGE726" s="424"/>
      <c r="VGF726" s="424"/>
      <c r="VGG726" s="423" t="s">
        <v>2795</v>
      </c>
      <c r="VGH726" s="424"/>
      <c r="VGI726" s="424"/>
      <c r="VGJ726" s="424"/>
      <c r="VGK726" s="423" t="s">
        <v>2795</v>
      </c>
      <c r="VGL726" s="424"/>
      <c r="VGM726" s="424"/>
      <c r="VGN726" s="424"/>
      <c r="VGO726" s="423" t="s">
        <v>2795</v>
      </c>
      <c r="VGP726" s="424"/>
      <c r="VGQ726" s="424"/>
      <c r="VGR726" s="424"/>
      <c r="VGS726" s="423" t="s">
        <v>2795</v>
      </c>
      <c r="VGT726" s="424"/>
      <c r="VGU726" s="424"/>
      <c r="VGV726" s="424"/>
      <c r="VGW726" s="423" t="s">
        <v>2795</v>
      </c>
      <c r="VGX726" s="424"/>
      <c r="VGY726" s="424"/>
      <c r="VGZ726" s="424"/>
      <c r="VHA726" s="423" t="s">
        <v>2795</v>
      </c>
      <c r="VHB726" s="424"/>
      <c r="VHC726" s="424"/>
      <c r="VHD726" s="424"/>
      <c r="VHE726" s="423" t="s">
        <v>2795</v>
      </c>
      <c r="VHF726" s="424"/>
      <c r="VHG726" s="424"/>
      <c r="VHH726" s="424"/>
      <c r="VHI726" s="423" t="s">
        <v>2795</v>
      </c>
      <c r="VHJ726" s="424"/>
      <c r="VHK726" s="424"/>
      <c r="VHL726" s="424"/>
      <c r="VHM726" s="423" t="s">
        <v>2795</v>
      </c>
      <c r="VHN726" s="424"/>
      <c r="VHO726" s="424"/>
      <c r="VHP726" s="424"/>
      <c r="VHQ726" s="423" t="s">
        <v>2795</v>
      </c>
      <c r="VHR726" s="424"/>
      <c r="VHS726" s="424"/>
      <c r="VHT726" s="424"/>
      <c r="VHU726" s="423" t="s">
        <v>2795</v>
      </c>
      <c r="VHV726" s="424"/>
      <c r="VHW726" s="424"/>
      <c r="VHX726" s="424"/>
      <c r="VHY726" s="423" t="s">
        <v>2795</v>
      </c>
      <c r="VHZ726" s="424"/>
      <c r="VIA726" s="424"/>
      <c r="VIB726" s="424"/>
      <c r="VIC726" s="423" t="s">
        <v>2795</v>
      </c>
      <c r="VID726" s="424"/>
      <c r="VIE726" s="424"/>
      <c r="VIF726" s="424"/>
      <c r="VIG726" s="423" t="s">
        <v>2795</v>
      </c>
      <c r="VIH726" s="424"/>
      <c r="VII726" s="424"/>
      <c r="VIJ726" s="424"/>
      <c r="VIK726" s="423" t="s">
        <v>2795</v>
      </c>
      <c r="VIL726" s="424"/>
      <c r="VIM726" s="424"/>
      <c r="VIN726" s="424"/>
      <c r="VIO726" s="423" t="s">
        <v>2795</v>
      </c>
      <c r="VIP726" s="424"/>
      <c r="VIQ726" s="424"/>
      <c r="VIR726" s="424"/>
      <c r="VIS726" s="423" t="s">
        <v>2795</v>
      </c>
      <c r="VIT726" s="424"/>
      <c r="VIU726" s="424"/>
      <c r="VIV726" s="424"/>
      <c r="VIW726" s="423" t="s">
        <v>2795</v>
      </c>
      <c r="VIX726" s="424"/>
      <c r="VIY726" s="424"/>
      <c r="VIZ726" s="424"/>
      <c r="VJA726" s="423" t="s">
        <v>2795</v>
      </c>
      <c r="VJB726" s="424"/>
      <c r="VJC726" s="424"/>
      <c r="VJD726" s="424"/>
      <c r="VJE726" s="423" t="s">
        <v>2795</v>
      </c>
      <c r="VJF726" s="424"/>
      <c r="VJG726" s="424"/>
      <c r="VJH726" s="424"/>
      <c r="VJI726" s="423" t="s">
        <v>2795</v>
      </c>
      <c r="VJJ726" s="424"/>
      <c r="VJK726" s="424"/>
      <c r="VJL726" s="424"/>
      <c r="VJM726" s="423" t="s">
        <v>2795</v>
      </c>
      <c r="VJN726" s="424"/>
      <c r="VJO726" s="424"/>
      <c r="VJP726" s="424"/>
      <c r="VJQ726" s="423" t="s">
        <v>2795</v>
      </c>
      <c r="VJR726" s="424"/>
      <c r="VJS726" s="424"/>
      <c r="VJT726" s="424"/>
      <c r="VJU726" s="423" t="s">
        <v>2795</v>
      </c>
      <c r="VJV726" s="424"/>
      <c r="VJW726" s="424"/>
      <c r="VJX726" s="424"/>
      <c r="VJY726" s="423" t="s">
        <v>2795</v>
      </c>
      <c r="VJZ726" s="424"/>
      <c r="VKA726" s="424"/>
      <c r="VKB726" s="424"/>
      <c r="VKC726" s="423" t="s">
        <v>2795</v>
      </c>
      <c r="VKD726" s="424"/>
      <c r="VKE726" s="424"/>
      <c r="VKF726" s="424"/>
      <c r="VKG726" s="423" t="s">
        <v>2795</v>
      </c>
      <c r="VKH726" s="424"/>
      <c r="VKI726" s="424"/>
      <c r="VKJ726" s="424"/>
      <c r="VKK726" s="423" t="s">
        <v>2795</v>
      </c>
      <c r="VKL726" s="424"/>
      <c r="VKM726" s="424"/>
      <c r="VKN726" s="424"/>
      <c r="VKO726" s="423" t="s">
        <v>2795</v>
      </c>
      <c r="VKP726" s="424"/>
      <c r="VKQ726" s="424"/>
      <c r="VKR726" s="424"/>
      <c r="VKS726" s="423" t="s">
        <v>2795</v>
      </c>
      <c r="VKT726" s="424"/>
      <c r="VKU726" s="424"/>
      <c r="VKV726" s="424"/>
      <c r="VKW726" s="423" t="s">
        <v>2795</v>
      </c>
      <c r="VKX726" s="424"/>
      <c r="VKY726" s="424"/>
      <c r="VKZ726" s="424"/>
      <c r="VLA726" s="423" t="s">
        <v>2795</v>
      </c>
      <c r="VLB726" s="424"/>
      <c r="VLC726" s="424"/>
      <c r="VLD726" s="424"/>
      <c r="VLE726" s="423" t="s">
        <v>2795</v>
      </c>
      <c r="VLF726" s="424"/>
      <c r="VLG726" s="424"/>
      <c r="VLH726" s="424"/>
      <c r="VLI726" s="423" t="s">
        <v>2795</v>
      </c>
      <c r="VLJ726" s="424"/>
      <c r="VLK726" s="424"/>
      <c r="VLL726" s="424"/>
      <c r="VLM726" s="423" t="s">
        <v>2795</v>
      </c>
      <c r="VLN726" s="424"/>
      <c r="VLO726" s="424"/>
      <c r="VLP726" s="424"/>
      <c r="VLQ726" s="423" t="s">
        <v>2795</v>
      </c>
      <c r="VLR726" s="424"/>
      <c r="VLS726" s="424"/>
      <c r="VLT726" s="424"/>
      <c r="VLU726" s="423" t="s">
        <v>2795</v>
      </c>
      <c r="VLV726" s="424"/>
      <c r="VLW726" s="424"/>
      <c r="VLX726" s="424"/>
      <c r="VLY726" s="423" t="s">
        <v>2795</v>
      </c>
      <c r="VLZ726" s="424"/>
      <c r="VMA726" s="424"/>
      <c r="VMB726" s="424"/>
      <c r="VMC726" s="423" t="s">
        <v>2795</v>
      </c>
      <c r="VMD726" s="424"/>
      <c r="VME726" s="424"/>
      <c r="VMF726" s="424"/>
      <c r="VMG726" s="423" t="s">
        <v>2795</v>
      </c>
      <c r="VMH726" s="424"/>
      <c r="VMI726" s="424"/>
      <c r="VMJ726" s="424"/>
      <c r="VMK726" s="423" t="s">
        <v>2795</v>
      </c>
      <c r="VML726" s="424"/>
      <c r="VMM726" s="424"/>
      <c r="VMN726" s="424"/>
      <c r="VMO726" s="423" t="s">
        <v>2795</v>
      </c>
      <c r="VMP726" s="424"/>
      <c r="VMQ726" s="424"/>
      <c r="VMR726" s="424"/>
      <c r="VMS726" s="423" t="s">
        <v>2795</v>
      </c>
      <c r="VMT726" s="424"/>
      <c r="VMU726" s="424"/>
      <c r="VMV726" s="424"/>
      <c r="VMW726" s="423" t="s">
        <v>2795</v>
      </c>
      <c r="VMX726" s="424"/>
      <c r="VMY726" s="424"/>
      <c r="VMZ726" s="424"/>
      <c r="VNA726" s="423" t="s">
        <v>2795</v>
      </c>
      <c r="VNB726" s="424"/>
      <c r="VNC726" s="424"/>
      <c r="VND726" s="424"/>
      <c r="VNE726" s="423" t="s">
        <v>2795</v>
      </c>
      <c r="VNF726" s="424"/>
      <c r="VNG726" s="424"/>
      <c r="VNH726" s="424"/>
      <c r="VNI726" s="423" t="s">
        <v>2795</v>
      </c>
      <c r="VNJ726" s="424"/>
      <c r="VNK726" s="424"/>
      <c r="VNL726" s="424"/>
      <c r="VNM726" s="423" t="s">
        <v>2795</v>
      </c>
      <c r="VNN726" s="424"/>
      <c r="VNO726" s="424"/>
      <c r="VNP726" s="424"/>
      <c r="VNQ726" s="423" t="s">
        <v>2795</v>
      </c>
      <c r="VNR726" s="424"/>
      <c r="VNS726" s="424"/>
      <c r="VNT726" s="424"/>
      <c r="VNU726" s="423" t="s">
        <v>2795</v>
      </c>
      <c r="VNV726" s="424"/>
      <c r="VNW726" s="424"/>
      <c r="VNX726" s="424"/>
      <c r="VNY726" s="423" t="s">
        <v>2795</v>
      </c>
      <c r="VNZ726" s="424"/>
      <c r="VOA726" s="424"/>
      <c r="VOB726" s="424"/>
      <c r="VOC726" s="423" t="s">
        <v>2795</v>
      </c>
      <c r="VOD726" s="424"/>
      <c r="VOE726" s="424"/>
      <c r="VOF726" s="424"/>
      <c r="VOG726" s="423" t="s">
        <v>2795</v>
      </c>
      <c r="VOH726" s="424"/>
      <c r="VOI726" s="424"/>
      <c r="VOJ726" s="424"/>
      <c r="VOK726" s="423" t="s">
        <v>2795</v>
      </c>
      <c r="VOL726" s="424"/>
      <c r="VOM726" s="424"/>
      <c r="VON726" s="424"/>
      <c r="VOO726" s="423" t="s">
        <v>2795</v>
      </c>
      <c r="VOP726" s="424"/>
      <c r="VOQ726" s="424"/>
      <c r="VOR726" s="424"/>
      <c r="VOS726" s="423" t="s">
        <v>2795</v>
      </c>
      <c r="VOT726" s="424"/>
      <c r="VOU726" s="424"/>
      <c r="VOV726" s="424"/>
      <c r="VOW726" s="423" t="s">
        <v>2795</v>
      </c>
      <c r="VOX726" s="424"/>
      <c r="VOY726" s="424"/>
      <c r="VOZ726" s="424"/>
      <c r="VPA726" s="423" t="s">
        <v>2795</v>
      </c>
      <c r="VPB726" s="424"/>
      <c r="VPC726" s="424"/>
      <c r="VPD726" s="424"/>
      <c r="VPE726" s="423" t="s">
        <v>2795</v>
      </c>
      <c r="VPF726" s="424"/>
      <c r="VPG726" s="424"/>
      <c r="VPH726" s="424"/>
      <c r="VPI726" s="423" t="s">
        <v>2795</v>
      </c>
      <c r="VPJ726" s="424"/>
      <c r="VPK726" s="424"/>
      <c r="VPL726" s="424"/>
      <c r="VPM726" s="423" t="s">
        <v>2795</v>
      </c>
      <c r="VPN726" s="424"/>
      <c r="VPO726" s="424"/>
      <c r="VPP726" s="424"/>
      <c r="VPQ726" s="423" t="s">
        <v>2795</v>
      </c>
      <c r="VPR726" s="424"/>
      <c r="VPS726" s="424"/>
      <c r="VPT726" s="424"/>
      <c r="VPU726" s="423" t="s">
        <v>2795</v>
      </c>
      <c r="VPV726" s="424"/>
      <c r="VPW726" s="424"/>
      <c r="VPX726" s="424"/>
      <c r="VPY726" s="423" t="s">
        <v>2795</v>
      </c>
      <c r="VPZ726" s="424"/>
      <c r="VQA726" s="424"/>
      <c r="VQB726" s="424"/>
      <c r="VQC726" s="423" t="s">
        <v>2795</v>
      </c>
      <c r="VQD726" s="424"/>
      <c r="VQE726" s="424"/>
      <c r="VQF726" s="424"/>
      <c r="VQG726" s="423" t="s">
        <v>2795</v>
      </c>
      <c r="VQH726" s="424"/>
      <c r="VQI726" s="424"/>
      <c r="VQJ726" s="424"/>
      <c r="VQK726" s="423" t="s">
        <v>2795</v>
      </c>
      <c r="VQL726" s="424"/>
      <c r="VQM726" s="424"/>
      <c r="VQN726" s="424"/>
      <c r="VQO726" s="423" t="s">
        <v>2795</v>
      </c>
      <c r="VQP726" s="424"/>
      <c r="VQQ726" s="424"/>
      <c r="VQR726" s="424"/>
      <c r="VQS726" s="423" t="s">
        <v>2795</v>
      </c>
      <c r="VQT726" s="424"/>
      <c r="VQU726" s="424"/>
      <c r="VQV726" s="424"/>
      <c r="VQW726" s="423" t="s">
        <v>2795</v>
      </c>
      <c r="VQX726" s="424"/>
      <c r="VQY726" s="424"/>
      <c r="VQZ726" s="424"/>
      <c r="VRA726" s="423" t="s">
        <v>2795</v>
      </c>
      <c r="VRB726" s="424"/>
      <c r="VRC726" s="424"/>
      <c r="VRD726" s="424"/>
      <c r="VRE726" s="423" t="s">
        <v>2795</v>
      </c>
      <c r="VRF726" s="424"/>
      <c r="VRG726" s="424"/>
      <c r="VRH726" s="424"/>
      <c r="VRI726" s="423" t="s">
        <v>2795</v>
      </c>
      <c r="VRJ726" s="424"/>
      <c r="VRK726" s="424"/>
      <c r="VRL726" s="424"/>
      <c r="VRM726" s="423" t="s">
        <v>2795</v>
      </c>
      <c r="VRN726" s="424"/>
      <c r="VRO726" s="424"/>
      <c r="VRP726" s="424"/>
      <c r="VRQ726" s="423" t="s">
        <v>2795</v>
      </c>
      <c r="VRR726" s="424"/>
      <c r="VRS726" s="424"/>
      <c r="VRT726" s="424"/>
      <c r="VRU726" s="423" t="s">
        <v>2795</v>
      </c>
      <c r="VRV726" s="424"/>
      <c r="VRW726" s="424"/>
      <c r="VRX726" s="424"/>
      <c r="VRY726" s="423" t="s">
        <v>2795</v>
      </c>
      <c r="VRZ726" s="424"/>
      <c r="VSA726" s="424"/>
      <c r="VSB726" s="424"/>
      <c r="VSC726" s="423" t="s">
        <v>2795</v>
      </c>
      <c r="VSD726" s="424"/>
      <c r="VSE726" s="424"/>
      <c r="VSF726" s="424"/>
      <c r="VSG726" s="423" t="s">
        <v>2795</v>
      </c>
      <c r="VSH726" s="424"/>
      <c r="VSI726" s="424"/>
      <c r="VSJ726" s="424"/>
      <c r="VSK726" s="423" t="s">
        <v>2795</v>
      </c>
      <c r="VSL726" s="424"/>
      <c r="VSM726" s="424"/>
      <c r="VSN726" s="424"/>
      <c r="VSO726" s="423" t="s">
        <v>2795</v>
      </c>
      <c r="VSP726" s="424"/>
      <c r="VSQ726" s="424"/>
      <c r="VSR726" s="424"/>
      <c r="VSS726" s="423" t="s">
        <v>2795</v>
      </c>
      <c r="VST726" s="424"/>
      <c r="VSU726" s="424"/>
      <c r="VSV726" s="424"/>
      <c r="VSW726" s="423" t="s">
        <v>2795</v>
      </c>
      <c r="VSX726" s="424"/>
      <c r="VSY726" s="424"/>
      <c r="VSZ726" s="424"/>
      <c r="VTA726" s="423" t="s">
        <v>2795</v>
      </c>
      <c r="VTB726" s="424"/>
      <c r="VTC726" s="424"/>
      <c r="VTD726" s="424"/>
      <c r="VTE726" s="423" t="s">
        <v>2795</v>
      </c>
      <c r="VTF726" s="424"/>
      <c r="VTG726" s="424"/>
      <c r="VTH726" s="424"/>
      <c r="VTI726" s="423" t="s">
        <v>2795</v>
      </c>
      <c r="VTJ726" s="424"/>
      <c r="VTK726" s="424"/>
      <c r="VTL726" s="424"/>
      <c r="VTM726" s="423" t="s">
        <v>2795</v>
      </c>
      <c r="VTN726" s="424"/>
      <c r="VTO726" s="424"/>
      <c r="VTP726" s="424"/>
      <c r="VTQ726" s="423" t="s">
        <v>2795</v>
      </c>
      <c r="VTR726" s="424"/>
      <c r="VTS726" s="424"/>
      <c r="VTT726" s="424"/>
      <c r="VTU726" s="423" t="s">
        <v>2795</v>
      </c>
      <c r="VTV726" s="424"/>
      <c r="VTW726" s="424"/>
      <c r="VTX726" s="424"/>
      <c r="VTY726" s="423" t="s">
        <v>2795</v>
      </c>
      <c r="VTZ726" s="424"/>
      <c r="VUA726" s="424"/>
      <c r="VUB726" s="424"/>
      <c r="VUC726" s="423" t="s">
        <v>2795</v>
      </c>
      <c r="VUD726" s="424"/>
      <c r="VUE726" s="424"/>
      <c r="VUF726" s="424"/>
      <c r="VUG726" s="423" t="s">
        <v>2795</v>
      </c>
      <c r="VUH726" s="424"/>
      <c r="VUI726" s="424"/>
      <c r="VUJ726" s="424"/>
      <c r="VUK726" s="423" t="s">
        <v>2795</v>
      </c>
      <c r="VUL726" s="424"/>
      <c r="VUM726" s="424"/>
      <c r="VUN726" s="424"/>
      <c r="VUO726" s="423" t="s">
        <v>2795</v>
      </c>
      <c r="VUP726" s="424"/>
      <c r="VUQ726" s="424"/>
      <c r="VUR726" s="424"/>
      <c r="VUS726" s="423" t="s">
        <v>2795</v>
      </c>
      <c r="VUT726" s="424"/>
      <c r="VUU726" s="424"/>
      <c r="VUV726" s="424"/>
      <c r="VUW726" s="423" t="s">
        <v>2795</v>
      </c>
      <c r="VUX726" s="424"/>
      <c r="VUY726" s="424"/>
      <c r="VUZ726" s="424"/>
      <c r="VVA726" s="423" t="s">
        <v>2795</v>
      </c>
      <c r="VVB726" s="424"/>
      <c r="VVC726" s="424"/>
      <c r="VVD726" s="424"/>
      <c r="VVE726" s="423" t="s">
        <v>2795</v>
      </c>
      <c r="VVF726" s="424"/>
      <c r="VVG726" s="424"/>
      <c r="VVH726" s="424"/>
      <c r="VVI726" s="423" t="s">
        <v>2795</v>
      </c>
      <c r="VVJ726" s="424"/>
      <c r="VVK726" s="424"/>
      <c r="VVL726" s="424"/>
      <c r="VVM726" s="423" t="s">
        <v>2795</v>
      </c>
      <c r="VVN726" s="424"/>
      <c r="VVO726" s="424"/>
      <c r="VVP726" s="424"/>
      <c r="VVQ726" s="423" t="s">
        <v>2795</v>
      </c>
      <c r="VVR726" s="424"/>
      <c r="VVS726" s="424"/>
      <c r="VVT726" s="424"/>
      <c r="VVU726" s="423" t="s">
        <v>2795</v>
      </c>
      <c r="VVV726" s="424"/>
      <c r="VVW726" s="424"/>
      <c r="VVX726" s="424"/>
      <c r="VVY726" s="423" t="s">
        <v>2795</v>
      </c>
      <c r="VVZ726" s="424"/>
      <c r="VWA726" s="424"/>
      <c r="VWB726" s="424"/>
      <c r="VWC726" s="423" t="s">
        <v>2795</v>
      </c>
      <c r="VWD726" s="424"/>
      <c r="VWE726" s="424"/>
      <c r="VWF726" s="424"/>
      <c r="VWG726" s="423" t="s">
        <v>2795</v>
      </c>
      <c r="VWH726" s="424"/>
      <c r="VWI726" s="424"/>
      <c r="VWJ726" s="424"/>
      <c r="VWK726" s="423" t="s">
        <v>2795</v>
      </c>
      <c r="VWL726" s="424"/>
      <c r="VWM726" s="424"/>
      <c r="VWN726" s="424"/>
      <c r="VWO726" s="423" t="s">
        <v>2795</v>
      </c>
      <c r="VWP726" s="424"/>
      <c r="VWQ726" s="424"/>
      <c r="VWR726" s="424"/>
      <c r="VWS726" s="423" t="s">
        <v>2795</v>
      </c>
      <c r="VWT726" s="424"/>
      <c r="VWU726" s="424"/>
      <c r="VWV726" s="424"/>
      <c r="VWW726" s="423" t="s">
        <v>2795</v>
      </c>
      <c r="VWX726" s="424"/>
      <c r="VWY726" s="424"/>
      <c r="VWZ726" s="424"/>
      <c r="VXA726" s="423" t="s">
        <v>2795</v>
      </c>
      <c r="VXB726" s="424"/>
      <c r="VXC726" s="424"/>
      <c r="VXD726" s="424"/>
      <c r="VXE726" s="423" t="s">
        <v>2795</v>
      </c>
      <c r="VXF726" s="424"/>
      <c r="VXG726" s="424"/>
      <c r="VXH726" s="424"/>
      <c r="VXI726" s="423" t="s">
        <v>2795</v>
      </c>
      <c r="VXJ726" s="424"/>
      <c r="VXK726" s="424"/>
      <c r="VXL726" s="424"/>
      <c r="VXM726" s="423" t="s">
        <v>2795</v>
      </c>
      <c r="VXN726" s="424"/>
      <c r="VXO726" s="424"/>
      <c r="VXP726" s="424"/>
      <c r="VXQ726" s="423" t="s">
        <v>2795</v>
      </c>
      <c r="VXR726" s="424"/>
      <c r="VXS726" s="424"/>
      <c r="VXT726" s="424"/>
      <c r="VXU726" s="423" t="s">
        <v>2795</v>
      </c>
      <c r="VXV726" s="424"/>
      <c r="VXW726" s="424"/>
      <c r="VXX726" s="424"/>
      <c r="VXY726" s="423" t="s">
        <v>2795</v>
      </c>
      <c r="VXZ726" s="424"/>
      <c r="VYA726" s="424"/>
      <c r="VYB726" s="424"/>
      <c r="VYC726" s="423" t="s">
        <v>2795</v>
      </c>
      <c r="VYD726" s="424"/>
      <c r="VYE726" s="424"/>
      <c r="VYF726" s="424"/>
      <c r="VYG726" s="423" t="s">
        <v>2795</v>
      </c>
      <c r="VYH726" s="424"/>
      <c r="VYI726" s="424"/>
      <c r="VYJ726" s="424"/>
      <c r="VYK726" s="423" t="s">
        <v>2795</v>
      </c>
      <c r="VYL726" s="424"/>
      <c r="VYM726" s="424"/>
      <c r="VYN726" s="424"/>
      <c r="VYO726" s="423" t="s">
        <v>2795</v>
      </c>
      <c r="VYP726" s="424"/>
      <c r="VYQ726" s="424"/>
      <c r="VYR726" s="424"/>
      <c r="VYS726" s="423" t="s">
        <v>2795</v>
      </c>
      <c r="VYT726" s="424"/>
      <c r="VYU726" s="424"/>
      <c r="VYV726" s="424"/>
      <c r="VYW726" s="423" t="s">
        <v>2795</v>
      </c>
      <c r="VYX726" s="424"/>
      <c r="VYY726" s="424"/>
      <c r="VYZ726" s="424"/>
      <c r="VZA726" s="423" t="s">
        <v>2795</v>
      </c>
      <c r="VZB726" s="424"/>
      <c r="VZC726" s="424"/>
      <c r="VZD726" s="424"/>
      <c r="VZE726" s="423" t="s">
        <v>2795</v>
      </c>
      <c r="VZF726" s="424"/>
      <c r="VZG726" s="424"/>
      <c r="VZH726" s="424"/>
      <c r="VZI726" s="423" t="s">
        <v>2795</v>
      </c>
      <c r="VZJ726" s="424"/>
      <c r="VZK726" s="424"/>
      <c r="VZL726" s="424"/>
      <c r="VZM726" s="423" t="s">
        <v>2795</v>
      </c>
      <c r="VZN726" s="424"/>
      <c r="VZO726" s="424"/>
      <c r="VZP726" s="424"/>
      <c r="VZQ726" s="423" t="s">
        <v>2795</v>
      </c>
      <c r="VZR726" s="424"/>
      <c r="VZS726" s="424"/>
      <c r="VZT726" s="424"/>
      <c r="VZU726" s="423" t="s">
        <v>2795</v>
      </c>
      <c r="VZV726" s="424"/>
      <c r="VZW726" s="424"/>
      <c r="VZX726" s="424"/>
      <c r="VZY726" s="423" t="s">
        <v>2795</v>
      </c>
      <c r="VZZ726" s="424"/>
      <c r="WAA726" s="424"/>
      <c r="WAB726" s="424"/>
      <c r="WAC726" s="423" t="s">
        <v>2795</v>
      </c>
      <c r="WAD726" s="424"/>
      <c r="WAE726" s="424"/>
      <c r="WAF726" s="424"/>
      <c r="WAG726" s="423" t="s">
        <v>2795</v>
      </c>
      <c r="WAH726" s="424"/>
      <c r="WAI726" s="424"/>
      <c r="WAJ726" s="424"/>
      <c r="WAK726" s="423" t="s">
        <v>2795</v>
      </c>
      <c r="WAL726" s="424"/>
      <c r="WAM726" s="424"/>
      <c r="WAN726" s="424"/>
      <c r="WAO726" s="423" t="s">
        <v>2795</v>
      </c>
      <c r="WAP726" s="424"/>
      <c r="WAQ726" s="424"/>
      <c r="WAR726" s="424"/>
      <c r="WAS726" s="423" t="s">
        <v>2795</v>
      </c>
      <c r="WAT726" s="424"/>
      <c r="WAU726" s="424"/>
      <c r="WAV726" s="424"/>
      <c r="WAW726" s="423" t="s">
        <v>2795</v>
      </c>
      <c r="WAX726" s="424"/>
      <c r="WAY726" s="424"/>
      <c r="WAZ726" s="424"/>
      <c r="WBA726" s="423" t="s">
        <v>2795</v>
      </c>
      <c r="WBB726" s="424"/>
      <c r="WBC726" s="424"/>
      <c r="WBD726" s="424"/>
      <c r="WBE726" s="423" t="s">
        <v>2795</v>
      </c>
      <c r="WBF726" s="424"/>
      <c r="WBG726" s="424"/>
      <c r="WBH726" s="424"/>
      <c r="WBI726" s="423" t="s">
        <v>2795</v>
      </c>
      <c r="WBJ726" s="424"/>
      <c r="WBK726" s="424"/>
      <c r="WBL726" s="424"/>
      <c r="WBM726" s="423" t="s">
        <v>2795</v>
      </c>
      <c r="WBN726" s="424"/>
      <c r="WBO726" s="424"/>
      <c r="WBP726" s="424"/>
      <c r="WBQ726" s="423" t="s">
        <v>2795</v>
      </c>
      <c r="WBR726" s="424"/>
      <c r="WBS726" s="424"/>
      <c r="WBT726" s="424"/>
      <c r="WBU726" s="423" t="s">
        <v>2795</v>
      </c>
      <c r="WBV726" s="424"/>
      <c r="WBW726" s="424"/>
      <c r="WBX726" s="424"/>
      <c r="WBY726" s="423" t="s">
        <v>2795</v>
      </c>
      <c r="WBZ726" s="424"/>
      <c r="WCA726" s="424"/>
      <c r="WCB726" s="424"/>
      <c r="WCC726" s="423" t="s">
        <v>2795</v>
      </c>
      <c r="WCD726" s="424"/>
      <c r="WCE726" s="424"/>
      <c r="WCF726" s="424"/>
      <c r="WCG726" s="423" t="s">
        <v>2795</v>
      </c>
      <c r="WCH726" s="424"/>
      <c r="WCI726" s="424"/>
      <c r="WCJ726" s="424"/>
      <c r="WCK726" s="423" t="s">
        <v>2795</v>
      </c>
      <c r="WCL726" s="424"/>
      <c r="WCM726" s="424"/>
      <c r="WCN726" s="424"/>
      <c r="WCO726" s="423" t="s">
        <v>2795</v>
      </c>
      <c r="WCP726" s="424"/>
      <c r="WCQ726" s="424"/>
      <c r="WCR726" s="424"/>
      <c r="WCS726" s="423" t="s">
        <v>2795</v>
      </c>
      <c r="WCT726" s="424"/>
      <c r="WCU726" s="424"/>
      <c r="WCV726" s="424"/>
      <c r="WCW726" s="423" t="s">
        <v>2795</v>
      </c>
      <c r="WCX726" s="424"/>
      <c r="WCY726" s="424"/>
      <c r="WCZ726" s="424"/>
      <c r="WDA726" s="423" t="s">
        <v>2795</v>
      </c>
      <c r="WDB726" s="424"/>
      <c r="WDC726" s="424"/>
      <c r="WDD726" s="424"/>
      <c r="WDE726" s="423" t="s">
        <v>2795</v>
      </c>
      <c r="WDF726" s="424"/>
      <c r="WDG726" s="424"/>
      <c r="WDH726" s="424"/>
      <c r="WDI726" s="423" t="s">
        <v>2795</v>
      </c>
      <c r="WDJ726" s="424"/>
      <c r="WDK726" s="424"/>
      <c r="WDL726" s="424"/>
      <c r="WDM726" s="423" t="s">
        <v>2795</v>
      </c>
      <c r="WDN726" s="424"/>
      <c r="WDO726" s="424"/>
      <c r="WDP726" s="424"/>
      <c r="WDQ726" s="423" t="s">
        <v>2795</v>
      </c>
      <c r="WDR726" s="424"/>
      <c r="WDS726" s="424"/>
      <c r="WDT726" s="424"/>
      <c r="WDU726" s="423" t="s">
        <v>2795</v>
      </c>
      <c r="WDV726" s="424"/>
      <c r="WDW726" s="424"/>
      <c r="WDX726" s="424"/>
      <c r="WDY726" s="423" t="s">
        <v>2795</v>
      </c>
      <c r="WDZ726" s="424"/>
      <c r="WEA726" s="424"/>
      <c r="WEB726" s="424"/>
      <c r="WEC726" s="423" t="s">
        <v>2795</v>
      </c>
      <c r="WED726" s="424"/>
      <c r="WEE726" s="424"/>
      <c r="WEF726" s="424"/>
      <c r="WEG726" s="423" t="s">
        <v>2795</v>
      </c>
      <c r="WEH726" s="424"/>
      <c r="WEI726" s="424"/>
      <c r="WEJ726" s="424"/>
      <c r="WEK726" s="423" t="s">
        <v>2795</v>
      </c>
      <c r="WEL726" s="424"/>
      <c r="WEM726" s="424"/>
      <c r="WEN726" s="424"/>
      <c r="WEO726" s="423" t="s">
        <v>2795</v>
      </c>
      <c r="WEP726" s="424"/>
      <c r="WEQ726" s="424"/>
      <c r="WER726" s="424"/>
      <c r="WES726" s="423" t="s">
        <v>2795</v>
      </c>
      <c r="WET726" s="424"/>
      <c r="WEU726" s="424"/>
      <c r="WEV726" s="424"/>
      <c r="WEW726" s="423" t="s">
        <v>2795</v>
      </c>
      <c r="WEX726" s="424"/>
      <c r="WEY726" s="424"/>
      <c r="WEZ726" s="424"/>
      <c r="WFA726" s="423" t="s">
        <v>2795</v>
      </c>
      <c r="WFB726" s="424"/>
      <c r="WFC726" s="424"/>
      <c r="WFD726" s="424"/>
      <c r="WFE726" s="423" t="s">
        <v>2795</v>
      </c>
      <c r="WFF726" s="424"/>
      <c r="WFG726" s="424"/>
      <c r="WFH726" s="424"/>
      <c r="WFI726" s="423" t="s">
        <v>2795</v>
      </c>
      <c r="WFJ726" s="424"/>
      <c r="WFK726" s="424"/>
      <c r="WFL726" s="424"/>
      <c r="WFM726" s="423" t="s">
        <v>2795</v>
      </c>
      <c r="WFN726" s="424"/>
      <c r="WFO726" s="424"/>
      <c r="WFP726" s="424"/>
      <c r="WFQ726" s="423" t="s">
        <v>2795</v>
      </c>
      <c r="WFR726" s="424"/>
      <c r="WFS726" s="424"/>
      <c r="WFT726" s="424"/>
      <c r="WFU726" s="423" t="s">
        <v>2795</v>
      </c>
      <c r="WFV726" s="424"/>
      <c r="WFW726" s="424"/>
      <c r="WFX726" s="424"/>
      <c r="WFY726" s="423" t="s">
        <v>2795</v>
      </c>
      <c r="WFZ726" s="424"/>
      <c r="WGA726" s="424"/>
      <c r="WGB726" s="424"/>
      <c r="WGC726" s="423" t="s">
        <v>2795</v>
      </c>
      <c r="WGD726" s="424"/>
      <c r="WGE726" s="424"/>
      <c r="WGF726" s="424"/>
      <c r="WGG726" s="423" t="s">
        <v>2795</v>
      </c>
      <c r="WGH726" s="424"/>
      <c r="WGI726" s="424"/>
      <c r="WGJ726" s="424"/>
      <c r="WGK726" s="423" t="s">
        <v>2795</v>
      </c>
      <c r="WGL726" s="424"/>
      <c r="WGM726" s="424"/>
      <c r="WGN726" s="424"/>
      <c r="WGO726" s="423" t="s">
        <v>2795</v>
      </c>
      <c r="WGP726" s="424"/>
      <c r="WGQ726" s="424"/>
      <c r="WGR726" s="424"/>
      <c r="WGS726" s="423" t="s">
        <v>2795</v>
      </c>
      <c r="WGT726" s="424"/>
      <c r="WGU726" s="424"/>
      <c r="WGV726" s="424"/>
      <c r="WGW726" s="423" t="s">
        <v>2795</v>
      </c>
      <c r="WGX726" s="424"/>
      <c r="WGY726" s="424"/>
      <c r="WGZ726" s="424"/>
      <c r="WHA726" s="423" t="s">
        <v>2795</v>
      </c>
      <c r="WHB726" s="424"/>
      <c r="WHC726" s="424"/>
      <c r="WHD726" s="424"/>
      <c r="WHE726" s="423" t="s">
        <v>2795</v>
      </c>
      <c r="WHF726" s="424"/>
      <c r="WHG726" s="424"/>
      <c r="WHH726" s="424"/>
      <c r="WHI726" s="423" t="s">
        <v>2795</v>
      </c>
      <c r="WHJ726" s="424"/>
      <c r="WHK726" s="424"/>
      <c r="WHL726" s="424"/>
      <c r="WHM726" s="423" t="s">
        <v>2795</v>
      </c>
      <c r="WHN726" s="424"/>
      <c r="WHO726" s="424"/>
      <c r="WHP726" s="424"/>
      <c r="WHQ726" s="423" t="s">
        <v>2795</v>
      </c>
      <c r="WHR726" s="424"/>
      <c r="WHS726" s="424"/>
      <c r="WHT726" s="424"/>
      <c r="WHU726" s="423" t="s">
        <v>2795</v>
      </c>
      <c r="WHV726" s="424"/>
      <c r="WHW726" s="424"/>
      <c r="WHX726" s="424"/>
      <c r="WHY726" s="423" t="s">
        <v>2795</v>
      </c>
      <c r="WHZ726" s="424"/>
      <c r="WIA726" s="424"/>
      <c r="WIB726" s="424"/>
      <c r="WIC726" s="423" t="s">
        <v>2795</v>
      </c>
      <c r="WID726" s="424"/>
      <c r="WIE726" s="424"/>
      <c r="WIF726" s="424"/>
      <c r="WIG726" s="423" t="s">
        <v>2795</v>
      </c>
      <c r="WIH726" s="424"/>
      <c r="WII726" s="424"/>
      <c r="WIJ726" s="424"/>
      <c r="WIK726" s="423" t="s">
        <v>2795</v>
      </c>
      <c r="WIL726" s="424"/>
      <c r="WIM726" s="424"/>
      <c r="WIN726" s="424"/>
      <c r="WIO726" s="423" t="s">
        <v>2795</v>
      </c>
      <c r="WIP726" s="424"/>
      <c r="WIQ726" s="424"/>
      <c r="WIR726" s="424"/>
      <c r="WIS726" s="423" t="s">
        <v>2795</v>
      </c>
      <c r="WIT726" s="424"/>
      <c r="WIU726" s="424"/>
      <c r="WIV726" s="424"/>
      <c r="WIW726" s="423" t="s">
        <v>2795</v>
      </c>
      <c r="WIX726" s="424"/>
      <c r="WIY726" s="424"/>
      <c r="WIZ726" s="424"/>
      <c r="WJA726" s="423" t="s">
        <v>2795</v>
      </c>
      <c r="WJB726" s="424"/>
      <c r="WJC726" s="424"/>
      <c r="WJD726" s="424"/>
      <c r="WJE726" s="423" t="s">
        <v>2795</v>
      </c>
      <c r="WJF726" s="424"/>
      <c r="WJG726" s="424"/>
      <c r="WJH726" s="424"/>
      <c r="WJI726" s="423" t="s">
        <v>2795</v>
      </c>
      <c r="WJJ726" s="424"/>
      <c r="WJK726" s="424"/>
      <c r="WJL726" s="424"/>
      <c r="WJM726" s="423" t="s">
        <v>2795</v>
      </c>
      <c r="WJN726" s="424"/>
      <c r="WJO726" s="424"/>
      <c r="WJP726" s="424"/>
      <c r="WJQ726" s="423" t="s">
        <v>2795</v>
      </c>
      <c r="WJR726" s="424"/>
      <c r="WJS726" s="424"/>
      <c r="WJT726" s="424"/>
      <c r="WJU726" s="423" t="s">
        <v>2795</v>
      </c>
      <c r="WJV726" s="424"/>
      <c r="WJW726" s="424"/>
      <c r="WJX726" s="424"/>
      <c r="WJY726" s="423" t="s">
        <v>2795</v>
      </c>
      <c r="WJZ726" s="424"/>
      <c r="WKA726" s="424"/>
      <c r="WKB726" s="424"/>
      <c r="WKC726" s="423" t="s">
        <v>2795</v>
      </c>
      <c r="WKD726" s="424"/>
      <c r="WKE726" s="424"/>
      <c r="WKF726" s="424"/>
      <c r="WKG726" s="423" t="s">
        <v>2795</v>
      </c>
      <c r="WKH726" s="424"/>
      <c r="WKI726" s="424"/>
      <c r="WKJ726" s="424"/>
      <c r="WKK726" s="423" t="s">
        <v>2795</v>
      </c>
      <c r="WKL726" s="424"/>
      <c r="WKM726" s="424"/>
      <c r="WKN726" s="424"/>
      <c r="WKO726" s="423" t="s">
        <v>2795</v>
      </c>
      <c r="WKP726" s="424"/>
      <c r="WKQ726" s="424"/>
      <c r="WKR726" s="424"/>
      <c r="WKS726" s="423" t="s">
        <v>2795</v>
      </c>
      <c r="WKT726" s="424"/>
      <c r="WKU726" s="424"/>
      <c r="WKV726" s="424"/>
      <c r="WKW726" s="423" t="s">
        <v>2795</v>
      </c>
      <c r="WKX726" s="424"/>
      <c r="WKY726" s="424"/>
      <c r="WKZ726" s="424"/>
      <c r="WLA726" s="423" t="s">
        <v>2795</v>
      </c>
      <c r="WLB726" s="424"/>
      <c r="WLC726" s="424"/>
      <c r="WLD726" s="424"/>
      <c r="WLE726" s="423" t="s">
        <v>2795</v>
      </c>
      <c r="WLF726" s="424"/>
      <c r="WLG726" s="424"/>
      <c r="WLH726" s="424"/>
      <c r="WLI726" s="423" t="s">
        <v>2795</v>
      </c>
      <c r="WLJ726" s="424"/>
      <c r="WLK726" s="424"/>
      <c r="WLL726" s="424"/>
      <c r="WLM726" s="423" t="s">
        <v>2795</v>
      </c>
      <c r="WLN726" s="424"/>
      <c r="WLO726" s="424"/>
      <c r="WLP726" s="424"/>
      <c r="WLQ726" s="423" t="s">
        <v>2795</v>
      </c>
      <c r="WLR726" s="424"/>
      <c r="WLS726" s="424"/>
      <c r="WLT726" s="424"/>
      <c r="WLU726" s="423" t="s">
        <v>2795</v>
      </c>
      <c r="WLV726" s="424"/>
      <c r="WLW726" s="424"/>
      <c r="WLX726" s="424"/>
      <c r="WLY726" s="423" t="s">
        <v>2795</v>
      </c>
      <c r="WLZ726" s="424"/>
      <c r="WMA726" s="424"/>
      <c r="WMB726" s="424"/>
      <c r="WMC726" s="423" t="s">
        <v>2795</v>
      </c>
      <c r="WMD726" s="424"/>
      <c r="WME726" s="424"/>
      <c r="WMF726" s="424"/>
      <c r="WMG726" s="423" t="s">
        <v>2795</v>
      </c>
      <c r="WMH726" s="424"/>
      <c r="WMI726" s="424"/>
      <c r="WMJ726" s="424"/>
      <c r="WMK726" s="423" t="s">
        <v>2795</v>
      </c>
      <c r="WML726" s="424"/>
      <c r="WMM726" s="424"/>
      <c r="WMN726" s="424"/>
      <c r="WMO726" s="423" t="s">
        <v>2795</v>
      </c>
      <c r="WMP726" s="424"/>
      <c r="WMQ726" s="424"/>
      <c r="WMR726" s="424"/>
      <c r="WMS726" s="423" t="s">
        <v>2795</v>
      </c>
      <c r="WMT726" s="424"/>
      <c r="WMU726" s="424"/>
      <c r="WMV726" s="424"/>
      <c r="WMW726" s="423" t="s">
        <v>2795</v>
      </c>
      <c r="WMX726" s="424"/>
      <c r="WMY726" s="424"/>
      <c r="WMZ726" s="424"/>
      <c r="WNA726" s="423" t="s">
        <v>2795</v>
      </c>
      <c r="WNB726" s="424"/>
      <c r="WNC726" s="424"/>
      <c r="WND726" s="424"/>
      <c r="WNE726" s="423" t="s">
        <v>2795</v>
      </c>
      <c r="WNF726" s="424"/>
      <c r="WNG726" s="424"/>
      <c r="WNH726" s="424"/>
      <c r="WNI726" s="423" t="s">
        <v>2795</v>
      </c>
      <c r="WNJ726" s="424"/>
      <c r="WNK726" s="424"/>
      <c r="WNL726" s="424"/>
      <c r="WNM726" s="423" t="s">
        <v>2795</v>
      </c>
      <c r="WNN726" s="424"/>
      <c r="WNO726" s="424"/>
      <c r="WNP726" s="424"/>
      <c r="WNQ726" s="423" t="s">
        <v>2795</v>
      </c>
      <c r="WNR726" s="424"/>
      <c r="WNS726" s="424"/>
      <c r="WNT726" s="424"/>
      <c r="WNU726" s="423" t="s">
        <v>2795</v>
      </c>
      <c r="WNV726" s="424"/>
      <c r="WNW726" s="424"/>
      <c r="WNX726" s="424"/>
      <c r="WNY726" s="423" t="s">
        <v>2795</v>
      </c>
      <c r="WNZ726" s="424"/>
      <c r="WOA726" s="424"/>
      <c r="WOB726" s="424"/>
      <c r="WOC726" s="423" t="s">
        <v>2795</v>
      </c>
      <c r="WOD726" s="424"/>
      <c r="WOE726" s="424"/>
      <c r="WOF726" s="424"/>
      <c r="WOG726" s="423" t="s">
        <v>2795</v>
      </c>
      <c r="WOH726" s="424"/>
      <c r="WOI726" s="424"/>
      <c r="WOJ726" s="424"/>
      <c r="WOK726" s="423" t="s">
        <v>2795</v>
      </c>
      <c r="WOL726" s="424"/>
      <c r="WOM726" s="424"/>
      <c r="WON726" s="424"/>
      <c r="WOO726" s="423" t="s">
        <v>2795</v>
      </c>
      <c r="WOP726" s="424"/>
      <c r="WOQ726" s="424"/>
      <c r="WOR726" s="424"/>
      <c r="WOS726" s="423" t="s">
        <v>2795</v>
      </c>
      <c r="WOT726" s="424"/>
      <c r="WOU726" s="424"/>
      <c r="WOV726" s="424"/>
      <c r="WOW726" s="423" t="s">
        <v>2795</v>
      </c>
      <c r="WOX726" s="424"/>
      <c r="WOY726" s="424"/>
      <c r="WOZ726" s="424"/>
      <c r="WPA726" s="423" t="s">
        <v>2795</v>
      </c>
      <c r="WPB726" s="424"/>
      <c r="WPC726" s="424"/>
      <c r="WPD726" s="424"/>
      <c r="WPE726" s="423" t="s">
        <v>2795</v>
      </c>
      <c r="WPF726" s="424"/>
      <c r="WPG726" s="424"/>
      <c r="WPH726" s="424"/>
      <c r="WPI726" s="423" t="s">
        <v>2795</v>
      </c>
      <c r="WPJ726" s="424"/>
      <c r="WPK726" s="424"/>
      <c r="WPL726" s="424"/>
      <c r="WPM726" s="423" t="s">
        <v>2795</v>
      </c>
      <c r="WPN726" s="424"/>
      <c r="WPO726" s="424"/>
      <c r="WPP726" s="424"/>
      <c r="WPQ726" s="423" t="s">
        <v>2795</v>
      </c>
      <c r="WPR726" s="424"/>
      <c r="WPS726" s="424"/>
      <c r="WPT726" s="424"/>
      <c r="WPU726" s="423" t="s">
        <v>2795</v>
      </c>
      <c r="WPV726" s="424"/>
      <c r="WPW726" s="424"/>
      <c r="WPX726" s="424"/>
      <c r="WPY726" s="423" t="s">
        <v>2795</v>
      </c>
      <c r="WPZ726" s="424"/>
      <c r="WQA726" s="424"/>
      <c r="WQB726" s="424"/>
      <c r="WQC726" s="423" t="s">
        <v>2795</v>
      </c>
      <c r="WQD726" s="424"/>
      <c r="WQE726" s="424"/>
      <c r="WQF726" s="424"/>
      <c r="WQG726" s="423" t="s">
        <v>2795</v>
      </c>
      <c r="WQH726" s="424"/>
      <c r="WQI726" s="424"/>
      <c r="WQJ726" s="424"/>
      <c r="WQK726" s="423" t="s">
        <v>2795</v>
      </c>
      <c r="WQL726" s="424"/>
      <c r="WQM726" s="424"/>
      <c r="WQN726" s="424"/>
      <c r="WQO726" s="423" t="s">
        <v>2795</v>
      </c>
      <c r="WQP726" s="424"/>
      <c r="WQQ726" s="424"/>
      <c r="WQR726" s="424"/>
      <c r="WQS726" s="423" t="s">
        <v>2795</v>
      </c>
      <c r="WQT726" s="424"/>
      <c r="WQU726" s="424"/>
      <c r="WQV726" s="424"/>
      <c r="WQW726" s="423" t="s">
        <v>2795</v>
      </c>
      <c r="WQX726" s="424"/>
      <c r="WQY726" s="424"/>
      <c r="WQZ726" s="424"/>
      <c r="WRA726" s="423" t="s">
        <v>2795</v>
      </c>
      <c r="WRB726" s="424"/>
      <c r="WRC726" s="424"/>
      <c r="WRD726" s="424"/>
      <c r="WRE726" s="423" t="s">
        <v>2795</v>
      </c>
      <c r="WRF726" s="424"/>
      <c r="WRG726" s="424"/>
      <c r="WRH726" s="424"/>
      <c r="WRI726" s="423" t="s">
        <v>2795</v>
      </c>
      <c r="WRJ726" s="424"/>
      <c r="WRK726" s="424"/>
      <c r="WRL726" s="424"/>
      <c r="WRM726" s="423" t="s">
        <v>2795</v>
      </c>
      <c r="WRN726" s="424"/>
      <c r="WRO726" s="424"/>
      <c r="WRP726" s="424"/>
      <c r="WRQ726" s="423" t="s">
        <v>2795</v>
      </c>
      <c r="WRR726" s="424"/>
      <c r="WRS726" s="424"/>
      <c r="WRT726" s="424"/>
      <c r="WRU726" s="423" t="s">
        <v>2795</v>
      </c>
      <c r="WRV726" s="424"/>
      <c r="WRW726" s="424"/>
      <c r="WRX726" s="424"/>
      <c r="WRY726" s="423" t="s">
        <v>2795</v>
      </c>
      <c r="WRZ726" s="424"/>
      <c r="WSA726" s="424"/>
      <c r="WSB726" s="424"/>
      <c r="WSC726" s="423" t="s">
        <v>2795</v>
      </c>
      <c r="WSD726" s="424"/>
      <c r="WSE726" s="424"/>
      <c r="WSF726" s="424"/>
      <c r="WSG726" s="423" t="s">
        <v>2795</v>
      </c>
      <c r="WSH726" s="424"/>
      <c r="WSI726" s="424"/>
      <c r="WSJ726" s="424"/>
      <c r="WSK726" s="423" t="s">
        <v>2795</v>
      </c>
      <c r="WSL726" s="424"/>
      <c r="WSM726" s="424"/>
      <c r="WSN726" s="424"/>
      <c r="WSO726" s="423" t="s">
        <v>2795</v>
      </c>
      <c r="WSP726" s="424"/>
      <c r="WSQ726" s="424"/>
      <c r="WSR726" s="424"/>
      <c r="WSS726" s="423" t="s">
        <v>2795</v>
      </c>
      <c r="WST726" s="424"/>
      <c r="WSU726" s="424"/>
      <c r="WSV726" s="424"/>
      <c r="WSW726" s="423" t="s">
        <v>2795</v>
      </c>
      <c r="WSX726" s="424"/>
      <c r="WSY726" s="424"/>
      <c r="WSZ726" s="424"/>
      <c r="WTA726" s="423" t="s">
        <v>2795</v>
      </c>
      <c r="WTB726" s="424"/>
      <c r="WTC726" s="424"/>
      <c r="WTD726" s="424"/>
      <c r="WTE726" s="423" t="s">
        <v>2795</v>
      </c>
      <c r="WTF726" s="424"/>
      <c r="WTG726" s="424"/>
      <c r="WTH726" s="424"/>
      <c r="WTI726" s="423" t="s">
        <v>2795</v>
      </c>
      <c r="WTJ726" s="424"/>
      <c r="WTK726" s="424"/>
      <c r="WTL726" s="424"/>
      <c r="WTM726" s="423" t="s">
        <v>2795</v>
      </c>
      <c r="WTN726" s="424"/>
      <c r="WTO726" s="424"/>
      <c r="WTP726" s="424"/>
      <c r="WTQ726" s="423" t="s">
        <v>2795</v>
      </c>
      <c r="WTR726" s="424"/>
      <c r="WTS726" s="424"/>
      <c r="WTT726" s="424"/>
      <c r="WTU726" s="423" t="s">
        <v>2795</v>
      </c>
      <c r="WTV726" s="424"/>
      <c r="WTW726" s="424"/>
      <c r="WTX726" s="424"/>
      <c r="WTY726" s="423" t="s">
        <v>2795</v>
      </c>
      <c r="WTZ726" s="424"/>
      <c r="WUA726" s="424"/>
      <c r="WUB726" s="424"/>
      <c r="WUC726" s="423" t="s">
        <v>2795</v>
      </c>
      <c r="WUD726" s="424"/>
      <c r="WUE726" s="424"/>
      <c r="WUF726" s="424"/>
      <c r="WUG726" s="423" t="s">
        <v>2795</v>
      </c>
      <c r="WUH726" s="424"/>
      <c r="WUI726" s="424"/>
      <c r="WUJ726" s="424"/>
      <c r="WUK726" s="423" t="s">
        <v>2795</v>
      </c>
      <c r="WUL726" s="424"/>
      <c r="WUM726" s="424"/>
      <c r="WUN726" s="424"/>
      <c r="WUO726" s="423" t="s">
        <v>2795</v>
      </c>
      <c r="WUP726" s="424"/>
      <c r="WUQ726" s="424"/>
      <c r="WUR726" s="424"/>
      <c r="WUS726" s="423" t="s">
        <v>2795</v>
      </c>
      <c r="WUT726" s="424"/>
      <c r="WUU726" s="424"/>
      <c r="WUV726" s="424"/>
      <c r="WUW726" s="423" t="s">
        <v>2795</v>
      </c>
      <c r="WUX726" s="424"/>
      <c r="WUY726" s="424"/>
      <c r="WUZ726" s="424"/>
      <c r="WVA726" s="423" t="s">
        <v>2795</v>
      </c>
      <c r="WVB726" s="424"/>
      <c r="WVC726" s="424"/>
      <c r="WVD726" s="424"/>
      <c r="WVE726" s="423" t="s">
        <v>2795</v>
      </c>
      <c r="WVF726" s="424"/>
      <c r="WVG726" s="424"/>
      <c r="WVH726" s="424"/>
      <c r="WVI726" s="423" t="s">
        <v>2795</v>
      </c>
      <c r="WVJ726" s="424"/>
      <c r="WVK726" s="424"/>
      <c r="WVL726" s="424"/>
      <c r="WVM726" s="423" t="s">
        <v>2795</v>
      </c>
      <c r="WVN726" s="424"/>
      <c r="WVO726" s="424"/>
      <c r="WVP726" s="424"/>
      <c r="WVQ726" s="423" t="s">
        <v>2795</v>
      </c>
      <c r="WVR726" s="424"/>
      <c r="WVS726" s="424"/>
      <c r="WVT726" s="424"/>
      <c r="WVU726" s="423" t="s">
        <v>2795</v>
      </c>
      <c r="WVV726" s="424"/>
      <c r="WVW726" s="424"/>
      <c r="WVX726" s="424"/>
      <c r="WVY726" s="423" t="s">
        <v>2795</v>
      </c>
      <c r="WVZ726" s="424"/>
      <c r="WWA726" s="424"/>
      <c r="WWB726" s="424"/>
      <c r="WWC726" s="423" t="s">
        <v>2795</v>
      </c>
      <c r="WWD726" s="424"/>
      <c r="WWE726" s="424"/>
      <c r="WWF726" s="424"/>
      <c r="WWG726" s="423" t="s">
        <v>2795</v>
      </c>
      <c r="WWH726" s="424"/>
      <c r="WWI726" s="424"/>
      <c r="WWJ726" s="424"/>
      <c r="WWK726" s="423" t="s">
        <v>2795</v>
      </c>
      <c r="WWL726" s="424"/>
      <c r="WWM726" s="424"/>
      <c r="WWN726" s="424"/>
      <c r="WWO726" s="423" t="s">
        <v>2795</v>
      </c>
      <c r="WWP726" s="424"/>
      <c r="WWQ726" s="424"/>
      <c r="WWR726" s="424"/>
      <c r="WWS726" s="423" t="s">
        <v>2795</v>
      </c>
      <c r="WWT726" s="424"/>
      <c r="WWU726" s="424"/>
      <c r="WWV726" s="424"/>
      <c r="WWW726" s="423" t="s">
        <v>2795</v>
      </c>
      <c r="WWX726" s="424"/>
      <c r="WWY726" s="424"/>
      <c r="WWZ726" s="424"/>
      <c r="WXA726" s="423" t="s">
        <v>2795</v>
      </c>
      <c r="WXB726" s="424"/>
      <c r="WXC726" s="424"/>
      <c r="WXD726" s="424"/>
      <c r="WXE726" s="423" t="s">
        <v>2795</v>
      </c>
      <c r="WXF726" s="424"/>
      <c r="WXG726" s="424"/>
      <c r="WXH726" s="424"/>
      <c r="WXI726" s="423" t="s">
        <v>2795</v>
      </c>
      <c r="WXJ726" s="424"/>
      <c r="WXK726" s="424"/>
      <c r="WXL726" s="424"/>
      <c r="WXM726" s="423" t="s">
        <v>2795</v>
      </c>
      <c r="WXN726" s="424"/>
      <c r="WXO726" s="424"/>
      <c r="WXP726" s="424"/>
      <c r="WXQ726" s="423" t="s">
        <v>2795</v>
      </c>
      <c r="WXR726" s="424"/>
      <c r="WXS726" s="424"/>
      <c r="WXT726" s="424"/>
      <c r="WXU726" s="423" t="s">
        <v>2795</v>
      </c>
      <c r="WXV726" s="424"/>
      <c r="WXW726" s="424"/>
      <c r="WXX726" s="424"/>
      <c r="WXY726" s="423" t="s">
        <v>2795</v>
      </c>
      <c r="WXZ726" s="424"/>
      <c r="WYA726" s="424"/>
      <c r="WYB726" s="424"/>
      <c r="WYC726" s="423" t="s">
        <v>2795</v>
      </c>
      <c r="WYD726" s="424"/>
      <c r="WYE726" s="424"/>
      <c r="WYF726" s="424"/>
      <c r="WYG726" s="423" t="s">
        <v>2795</v>
      </c>
      <c r="WYH726" s="424"/>
      <c r="WYI726" s="424"/>
      <c r="WYJ726" s="424"/>
      <c r="WYK726" s="423" t="s">
        <v>2795</v>
      </c>
      <c r="WYL726" s="424"/>
      <c r="WYM726" s="424"/>
      <c r="WYN726" s="424"/>
      <c r="WYO726" s="423" t="s">
        <v>2795</v>
      </c>
      <c r="WYP726" s="424"/>
      <c r="WYQ726" s="424"/>
      <c r="WYR726" s="424"/>
      <c r="WYS726" s="423" t="s">
        <v>2795</v>
      </c>
      <c r="WYT726" s="424"/>
      <c r="WYU726" s="424"/>
      <c r="WYV726" s="424"/>
      <c r="WYW726" s="423" t="s">
        <v>2795</v>
      </c>
      <c r="WYX726" s="424"/>
      <c r="WYY726" s="424"/>
      <c r="WYZ726" s="424"/>
      <c r="WZA726" s="423" t="s">
        <v>2795</v>
      </c>
      <c r="WZB726" s="424"/>
      <c r="WZC726" s="424"/>
      <c r="WZD726" s="424"/>
      <c r="WZE726" s="423" t="s">
        <v>2795</v>
      </c>
      <c r="WZF726" s="424"/>
      <c r="WZG726" s="424"/>
      <c r="WZH726" s="424"/>
      <c r="WZI726" s="423" t="s">
        <v>2795</v>
      </c>
      <c r="WZJ726" s="424"/>
      <c r="WZK726" s="424"/>
      <c r="WZL726" s="424"/>
      <c r="WZM726" s="423" t="s">
        <v>2795</v>
      </c>
      <c r="WZN726" s="424"/>
      <c r="WZO726" s="424"/>
      <c r="WZP726" s="424"/>
      <c r="WZQ726" s="423" t="s">
        <v>2795</v>
      </c>
      <c r="WZR726" s="424"/>
      <c r="WZS726" s="424"/>
      <c r="WZT726" s="424"/>
      <c r="WZU726" s="423" t="s">
        <v>2795</v>
      </c>
      <c r="WZV726" s="424"/>
      <c r="WZW726" s="424"/>
      <c r="WZX726" s="424"/>
      <c r="WZY726" s="423" t="s">
        <v>2795</v>
      </c>
      <c r="WZZ726" s="424"/>
      <c r="XAA726" s="424"/>
      <c r="XAB726" s="424"/>
      <c r="XAC726" s="423" t="s">
        <v>2795</v>
      </c>
      <c r="XAD726" s="424"/>
      <c r="XAE726" s="424"/>
      <c r="XAF726" s="424"/>
      <c r="XAG726" s="423" t="s">
        <v>2795</v>
      </c>
      <c r="XAH726" s="424"/>
      <c r="XAI726" s="424"/>
      <c r="XAJ726" s="424"/>
      <c r="XAK726" s="423" t="s">
        <v>2795</v>
      </c>
      <c r="XAL726" s="424"/>
      <c r="XAM726" s="424"/>
      <c r="XAN726" s="424"/>
      <c r="XAO726" s="423" t="s">
        <v>2795</v>
      </c>
      <c r="XAP726" s="424"/>
      <c r="XAQ726" s="424"/>
      <c r="XAR726" s="424"/>
      <c r="XAS726" s="423" t="s">
        <v>2795</v>
      </c>
      <c r="XAT726" s="424"/>
      <c r="XAU726" s="424"/>
      <c r="XAV726" s="424"/>
      <c r="XAW726" s="423" t="s">
        <v>2795</v>
      </c>
      <c r="XAX726" s="424"/>
      <c r="XAY726" s="424"/>
      <c r="XAZ726" s="424"/>
      <c r="XBA726" s="423" t="s">
        <v>2795</v>
      </c>
      <c r="XBB726" s="424"/>
      <c r="XBC726" s="424"/>
      <c r="XBD726" s="424"/>
      <c r="XBE726" s="423" t="s">
        <v>2795</v>
      </c>
      <c r="XBF726" s="424"/>
      <c r="XBG726" s="424"/>
      <c r="XBH726" s="424"/>
      <c r="XBI726" s="423" t="s">
        <v>2795</v>
      </c>
      <c r="XBJ726" s="424"/>
      <c r="XBK726" s="424"/>
      <c r="XBL726" s="424"/>
      <c r="XBM726" s="423" t="s">
        <v>2795</v>
      </c>
      <c r="XBN726" s="424"/>
      <c r="XBO726" s="424"/>
      <c r="XBP726" s="424"/>
      <c r="XBQ726" s="423" t="s">
        <v>2795</v>
      </c>
      <c r="XBR726" s="424"/>
      <c r="XBS726" s="424"/>
      <c r="XBT726" s="424"/>
      <c r="XBU726" s="423" t="s">
        <v>2795</v>
      </c>
      <c r="XBV726" s="424"/>
      <c r="XBW726" s="424"/>
      <c r="XBX726" s="424"/>
      <c r="XBY726" s="423" t="s">
        <v>2795</v>
      </c>
      <c r="XBZ726" s="424"/>
      <c r="XCA726" s="424"/>
      <c r="XCB726" s="424"/>
      <c r="XCC726" s="423" t="s">
        <v>2795</v>
      </c>
      <c r="XCD726" s="424"/>
      <c r="XCE726" s="424"/>
      <c r="XCF726" s="424"/>
      <c r="XCG726" s="423" t="s">
        <v>2795</v>
      </c>
      <c r="XCH726" s="424"/>
      <c r="XCI726" s="424"/>
      <c r="XCJ726" s="424"/>
      <c r="XCK726" s="423" t="s">
        <v>2795</v>
      </c>
      <c r="XCL726" s="424"/>
      <c r="XCM726" s="424"/>
      <c r="XCN726" s="424"/>
      <c r="XCO726" s="423" t="s">
        <v>2795</v>
      </c>
      <c r="XCP726" s="424"/>
      <c r="XCQ726" s="424"/>
      <c r="XCR726" s="424"/>
      <c r="XCS726" s="423" t="s">
        <v>2795</v>
      </c>
      <c r="XCT726" s="424"/>
      <c r="XCU726" s="424"/>
      <c r="XCV726" s="424"/>
      <c r="XCW726" s="423" t="s">
        <v>2795</v>
      </c>
      <c r="XCX726" s="424"/>
      <c r="XCY726" s="424"/>
      <c r="XCZ726" s="424"/>
      <c r="XDA726" s="423" t="s">
        <v>2795</v>
      </c>
      <c r="XDB726" s="424"/>
      <c r="XDC726" s="424"/>
      <c r="XDD726" s="424"/>
      <c r="XDE726" s="423" t="s">
        <v>2795</v>
      </c>
      <c r="XDF726" s="424"/>
      <c r="XDG726" s="424"/>
      <c r="XDH726" s="424"/>
      <c r="XDI726" s="423" t="s">
        <v>2795</v>
      </c>
      <c r="XDJ726" s="424"/>
      <c r="XDK726" s="424"/>
      <c r="XDL726" s="424"/>
      <c r="XDM726" s="423" t="s">
        <v>2795</v>
      </c>
      <c r="XDN726" s="424"/>
      <c r="XDO726" s="424"/>
      <c r="XDP726" s="424"/>
      <c r="XDQ726" s="423" t="s">
        <v>2795</v>
      </c>
      <c r="XDR726" s="424"/>
      <c r="XDS726" s="424"/>
      <c r="XDT726" s="424"/>
      <c r="XDU726" s="423" t="s">
        <v>2795</v>
      </c>
      <c r="XDV726" s="424"/>
      <c r="XDW726" s="424"/>
      <c r="XDX726" s="424"/>
      <c r="XDY726" s="423" t="s">
        <v>2795</v>
      </c>
      <c r="XDZ726" s="424"/>
      <c r="XEA726" s="424"/>
      <c r="XEB726" s="424"/>
      <c r="XEC726" s="423" t="s">
        <v>2795</v>
      </c>
      <c r="XED726" s="424"/>
      <c r="XEE726" s="424"/>
      <c r="XEF726" s="424"/>
      <c r="XEG726" s="423" t="s">
        <v>2795</v>
      </c>
      <c r="XEH726" s="424"/>
      <c r="XEI726" s="424"/>
      <c r="XEJ726" s="424"/>
      <c r="XEK726" s="423" t="s">
        <v>2795</v>
      </c>
      <c r="XEL726" s="424"/>
      <c r="XEM726" s="424"/>
      <c r="XEN726" s="424"/>
      <c r="XEO726" s="423" t="s">
        <v>2795</v>
      </c>
      <c r="XEP726" s="424"/>
      <c r="XEQ726" s="424"/>
      <c r="XER726" s="424"/>
      <c r="XES726" s="423" t="s">
        <v>2795</v>
      </c>
      <c r="XET726" s="424"/>
      <c r="XEU726" s="424"/>
      <c r="XEV726" s="424"/>
      <c r="XEW726" s="423" t="s">
        <v>2795</v>
      </c>
      <c r="XEX726" s="424"/>
      <c r="XEY726" s="424"/>
      <c r="XEZ726" s="424"/>
      <c r="XFA726" s="423" t="s">
        <v>2795</v>
      </c>
      <c r="XFB726" s="424"/>
      <c r="XFC726" s="424"/>
      <c r="XFD726" s="424"/>
    </row>
    <row r="727" spans="1:16384" s="8" customFormat="1" ht="20" hidden="1">
      <c r="A727" s="423" t="s">
        <v>2795</v>
      </c>
      <c r="B727" s="424"/>
      <c r="C727" s="424"/>
      <c r="D727" s="424"/>
      <c r="E727" s="423" t="s">
        <v>2795</v>
      </c>
      <c r="F727" s="424"/>
      <c r="G727" s="424"/>
      <c r="H727" s="424"/>
      <c r="I727" s="423" t="s">
        <v>2795</v>
      </c>
      <c r="J727" s="424"/>
      <c r="K727" s="424"/>
      <c r="L727" s="424"/>
      <c r="M727" s="423" t="s">
        <v>2795</v>
      </c>
      <c r="N727" s="424"/>
      <c r="O727" s="424"/>
      <c r="P727" s="424"/>
      <c r="Q727" s="426" t="s">
        <v>2795</v>
      </c>
      <c r="R727" s="427"/>
      <c r="S727" s="427"/>
      <c r="T727" s="427"/>
      <c r="U727" s="423" t="s">
        <v>2795</v>
      </c>
      <c r="V727" s="424"/>
      <c r="W727" s="424"/>
      <c r="X727" s="424"/>
      <c r="Y727" s="423" t="s">
        <v>2795</v>
      </c>
      <c r="Z727" s="424"/>
      <c r="AA727" s="424"/>
      <c r="AB727" s="424"/>
      <c r="AC727" s="423" t="s">
        <v>2795</v>
      </c>
      <c r="AD727" s="424"/>
      <c r="AE727" s="424"/>
      <c r="AF727" s="424"/>
      <c r="AG727" s="423" t="s">
        <v>2795</v>
      </c>
      <c r="AH727" s="424"/>
      <c r="AI727" s="424"/>
      <c r="AJ727" s="424"/>
      <c r="AK727" s="423" t="s">
        <v>2795</v>
      </c>
      <c r="AL727" s="424"/>
      <c r="AM727" s="424"/>
      <c r="AN727" s="424"/>
      <c r="AO727" s="423" t="s">
        <v>2795</v>
      </c>
      <c r="AP727" s="424"/>
      <c r="AQ727" s="424"/>
      <c r="AR727" s="424"/>
      <c r="AS727" s="423" t="s">
        <v>2795</v>
      </c>
      <c r="AT727" s="424"/>
      <c r="AU727" s="424"/>
      <c r="AV727" s="424"/>
      <c r="AW727" s="423" t="s">
        <v>2795</v>
      </c>
      <c r="AX727" s="424"/>
      <c r="AY727" s="424"/>
      <c r="AZ727" s="424"/>
      <c r="BA727" s="423" t="s">
        <v>2795</v>
      </c>
      <c r="BB727" s="424"/>
      <c r="BC727" s="424"/>
      <c r="BD727" s="424"/>
      <c r="BE727" s="423" t="s">
        <v>2795</v>
      </c>
      <c r="BF727" s="424"/>
      <c r="BG727" s="424"/>
      <c r="BH727" s="424"/>
      <c r="BI727" s="423" t="s">
        <v>2795</v>
      </c>
      <c r="BJ727" s="424"/>
      <c r="BK727" s="424"/>
      <c r="BL727" s="424"/>
      <c r="BM727" s="423" t="s">
        <v>2795</v>
      </c>
      <c r="BN727" s="424"/>
      <c r="BO727" s="424"/>
      <c r="BP727" s="424"/>
      <c r="BQ727" s="423" t="s">
        <v>2795</v>
      </c>
      <c r="BR727" s="424"/>
      <c r="BS727" s="424"/>
      <c r="BT727" s="424"/>
      <c r="BU727" s="423" t="s">
        <v>2795</v>
      </c>
      <c r="BV727" s="424"/>
      <c r="BW727" s="424"/>
      <c r="BX727" s="424"/>
      <c r="BY727" s="423" t="s">
        <v>2795</v>
      </c>
      <c r="BZ727" s="424"/>
      <c r="CA727" s="424"/>
      <c r="CB727" s="424"/>
      <c r="CC727" s="423" t="s">
        <v>2795</v>
      </c>
      <c r="CD727" s="424"/>
      <c r="CE727" s="424"/>
      <c r="CF727" s="424"/>
      <c r="CG727" s="423" t="s">
        <v>2795</v>
      </c>
      <c r="CH727" s="424"/>
      <c r="CI727" s="424"/>
      <c r="CJ727" s="424"/>
      <c r="CK727" s="423" t="s">
        <v>2795</v>
      </c>
      <c r="CL727" s="424"/>
      <c r="CM727" s="424"/>
      <c r="CN727" s="424"/>
      <c r="CO727" s="423" t="s">
        <v>2795</v>
      </c>
      <c r="CP727" s="424"/>
      <c r="CQ727" s="424"/>
      <c r="CR727" s="424"/>
      <c r="CS727" s="423" t="s">
        <v>2795</v>
      </c>
      <c r="CT727" s="424"/>
      <c r="CU727" s="424"/>
      <c r="CV727" s="424"/>
      <c r="CW727" s="423" t="s">
        <v>2795</v>
      </c>
      <c r="CX727" s="424"/>
      <c r="CY727" s="424"/>
      <c r="CZ727" s="424"/>
      <c r="DA727" s="423" t="s">
        <v>2795</v>
      </c>
      <c r="DB727" s="424"/>
      <c r="DC727" s="424"/>
      <c r="DD727" s="424"/>
      <c r="DE727" s="423" t="s">
        <v>2795</v>
      </c>
      <c r="DF727" s="424"/>
      <c r="DG727" s="424"/>
      <c r="DH727" s="424"/>
      <c r="DI727" s="423" t="s">
        <v>2795</v>
      </c>
      <c r="DJ727" s="424"/>
      <c r="DK727" s="424"/>
      <c r="DL727" s="424"/>
      <c r="DM727" s="423" t="s">
        <v>2795</v>
      </c>
      <c r="DN727" s="424"/>
      <c r="DO727" s="424"/>
      <c r="DP727" s="424"/>
      <c r="DQ727" s="423" t="s">
        <v>2795</v>
      </c>
      <c r="DR727" s="424"/>
      <c r="DS727" s="424"/>
      <c r="DT727" s="424"/>
      <c r="DU727" s="423" t="s">
        <v>2795</v>
      </c>
      <c r="DV727" s="424"/>
      <c r="DW727" s="424"/>
      <c r="DX727" s="424"/>
      <c r="DY727" s="423" t="s">
        <v>2795</v>
      </c>
      <c r="DZ727" s="424"/>
      <c r="EA727" s="424"/>
      <c r="EB727" s="424"/>
      <c r="EC727" s="423" t="s">
        <v>2795</v>
      </c>
      <c r="ED727" s="424"/>
      <c r="EE727" s="424"/>
      <c r="EF727" s="424"/>
      <c r="EG727" s="423" t="s">
        <v>2795</v>
      </c>
      <c r="EH727" s="424"/>
      <c r="EI727" s="424"/>
      <c r="EJ727" s="424"/>
      <c r="EK727" s="423" t="s">
        <v>2795</v>
      </c>
      <c r="EL727" s="424"/>
      <c r="EM727" s="424"/>
      <c r="EN727" s="424"/>
      <c r="EO727" s="423" t="s">
        <v>2795</v>
      </c>
      <c r="EP727" s="424"/>
      <c r="EQ727" s="424"/>
      <c r="ER727" s="424"/>
      <c r="ES727" s="423" t="s">
        <v>2795</v>
      </c>
      <c r="ET727" s="424"/>
      <c r="EU727" s="424"/>
      <c r="EV727" s="424"/>
      <c r="EW727" s="423" t="s">
        <v>2795</v>
      </c>
      <c r="EX727" s="424"/>
      <c r="EY727" s="424"/>
      <c r="EZ727" s="424"/>
      <c r="FA727" s="423" t="s">
        <v>2795</v>
      </c>
      <c r="FB727" s="424"/>
      <c r="FC727" s="424"/>
      <c r="FD727" s="424"/>
      <c r="FE727" s="423" t="s">
        <v>2795</v>
      </c>
      <c r="FF727" s="424"/>
      <c r="FG727" s="424"/>
      <c r="FH727" s="424"/>
      <c r="FI727" s="423" t="s">
        <v>2795</v>
      </c>
      <c r="FJ727" s="424"/>
      <c r="FK727" s="424"/>
      <c r="FL727" s="424"/>
      <c r="FM727" s="423" t="s">
        <v>2795</v>
      </c>
      <c r="FN727" s="424"/>
      <c r="FO727" s="424"/>
      <c r="FP727" s="424"/>
      <c r="FQ727" s="423" t="s">
        <v>2795</v>
      </c>
      <c r="FR727" s="424"/>
      <c r="FS727" s="424"/>
      <c r="FT727" s="424"/>
      <c r="FU727" s="423" t="s">
        <v>2795</v>
      </c>
      <c r="FV727" s="424"/>
      <c r="FW727" s="424"/>
      <c r="FX727" s="424"/>
      <c r="FY727" s="423" t="s">
        <v>2795</v>
      </c>
      <c r="FZ727" s="424"/>
      <c r="GA727" s="424"/>
      <c r="GB727" s="424"/>
      <c r="GC727" s="423" t="s">
        <v>2795</v>
      </c>
      <c r="GD727" s="424"/>
      <c r="GE727" s="424"/>
      <c r="GF727" s="424"/>
      <c r="GG727" s="423" t="s">
        <v>2795</v>
      </c>
      <c r="GH727" s="424"/>
      <c r="GI727" s="424"/>
      <c r="GJ727" s="424"/>
      <c r="GK727" s="423" t="s">
        <v>2795</v>
      </c>
      <c r="GL727" s="424"/>
      <c r="GM727" s="424"/>
      <c r="GN727" s="424"/>
      <c r="GO727" s="423" t="s">
        <v>2795</v>
      </c>
      <c r="GP727" s="424"/>
      <c r="GQ727" s="424"/>
      <c r="GR727" s="424"/>
      <c r="GS727" s="423" t="s">
        <v>2795</v>
      </c>
      <c r="GT727" s="424"/>
      <c r="GU727" s="424"/>
      <c r="GV727" s="424"/>
      <c r="GW727" s="423" t="s">
        <v>2795</v>
      </c>
      <c r="GX727" s="424"/>
      <c r="GY727" s="424"/>
      <c r="GZ727" s="424"/>
      <c r="HA727" s="423" t="s">
        <v>2795</v>
      </c>
      <c r="HB727" s="424"/>
      <c r="HC727" s="424"/>
      <c r="HD727" s="424"/>
      <c r="HE727" s="423" t="s">
        <v>2795</v>
      </c>
      <c r="HF727" s="424"/>
      <c r="HG727" s="424"/>
      <c r="HH727" s="424"/>
      <c r="HI727" s="423" t="s">
        <v>2795</v>
      </c>
      <c r="HJ727" s="424"/>
      <c r="HK727" s="424"/>
      <c r="HL727" s="424"/>
      <c r="HM727" s="423" t="s">
        <v>2795</v>
      </c>
      <c r="HN727" s="424"/>
      <c r="HO727" s="424"/>
      <c r="HP727" s="424"/>
      <c r="HQ727" s="423" t="s">
        <v>2795</v>
      </c>
      <c r="HR727" s="424"/>
      <c r="HS727" s="424"/>
      <c r="HT727" s="424"/>
      <c r="HU727" s="423" t="s">
        <v>2795</v>
      </c>
      <c r="HV727" s="424"/>
      <c r="HW727" s="424"/>
      <c r="HX727" s="424"/>
      <c r="HY727" s="423" t="s">
        <v>2795</v>
      </c>
      <c r="HZ727" s="424"/>
      <c r="IA727" s="424"/>
      <c r="IB727" s="424"/>
      <c r="IC727" s="423" t="s">
        <v>2795</v>
      </c>
      <c r="ID727" s="424"/>
      <c r="IE727" s="424"/>
      <c r="IF727" s="424"/>
      <c r="IG727" s="423" t="s">
        <v>2795</v>
      </c>
      <c r="IH727" s="424"/>
      <c r="II727" s="424"/>
      <c r="IJ727" s="424"/>
      <c r="IK727" s="423" t="s">
        <v>2795</v>
      </c>
      <c r="IL727" s="424"/>
      <c r="IM727" s="424"/>
      <c r="IN727" s="424"/>
      <c r="IO727" s="423" t="s">
        <v>2795</v>
      </c>
      <c r="IP727" s="424"/>
      <c r="IQ727" s="424"/>
      <c r="IR727" s="424"/>
      <c r="IS727" s="423" t="s">
        <v>2795</v>
      </c>
      <c r="IT727" s="424"/>
      <c r="IU727" s="424"/>
      <c r="IV727" s="424"/>
      <c r="IW727" s="423" t="s">
        <v>2795</v>
      </c>
      <c r="IX727" s="424"/>
      <c r="IY727" s="424"/>
      <c r="IZ727" s="424"/>
      <c r="JA727" s="423" t="s">
        <v>2795</v>
      </c>
      <c r="JB727" s="424"/>
      <c r="JC727" s="424"/>
      <c r="JD727" s="424"/>
      <c r="JE727" s="423" t="s">
        <v>2795</v>
      </c>
      <c r="JF727" s="424"/>
      <c r="JG727" s="424"/>
      <c r="JH727" s="424"/>
      <c r="JI727" s="423" t="s">
        <v>2795</v>
      </c>
      <c r="JJ727" s="424"/>
      <c r="JK727" s="424"/>
      <c r="JL727" s="424"/>
      <c r="JM727" s="423" t="s">
        <v>2795</v>
      </c>
      <c r="JN727" s="424"/>
      <c r="JO727" s="424"/>
      <c r="JP727" s="424"/>
      <c r="JQ727" s="423" t="s">
        <v>2795</v>
      </c>
      <c r="JR727" s="424"/>
      <c r="JS727" s="424"/>
      <c r="JT727" s="424"/>
      <c r="JU727" s="423" t="s">
        <v>2795</v>
      </c>
      <c r="JV727" s="424"/>
      <c r="JW727" s="424"/>
      <c r="JX727" s="424"/>
      <c r="JY727" s="423" t="s">
        <v>2795</v>
      </c>
      <c r="JZ727" s="424"/>
      <c r="KA727" s="424"/>
      <c r="KB727" s="424"/>
      <c r="KC727" s="423" t="s">
        <v>2795</v>
      </c>
      <c r="KD727" s="424"/>
      <c r="KE727" s="424"/>
      <c r="KF727" s="424"/>
      <c r="KG727" s="423" t="s">
        <v>2795</v>
      </c>
      <c r="KH727" s="424"/>
      <c r="KI727" s="424"/>
      <c r="KJ727" s="424"/>
      <c r="KK727" s="423" t="s">
        <v>2795</v>
      </c>
      <c r="KL727" s="424"/>
      <c r="KM727" s="424"/>
      <c r="KN727" s="424"/>
      <c r="KO727" s="423" t="s">
        <v>2795</v>
      </c>
      <c r="KP727" s="424"/>
      <c r="KQ727" s="424"/>
      <c r="KR727" s="424"/>
      <c r="KS727" s="423" t="s">
        <v>2795</v>
      </c>
      <c r="KT727" s="424"/>
      <c r="KU727" s="424"/>
      <c r="KV727" s="424"/>
      <c r="KW727" s="423" t="s">
        <v>2795</v>
      </c>
      <c r="KX727" s="424"/>
      <c r="KY727" s="424"/>
      <c r="KZ727" s="424"/>
      <c r="LA727" s="423" t="s">
        <v>2795</v>
      </c>
      <c r="LB727" s="424"/>
      <c r="LC727" s="424"/>
      <c r="LD727" s="424"/>
      <c r="LE727" s="423" t="s">
        <v>2795</v>
      </c>
      <c r="LF727" s="424"/>
      <c r="LG727" s="424"/>
      <c r="LH727" s="424"/>
      <c r="LI727" s="423" t="s">
        <v>2795</v>
      </c>
      <c r="LJ727" s="424"/>
      <c r="LK727" s="424"/>
      <c r="LL727" s="424"/>
      <c r="LM727" s="423" t="s">
        <v>2795</v>
      </c>
      <c r="LN727" s="424"/>
      <c r="LO727" s="424"/>
      <c r="LP727" s="424"/>
      <c r="LQ727" s="423" t="s">
        <v>2795</v>
      </c>
      <c r="LR727" s="424"/>
      <c r="LS727" s="424"/>
      <c r="LT727" s="424"/>
      <c r="LU727" s="423" t="s">
        <v>2795</v>
      </c>
      <c r="LV727" s="424"/>
      <c r="LW727" s="424"/>
      <c r="LX727" s="424"/>
      <c r="LY727" s="423" t="s">
        <v>2795</v>
      </c>
      <c r="LZ727" s="424"/>
      <c r="MA727" s="424"/>
      <c r="MB727" s="424"/>
      <c r="MC727" s="423" t="s">
        <v>2795</v>
      </c>
      <c r="MD727" s="424"/>
      <c r="ME727" s="424"/>
      <c r="MF727" s="424"/>
      <c r="MG727" s="423" t="s">
        <v>2795</v>
      </c>
      <c r="MH727" s="424"/>
      <c r="MI727" s="424"/>
      <c r="MJ727" s="424"/>
      <c r="MK727" s="423" t="s">
        <v>2795</v>
      </c>
      <c r="ML727" s="424"/>
      <c r="MM727" s="424"/>
      <c r="MN727" s="424"/>
      <c r="MO727" s="423" t="s">
        <v>2795</v>
      </c>
      <c r="MP727" s="424"/>
      <c r="MQ727" s="424"/>
      <c r="MR727" s="424"/>
      <c r="MS727" s="423" t="s">
        <v>2795</v>
      </c>
      <c r="MT727" s="424"/>
      <c r="MU727" s="424"/>
      <c r="MV727" s="424"/>
      <c r="MW727" s="423" t="s">
        <v>2795</v>
      </c>
      <c r="MX727" s="424"/>
      <c r="MY727" s="424"/>
      <c r="MZ727" s="424"/>
      <c r="NA727" s="423" t="s">
        <v>2795</v>
      </c>
      <c r="NB727" s="424"/>
      <c r="NC727" s="424"/>
      <c r="ND727" s="424"/>
      <c r="NE727" s="423" t="s">
        <v>2795</v>
      </c>
      <c r="NF727" s="424"/>
      <c r="NG727" s="424"/>
      <c r="NH727" s="424"/>
      <c r="NI727" s="423" t="s">
        <v>2795</v>
      </c>
      <c r="NJ727" s="424"/>
      <c r="NK727" s="424"/>
      <c r="NL727" s="424"/>
      <c r="NM727" s="423" t="s">
        <v>2795</v>
      </c>
      <c r="NN727" s="424"/>
      <c r="NO727" s="424"/>
      <c r="NP727" s="424"/>
      <c r="NQ727" s="423" t="s">
        <v>2795</v>
      </c>
      <c r="NR727" s="424"/>
      <c r="NS727" s="424"/>
      <c r="NT727" s="424"/>
      <c r="NU727" s="423" t="s">
        <v>2795</v>
      </c>
      <c r="NV727" s="424"/>
      <c r="NW727" s="424"/>
      <c r="NX727" s="424"/>
      <c r="NY727" s="423" t="s">
        <v>2795</v>
      </c>
      <c r="NZ727" s="424"/>
      <c r="OA727" s="424"/>
      <c r="OB727" s="424"/>
      <c r="OC727" s="423" t="s">
        <v>2795</v>
      </c>
      <c r="OD727" s="424"/>
      <c r="OE727" s="424"/>
      <c r="OF727" s="424"/>
      <c r="OG727" s="423" t="s">
        <v>2795</v>
      </c>
      <c r="OH727" s="424"/>
      <c r="OI727" s="424"/>
      <c r="OJ727" s="424"/>
      <c r="OK727" s="423" t="s">
        <v>2795</v>
      </c>
      <c r="OL727" s="424"/>
      <c r="OM727" s="424"/>
      <c r="ON727" s="424"/>
      <c r="OO727" s="423" t="s">
        <v>2795</v>
      </c>
      <c r="OP727" s="424"/>
      <c r="OQ727" s="424"/>
      <c r="OR727" s="424"/>
      <c r="OS727" s="423" t="s">
        <v>2795</v>
      </c>
      <c r="OT727" s="424"/>
      <c r="OU727" s="424"/>
      <c r="OV727" s="424"/>
      <c r="OW727" s="423" t="s">
        <v>2795</v>
      </c>
      <c r="OX727" s="424"/>
      <c r="OY727" s="424"/>
      <c r="OZ727" s="424"/>
      <c r="PA727" s="423" t="s">
        <v>2795</v>
      </c>
      <c r="PB727" s="424"/>
      <c r="PC727" s="424"/>
      <c r="PD727" s="424"/>
      <c r="PE727" s="423" t="s">
        <v>2795</v>
      </c>
      <c r="PF727" s="424"/>
      <c r="PG727" s="424"/>
      <c r="PH727" s="424"/>
      <c r="PI727" s="423" t="s">
        <v>2795</v>
      </c>
      <c r="PJ727" s="424"/>
      <c r="PK727" s="424"/>
      <c r="PL727" s="424"/>
      <c r="PM727" s="423" t="s">
        <v>2795</v>
      </c>
      <c r="PN727" s="424"/>
      <c r="PO727" s="424"/>
      <c r="PP727" s="424"/>
      <c r="PQ727" s="423" t="s">
        <v>2795</v>
      </c>
      <c r="PR727" s="424"/>
      <c r="PS727" s="424"/>
      <c r="PT727" s="424"/>
      <c r="PU727" s="423" t="s">
        <v>2795</v>
      </c>
      <c r="PV727" s="424"/>
      <c r="PW727" s="424"/>
      <c r="PX727" s="424"/>
      <c r="PY727" s="423" t="s">
        <v>2795</v>
      </c>
      <c r="PZ727" s="424"/>
      <c r="QA727" s="424"/>
      <c r="QB727" s="424"/>
      <c r="QC727" s="423" t="s">
        <v>2795</v>
      </c>
      <c r="QD727" s="424"/>
      <c r="QE727" s="424"/>
      <c r="QF727" s="424"/>
      <c r="QG727" s="423" t="s">
        <v>2795</v>
      </c>
      <c r="QH727" s="424"/>
      <c r="QI727" s="424"/>
      <c r="QJ727" s="424"/>
      <c r="QK727" s="423" t="s">
        <v>2795</v>
      </c>
      <c r="QL727" s="424"/>
      <c r="QM727" s="424"/>
      <c r="QN727" s="424"/>
      <c r="QO727" s="423" t="s">
        <v>2795</v>
      </c>
      <c r="QP727" s="424"/>
      <c r="QQ727" s="424"/>
      <c r="QR727" s="424"/>
      <c r="QS727" s="423" t="s">
        <v>2795</v>
      </c>
      <c r="QT727" s="424"/>
      <c r="QU727" s="424"/>
      <c r="QV727" s="424"/>
      <c r="QW727" s="423" t="s">
        <v>2795</v>
      </c>
      <c r="QX727" s="424"/>
      <c r="QY727" s="424"/>
      <c r="QZ727" s="424"/>
      <c r="RA727" s="423" t="s">
        <v>2795</v>
      </c>
      <c r="RB727" s="424"/>
      <c r="RC727" s="424"/>
      <c r="RD727" s="424"/>
      <c r="RE727" s="423" t="s">
        <v>2795</v>
      </c>
      <c r="RF727" s="424"/>
      <c r="RG727" s="424"/>
      <c r="RH727" s="424"/>
      <c r="RI727" s="423" t="s">
        <v>2795</v>
      </c>
      <c r="RJ727" s="424"/>
      <c r="RK727" s="424"/>
      <c r="RL727" s="424"/>
      <c r="RM727" s="423" t="s">
        <v>2795</v>
      </c>
      <c r="RN727" s="424"/>
      <c r="RO727" s="424"/>
      <c r="RP727" s="424"/>
      <c r="RQ727" s="423" t="s">
        <v>2795</v>
      </c>
      <c r="RR727" s="424"/>
      <c r="RS727" s="424"/>
      <c r="RT727" s="424"/>
      <c r="RU727" s="423" t="s">
        <v>2795</v>
      </c>
      <c r="RV727" s="424"/>
      <c r="RW727" s="424"/>
      <c r="RX727" s="424"/>
      <c r="RY727" s="423" t="s">
        <v>2795</v>
      </c>
      <c r="RZ727" s="424"/>
      <c r="SA727" s="424"/>
      <c r="SB727" s="424"/>
      <c r="SC727" s="423" t="s">
        <v>2795</v>
      </c>
      <c r="SD727" s="424"/>
      <c r="SE727" s="424"/>
      <c r="SF727" s="424"/>
      <c r="SG727" s="423" t="s">
        <v>2795</v>
      </c>
      <c r="SH727" s="424"/>
      <c r="SI727" s="424"/>
      <c r="SJ727" s="424"/>
      <c r="SK727" s="423" t="s">
        <v>2795</v>
      </c>
      <c r="SL727" s="424"/>
      <c r="SM727" s="424"/>
      <c r="SN727" s="424"/>
      <c r="SO727" s="423" t="s">
        <v>2795</v>
      </c>
      <c r="SP727" s="424"/>
      <c r="SQ727" s="424"/>
      <c r="SR727" s="424"/>
      <c r="SS727" s="423" t="s">
        <v>2795</v>
      </c>
      <c r="ST727" s="424"/>
      <c r="SU727" s="424"/>
      <c r="SV727" s="424"/>
      <c r="SW727" s="423" t="s">
        <v>2795</v>
      </c>
      <c r="SX727" s="424"/>
      <c r="SY727" s="424"/>
      <c r="SZ727" s="424"/>
      <c r="TA727" s="423" t="s">
        <v>2795</v>
      </c>
      <c r="TB727" s="424"/>
      <c r="TC727" s="424"/>
      <c r="TD727" s="424"/>
      <c r="TE727" s="423" t="s">
        <v>2795</v>
      </c>
      <c r="TF727" s="424"/>
      <c r="TG727" s="424"/>
      <c r="TH727" s="424"/>
      <c r="TI727" s="423" t="s">
        <v>2795</v>
      </c>
      <c r="TJ727" s="424"/>
      <c r="TK727" s="424"/>
      <c r="TL727" s="424"/>
      <c r="TM727" s="423" t="s">
        <v>2795</v>
      </c>
      <c r="TN727" s="424"/>
      <c r="TO727" s="424"/>
      <c r="TP727" s="424"/>
      <c r="TQ727" s="423" t="s">
        <v>2795</v>
      </c>
      <c r="TR727" s="424"/>
      <c r="TS727" s="424"/>
      <c r="TT727" s="424"/>
      <c r="TU727" s="423" t="s">
        <v>2795</v>
      </c>
      <c r="TV727" s="424"/>
      <c r="TW727" s="424"/>
      <c r="TX727" s="424"/>
      <c r="TY727" s="423" t="s">
        <v>2795</v>
      </c>
      <c r="TZ727" s="424"/>
      <c r="UA727" s="424"/>
      <c r="UB727" s="424"/>
      <c r="UC727" s="423" t="s">
        <v>2795</v>
      </c>
      <c r="UD727" s="424"/>
      <c r="UE727" s="424"/>
      <c r="UF727" s="424"/>
      <c r="UG727" s="423" t="s">
        <v>2795</v>
      </c>
      <c r="UH727" s="424"/>
      <c r="UI727" s="424"/>
      <c r="UJ727" s="424"/>
      <c r="UK727" s="423" t="s">
        <v>2795</v>
      </c>
      <c r="UL727" s="424"/>
      <c r="UM727" s="424"/>
      <c r="UN727" s="424"/>
      <c r="UO727" s="423" t="s">
        <v>2795</v>
      </c>
      <c r="UP727" s="424"/>
      <c r="UQ727" s="424"/>
      <c r="UR727" s="424"/>
      <c r="US727" s="423" t="s">
        <v>2795</v>
      </c>
      <c r="UT727" s="424"/>
      <c r="UU727" s="424"/>
      <c r="UV727" s="424"/>
      <c r="UW727" s="423" t="s">
        <v>2795</v>
      </c>
      <c r="UX727" s="424"/>
      <c r="UY727" s="424"/>
      <c r="UZ727" s="424"/>
      <c r="VA727" s="423" t="s">
        <v>2795</v>
      </c>
      <c r="VB727" s="424"/>
      <c r="VC727" s="424"/>
      <c r="VD727" s="424"/>
      <c r="VE727" s="423" t="s">
        <v>2795</v>
      </c>
      <c r="VF727" s="424"/>
      <c r="VG727" s="424"/>
      <c r="VH727" s="424"/>
      <c r="VI727" s="423" t="s">
        <v>2795</v>
      </c>
      <c r="VJ727" s="424"/>
      <c r="VK727" s="424"/>
      <c r="VL727" s="424"/>
      <c r="VM727" s="423" t="s">
        <v>2795</v>
      </c>
      <c r="VN727" s="424"/>
      <c r="VO727" s="424"/>
      <c r="VP727" s="424"/>
      <c r="VQ727" s="423" t="s">
        <v>2795</v>
      </c>
      <c r="VR727" s="424"/>
      <c r="VS727" s="424"/>
      <c r="VT727" s="424"/>
      <c r="VU727" s="423" t="s">
        <v>2795</v>
      </c>
      <c r="VV727" s="424"/>
      <c r="VW727" s="424"/>
      <c r="VX727" s="424"/>
      <c r="VY727" s="423" t="s">
        <v>2795</v>
      </c>
      <c r="VZ727" s="424"/>
      <c r="WA727" s="424"/>
      <c r="WB727" s="424"/>
      <c r="WC727" s="423" t="s">
        <v>2795</v>
      </c>
      <c r="WD727" s="424"/>
      <c r="WE727" s="424"/>
      <c r="WF727" s="424"/>
      <c r="WG727" s="423" t="s">
        <v>2795</v>
      </c>
      <c r="WH727" s="424"/>
      <c r="WI727" s="424"/>
      <c r="WJ727" s="424"/>
      <c r="WK727" s="423" t="s">
        <v>2795</v>
      </c>
      <c r="WL727" s="424"/>
      <c r="WM727" s="424"/>
      <c r="WN727" s="424"/>
      <c r="WO727" s="423" t="s">
        <v>2795</v>
      </c>
      <c r="WP727" s="424"/>
      <c r="WQ727" s="424"/>
      <c r="WR727" s="424"/>
      <c r="WS727" s="423" t="s">
        <v>2795</v>
      </c>
      <c r="WT727" s="424"/>
      <c r="WU727" s="424"/>
      <c r="WV727" s="424"/>
      <c r="WW727" s="423" t="s">
        <v>2795</v>
      </c>
      <c r="WX727" s="424"/>
      <c r="WY727" s="424"/>
      <c r="WZ727" s="424"/>
      <c r="XA727" s="423" t="s">
        <v>2795</v>
      </c>
      <c r="XB727" s="424"/>
      <c r="XC727" s="424"/>
      <c r="XD727" s="424"/>
      <c r="XE727" s="423" t="s">
        <v>2795</v>
      </c>
      <c r="XF727" s="424"/>
      <c r="XG727" s="424"/>
      <c r="XH727" s="424"/>
      <c r="XI727" s="423" t="s">
        <v>2795</v>
      </c>
      <c r="XJ727" s="424"/>
      <c r="XK727" s="424"/>
      <c r="XL727" s="424"/>
      <c r="XM727" s="423" t="s">
        <v>2795</v>
      </c>
      <c r="XN727" s="424"/>
      <c r="XO727" s="424"/>
      <c r="XP727" s="424"/>
      <c r="XQ727" s="423" t="s">
        <v>2795</v>
      </c>
      <c r="XR727" s="424"/>
      <c r="XS727" s="424"/>
      <c r="XT727" s="424"/>
      <c r="XU727" s="423" t="s">
        <v>2795</v>
      </c>
      <c r="XV727" s="424"/>
      <c r="XW727" s="424"/>
      <c r="XX727" s="424"/>
      <c r="XY727" s="423" t="s">
        <v>2795</v>
      </c>
      <c r="XZ727" s="424"/>
      <c r="YA727" s="424"/>
      <c r="YB727" s="424"/>
      <c r="YC727" s="423" t="s">
        <v>2795</v>
      </c>
      <c r="YD727" s="424"/>
      <c r="YE727" s="424"/>
      <c r="YF727" s="424"/>
      <c r="YG727" s="423" t="s">
        <v>2795</v>
      </c>
      <c r="YH727" s="424"/>
      <c r="YI727" s="424"/>
      <c r="YJ727" s="424"/>
      <c r="YK727" s="423" t="s">
        <v>2795</v>
      </c>
      <c r="YL727" s="424"/>
      <c r="YM727" s="424"/>
      <c r="YN727" s="424"/>
      <c r="YO727" s="423" t="s">
        <v>2795</v>
      </c>
      <c r="YP727" s="424"/>
      <c r="YQ727" s="424"/>
      <c r="YR727" s="424"/>
      <c r="YS727" s="423" t="s">
        <v>2795</v>
      </c>
      <c r="YT727" s="424"/>
      <c r="YU727" s="424"/>
      <c r="YV727" s="424"/>
      <c r="YW727" s="423" t="s">
        <v>2795</v>
      </c>
      <c r="YX727" s="424"/>
      <c r="YY727" s="424"/>
      <c r="YZ727" s="424"/>
      <c r="ZA727" s="423" t="s">
        <v>2795</v>
      </c>
      <c r="ZB727" s="424"/>
      <c r="ZC727" s="424"/>
      <c r="ZD727" s="424"/>
      <c r="ZE727" s="423" t="s">
        <v>2795</v>
      </c>
      <c r="ZF727" s="424"/>
      <c r="ZG727" s="424"/>
      <c r="ZH727" s="424"/>
      <c r="ZI727" s="423" t="s">
        <v>2795</v>
      </c>
      <c r="ZJ727" s="424"/>
      <c r="ZK727" s="424"/>
      <c r="ZL727" s="424"/>
      <c r="ZM727" s="423" t="s">
        <v>2795</v>
      </c>
      <c r="ZN727" s="424"/>
      <c r="ZO727" s="424"/>
      <c r="ZP727" s="424"/>
      <c r="ZQ727" s="423" t="s">
        <v>2795</v>
      </c>
      <c r="ZR727" s="424"/>
      <c r="ZS727" s="424"/>
      <c r="ZT727" s="424"/>
      <c r="ZU727" s="423" t="s">
        <v>2795</v>
      </c>
      <c r="ZV727" s="424"/>
      <c r="ZW727" s="424"/>
      <c r="ZX727" s="424"/>
      <c r="ZY727" s="423" t="s">
        <v>2795</v>
      </c>
      <c r="ZZ727" s="424"/>
      <c r="AAA727" s="424"/>
      <c r="AAB727" s="424"/>
      <c r="AAC727" s="423" t="s">
        <v>2795</v>
      </c>
      <c r="AAD727" s="424"/>
      <c r="AAE727" s="424"/>
      <c r="AAF727" s="424"/>
      <c r="AAG727" s="423" t="s">
        <v>2795</v>
      </c>
      <c r="AAH727" s="424"/>
      <c r="AAI727" s="424"/>
      <c r="AAJ727" s="424"/>
      <c r="AAK727" s="423" t="s">
        <v>2795</v>
      </c>
      <c r="AAL727" s="424"/>
      <c r="AAM727" s="424"/>
      <c r="AAN727" s="424"/>
      <c r="AAO727" s="423" t="s">
        <v>2795</v>
      </c>
      <c r="AAP727" s="424"/>
      <c r="AAQ727" s="424"/>
      <c r="AAR727" s="424"/>
      <c r="AAS727" s="423" t="s">
        <v>2795</v>
      </c>
      <c r="AAT727" s="424"/>
      <c r="AAU727" s="424"/>
      <c r="AAV727" s="424"/>
      <c r="AAW727" s="423" t="s">
        <v>2795</v>
      </c>
      <c r="AAX727" s="424"/>
      <c r="AAY727" s="424"/>
      <c r="AAZ727" s="424"/>
      <c r="ABA727" s="423" t="s">
        <v>2795</v>
      </c>
      <c r="ABB727" s="424"/>
      <c r="ABC727" s="424"/>
      <c r="ABD727" s="424"/>
      <c r="ABE727" s="423" t="s">
        <v>2795</v>
      </c>
      <c r="ABF727" s="424"/>
      <c r="ABG727" s="424"/>
      <c r="ABH727" s="424"/>
      <c r="ABI727" s="423" t="s">
        <v>2795</v>
      </c>
      <c r="ABJ727" s="424"/>
      <c r="ABK727" s="424"/>
      <c r="ABL727" s="424"/>
      <c r="ABM727" s="423" t="s">
        <v>2795</v>
      </c>
      <c r="ABN727" s="424"/>
      <c r="ABO727" s="424"/>
      <c r="ABP727" s="424"/>
      <c r="ABQ727" s="423" t="s">
        <v>2795</v>
      </c>
      <c r="ABR727" s="424"/>
      <c r="ABS727" s="424"/>
      <c r="ABT727" s="424"/>
      <c r="ABU727" s="423" t="s">
        <v>2795</v>
      </c>
      <c r="ABV727" s="424"/>
      <c r="ABW727" s="424"/>
      <c r="ABX727" s="424"/>
      <c r="ABY727" s="423" t="s">
        <v>2795</v>
      </c>
      <c r="ABZ727" s="424"/>
      <c r="ACA727" s="424"/>
      <c r="ACB727" s="424"/>
      <c r="ACC727" s="423" t="s">
        <v>2795</v>
      </c>
      <c r="ACD727" s="424"/>
      <c r="ACE727" s="424"/>
      <c r="ACF727" s="424"/>
      <c r="ACG727" s="423" t="s">
        <v>2795</v>
      </c>
      <c r="ACH727" s="424"/>
      <c r="ACI727" s="424"/>
      <c r="ACJ727" s="424"/>
      <c r="ACK727" s="423" t="s">
        <v>2795</v>
      </c>
      <c r="ACL727" s="424"/>
      <c r="ACM727" s="424"/>
      <c r="ACN727" s="424"/>
      <c r="ACO727" s="423" t="s">
        <v>2795</v>
      </c>
      <c r="ACP727" s="424"/>
      <c r="ACQ727" s="424"/>
      <c r="ACR727" s="424"/>
      <c r="ACS727" s="423" t="s">
        <v>2795</v>
      </c>
      <c r="ACT727" s="424"/>
      <c r="ACU727" s="424"/>
      <c r="ACV727" s="424"/>
      <c r="ACW727" s="423" t="s">
        <v>2795</v>
      </c>
      <c r="ACX727" s="424"/>
      <c r="ACY727" s="424"/>
      <c r="ACZ727" s="424"/>
      <c r="ADA727" s="423" t="s">
        <v>2795</v>
      </c>
      <c r="ADB727" s="424"/>
      <c r="ADC727" s="424"/>
      <c r="ADD727" s="424"/>
      <c r="ADE727" s="423" t="s">
        <v>2795</v>
      </c>
      <c r="ADF727" s="424"/>
      <c r="ADG727" s="424"/>
      <c r="ADH727" s="424"/>
      <c r="ADI727" s="423" t="s">
        <v>2795</v>
      </c>
      <c r="ADJ727" s="424"/>
      <c r="ADK727" s="424"/>
      <c r="ADL727" s="424"/>
      <c r="ADM727" s="423" t="s">
        <v>2795</v>
      </c>
      <c r="ADN727" s="424"/>
      <c r="ADO727" s="424"/>
      <c r="ADP727" s="424"/>
      <c r="ADQ727" s="423" t="s">
        <v>2795</v>
      </c>
      <c r="ADR727" s="424"/>
      <c r="ADS727" s="424"/>
      <c r="ADT727" s="424"/>
      <c r="ADU727" s="423" t="s">
        <v>2795</v>
      </c>
      <c r="ADV727" s="424"/>
      <c r="ADW727" s="424"/>
      <c r="ADX727" s="424"/>
      <c r="ADY727" s="423" t="s">
        <v>2795</v>
      </c>
      <c r="ADZ727" s="424"/>
      <c r="AEA727" s="424"/>
      <c r="AEB727" s="424"/>
      <c r="AEC727" s="423" t="s">
        <v>2795</v>
      </c>
      <c r="AED727" s="424"/>
      <c r="AEE727" s="424"/>
      <c r="AEF727" s="424"/>
      <c r="AEG727" s="423" t="s">
        <v>2795</v>
      </c>
      <c r="AEH727" s="424"/>
      <c r="AEI727" s="424"/>
      <c r="AEJ727" s="424"/>
      <c r="AEK727" s="423" t="s">
        <v>2795</v>
      </c>
      <c r="AEL727" s="424"/>
      <c r="AEM727" s="424"/>
      <c r="AEN727" s="424"/>
      <c r="AEO727" s="423" t="s">
        <v>2795</v>
      </c>
      <c r="AEP727" s="424"/>
      <c r="AEQ727" s="424"/>
      <c r="AER727" s="424"/>
      <c r="AES727" s="423" t="s">
        <v>2795</v>
      </c>
      <c r="AET727" s="424"/>
      <c r="AEU727" s="424"/>
      <c r="AEV727" s="424"/>
      <c r="AEW727" s="423" t="s">
        <v>2795</v>
      </c>
      <c r="AEX727" s="424"/>
      <c r="AEY727" s="424"/>
      <c r="AEZ727" s="424"/>
      <c r="AFA727" s="423" t="s">
        <v>2795</v>
      </c>
      <c r="AFB727" s="424"/>
      <c r="AFC727" s="424"/>
      <c r="AFD727" s="424"/>
      <c r="AFE727" s="423" t="s">
        <v>2795</v>
      </c>
      <c r="AFF727" s="424"/>
      <c r="AFG727" s="424"/>
      <c r="AFH727" s="424"/>
      <c r="AFI727" s="423" t="s">
        <v>2795</v>
      </c>
      <c r="AFJ727" s="424"/>
      <c r="AFK727" s="424"/>
      <c r="AFL727" s="424"/>
      <c r="AFM727" s="423" t="s">
        <v>2795</v>
      </c>
      <c r="AFN727" s="424"/>
      <c r="AFO727" s="424"/>
      <c r="AFP727" s="424"/>
      <c r="AFQ727" s="423" t="s">
        <v>2795</v>
      </c>
      <c r="AFR727" s="424"/>
      <c r="AFS727" s="424"/>
      <c r="AFT727" s="424"/>
      <c r="AFU727" s="423" t="s">
        <v>2795</v>
      </c>
      <c r="AFV727" s="424"/>
      <c r="AFW727" s="424"/>
      <c r="AFX727" s="424"/>
      <c r="AFY727" s="423" t="s">
        <v>2795</v>
      </c>
      <c r="AFZ727" s="424"/>
      <c r="AGA727" s="424"/>
      <c r="AGB727" s="424"/>
      <c r="AGC727" s="423" t="s">
        <v>2795</v>
      </c>
      <c r="AGD727" s="424"/>
      <c r="AGE727" s="424"/>
      <c r="AGF727" s="424"/>
      <c r="AGG727" s="423" t="s">
        <v>2795</v>
      </c>
      <c r="AGH727" s="424"/>
      <c r="AGI727" s="424"/>
      <c r="AGJ727" s="424"/>
      <c r="AGK727" s="423" t="s">
        <v>2795</v>
      </c>
      <c r="AGL727" s="424"/>
      <c r="AGM727" s="424"/>
      <c r="AGN727" s="424"/>
      <c r="AGO727" s="423" t="s">
        <v>2795</v>
      </c>
      <c r="AGP727" s="424"/>
      <c r="AGQ727" s="424"/>
      <c r="AGR727" s="424"/>
      <c r="AGS727" s="423" t="s">
        <v>2795</v>
      </c>
      <c r="AGT727" s="424"/>
      <c r="AGU727" s="424"/>
      <c r="AGV727" s="424"/>
      <c r="AGW727" s="423" t="s">
        <v>2795</v>
      </c>
      <c r="AGX727" s="424"/>
      <c r="AGY727" s="424"/>
      <c r="AGZ727" s="424"/>
      <c r="AHA727" s="423" t="s">
        <v>2795</v>
      </c>
      <c r="AHB727" s="424"/>
      <c r="AHC727" s="424"/>
      <c r="AHD727" s="424"/>
      <c r="AHE727" s="423" t="s">
        <v>2795</v>
      </c>
      <c r="AHF727" s="424"/>
      <c r="AHG727" s="424"/>
      <c r="AHH727" s="424"/>
      <c r="AHI727" s="423" t="s">
        <v>2795</v>
      </c>
      <c r="AHJ727" s="424"/>
      <c r="AHK727" s="424"/>
      <c r="AHL727" s="424"/>
      <c r="AHM727" s="423" t="s">
        <v>2795</v>
      </c>
      <c r="AHN727" s="424"/>
      <c r="AHO727" s="424"/>
      <c r="AHP727" s="424"/>
      <c r="AHQ727" s="423" t="s">
        <v>2795</v>
      </c>
      <c r="AHR727" s="424"/>
      <c r="AHS727" s="424"/>
      <c r="AHT727" s="424"/>
      <c r="AHU727" s="423" t="s">
        <v>2795</v>
      </c>
      <c r="AHV727" s="424"/>
      <c r="AHW727" s="424"/>
      <c r="AHX727" s="424"/>
      <c r="AHY727" s="423" t="s">
        <v>2795</v>
      </c>
      <c r="AHZ727" s="424"/>
      <c r="AIA727" s="424"/>
      <c r="AIB727" s="424"/>
      <c r="AIC727" s="423" t="s">
        <v>2795</v>
      </c>
      <c r="AID727" s="424"/>
      <c r="AIE727" s="424"/>
      <c r="AIF727" s="424"/>
      <c r="AIG727" s="423" t="s">
        <v>2795</v>
      </c>
      <c r="AIH727" s="424"/>
      <c r="AII727" s="424"/>
      <c r="AIJ727" s="424"/>
      <c r="AIK727" s="423" t="s">
        <v>2795</v>
      </c>
      <c r="AIL727" s="424"/>
      <c r="AIM727" s="424"/>
      <c r="AIN727" s="424"/>
      <c r="AIO727" s="423" t="s">
        <v>2795</v>
      </c>
      <c r="AIP727" s="424"/>
      <c r="AIQ727" s="424"/>
      <c r="AIR727" s="424"/>
      <c r="AIS727" s="423" t="s">
        <v>2795</v>
      </c>
      <c r="AIT727" s="424"/>
      <c r="AIU727" s="424"/>
      <c r="AIV727" s="424"/>
      <c r="AIW727" s="423" t="s">
        <v>2795</v>
      </c>
      <c r="AIX727" s="424"/>
      <c r="AIY727" s="424"/>
      <c r="AIZ727" s="424"/>
      <c r="AJA727" s="423" t="s">
        <v>2795</v>
      </c>
      <c r="AJB727" s="424"/>
      <c r="AJC727" s="424"/>
      <c r="AJD727" s="424"/>
      <c r="AJE727" s="423" t="s">
        <v>2795</v>
      </c>
      <c r="AJF727" s="424"/>
      <c r="AJG727" s="424"/>
      <c r="AJH727" s="424"/>
      <c r="AJI727" s="423" t="s">
        <v>2795</v>
      </c>
      <c r="AJJ727" s="424"/>
      <c r="AJK727" s="424"/>
      <c r="AJL727" s="424"/>
      <c r="AJM727" s="423" t="s">
        <v>2795</v>
      </c>
      <c r="AJN727" s="424"/>
      <c r="AJO727" s="424"/>
      <c r="AJP727" s="424"/>
      <c r="AJQ727" s="423" t="s">
        <v>2795</v>
      </c>
      <c r="AJR727" s="424"/>
      <c r="AJS727" s="424"/>
      <c r="AJT727" s="424"/>
      <c r="AJU727" s="423" t="s">
        <v>2795</v>
      </c>
      <c r="AJV727" s="424"/>
      <c r="AJW727" s="424"/>
      <c r="AJX727" s="424"/>
      <c r="AJY727" s="423" t="s">
        <v>2795</v>
      </c>
      <c r="AJZ727" s="424"/>
      <c r="AKA727" s="424"/>
      <c r="AKB727" s="424"/>
      <c r="AKC727" s="423" t="s">
        <v>2795</v>
      </c>
      <c r="AKD727" s="424"/>
      <c r="AKE727" s="424"/>
      <c r="AKF727" s="424"/>
      <c r="AKG727" s="423" t="s">
        <v>2795</v>
      </c>
      <c r="AKH727" s="424"/>
      <c r="AKI727" s="424"/>
      <c r="AKJ727" s="424"/>
      <c r="AKK727" s="423" t="s">
        <v>2795</v>
      </c>
      <c r="AKL727" s="424"/>
      <c r="AKM727" s="424"/>
      <c r="AKN727" s="424"/>
      <c r="AKO727" s="423" t="s">
        <v>2795</v>
      </c>
      <c r="AKP727" s="424"/>
      <c r="AKQ727" s="424"/>
      <c r="AKR727" s="424"/>
      <c r="AKS727" s="423" t="s">
        <v>2795</v>
      </c>
      <c r="AKT727" s="424"/>
      <c r="AKU727" s="424"/>
      <c r="AKV727" s="424"/>
      <c r="AKW727" s="423" t="s">
        <v>2795</v>
      </c>
      <c r="AKX727" s="424"/>
      <c r="AKY727" s="424"/>
      <c r="AKZ727" s="424"/>
      <c r="ALA727" s="423" t="s">
        <v>2795</v>
      </c>
      <c r="ALB727" s="424"/>
      <c r="ALC727" s="424"/>
      <c r="ALD727" s="424"/>
      <c r="ALE727" s="423" t="s">
        <v>2795</v>
      </c>
      <c r="ALF727" s="424"/>
      <c r="ALG727" s="424"/>
      <c r="ALH727" s="424"/>
      <c r="ALI727" s="423" t="s">
        <v>2795</v>
      </c>
      <c r="ALJ727" s="424"/>
      <c r="ALK727" s="424"/>
      <c r="ALL727" s="424"/>
      <c r="ALM727" s="423" t="s">
        <v>2795</v>
      </c>
      <c r="ALN727" s="424"/>
      <c r="ALO727" s="424"/>
      <c r="ALP727" s="424"/>
      <c r="ALQ727" s="423" t="s">
        <v>2795</v>
      </c>
      <c r="ALR727" s="424"/>
      <c r="ALS727" s="424"/>
      <c r="ALT727" s="424"/>
      <c r="ALU727" s="423" t="s">
        <v>2795</v>
      </c>
      <c r="ALV727" s="424"/>
      <c r="ALW727" s="424"/>
      <c r="ALX727" s="424"/>
      <c r="ALY727" s="423" t="s">
        <v>2795</v>
      </c>
      <c r="ALZ727" s="424"/>
      <c r="AMA727" s="424"/>
      <c r="AMB727" s="424"/>
      <c r="AMC727" s="423" t="s">
        <v>2795</v>
      </c>
      <c r="AMD727" s="424"/>
      <c r="AME727" s="424"/>
      <c r="AMF727" s="424"/>
      <c r="AMG727" s="423" t="s">
        <v>2795</v>
      </c>
      <c r="AMH727" s="424"/>
      <c r="AMI727" s="424"/>
      <c r="AMJ727" s="424"/>
      <c r="AMK727" s="423" t="s">
        <v>2795</v>
      </c>
      <c r="AML727" s="424"/>
      <c r="AMM727" s="424"/>
      <c r="AMN727" s="424"/>
      <c r="AMO727" s="423" t="s">
        <v>2795</v>
      </c>
      <c r="AMP727" s="424"/>
      <c r="AMQ727" s="424"/>
      <c r="AMR727" s="424"/>
      <c r="AMS727" s="423" t="s">
        <v>2795</v>
      </c>
      <c r="AMT727" s="424"/>
      <c r="AMU727" s="424"/>
      <c r="AMV727" s="424"/>
      <c r="AMW727" s="423" t="s">
        <v>2795</v>
      </c>
      <c r="AMX727" s="424"/>
      <c r="AMY727" s="424"/>
      <c r="AMZ727" s="424"/>
      <c r="ANA727" s="423" t="s">
        <v>2795</v>
      </c>
      <c r="ANB727" s="424"/>
      <c r="ANC727" s="424"/>
      <c r="AND727" s="424"/>
      <c r="ANE727" s="423" t="s">
        <v>2795</v>
      </c>
      <c r="ANF727" s="424"/>
      <c r="ANG727" s="424"/>
      <c r="ANH727" s="424"/>
      <c r="ANI727" s="423" t="s">
        <v>2795</v>
      </c>
      <c r="ANJ727" s="424"/>
      <c r="ANK727" s="424"/>
      <c r="ANL727" s="424"/>
      <c r="ANM727" s="423" t="s">
        <v>2795</v>
      </c>
      <c r="ANN727" s="424"/>
      <c r="ANO727" s="424"/>
      <c r="ANP727" s="424"/>
      <c r="ANQ727" s="423" t="s">
        <v>2795</v>
      </c>
      <c r="ANR727" s="424"/>
      <c r="ANS727" s="424"/>
      <c r="ANT727" s="424"/>
      <c r="ANU727" s="423" t="s">
        <v>2795</v>
      </c>
      <c r="ANV727" s="424"/>
      <c r="ANW727" s="424"/>
      <c r="ANX727" s="424"/>
      <c r="ANY727" s="423" t="s">
        <v>2795</v>
      </c>
      <c r="ANZ727" s="424"/>
      <c r="AOA727" s="424"/>
      <c r="AOB727" s="424"/>
      <c r="AOC727" s="423" t="s">
        <v>2795</v>
      </c>
      <c r="AOD727" s="424"/>
      <c r="AOE727" s="424"/>
      <c r="AOF727" s="424"/>
      <c r="AOG727" s="423" t="s">
        <v>2795</v>
      </c>
      <c r="AOH727" s="424"/>
      <c r="AOI727" s="424"/>
      <c r="AOJ727" s="424"/>
      <c r="AOK727" s="423" t="s">
        <v>2795</v>
      </c>
      <c r="AOL727" s="424"/>
      <c r="AOM727" s="424"/>
      <c r="AON727" s="424"/>
      <c r="AOO727" s="423" t="s">
        <v>2795</v>
      </c>
      <c r="AOP727" s="424"/>
      <c r="AOQ727" s="424"/>
      <c r="AOR727" s="424"/>
      <c r="AOS727" s="423" t="s">
        <v>2795</v>
      </c>
      <c r="AOT727" s="424"/>
      <c r="AOU727" s="424"/>
      <c r="AOV727" s="424"/>
      <c r="AOW727" s="423" t="s">
        <v>2795</v>
      </c>
      <c r="AOX727" s="424"/>
      <c r="AOY727" s="424"/>
      <c r="AOZ727" s="424"/>
      <c r="APA727" s="423" t="s">
        <v>2795</v>
      </c>
      <c r="APB727" s="424"/>
      <c r="APC727" s="424"/>
      <c r="APD727" s="424"/>
      <c r="APE727" s="423" t="s">
        <v>2795</v>
      </c>
      <c r="APF727" s="424"/>
      <c r="APG727" s="424"/>
      <c r="APH727" s="424"/>
      <c r="API727" s="423" t="s">
        <v>2795</v>
      </c>
      <c r="APJ727" s="424"/>
      <c r="APK727" s="424"/>
      <c r="APL727" s="424"/>
      <c r="APM727" s="423" t="s">
        <v>2795</v>
      </c>
      <c r="APN727" s="424"/>
      <c r="APO727" s="424"/>
      <c r="APP727" s="424"/>
      <c r="APQ727" s="423" t="s">
        <v>2795</v>
      </c>
      <c r="APR727" s="424"/>
      <c r="APS727" s="424"/>
      <c r="APT727" s="424"/>
      <c r="APU727" s="423" t="s">
        <v>2795</v>
      </c>
      <c r="APV727" s="424"/>
      <c r="APW727" s="424"/>
      <c r="APX727" s="424"/>
      <c r="APY727" s="423" t="s">
        <v>2795</v>
      </c>
      <c r="APZ727" s="424"/>
      <c r="AQA727" s="424"/>
      <c r="AQB727" s="424"/>
      <c r="AQC727" s="423" t="s">
        <v>2795</v>
      </c>
      <c r="AQD727" s="424"/>
      <c r="AQE727" s="424"/>
      <c r="AQF727" s="424"/>
      <c r="AQG727" s="423" t="s">
        <v>2795</v>
      </c>
      <c r="AQH727" s="424"/>
      <c r="AQI727" s="424"/>
      <c r="AQJ727" s="424"/>
      <c r="AQK727" s="423" t="s">
        <v>2795</v>
      </c>
      <c r="AQL727" s="424"/>
      <c r="AQM727" s="424"/>
      <c r="AQN727" s="424"/>
      <c r="AQO727" s="423" t="s">
        <v>2795</v>
      </c>
      <c r="AQP727" s="424"/>
      <c r="AQQ727" s="424"/>
      <c r="AQR727" s="424"/>
      <c r="AQS727" s="423" t="s">
        <v>2795</v>
      </c>
      <c r="AQT727" s="424"/>
      <c r="AQU727" s="424"/>
      <c r="AQV727" s="424"/>
      <c r="AQW727" s="423" t="s">
        <v>2795</v>
      </c>
      <c r="AQX727" s="424"/>
      <c r="AQY727" s="424"/>
      <c r="AQZ727" s="424"/>
      <c r="ARA727" s="423" t="s">
        <v>2795</v>
      </c>
      <c r="ARB727" s="424"/>
      <c r="ARC727" s="424"/>
      <c r="ARD727" s="424"/>
      <c r="ARE727" s="423" t="s">
        <v>2795</v>
      </c>
      <c r="ARF727" s="424"/>
      <c r="ARG727" s="424"/>
      <c r="ARH727" s="424"/>
      <c r="ARI727" s="423" t="s">
        <v>2795</v>
      </c>
      <c r="ARJ727" s="424"/>
      <c r="ARK727" s="424"/>
      <c r="ARL727" s="424"/>
      <c r="ARM727" s="423" t="s">
        <v>2795</v>
      </c>
      <c r="ARN727" s="424"/>
      <c r="ARO727" s="424"/>
      <c r="ARP727" s="424"/>
      <c r="ARQ727" s="423" t="s">
        <v>2795</v>
      </c>
      <c r="ARR727" s="424"/>
      <c r="ARS727" s="424"/>
      <c r="ART727" s="424"/>
      <c r="ARU727" s="423" t="s">
        <v>2795</v>
      </c>
      <c r="ARV727" s="424"/>
      <c r="ARW727" s="424"/>
      <c r="ARX727" s="424"/>
      <c r="ARY727" s="423" t="s">
        <v>2795</v>
      </c>
      <c r="ARZ727" s="424"/>
      <c r="ASA727" s="424"/>
      <c r="ASB727" s="424"/>
      <c r="ASC727" s="423" t="s">
        <v>2795</v>
      </c>
      <c r="ASD727" s="424"/>
      <c r="ASE727" s="424"/>
      <c r="ASF727" s="424"/>
      <c r="ASG727" s="423" t="s">
        <v>2795</v>
      </c>
      <c r="ASH727" s="424"/>
      <c r="ASI727" s="424"/>
      <c r="ASJ727" s="424"/>
      <c r="ASK727" s="423" t="s">
        <v>2795</v>
      </c>
      <c r="ASL727" s="424"/>
      <c r="ASM727" s="424"/>
      <c r="ASN727" s="424"/>
      <c r="ASO727" s="423" t="s">
        <v>2795</v>
      </c>
      <c r="ASP727" s="424"/>
      <c r="ASQ727" s="424"/>
      <c r="ASR727" s="424"/>
      <c r="ASS727" s="423" t="s">
        <v>2795</v>
      </c>
      <c r="AST727" s="424"/>
      <c r="ASU727" s="424"/>
      <c r="ASV727" s="424"/>
      <c r="ASW727" s="423" t="s">
        <v>2795</v>
      </c>
      <c r="ASX727" s="424"/>
      <c r="ASY727" s="424"/>
      <c r="ASZ727" s="424"/>
      <c r="ATA727" s="423" t="s">
        <v>2795</v>
      </c>
      <c r="ATB727" s="424"/>
      <c r="ATC727" s="424"/>
      <c r="ATD727" s="424"/>
      <c r="ATE727" s="423" t="s">
        <v>2795</v>
      </c>
      <c r="ATF727" s="424"/>
      <c r="ATG727" s="424"/>
      <c r="ATH727" s="424"/>
      <c r="ATI727" s="423" t="s">
        <v>2795</v>
      </c>
      <c r="ATJ727" s="424"/>
      <c r="ATK727" s="424"/>
      <c r="ATL727" s="424"/>
      <c r="ATM727" s="423" t="s">
        <v>2795</v>
      </c>
      <c r="ATN727" s="424"/>
      <c r="ATO727" s="424"/>
      <c r="ATP727" s="424"/>
      <c r="ATQ727" s="423" t="s">
        <v>2795</v>
      </c>
      <c r="ATR727" s="424"/>
      <c r="ATS727" s="424"/>
      <c r="ATT727" s="424"/>
      <c r="ATU727" s="423" t="s">
        <v>2795</v>
      </c>
      <c r="ATV727" s="424"/>
      <c r="ATW727" s="424"/>
      <c r="ATX727" s="424"/>
      <c r="ATY727" s="423" t="s">
        <v>2795</v>
      </c>
      <c r="ATZ727" s="424"/>
      <c r="AUA727" s="424"/>
      <c r="AUB727" s="424"/>
      <c r="AUC727" s="423" t="s">
        <v>2795</v>
      </c>
      <c r="AUD727" s="424"/>
      <c r="AUE727" s="424"/>
      <c r="AUF727" s="424"/>
      <c r="AUG727" s="423" t="s">
        <v>2795</v>
      </c>
      <c r="AUH727" s="424"/>
      <c r="AUI727" s="424"/>
      <c r="AUJ727" s="424"/>
      <c r="AUK727" s="423" t="s">
        <v>2795</v>
      </c>
      <c r="AUL727" s="424"/>
      <c r="AUM727" s="424"/>
      <c r="AUN727" s="424"/>
      <c r="AUO727" s="423" t="s">
        <v>2795</v>
      </c>
      <c r="AUP727" s="424"/>
      <c r="AUQ727" s="424"/>
      <c r="AUR727" s="424"/>
      <c r="AUS727" s="423" t="s">
        <v>2795</v>
      </c>
      <c r="AUT727" s="424"/>
      <c r="AUU727" s="424"/>
      <c r="AUV727" s="424"/>
      <c r="AUW727" s="423" t="s">
        <v>2795</v>
      </c>
      <c r="AUX727" s="424"/>
      <c r="AUY727" s="424"/>
      <c r="AUZ727" s="424"/>
      <c r="AVA727" s="423" t="s">
        <v>2795</v>
      </c>
      <c r="AVB727" s="424"/>
      <c r="AVC727" s="424"/>
      <c r="AVD727" s="424"/>
      <c r="AVE727" s="423" t="s">
        <v>2795</v>
      </c>
      <c r="AVF727" s="424"/>
      <c r="AVG727" s="424"/>
      <c r="AVH727" s="424"/>
      <c r="AVI727" s="423" t="s">
        <v>2795</v>
      </c>
      <c r="AVJ727" s="424"/>
      <c r="AVK727" s="424"/>
      <c r="AVL727" s="424"/>
      <c r="AVM727" s="423" t="s">
        <v>2795</v>
      </c>
      <c r="AVN727" s="424"/>
      <c r="AVO727" s="424"/>
      <c r="AVP727" s="424"/>
      <c r="AVQ727" s="423" t="s">
        <v>2795</v>
      </c>
      <c r="AVR727" s="424"/>
      <c r="AVS727" s="424"/>
      <c r="AVT727" s="424"/>
      <c r="AVU727" s="423" t="s">
        <v>2795</v>
      </c>
      <c r="AVV727" s="424"/>
      <c r="AVW727" s="424"/>
      <c r="AVX727" s="424"/>
      <c r="AVY727" s="423" t="s">
        <v>2795</v>
      </c>
      <c r="AVZ727" s="424"/>
      <c r="AWA727" s="424"/>
      <c r="AWB727" s="424"/>
      <c r="AWC727" s="423" t="s">
        <v>2795</v>
      </c>
      <c r="AWD727" s="424"/>
      <c r="AWE727" s="424"/>
      <c r="AWF727" s="424"/>
      <c r="AWG727" s="423" t="s">
        <v>2795</v>
      </c>
      <c r="AWH727" s="424"/>
      <c r="AWI727" s="424"/>
      <c r="AWJ727" s="424"/>
      <c r="AWK727" s="423" t="s">
        <v>2795</v>
      </c>
      <c r="AWL727" s="424"/>
      <c r="AWM727" s="424"/>
      <c r="AWN727" s="424"/>
      <c r="AWO727" s="423" t="s">
        <v>2795</v>
      </c>
      <c r="AWP727" s="424"/>
      <c r="AWQ727" s="424"/>
      <c r="AWR727" s="424"/>
      <c r="AWS727" s="423" t="s">
        <v>2795</v>
      </c>
      <c r="AWT727" s="424"/>
      <c r="AWU727" s="424"/>
      <c r="AWV727" s="424"/>
      <c r="AWW727" s="423" t="s">
        <v>2795</v>
      </c>
      <c r="AWX727" s="424"/>
      <c r="AWY727" s="424"/>
      <c r="AWZ727" s="424"/>
      <c r="AXA727" s="423" t="s">
        <v>2795</v>
      </c>
      <c r="AXB727" s="424"/>
      <c r="AXC727" s="424"/>
      <c r="AXD727" s="424"/>
      <c r="AXE727" s="423" t="s">
        <v>2795</v>
      </c>
      <c r="AXF727" s="424"/>
      <c r="AXG727" s="424"/>
      <c r="AXH727" s="424"/>
      <c r="AXI727" s="423" t="s">
        <v>2795</v>
      </c>
      <c r="AXJ727" s="424"/>
      <c r="AXK727" s="424"/>
      <c r="AXL727" s="424"/>
      <c r="AXM727" s="423" t="s">
        <v>2795</v>
      </c>
      <c r="AXN727" s="424"/>
      <c r="AXO727" s="424"/>
      <c r="AXP727" s="424"/>
      <c r="AXQ727" s="423" t="s">
        <v>2795</v>
      </c>
      <c r="AXR727" s="424"/>
      <c r="AXS727" s="424"/>
      <c r="AXT727" s="424"/>
      <c r="AXU727" s="423" t="s">
        <v>2795</v>
      </c>
      <c r="AXV727" s="424"/>
      <c r="AXW727" s="424"/>
      <c r="AXX727" s="424"/>
      <c r="AXY727" s="423" t="s">
        <v>2795</v>
      </c>
      <c r="AXZ727" s="424"/>
      <c r="AYA727" s="424"/>
      <c r="AYB727" s="424"/>
      <c r="AYC727" s="423" t="s">
        <v>2795</v>
      </c>
      <c r="AYD727" s="424"/>
      <c r="AYE727" s="424"/>
      <c r="AYF727" s="424"/>
      <c r="AYG727" s="423" t="s">
        <v>2795</v>
      </c>
      <c r="AYH727" s="424"/>
      <c r="AYI727" s="424"/>
      <c r="AYJ727" s="424"/>
      <c r="AYK727" s="423" t="s">
        <v>2795</v>
      </c>
      <c r="AYL727" s="424"/>
      <c r="AYM727" s="424"/>
      <c r="AYN727" s="424"/>
      <c r="AYO727" s="423" t="s">
        <v>2795</v>
      </c>
      <c r="AYP727" s="424"/>
      <c r="AYQ727" s="424"/>
      <c r="AYR727" s="424"/>
      <c r="AYS727" s="423" t="s">
        <v>2795</v>
      </c>
      <c r="AYT727" s="424"/>
      <c r="AYU727" s="424"/>
      <c r="AYV727" s="424"/>
      <c r="AYW727" s="423" t="s">
        <v>2795</v>
      </c>
      <c r="AYX727" s="424"/>
      <c r="AYY727" s="424"/>
      <c r="AYZ727" s="424"/>
      <c r="AZA727" s="423" t="s">
        <v>2795</v>
      </c>
      <c r="AZB727" s="424"/>
      <c r="AZC727" s="424"/>
      <c r="AZD727" s="424"/>
      <c r="AZE727" s="423" t="s">
        <v>2795</v>
      </c>
      <c r="AZF727" s="424"/>
      <c r="AZG727" s="424"/>
      <c r="AZH727" s="424"/>
      <c r="AZI727" s="423" t="s">
        <v>2795</v>
      </c>
      <c r="AZJ727" s="424"/>
      <c r="AZK727" s="424"/>
      <c r="AZL727" s="424"/>
      <c r="AZM727" s="423" t="s">
        <v>2795</v>
      </c>
      <c r="AZN727" s="424"/>
      <c r="AZO727" s="424"/>
      <c r="AZP727" s="424"/>
      <c r="AZQ727" s="423" t="s">
        <v>2795</v>
      </c>
      <c r="AZR727" s="424"/>
      <c r="AZS727" s="424"/>
      <c r="AZT727" s="424"/>
      <c r="AZU727" s="423" t="s">
        <v>2795</v>
      </c>
      <c r="AZV727" s="424"/>
      <c r="AZW727" s="424"/>
      <c r="AZX727" s="424"/>
      <c r="AZY727" s="423" t="s">
        <v>2795</v>
      </c>
      <c r="AZZ727" s="424"/>
      <c r="BAA727" s="424"/>
      <c r="BAB727" s="424"/>
      <c r="BAC727" s="423" t="s">
        <v>2795</v>
      </c>
      <c r="BAD727" s="424"/>
      <c r="BAE727" s="424"/>
      <c r="BAF727" s="424"/>
      <c r="BAG727" s="423" t="s">
        <v>2795</v>
      </c>
      <c r="BAH727" s="424"/>
      <c r="BAI727" s="424"/>
      <c r="BAJ727" s="424"/>
      <c r="BAK727" s="423" t="s">
        <v>2795</v>
      </c>
      <c r="BAL727" s="424"/>
      <c r="BAM727" s="424"/>
      <c r="BAN727" s="424"/>
      <c r="BAO727" s="423" t="s">
        <v>2795</v>
      </c>
      <c r="BAP727" s="424"/>
      <c r="BAQ727" s="424"/>
      <c r="BAR727" s="424"/>
      <c r="BAS727" s="423" t="s">
        <v>2795</v>
      </c>
      <c r="BAT727" s="424"/>
      <c r="BAU727" s="424"/>
      <c r="BAV727" s="424"/>
      <c r="BAW727" s="423" t="s">
        <v>2795</v>
      </c>
      <c r="BAX727" s="424"/>
      <c r="BAY727" s="424"/>
      <c r="BAZ727" s="424"/>
      <c r="BBA727" s="423" t="s">
        <v>2795</v>
      </c>
      <c r="BBB727" s="424"/>
      <c r="BBC727" s="424"/>
      <c r="BBD727" s="424"/>
      <c r="BBE727" s="423" t="s">
        <v>2795</v>
      </c>
      <c r="BBF727" s="424"/>
      <c r="BBG727" s="424"/>
      <c r="BBH727" s="424"/>
      <c r="BBI727" s="423" t="s">
        <v>2795</v>
      </c>
      <c r="BBJ727" s="424"/>
      <c r="BBK727" s="424"/>
      <c r="BBL727" s="424"/>
      <c r="BBM727" s="423" t="s">
        <v>2795</v>
      </c>
      <c r="BBN727" s="424"/>
      <c r="BBO727" s="424"/>
      <c r="BBP727" s="424"/>
      <c r="BBQ727" s="423" t="s">
        <v>2795</v>
      </c>
      <c r="BBR727" s="424"/>
      <c r="BBS727" s="424"/>
      <c r="BBT727" s="424"/>
      <c r="BBU727" s="423" t="s">
        <v>2795</v>
      </c>
      <c r="BBV727" s="424"/>
      <c r="BBW727" s="424"/>
      <c r="BBX727" s="424"/>
      <c r="BBY727" s="423" t="s">
        <v>2795</v>
      </c>
      <c r="BBZ727" s="424"/>
      <c r="BCA727" s="424"/>
      <c r="BCB727" s="424"/>
      <c r="BCC727" s="423" t="s">
        <v>2795</v>
      </c>
      <c r="BCD727" s="424"/>
      <c r="BCE727" s="424"/>
      <c r="BCF727" s="424"/>
      <c r="BCG727" s="423" t="s">
        <v>2795</v>
      </c>
      <c r="BCH727" s="424"/>
      <c r="BCI727" s="424"/>
      <c r="BCJ727" s="424"/>
      <c r="BCK727" s="423" t="s">
        <v>2795</v>
      </c>
      <c r="BCL727" s="424"/>
      <c r="BCM727" s="424"/>
      <c r="BCN727" s="424"/>
      <c r="BCO727" s="423" t="s">
        <v>2795</v>
      </c>
      <c r="BCP727" s="424"/>
      <c r="BCQ727" s="424"/>
      <c r="BCR727" s="424"/>
      <c r="BCS727" s="423" t="s">
        <v>2795</v>
      </c>
      <c r="BCT727" s="424"/>
      <c r="BCU727" s="424"/>
      <c r="BCV727" s="424"/>
      <c r="BCW727" s="423" t="s">
        <v>2795</v>
      </c>
      <c r="BCX727" s="424"/>
      <c r="BCY727" s="424"/>
      <c r="BCZ727" s="424"/>
      <c r="BDA727" s="423" t="s">
        <v>2795</v>
      </c>
      <c r="BDB727" s="424"/>
      <c r="BDC727" s="424"/>
      <c r="BDD727" s="424"/>
      <c r="BDE727" s="423" t="s">
        <v>2795</v>
      </c>
      <c r="BDF727" s="424"/>
      <c r="BDG727" s="424"/>
      <c r="BDH727" s="424"/>
      <c r="BDI727" s="423" t="s">
        <v>2795</v>
      </c>
      <c r="BDJ727" s="424"/>
      <c r="BDK727" s="424"/>
      <c r="BDL727" s="424"/>
      <c r="BDM727" s="423" t="s">
        <v>2795</v>
      </c>
      <c r="BDN727" s="424"/>
      <c r="BDO727" s="424"/>
      <c r="BDP727" s="424"/>
      <c r="BDQ727" s="423" t="s">
        <v>2795</v>
      </c>
      <c r="BDR727" s="424"/>
      <c r="BDS727" s="424"/>
      <c r="BDT727" s="424"/>
      <c r="BDU727" s="423" t="s">
        <v>2795</v>
      </c>
      <c r="BDV727" s="424"/>
      <c r="BDW727" s="424"/>
      <c r="BDX727" s="424"/>
      <c r="BDY727" s="423" t="s">
        <v>2795</v>
      </c>
      <c r="BDZ727" s="424"/>
      <c r="BEA727" s="424"/>
      <c r="BEB727" s="424"/>
      <c r="BEC727" s="423" t="s">
        <v>2795</v>
      </c>
      <c r="BED727" s="424"/>
      <c r="BEE727" s="424"/>
      <c r="BEF727" s="424"/>
      <c r="BEG727" s="423" t="s">
        <v>2795</v>
      </c>
      <c r="BEH727" s="424"/>
      <c r="BEI727" s="424"/>
      <c r="BEJ727" s="424"/>
      <c r="BEK727" s="423" t="s">
        <v>2795</v>
      </c>
      <c r="BEL727" s="424"/>
      <c r="BEM727" s="424"/>
      <c r="BEN727" s="424"/>
      <c r="BEO727" s="423" t="s">
        <v>2795</v>
      </c>
      <c r="BEP727" s="424"/>
      <c r="BEQ727" s="424"/>
      <c r="BER727" s="424"/>
      <c r="BES727" s="423" t="s">
        <v>2795</v>
      </c>
      <c r="BET727" s="424"/>
      <c r="BEU727" s="424"/>
      <c r="BEV727" s="424"/>
      <c r="BEW727" s="423" t="s">
        <v>2795</v>
      </c>
      <c r="BEX727" s="424"/>
      <c r="BEY727" s="424"/>
      <c r="BEZ727" s="424"/>
      <c r="BFA727" s="423" t="s">
        <v>2795</v>
      </c>
      <c r="BFB727" s="424"/>
      <c r="BFC727" s="424"/>
      <c r="BFD727" s="424"/>
      <c r="BFE727" s="423" t="s">
        <v>2795</v>
      </c>
      <c r="BFF727" s="424"/>
      <c r="BFG727" s="424"/>
      <c r="BFH727" s="424"/>
      <c r="BFI727" s="423" t="s">
        <v>2795</v>
      </c>
      <c r="BFJ727" s="424"/>
      <c r="BFK727" s="424"/>
      <c r="BFL727" s="424"/>
      <c r="BFM727" s="423" t="s">
        <v>2795</v>
      </c>
      <c r="BFN727" s="424"/>
      <c r="BFO727" s="424"/>
      <c r="BFP727" s="424"/>
      <c r="BFQ727" s="423" t="s">
        <v>2795</v>
      </c>
      <c r="BFR727" s="424"/>
      <c r="BFS727" s="424"/>
      <c r="BFT727" s="424"/>
      <c r="BFU727" s="423" t="s">
        <v>2795</v>
      </c>
      <c r="BFV727" s="424"/>
      <c r="BFW727" s="424"/>
      <c r="BFX727" s="424"/>
      <c r="BFY727" s="423" t="s">
        <v>2795</v>
      </c>
      <c r="BFZ727" s="424"/>
      <c r="BGA727" s="424"/>
      <c r="BGB727" s="424"/>
      <c r="BGC727" s="423" t="s">
        <v>2795</v>
      </c>
      <c r="BGD727" s="424"/>
      <c r="BGE727" s="424"/>
      <c r="BGF727" s="424"/>
      <c r="BGG727" s="423" t="s">
        <v>2795</v>
      </c>
      <c r="BGH727" s="424"/>
      <c r="BGI727" s="424"/>
      <c r="BGJ727" s="424"/>
      <c r="BGK727" s="423" t="s">
        <v>2795</v>
      </c>
      <c r="BGL727" s="424"/>
      <c r="BGM727" s="424"/>
      <c r="BGN727" s="424"/>
      <c r="BGO727" s="423" t="s">
        <v>2795</v>
      </c>
      <c r="BGP727" s="424"/>
      <c r="BGQ727" s="424"/>
      <c r="BGR727" s="424"/>
      <c r="BGS727" s="423" t="s">
        <v>2795</v>
      </c>
      <c r="BGT727" s="424"/>
      <c r="BGU727" s="424"/>
      <c r="BGV727" s="424"/>
      <c r="BGW727" s="423" t="s">
        <v>2795</v>
      </c>
      <c r="BGX727" s="424"/>
      <c r="BGY727" s="424"/>
      <c r="BGZ727" s="424"/>
      <c r="BHA727" s="423" t="s">
        <v>2795</v>
      </c>
      <c r="BHB727" s="424"/>
      <c r="BHC727" s="424"/>
      <c r="BHD727" s="424"/>
      <c r="BHE727" s="423" t="s">
        <v>2795</v>
      </c>
      <c r="BHF727" s="424"/>
      <c r="BHG727" s="424"/>
      <c r="BHH727" s="424"/>
      <c r="BHI727" s="423" t="s">
        <v>2795</v>
      </c>
      <c r="BHJ727" s="424"/>
      <c r="BHK727" s="424"/>
      <c r="BHL727" s="424"/>
      <c r="BHM727" s="423" t="s">
        <v>2795</v>
      </c>
      <c r="BHN727" s="424"/>
      <c r="BHO727" s="424"/>
      <c r="BHP727" s="424"/>
      <c r="BHQ727" s="423" t="s">
        <v>2795</v>
      </c>
      <c r="BHR727" s="424"/>
      <c r="BHS727" s="424"/>
      <c r="BHT727" s="424"/>
      <c r="BHU727" s="423" t="s">
        <v>2795</v>
      </c>
      <c r="BHV727" s="424"/>
      <c r="BHW727" s="424"/>
      <c r="BHX727" s="424"/>
      <c r="BHY727" s="423" t="s">
        <v>2795</v>
      </c>
      <c r="BHZ727" s="424"/>
      <c r="BIA727" s="424"/>
      <c r="BIB727" s="424"/>
      <c r="BIC727" s="423" t="s">
        <v>2795</v>
      </c>
      <c r="BID727" s="424"/>
      <c r="BIE727" s="424"/>
      <c r="BIF727" s="424"/>
      <c r="BIG727" s="423" t="s">
        <v>2795</v>
      </c>
      <c r="BIH727" s="424"/>
      <c r="BII727" s="424"/>
      <c r="BIJ727" s="424"/>
      <c r="BIK727" s="423" t="s">
        <v>2795</v>
      </c>
      <c r="BIL727" s="424"/>
      <c r="BIM727" s="424"/>
      <c r="BIN727" s="424"/>
      <c r="BIO727" s="423" t="s">
        <v>2795</v>
      </c>
      <c r="BIP727" s="424"/>
      <c r="BIQ727" s="424"/>
      <c r="BIR727" s="424"/>
      <c r="BIS727" s="423" t="s">
        <v>2795</v>
      </c>
      <c r="BIT727" s="424"/>
      <c r="BIU727" s="424"/>
      <c r="BIV727" s="424"/>
      <c r="BIW727" s="423" t="s">
        <v>2795</v>
      </c>
      <c r="BIX727" s="424"/>
      <c r="BIY727" s="424"/>
      <c r="BIZ727" s="424"/>
      <c r="BJA727" s="423" t="s">
        <v>2795</v>
      </c>
      <c r="BJB727" s="424"/>
      <c r="BJC727" s="424"/>
      <c r="BJD727" s="424"/>
      <c r="BJE727" s="423" t="s">
        <v>2795</v>
      </c>
      <c r="BJF727" s="424"/>
      <c r="BJG727" s="424"/>
      <c r="BJH727" s="424"/>
      <c r="BJI727" s="423" t="s">
        <v>2795</v>
      </c>
      <c r="BJJ727" s="424"/>
      <c r="BJK727" s="424"/>
      <c r="BJL727" s="424"/>
      <c r="BJM727" s="423" t="s">
        <v>2795</v>
      </c>
      <c r="BJN727" s="424"/>
      <c r="BJO727" s="424"/>
      <c r="BJP727" s="424"/>
      <c r="BJQ727" s="423" t="s">
        <v>2795</v>
      </c>
      <c r="BJR727" s="424"/>
      <c r="BJS727" s="424"/>
      <c r="BJT727" s="424"/>
      <c r="BJU727" s="423" t="s">
        <v>2795</v>
      </c>
      <c r="BJV727" s="424"/>
      <c r="BJW727" s="424"/>
      <c r="BJX727" s="424"/>
      <c r="BJY727" s="423" t="s">
        <v>2795</v>
      </c>
      <c r="BJZ727" s="424"/>
      <c r="BKA727" s="424"/>
      <c r="BKB727" s="424"/>
      <c r="BKC727" s="423" t="s">
        <v>2795</v>
      </c>
      <c r="BKD727" s="424"/>
      <c r="BKE727" s="424"/>
      <c r="BKF727" s="424"/>
      <c r="BKG727" s="423" t="s">
        <v>2795</v>
      </c>
      <c r="BKH727" s="424"/>
      <c r="BKI727" s="424"/>
      <c r="BKJ727" s="424"/>
      <c r="BKK727" s="423" t="s">
        <v>2795</v>
      </c>
      <c r="BKL727" s="424"/>
      <c r="BKM727" s="424"/>
      <c r="BKN727" s="424"/>
      <c r="BKO727" s="423" t="s">
        <v>2795</v>
      </c>
      <c r="BKP727" s="424"/>
      <c r="BKQ727" s="424"/>
      <c r="BKR727" s="424"/>
      <c r="BKS727" s="423" t="s">
        <v>2795</v>
      </c>
      <c r="BKT727" s="424"/>
      <c r="BKU727" s="424"/>
      <c r="BKV727" s="424"/>
      <c r="BKW727" s="423" t="s">
        <v>2795</v>
      </c>
      <c r="BKX727" s="424"/>
      <c r="BKY727" s="424"/>
      <c r="BKZ727" s="424"/>
      <c r="BLA727" s="423" t="s">
        <v>2795</v>
      </c>
      <c r="BLB727" s="424"/>
      <c r="BLC727" s="424"/>
      <c r="BLD727" s="424"/>
      <c r="BLE727" s="423" t="s">
        <v>2795</v>
      </c>
      <c r="BLF727" s="424"/>
      <c r="BLG727" s="424"/>
      <c r="BLH727" s="424"/>
      <c r="BLI727" s="423" t="s">
        <v>2795</v>
      </c>
      <c r="BLJ727" s="424"/>
      <c r="BLK727" s="424"/>
      <c r="BLL727" s="424"/>
      <c r="BLM727" s="423" t="s">
        <v>2795</v>
      </c>
      <c r="BLN727" s="424"/>
      <c r="BLO727" s="424"/>
      <c r="BLP727" s="424"/>
      <c r="BLQ727" s="423" t="s">
        <v>2795</v>
      </c>
      <c r="BLR727" s="424"/>
      <c r="BLS727" s="424"/>
      <c r="BLT727" s="424"/>
      <c r="BLU727" s="423" t="s">
        <v>2795</v>
      </c>
      <c r="BLV727" s="424"/>
      <c r="BLW727" s="424"/>
      <c r="BLX727" s="424"/>
      <c r="BLY727" s="423" t="s">
        <v>2795</v>
      </c>
      <c r="BLZ727" s="424"/>
      <c r="BMA727" s="424"/>
      <c r="BMB727" s="424"/>
      <c r="BMC727" s="423" t="s">
        <v>2795</v>
      </c>
      <c r="BMD727" s="424"/>
      <c r="BME727" s="424"/>
      <c r="BMF727" s="424"/>
      <c r="BMG727" s="423" t="s">
        <v>2795</v>
      </c>
      <c r="BMH727" s="424"/>
      <c r="BMI727" s="424"/>
      <c r="BMJ727" s="424"/>
      <c r="BMK727" s="423" t="s">
        <v>2795</v>
      </c>
      <c r="BML727" s="424"/>
      <c r="BMM727" s="424"/>
      <c r="BMN727" s="424"/>
      <c r="BMO727" s="423" t="s">
        <v>2795</v>
      </c>
      <c r="BMP727" s="424"/>
      <c r="BMQ727" s="424"/>
      <c r="BMR727" s="424"/>
      <c r="BMS727" s="423" t="s">
        <v>2795</v>
      </c>
      <c r="BMT727" s="424"/>
      <c r="BMU727" s="424"/>
      <c r="BMV727" s="424"/>
      <c r="BMW727" s="423" t="s">
        <v>2795</v>
      </c>
      <c r="BMX727" s="424"/>
      <c r="BMY727" s="424"/>
      <c r="BMZ727" s="424"/>
      <c r="BNA727" s="423" t="s">
        <v>2795</v>
      </c>
      <c r="BNB727" s="424"/>
      <c r="BNC727" s="424"/>
      <c r="BND727" s="424"/>
      <c r="BNE727" s="423" t="s">
        <v>2795</v>
      </c>
      <c r="BNF727" s="424"/>
      <c r="BNG727" s="424"/>
      <c r="BNH727" s="424"/>
      <c r="BNI727" s="423" t="s">
        <v>2795</v>
      </c>
      <c r="BNJ727" s="424"/>
      <c r="BNK727" s="424"/>
      <c r="BNL727" s="424"/>
      <c r="BNM727" s="423" t="s">
        <v>2795</v>
      </c>
      <c r="BNN727" s="424"/>
      <c r="BNO727" s="424"/>
      <c r="BNP727" s="424"/>
      <c r="BNQ727" s="423" t="s">
        <v>2795</v>
      </c>
      <c r="BNR727" s="424"/>
      <c r="BNS727" s="424"/>
      <c r="BNT727" s="424"/>
      <c r="BNU727" s="423" t="s">
        <v>2795</v>
      </c>
      <c r="BNV727" s="424"/>
      <c r="BNW727" s="424"/>
      <c r="BNX727" s="424"/>
      <c r="BNY727" s="423" t="s">
        <v>2795</v>
      </c>
      <c r="BNZ727" s="424"/>
      <c r="BOA727" s="424"/>
      <c r="BOB727" s="424"/>
      <c r="BOC727" s="423" t="s">
        <v>2795</v>
      </c>
      <c r="BOD727" s="424"/>
      <c r="BOE727" s="424"/>
      <c r="BOF727" s="424"/>
      <c r="BOG727" s="423" t="s">
        <v>2795</v>
      </c>
      <c r="BOH727" s="424"/>
      <c r="BOI727" s="424"/>
      <c r="BOJ727" s="424"/>
      <c r="BOK727" s="423" t="s">
        <v>2795</v>
      </c>
      <c r="BOL727" s="424"/>
      <c r="BOM727" s="424"/>
      <c r="BON727" s="424"/>
      <c r="BOO727" s="423" t="s">
        <v>2795</v>
      </c>
      <c r="BOP727" s="424"/>
      <c r="BOQ727" s="424"/>
      <c r="BOR727" s="424"/>
      <c r="BOS727" s="423" t="s">
        <v>2795</v>
      </c>
      <c r="BOT727" s="424"/>
      <c r="BOU727" s="424"/>
      <c r="BOV727" s="424"/>
      <c r="BOW727" s="423" t="s">
        <v>2795</v>
      </c>
      <c r="BOX727" s="424"/>
      <c r="BOY727" s="424"/>
      <c r="BOZ727" s="424"/>
      <c r="BPA727" s="423" t="s">
        <v>2795</v>
      </c>
      <c r="BPB727" s="424"/>
      <c r="BPC727" s="424"/>
      <c r="BPD727" s="424"/>
      <c r="BPE727" s="423" t="s">
        <v>2795</v>
      </c>
      <c r="BPF727" s="424"/>
      <c r="BPG727" s="424"/>
      <c r="BPH727" s="424"/>
      <c r="BPI727" s="423" t="s">
        <v>2795</v>
      </c>
      <c r="BPJ727" s="424"/>
      <c r="BPK727" s="424"/>
      <c r="BPL727" s="424"/>
      <c r="BPM727" s="423" t="s">
        <v>2795</v>
      </c>
      <c r="BPN727" s="424"/>
      <c r="BPO727" s="424"/>
      <c r="BPP727" s="424"/>
      <c r="BPQ727" s="423" t="s">
        <v>2795</v>
      </c>
      <c r="BPR727" s="424"/>
      <c r="BPS727" s="424"/>
      <c r="BPT727" s="424"/>
      <c r="BPU727" s="423" t="s">
        <v>2795</v>
      </c>
      <c r="BPV727" s="424"/>
      <c r="BPW727" s="424"/>
      <c r="BPX727" s="424"/>
      <c r="BPY727" s="423" t="s">
        <v>2795</v>
      </c>
      <c r="BPZ727" s="424"/>
      <c r="BQA727" s="424"/>
      <c r="BQB727" s="424"/>
      <c r="BQC727" s="423" t="s">
        <v>2795</v>
      </c>
      <c r="BQD727" s="424"/>
      <c r="BQE727" s="424"/>
      <c r="BQF727" s="424"/>
      <c r="BQG727" s="423" t="s">
        <v>2795</v>
      </c>
      <c r="BQH727" s="424"/>
      <c r="BQI727" s="424"/>
      <c r="BQJ727" s="424"/>
      <c r="BQK727" s="423" t="s">
        <v>2795</v>
      </c>
      <c r="BQL727" s="424"/>
      <c r="BQM727" s="424"/>
      <c r="BQN727" s="424"/>
      <c r="BQO727" s="423" t="s">
        <v>2795</v>
      </c>
      <c r="BQP727" s="424"/>
      <c r="BQQ727" s="424"/>
      <c r="BQR727" s="424"/>
      <c r="BQS727" s="423" t="s">
        <v>2795</v>
      </c>
      <c r="BQT727" s="424"/>
      <c r="BQU727" s="424"/>
      <c r="BQV727" s="424"/>
      <c r="BQW727" s="423" t="s">
        <v>2795</v>
      </c>
      <c r="BQX727" s="424"/>
      <c r="BQY727" s="424"/>
      <c r="BQZ727" s="424"/>
      <c r="BRA727" s="423" t="s">
        <v>2795</v>
      </c>
      <c r="BRB727" s="424"/>
      <c r="BRC727" s="424"/>
      <c r="BRD727" s="424"/>
      <c r="BRE727" s="423" t="s">
        <v>2795</v>
      </c>
      <c r="BRF727" s="424"/>
      <c r="BRG727" s="424"/>
      <c r="BRH727" s="424"/>
      <c r="BRI727" s="423" t="s">
        <v>2795</v>
      </c>
      <c r="BRJ727" s="424"/>
      <c r="BRK727" s="424"/>
      <c r="BRL727" s="424"/>
      <c r="BRM727" s="423" t="s">
        <v>2795</v>
      </c>
      <c r="BRN727" s="424"/>
      <c r="BRO727" s="424"/>
      <c r="BRP727" s="424"/>
      <c r="BRQ727" s="423" t="s">
        <v>2795</v>
      </c>
      <c r="BRR727" s="424"/>
      <c r="BRS727" s="424"/>
      <c r="BRT727" s="424"/>
      <c r="BRU727" s="423" t="s">
        <v>2795</v>
      </c>
      <c r="BRV727" s="424"/>
      <c r="BRW727" s="424"/>
      <c r="BRX727" s="424"/>
      <c r="BRY727" s="423" t="s">
        <v>2795</v>
      </c>
      <c r="BRZ727" s="424"/>
      <c r="BSA727" s="424"/>
      <c r="BSB727" s="424"/>
      <c r="BSC727" s="423" t="s">
        <v>2795</v>
      </c>
      <c r="BSD727" s="424"/>
      <c r="BSE727" s="424"/>
      <c r="BSF727" s="424"/>
      <c r="BSG727" s="423" t="s">
        <v>2795</v>
      </c>
      <c r="BSH727" s="424"/>
      <c r="BSI727" s="424"/>
      <c r="BSJ727" s="424"/>
      <c r="BSK727" s="423" t="s">
        <v>2795</v>
      </c>
      <c r="BSL727" s="424"/>
      <c r="BSM727" s="424"/>
      <c r="BSN727" s="424"/>
      <c r="BSO727" s="423" t="s">
        <v>2795</v>
      </c>
      <c r="BSP727" s="424"/>
      <c r="BSQ727" s="424"/>
      <c r="BSR727" s="424"/>
      <c r="BSS727" s="423" t="s">
        <v>2795</v>
      </c>
      <c r="BST727" s="424"/>
      <c r="BSU727" s="424"/>
      <c r="BSV727" s="424"/>
      <c r="BSW727" s="423" t="s">
        <v>2795</v>
      </c>
      <c r="BSX727" s="424"/>
      <c r="BSY727" s="424"/>
      <c r="BSZ727" s="424"/>
      <c r="BTA727" s="423" t="s">
        <v>2795</v>
      </c>
      <c r="BTB727" s="424"/>
      <c r="BTC727" s="424"/>
      <c r="BTD727" s="424"/>
      <c r="BTE727" s="423" t="s">
        <v>2795</v>
      </c>
      <c r="BTF727" s="424"/>
      <c r="BTG727" s="424"/>
      <c r="BTH727" s="424"/>
      <c r="BTI727" s="423" t="s">
        <v>2795</v>
      </c>
      <c r="BTJ727" s="424"/>
      <c r="BTK727" s="424"/>
      <c r="BTL727" s="424"/>
      <c r="BTM727" s="423" t="s">
        <v>2795</v>
      </c>
      <c r="BTN727" s="424"/>
      <c r="BTO727" s="424"/>
      <c r="BTP727" s="424"/>
      <c r="BTQ727" s="423" t="s">
        <v>2795</v>
      </c>
      <c r="BTR727" s="424"/>
      <c r="BTS727" s="424"/>
      <c r="BTT727" s="424"/>
      <c r="BTU727" s="423" t="s">
        <v>2795</v>
      </c>
      <c r="BTV727" s="424"/>
      <c r="BTW727" s="424"/>
      <c r="BTX727" s="424"/>
      <c r="BTY727" s="423" t="s">
        <v>2795</v>
      </c>
      <c r="BTZ727" s="424"/>
      <c r="BUA727" s="424"/>
      <c r="BUB727" s="424"/>
      <c r="BUC727" s="423" t="s">
        <v>2795</v>
      </c>
      <c r="BUD727" s="424"/>
      <c r="BUE727" s="424"/>
      <c r="BUF727" s="424"/>
      <c r="BUG727" s="423" t="s">
        <v>2795</v>
      </c>
      <c r="BUH727" s="424"/>
      <c r="BUI727" s="424"/>
      <c r="BUJ727" s="424"/>
      <c r="BUK727" s="423" t="s">
        <v>2795</v>
      </c>
      <c r="BUL727" s="424"/>
      <c r="BUM727" s="424"/>
      <c r="BUN727" s="424"/>
      <c r="BUO727" s="423" t="s">
        <v>2795</v>
      </c>
      <c r="BUP727" s="424"/>
      <c r="BUQ727" s="424"/>
      <c r="BUR727" s="424"/>
      <c r="BUS727" s="423" t="s">
        <v>2795</v>
      </c>
      <c r="BUT727" s="424"/>
      <c r="BUU727" s="424"/>
      <c r="BUV727" s="424"/>
      <c r="BUW727" s="423" t="s">
        <v>2795</v>
      </c>
      <c r="BUX727" s="424"/>
      <c r="BUY727" s="424"/>
      <c r="BUZ727" s="424"/>
      <c r="BVA727" s="423" t="s">
        <v>2795</v>
      </c>
      <c r="BVB727" s="424"/>
      <c r="BVC727" s="424"/>
      <c r="BVD727" s="424"/>
      <c r="BVE727" s="423" t="s">
        <v>2795</v>
      </c>
      <c r="BVF727" s="424"/>
      <c r="BVG727" s="424"/>
      <c r="BVH727" s="424"/>
      <c r="BVI727" s="423" t="s">
        <v>2795</v>
      </c>
      <c r="BVJ727" s="424"/>
      <c r="BVK727" s="424"/>
      <c r="BVL727" s="424"/>
      <c r="BVM727" s="423" t="s">
        <v>2795</v>
      </c>
      <c r="BVN727" s="424"/>
      <c r="BVO727" s="424"/>
      <c r="BVP727" s="424"/>
      <c r="BVQ727" s="423" t="s">
        <v>2795</v>
      </c>
      <c r="BVR727" s="424"/>
      <c r="BVS727" s="424"/>
      <c r="BVT727" s="424"/>
      <c r="BVU727" s="423" t="s">
        <v>2795</v>
      </c>
      <c r="BVV727" s="424"/>
      <c r="BVW727" s="424"/>
      <c r="BVX727" s="424"/>
      <c r="BVY727" s="423" t="s">
        <v>2795</v>
      </c>
      <c r="BVZ727" s="424"/>
      <c r="BWA727" s="424"/>
      <c r="BWB727" s="424"/>
      <c r="BWC727" s="423" t="s">
        <v>2795</v>
      </c>
      <c r="BWD727" s="424"/>
      <c r="BWE727" s="424"/>
      <c r="BWF727" s="424"/>
      <c r="BWG727" s="423" t="s">
        <v>2795</v>
      </c>
      <c r="BWH727" s="424"/>
      <c r="BWI727" s="424"/>
      <c r="BWJ727" s="424"/>
      <c r="BWK727" s="423" t="s">
        <v>2795</v>
      </c>
      <c r="BWL727" s="424"/>
      <c r="BWM727" s="424"/>
      <c r="BWN727" s="424"/>
      <c r="BWO727" s="423" t="s">
        <v>2795</v>
      </c>
      <c r="BWP727" s="424"/>
      <c r="BWQ727" s="424"/>
      <c r="BWR727" s="424"/>
      <c r="BWS727" s="423" t="s">
        <v>2795</v>
      </c>
      <c r="BWT727" s="424"/>
      <c r="BWU727" s="424"/>
      <c r="BWV727" s="424"/>
      <c r="BWW727" s="423" t="s">
        <v>2795</v>
      </c>
      <c r="BWX727" s="424"/>
      <c r="BWY727" s="424"/>
      <c r="BWZ727" s="424"/>
      <c r="BXA727" s="423" t="s">
        <v>2795</v>
      </c>
      <c r="BXB727" s="424"/>
      <c r="BXC727" s="424"/>
      <c r="BXD727" s="424"/>
      <c r="BXE727" s="423" t="s">
        <v>2795</v>
      </c>
      <c r="BXF727" s="424"/>
      <c r="BXG727" s="424"/>
      <c r="BXH727" s="424"/>
      <c r="BXI727" s="423" t="s">
        <v>2795</v>
      </c>
      <c r="BXJ727" s="424"/>
      <c r="BXK727" s="424"/>
      <c r="BXL727" s="424"/>
      <c r="BXM727" s="423" t="s">
        <v>2795</v>
      </c>
      <c r="BXN727" s="424"/>
      <c r="BXO727" s="424"/>
      <c r="BXP727" s="424"/>
      <c r="BXQ727" s="423" t="s">
        <v>2795</v>
      </c>
      <c r="BXR727" s="424"/>
      <c r="BXS727" s="424"/>
      <c r="BXT727" s="424"/>
      <c r="BXU727" s="423" t="s">
        <v>2795</v>
      </c>
      <c r="BXV727" s="424"/>
      <c r="BXW727" s="424"/>
      <c r="BXX727" s="424"/>
      <c r="BXY727" s="423" t="s">
        <v>2795</v>
      </c>
      <c r="BXZ727" s="424"/>
      <c r="BYA727" s="424"/>
      <c r="BYB727" s="424"/>
      <c r="BYC727" s="423" t="s">
        <v>2795</v>
      </c>
      <c r="BYD727" s="424"/>
      <c r="BYE727" s="424"/>
      <c r="BYF727" s="424"/>
      <c r="BYG727" s="423" t="s">
        <v>2795</v>
      </c>
      <c r="BYH727" s="424"/>
      <c r="BYI727" s="424"/>
      <c r="BYJ727" s="424"/>
      <c r="BYK727" s="423" t="s">
        <v>2795</v>
      </c>
      <c r="BYL727" s="424"/>
      <c r="BYM727" s="424"/>
      <c r="BYN727" s="424"/>
      <c r="BYO727" s="423" t="s">
        <v>2795</v>
      </c>
      <c r="BYP727" s="424"/>
      <c r="BYQ727" s="424"/>
      <c r="BYR727" s="424"/>
      <c r="BYS727" s="423" t="s">
        <v>2795</v>
      </c>
      <c r="BYT727" s="424"/>
      <c r="BYU727" s="424"/>
      <c r="BYV727" s="424"/>
      <c r="BYW727" s="423" t="s">
        <v>2795</v>
      </c>
      <c r="BYX727" s="424"/>
      <c r="BYY727" s="424"/>
      <c r="BYZ727" s="424"/>
      <c r="BZA727" s="423" t="s">
        <v>2795</v>
      </c>
      <c r="BZB727" s="424"/>
      <c r="BZC727" s="424"/>
      <c r="BZD727" s="424"/>
      <c r="BZE727" s="423" t="s">
        <v>2795</v>
      </c>
      <c r="BZF727" s="424"/>
      <c r="BZG727" s="424"/>
      <c r="BZH727" s="424"/>
      <c r="BZI727" s="423" t="s">
        <v>2795</v>
      </c>
      <c r="BZJ727" s="424"/>
      <c r="BZK727" s="424"/>
      <c r="BZL727" s="424"/>
      <c r="BZM727" s="423" t="s">
        <v>2795</v>
      </c>
      <c r="BZN727" s="424"/>
      <c r="BZO727" s="424"/>
      <c r="BZP727" s="424"/>
      <c r="BZQ727" s="423" t="s">
        <v>2795</v>
      </c>
      <c r="BZR727" s="424"/>
      <c r="BZS727" s="424"/>
      <c r="BZT727" s="424"/>
      <c r="BZU727" s="423" t="s">
        <v>2795</v>
      </c>
      <c r="BZV727" s="424"/>
      <c r="BZW727" s="424"/>
      <c r="BZX727" s="424"/>
      <c r="BZY727" s="423" t="s">
        <v>2795</v>
      </c>
      <c r="BZZ727" s="424"/>
      <c r="CAA727" s="424"/>
      <c r="CAB727" s="424"/>
      <c r="CAC727" s="423" t="s">
        <v>2795</v>
      </c>
      <c r="CAD727" s="424"/>
      <c r="CAE727" s="424"/>
      <c r="CAF727" s="424"/>
      <c r="CAG727" s="423" t="s">
        <v>2795</v>
      </c>
      <c r="CAH727" s="424"/>
      <c r="CAI727" s="424"/>
      <c r="CAJ727" s="424"/>
      <c r="CAK727" s="423" t="s">
        <v>2795</v>
      </c>
      <c r="CAL727" s="424"/>
      <c r="CAM727" s="424"/>
      <c r="CAN727" s="424"/>
      <c r="CAO727" s="423" t="s">
        <v>2795</v>
      </c>
      <c r="CAP727" s="424"/>
      <c r="CAQ727" s="424"/>
      <c r="CAR727" s="424"/>
      <c r="CAS727" s="423" t="s">
        <v>2795</v>
      </c>
      <c r="CAT727" s="424"/>
      <c r="CAU727" s="424"/>
      <c r="CAV727" s="424"/>
      <c r="CAW727" s="423" t="s">
        <v>2795</v>
      </c>
      <c r="CAX727" s="424"/>
      <c r="CAY727" s="424"/>
      <c r="CAZ727" s="424"/>
      <c r="CBA727" s="423" t="s">
        <v>2795</v>
      </c>
      <c r="CBB727" s="424"/>
      <c r="CBC727" s="424"/>
      <c r="CBD727" s="424"/>
      <c r="CBE727" s="423" t="s">
        <v>2795</v>
      </c>
      <c r="CBF727" s="424"/>
      <c r="CBG727" s="424"/>
      <c r="CBH727" s="424"/>
      <c r="CBI727" s="423" t="s">
        <v>2795</v>
      </c>
      <c r="CBJ727" s="424"/>
      <c r="CBK727" s="424"/>
      <c r="CBL727" s="424"/>
      <c r="CBM727" s="423" t="s">
        <v>2795</v>
      </c>
      <c r="CBN727" s="424"/>
      <c r="CBO727" s="424"/>
      <c r="CBP727" s="424"/>
      <c r="CBQ727" s="423" t="s">
        <v>2795</v>
      </c>
      <c r="CBR727" s="424"/>
      <c r="CBS727" s="424"/>
      <c r="CBT727" s="424"/>
      <c r="CBU727" s="423" t="s">
        <v>2795</v>
      </c>
      <c r="CBV727" s="424"/>
      <c r="CBW727" s="424"/>
      <c r="CBX727" s="424"/>
      <c r="CBY727" s="423" t="s">
        <v>2795</v>
      </c>
      <c r="CBZ727" s="424"/>
      <c r="CCA727" s="424"/>
      <c r="CCB727" s="424"/>
      <c r="CCC727" s="423" t="s">
        <v>2795</v>
      </c>
      <c r="CCD727" s="424"/>
      <c r="CCE727" s="424"/>
      <c r="CCF727" s="424"/>
      <c r="CCG727" s="423" t="s">
        <v>2795</v>
      </c>
      <c r="CCH727" s="424"/>
      <c r="CCI727" s="424"/>
      <c r="CCJ727" s="424"/>
      <c r="CCK727" s="423" t="s">
        <v>2795</v>
      </c>
      <c r="CCL727" s="424"/>
      <c r="CCM727" s="424"/>
      <c r="CCN727" s="424"/>
      <c r="CCO727" s="423" t="s">
        <v>2795</v>
      </c>
      <c r="CCP727" s="424"/>
      <c r="CCQ727" s="424"/>
      <c r="CCR727" s="424"/>
      <c r="CCS727" s="423" t="s">
        <v>2795</v>
      </c>
      <c r="CCT727" s="424"/>
      <c r="CCU727" s="424"/>
      <c r="CCV727" s="424"/>
      <c r="CCW727" s="423" t="s">
        <v>2795</v>
      </c>
      <c r="CCX727" s="424"/>
      <c r="CCY727" s="424"/>
      <c r="CCZ727" s="424"/>
      <c r="CDA727" s="423" t="s">
        <v>2795</v>
      </c>
      <c r="CDB727" s="424"/>
      <c r="CDC727" s="424"/>
      <c r="CDD727" s="424"/>
      <c r="CDE727" s="423" t="s">
        <v>2795</v>
      </c>
      <c r="CDF727" s="424"/>
      <c r="CDG727" s="424"/>
      <c r="CDH727" s="424"/>
      <c r="CDI727" s="423" t="s">
        <v>2795</v>
      </c>
      <c r="CDJ727" s="424"/>
      <c r="CDK727" s="424"/>
      <c r="CDL727" s="424"/>
      <c r="CDM727" s="423" t="s">
        <v>2795</v>
      </c>
      <c r="CDN727" s="424"/>
      <c r="CDO727" s="424"/>
      <c r="CDP727" s="424"/>
      <c r="CDQ727" s="423" t="s">
        <v>2795</v>
      </c>
      <c r="CDR727" s="424"/>
      <c r="CDS727" s="424"/>
      <c r="CDT727" s="424"/>
      <c r="CDU727" s="423" t="s">
        <v>2795</v>
      </c>
      <c r="CDV727" s="424"/>
      <c r="CDW727" s="424"/>
      <c r="CDX727" s="424"/>
      <c r="CDY727" s="423" t="s">
        <v>2795</v>
      </c>
      <c r="CDZ727" s="424"/>
      <c r="CEA727" s="424"/>
      <c r="CEB727" s="424"/>
      <c r="CEC727" s="423" t="s">
        <v>2795</v>
      </c>
      <c r="CED727" s="424"/>
      <c r="CEE727" s="424"/>
      <c r="CEF727" s="424"/>
      <c r="CEG727" s="423" t="s">
        <v>2795</v>
      </c>
      <c r="CEH727" s="424"/>
      <c r="CEI727" s="424"/>
      <c r="CEJ727" s="424"/>
      <c r="CEK727" s="423" t="s">
        <v>2795</v>
      </c>
      <c r="CEL727" s="424"/>
      <c r="CEM727" s="424"/>
      <c r="CEN727" s="424"/>
      <c r="CEO727" s="423" t="s">
        <v>2795</v>
      </c>
      <c r="CEP727" s="424"/>
      <c r="CEQ727" s="424"/>
      <c r="CER727" s="424"/>
      <c r="CES727" s="423" t="s">
        <v>2795</v>
      </c>
      <c r="CET727" s="424"/>
      <c r="CEU727" s="424"/>
      <c r="CEV727" s="424"/>
      <c r="CEW727" s="423" t="s">
        <v>2795</v>
      </c>
      <c r="CEX727" s="424"/>
      <c r="CEY727" s="424"/>
      <c r="CEZ727" s="424"/>
      <c r="CFA727" s="423" t="s">
        <v>2795</v>
      </c>
      <c r="CFB727" s="424"/>
      <c r="CFC727" s="424"/>
      <c r="CFD727" s="424"/>
      <c r="CFE727" s="423" t="s">
        <v>2795</v>
      </c>
      <c r="CFF727" s="424"/>
      <c r="CFG727" s="424"/>
      <c r="CFH727" s="424"/>
      <c r="CFI727" s="423" t="s">
        <v>2795</v>
      </c>
      <c r="CFJ727" s="424"/>
      <c r="CFK727" s="424"/>
      <c r="CFL727" s="424"/>
      <c r="CFM727" s="423" t="s">
        <v>2795</v>
      </c>
      <c r="CFN727" s="424"/>
      <c r="CFO727" s="424"/>
      <c r="CFP727" s="424"/>
      <c r="CFQ727" s="423" t="s">
        <v>2795</v>
      </c>
      <c r="CFR727" s="424"/>
      <c r="CFS727" s="424"/>
      <c r="CFT727" s="424"/>
      <c r="CFU727" s="423" t="s">
        <v>2795</v>
      </c>
      <c r="CFV727" s="424"/>
      <c r="CFW727" s="424"/>
      <c r="CFX727" s="424"/>
      <c r="CFY727" s="423" t="s">
        <v>2795</v>
      </c>
      <c r="CFZ727" s="424"/>
      <c r="CGA727" s="424"/>
      <c r="CGB727" s="424"/>
      <c r="CGC727" s="423" t="s">
        <v>2795</v>
      </c>
      <c r="CGD727" s="424"/>
      <c r="CGE727" s="424"/>
      <c r="CGF727" s="424"/>
      <c r="CGG727" s="423" t="s">
        <v>2795</v>
      </c>
      <c r="CGH727" s="424"/>
      <c r="CGI727" s="424"/>
      <c r="CGJ727" s="424"/>
      <c r="CGK727" s="423" t="s">
        <v>2795</v>
      </c>
      <c r="CGL727" s="424"/>
      <c r="CGM727" s="424"/>
      <c r="CGN727" s="424"/>
      <c r="CGO727" s="423" t="s">
        <v>2795</v>
      </c>
      <c r="CGP727" s="424"/>
      <c r="CGQ727" s="424"/>
      <c r="CGR727" s="424"/>
      <c r="CGS727" s="423" t="s">
        <v>2795</v>
      </c>
      <c r="CGT727" s="424"/>
      <c r="CGU727" s="424"/>
      <c r="CGV727" s="424"/>
      <c r="CGW727" s="423" t="s">
        <v>2795</v>
      </c>
      <c r="CGX727" s="424"/>
      <c r="CGY727" s="424"/>
      <c r="CGZ727" s="424"/>
      <c r="CHA727" s="423" t="s">
        <v>2795</v>
      </c>
      <c r="CHB727" s="424"/>
      <c r="CHC727" s="424"/>
      <c r="CHD727" s="424"/>
      <c r="CHE727" s="423" t="s">
        <v>2795</v>
      </c>
      <c r="CHF727" s="424"/>
      <c r="CHG727" s="424"/>
      <c r="CHH727" s="424"/>
      <c r="CHI727" s="423" t="s">
        <v>2795</v>
      </c>
      <c r="CHJ727" s="424"/>
      <c r="CHK727" s="424"/>
      <c r="CHL727" s="424"/>
      <c r="CHM727" s="423" t="s">
        <v>2795</v>
      </c>
      <c r="CHN727" s="424"/>
      <c r="CHO727" s="424"/>
      <c r="CHP727" s="424"/>
      <c r="CHQ727" s="423" t="s">
        <v>2795</v>
      </c>
      <c r="CHR727" s="424"/>
      <c r="CHS727" s="424"/>
      <c r="CHT727" s="424"/>
      <c r="CHU727" s="423" t="s">
        <v>2795</v>
      </c>
      <c r="CHV727" s="424"/>
      <c r="CHW727" s="424"/>
      <c r="CHX727" s="424"/>
      <c r="CHY727" s="423" t="s">
        <v>2795</v>
      </c>
      <c r="CHZ727" s="424"/>
      <c r="CIA727" s="424"/>
      <c r="CIB727" s="424"/>
      <c r="CIC727" s="423" t="s">
        <v>2795</v>
      </c>
      <c r="CID727" s="424"/>
      <c r="CIE727" s="424"/>
      <c r="CIF727" s="424"/>
      <c r="CIG727" s="423" t="s">
        <v>2795</v>
      </c>
      <c r="CIH727" s="424"/>
      <c r="CII727" s="424"/>
      <c r="CIJ727" s="424"/>
      <c r="CIK727" s="423" t="s">
        <v>2795</v>
      </c>
      <c r="CIL727" s="424"/>
      <c r="CIM727" s="424"/>
      <c r="CIN727" s="424"/>
      <c r="CIO727" s="423" t="s">
        <v>2795</v>
      </c>
      <c r="CIP727" s="424"/>
      <c r="CIQ727" s="424"/>
      <c r="CIR727" s="424"/>
      <c r="CIS727" s="423" t="s">
        <v>2795</v>
      </c>
      <c r="CIT727" s="424"/>
      <c r="CIU727" s="424"/>
      <c r="CIV727" s="424"/>
      <c r="CIW727" s="423" t="s">
        <v>2795</v>
      </c>
      <c r="CIX727" s="424"/>
      <c r="CIY727" s="424"/>
      <c r="CIZ727" s="424"/>
      <c r="CJA727" s="423" t="s">
        <v>2795</v>
      </c>
      <c r="CJB727" s="424"/>
      <c r="CJC727" s="424"/>
      <c r="CJD727" s="424"/>
      <c r="CJE727" s="423" t="s">
        <v>2795</v>
      </c>
      <c r="CJF727" s="424"/>
      <c r="CJG727" s="424"/>
      <c r="CJH727" s="424"/>
      <c r="CJI727" s="423" t="s">
        <v>2795</v>
      </c>
      <c r="CJJ727" s="424"/>
      <c r="CJK727" s="424"/>
      <c r="CJL727" s="424"/>
      <c r="CJM727" s="423" t="s">
        <v>2795</v>
      </c>
      <c r="CJN727" s="424"/>
      <c r="CJO727" s="424"/>
      <c r="CJP727" s="424"/>
      <c r="CJQ727" s="423" t="s">
        <v>2795</v>
      </c>
      <c r="CJR727" s="424"/>
      <c r="CJS727" s="424"/>
      <c r="CJT727" s="424"/>
      <c r="CJU727" s="423" t="s">
        <v>2795</v>
      </c>
      <c r="CJV727" s="424"/>
      <c r="CJW727" s="424"/>
      <c r="CJX727" s="424"/>
      <c r="CJY727" s="423" t="s">
        <v>2795</v>
      </c>
      <c r="CJZ727" s="424"/>
      <c r="CKA727" s="424"/>
      <c r="CKB727" s="424"/>
      <c r="CKC727" s="423" t="s">
        <v>2795</v>
      </c>
      <c r="CKD727" s="424"/>
      <c r="CKE727" s="424"/>
      <c r="CKF727" s="424"/>
      <c r="CKG727" s="423" t="s">
        <v>2795</v>
      </c>
      <c r="CKH727" s="424"/>
      <c r="CKI727" s="424"/>
      <c r="CKJ727" s="424"/>
      <c r="CKK727" s="423" t="s">
        <v>2795</v>
      </c>
      <c r="CKL727" s="424"/>
      <c r="CKM727" s="424"/>
      <c r="CKN727" s="424"/>
      <c r="CKO727" s="423" t="s">
        <v>2795</v>
      </c>
      <c r="CKP727" s="424"/>
      <c r="CKQ727" s="424"/>
      <c r="CKR727" s="424"/>
      <c r="CKS727" s="423" t="s">
        <v>2795</v>
      </c>
      <c r="CKT727" s="424"/>
      <c r="CKU727" s="424"/>
      <c r="CKV727" s="424"/>
      <c r="CKW727" s="423" t="s">
        <v>2795</v>
      </c>
      <c r="CKX727" s="424"/>
      <c r="CKY727" s="424"/>
      <c r="CKZ727" s="424"/>
      <c r="CLA727" s="423" t="s">
        <v>2795</v>
      </c>
      <c r="CLB727" s="424"/>
      <c r="CLC727" s="424"/>
      <c r="CLD727" s="424"/>
      <c r="CLE727" s="423" t="s">
        <v>2795</v>
      </c>
      <c r="CLF727" s="424"/>
      <c r="CLG727" s="424"/>
      <c r="CLH727" s="424"/>
      <c r="CLI727" s="423" t="s">
        <v>2795</v>
      </c>
      <c r="CLJ727" s="424"/>
      <c r="CLK727" s="424"/>
      <c r="CLL727" s="424"/>
      <c r="CLM727" s="423" t="s">
        <v>2795</v>
      </c>
      <c r="CLN727" s="424"/>
      <c r="CLO727" s="424"/>
      <c r="CLP727" s="424"/>
      <c r="CLQ727" s="423" t="s">
        <v>2795</v>
      </c>
      <c r="CLR727" s="424"/>
      <c r="CLS727" s="424"/>
      <c r="CLT727" s="424"/>
      <c r="CLU727" s="423" t="s">
        <v>2795</v>
      </c>
      <c r="CLV727" s="424"/>
      <c r="CLW727" s="424"/>
      <c r="CLX727" s="424"/>
      <c r="CLY727" s="423" t="s">
        <v>2795</v>
      </c>
      <c r="CLZ727" s="424"/>
      <c r="CMA727" s="424"/>
      <c r="CMB727" s="424"/>
      <c r="CMC727" s="423" t="s">
        <v>2795</v>
      </c>
      <c r="CMD727" s="424"/>
      <c r="CME727" s="424"/>
      <c r="CMF727" s="424"/>
      <c r="CMG727" s="423" t="s">
        <v>2795</v>
      </c>
      <c r="CMH727" s="424"/>
      <c r="CMI727" s="424"/>
      <c r="CMJ727" s="424"/>
      <c r="CMK727" s="423" t="s">
        <v>2795</v>
      </c>
      <c r="CML727" s="424"/>
      <c r="CMM727" s="424"/>
      <c r="CMN727" s="424"/>
      <c r="CMO727" s="423" t="s">
        <v>2795</v>
      </c>
      <c r="CMP727" s="424"/>
      <c r="CMQ727" s="424"/>
      <c r="CMR727" s="424"/>
      <c r="CMS727" s="423" t="s">
        <v>2795</v>
      </c>
      <c r="CMT727" s="424"/>
      <c r="CMU727" s="424"/>
      <c r="CMV727" s="424"/>
      <c r="CMW727" s="423" t="s">
        <v>2795</v>
      </c>
      <c r="CMX727" s="424"/>
      <c r="CMY727" s="424"/>
      <c r="CMZ727" s="424"/>
      <c r="CNA727" s="423" t="s">
        <v>2795</v>
      </c>
      <c r="CNB727" s="424"/>
      <c r="CNC727" s="424"/>
      <c r="CND727" s="424"/>
      <c r="CNE727" s="423" t="s">
        <v>2795</v>
      </c>
      <c r="CNF727" s="424"/>
      <c r="CNG727" s="424"/>
      <c r="CNH727" s="424"/>
      <c r="CNI727" s="423" t="s">
        <v>2795</v>
      </c>
      <c r="CNJ727" s="424"/>
      <c r="CNK727" s="424"/>
      <c r="CNL727" s="424"/>
      <c r="CNM727" s="423" t="s">
        <v>2795</v>
      </c>
      <c r="CNN727" s="424"/>
      <c r="CNO727" s="424"/>
      <c r="CNP727" s="424"/>
      <c r="CNQ727" s="423" t="s">
        <v>2795</v>
      </c>
      <c r="CNR727" s="424"/>
      <c r="CNS727" s="424"/>
      <c r="CNT727" s="424"/>
      <c r="CNU727" s="423" t="s">
        <v>2795</v>
      </c>
      <c r="CNV727" s="424"/>
      <c r="CNW727" s="424"/>
      <c r="CNX727" s="424"/>
      <c r="CNY727" s="423" t="s">
        <v>2795</v>
      </c>
      <c r="CNZ727" s="424"/>
      <c r="COA727" s="424"/>
      <c r="COB727" s="424"/>
      <c r="COC727" s="423" t="s">
        <v>2795</v>
      </c>
      <c r="COD727" s="424"/>
      <c r="COE727" s="424"/>
      <c r="COF727" s="424"/>
      <c r="COG727" s="423" t="s">
        <v>2795</v>
      </c>
      <c r="COH727" s="424"/>
      <c r="COI727" s="424"/>
      <c r="COJ727" s="424"/>
      <c r="COK727" s="423" t="s">
        <v>2795</v>
      </c>
      <c r="COL727" s="424"/>
      <c r="COM727" s="424"/>
      <c r="CON727" s="424"/>
      <c r="COO727" s="423" t="s">
        <v>2795</v>
      </c>
      <c r="COP727" s="424"/>
      <c r="COQ727" s="424"/>
      <c r="COR727" s="424"/>
      <c r="COS727" s="423" t="s">
        <v>2795</v>
      </c>
      <c r="COT727" s="424"/>
      <c r="COU727" s="424"/>
      <c r="COV727" s="424"/>
      <c r="COW727" s="423" t="s">
        <v>2795</v>
      </c>
      <c r="COX727" s="424"/>
      <c r="COY727" s="424"/>
      <c r="COZ727" s="424"/>
      <c r="CPA727" s="423" t="s">
        <v>2795</v>
      </c>
      <c r="CPB727" s="424"/>
      <c r="CPC727" s="424"/>
      <c r="CPD727" s="424"/>
      <c r="CPE727" s="423" t="s">
        <v>2795</v>
      </c>
      <c r="CPF727" s="424"/>
      <c r="CPG727" s="424"/>
      <c r="CPH727" s="424"/>
      <c r="CPI727" s="423" t="s">
        <v>2795</v>
      </c>
      <c r="CPJ727" s="424"/>
      <c r="CPK727" s="424"/>
      <c r="CPL727" s="424"/>
      <c r="CPM727" s="423" t="s">
        <v>2795</v>
      </c>
      <c r="CPN727" s="424"/>
      <c r="CPO727" s="424"/>
      <c r="CPP727" s="424"/>
      <c r="CPQ727" s="423" t="s">
        <v>2795</v>
      </c>
      <c r="CPR727" s="424"/>
      <c r="CPS727" s="424"/>
      <c r="CPT727" s="424"/>
      <c r="CPU727" s="423" t="s">
        <v>2795</v>
      </c>
      <c r="CPV727" s="424"/>
      <c r="CPW727" s="424"/>
      <c r="CPX727" s="424"/>
      <c r="CPY727" s="423" t="s">
        <v>2795</v>
      </c>
      <c r="CPZ727" s="424"/>
      <c r="CQA727" s="424"/>
      <c r="CQB727" s="424"/>
      <c r="CQC727" s="423" t="s">
        <v>2795</v>
      </c>
      <c r="CQD727" s="424"/>
      <c r="CQE727" s="424"/>
      <c r="CQF727" s="424"/>
      <c r="CQG727" s="423" t="s">
        <v>2795</v>
      </c>
      <c r="CQH727" s="424"/>
      <c r="CQI727" s="424"/>
      <c r="CQJ727" s="424"/>
      <c r="CQK727" s="423" t="s">
        <v>2795</v>
      </c>
      <c r="CQL727" s="424"/>
      <c r="CQM727" s="424"/>
      <c r="CQN727" s="424"/>
      <c r="CQO727" s="423" t="s">
        <v>2795</v>
      </c>
      <c r="CQP727" s="424"/>
      <c r="CQQ727" s="424"/>
      <c r="CQR727" s="424"/>
      <c r="CQS727" s="423" t="s">
        <v>2795</v>
      </c>
      <c r="CQT727" s="424"/>
      <c r="CQU727" s="424"/>
      <c r="CQV727" s="424"/>
      <c r="CQW727" s="423" t="s">
        <v>2795</v>
      </c>
      <c r="CQX727" s="424"/>
      <c r="CQY727" s="424"/>
      <c r="CQZ727" s="424"/>
      <c r="CRA727" s="423" t="s">
        <v>2795</v>
      </c>
      <c r="CRB727" s="424"/>
      <c r="CRC727" s="424"/>
      <c r="CRD727" s="424"/>
      <c r="CRE727" s="423" t="s">
        <v>2795</v>
      </c>
      <c r="CRF727" s="424"/>
      <c r="CRG727" s="424"/>
      <c r="CRH727" s="424"/>
      <c r="CRI727" s="423" t="s">
        <v>2795</v>
      </c>
      <c r="CRJ727" s="424"/>
      <c r="CRK727" s="424"/>
      <c r="CRL727" s="424"/>
      <c r="CRM727" s="423" t="s">
        <v>2795</v>
      </c>
      <c r="CRN727" s="424"/>
      <c r="CRO727" s="424"/>
      <c r="CRP727" s="424"/>
      <c r="CRQ727" s="423" t="s">
        <v>2795</v>
      </c>
      <c r="CRR727" s="424"/>
      <c r="CRS727" s="424"/>
      <c r="CRT727" s="424"/>
      <c r="CRU727" s="423" t="s">
        <v>2795</v>
      </c>
      <c r="CRV727" s="424"/>
      <c r="CRW727" s="424"/>
      <c r="CRX727" s="424"/>
      <c r="CRY727" s="423" t="s">
        <v>2795</v>
      </c>
      <c r="CRZ727" s="424"/>
      <c r="CSA727" s="424"/>
      <c r="CSB727" s="424"/>
      <c r="CSC727" s="423" t="s">
        <v>2795</v>
      </c>
      <c r="CSD727" s="424"/>
      <c r="CSE727" s="424"/>
      <c r="CSF727" s="424"/>
      <c r="CSG727" s="423" t="s">
        <v>2795</v>
      </c>
      <c r="CSH727" s="424"/>
      <c r="CSI727" s="424"/>
      <c r="CSJ727" s="424"/>
      <c r="CSK727" s="423" t="s">
        <v>2795</v>
      </c>
      <c r="CSL727" s="424"/>
      <c r="CSM727" s="424"/>
      <c r="CSN727" s="424"/>
      <c r="CSO727" s="423" t="s">
        <v>2795</v>
      </c>
      <c r="CSP727" s="424"/>
      <c r="CSQ727" s="424"/>
      <c r="CSR727" s="424"/>
      <c r="CSS727" s="423" t="s">
        <v>2795</v>
      </c>
      <c r="CST727" s="424"/>
      <c r="CSU727" s="424"/>
      <c r="CSV727" s="424"/>
      <c r="CSW727" s="423" t="s">
        <v>2795</v>
      </c>
      <c r="CSX727" s="424"/>
      <c r="CSY727" s="424"/>
      <c r="CSZ727" s="424"/>
      <c r="CTA727" s="423" t="s">
        <v>2795</v>
      </c>
      <c r="CTB727" s="424"/>
      <c r="CTC727" s="424"/>
      <c r="CTD727" s="424"/>
      <c r="CTE727" s="423" t="s">
        <v>2795</v>
      </c>
      <c r="CTF727" s="424"/>
      <c r="CTG727" s="424"/>
      <c r="CTH727" s="424"/>
      <c r="CTI727" s="423" t="s">
        <v>2795</v>
      </c>
      <c r="CTJ727" s="424"/>
      <c r="CTK727" s="424"/>
      <c r="CTL727" s="424"/>
      <c r="CTM727" s="423" t="s">
        <v>2795</v>
      </c>
      <c r="CTN727" s="424"/>
      <c r="CTO727" s="424"/>
      <c r="CTP727" s="424"/>
      <c r="CTQ727" s="423" t="s">
        <v>2795</v>
      </c>
      <c r="CTR727" s="424"/>
      <c r="CTS727" s="424"/>
      <c r="CTT727" s="424"/>
      <c r="CTU727" s="423" t="s">
        <v>2795</v>
      </c>
      <c r="CTV727" s="424"/>
      <c r="CTW727" s="424"/>
      <c r="CTX727" s="424"/>
      <c r="CTY727" s="423" t="s">
        <v>2795</v>
      </c>
      <c r="CTZ727" s="424"/>
      <c r="CUA727" s="424"/>
      <c r="CUB727" s="424"/>
      <c r="CUC727" s="423" t="s">
        <v>2795</v>
      </c>
      <c r="CUD727" s="424"/>
      <c r="CUE727" s="424"/>
      <c r="CUF727" s="424"/>
      <c r="CUG727" s="423" t="s">
        <v>2795</v>
      </c>
      <c r="CUH727" s="424"/>
      <c r="CUI727" s="424"/>
      <c r="CUJ727" s="424"/>
      <c r="CUK727" s="423" t="s">
        <v>2795</v>
      </c>
      <c r="CUL727" s="424"/>
      <c r="CUM727" s="424"/>
      <c r="CUN727" s="424"/>
      <c r="CUO727" s="423" t="s">
        <v>2795</v>
      </c>
      <c r="CUP727" s="424"/>
      <c r="CUQ727" s="424"/>
      <c r="CUR727" s="424"/>
      <c r="CUS727" s="423" t="s">
        <v>2795</v>
      </c>
      <c r="CUT727" s="424"/>
      <c r="CUU727" s="424"/>
      <c r="CUV727" s="424"/>
      <c r="CUW727" s="423" t="s">
        <v>2795</v>
      </c>
      <c r="CUX727" s="424"/>
      <c r="CUY727" s="424"/>
      <c r="CUZ727" s="424"/>
      <c r="CVA727" s="423" t="s">
        <v>2795</v>
      </c>
      <c r="CVB727" s="424"/>
      <c r="CVC727" s="424"/>
      <c r="CVD727" s="424"/>
      <c r="CVE727" s="423" t="s">
        <v>2795</v>
      </c>
      <c r="CVF727" s="424"/>
      <c r="CVG727" s="424"/>
      <c r="CVH727" s="424"/>
      <c r="CVI727" s="423" t="s">
        <v>2795</v>
      </c>
      <c r="CVJ727" s="424"/>
      <c r="CVK727" s="424"/>
      <c r="CVL727" s="424"/>
      <c r="CVM727" s="423" t="s">
        <v>2795</v>
      </c>
      <c r="CVN727" s="424"/>
      <c r="CVO727" s="424"/>
      <c r="CVP727" s="424"/>
      <c r="CVQ727" s="423" t="s">
        <v>2795</v>
      </c>
      <c r="CVR727" s="424"/>
      <c r="CVS727" s="424"/>
      <c r="CVT727" s="424"/>
      <c r="CVU727" s="423" t="s">
        <v>2795</v>
      </c>
      <c r="CVV727" s="424"/>
      <c r="CVW727" s="424"/>
      <c r="CVX727" s="424"/>
      <c r="CVY727" s="423" t="s">
        <v>2795</v>
      </c>
      <c r="CVZ727" s="424"/>
      <c r="CWA727" s="424"/>
      <c r="CWB727" s="424"/>
      <c r="CWC727" s="423" t="s">
        <v>2795</v>
      </c>
      <c r="CWD727" s="424"/>
      <c r="CWE727" s="424"/>
      <c r="CWF727" s="424"/>
      <c r="CWG727" s="423" t="s">
        <v>2795</v>
      </c>
      <c r="CWH727" s="424"/>
      <c r="CWI727" s="424"/>
      <c r="CWJ727" s="424"/>
      <c r="CWK727" s="423" t="s">
        <v>2795</v>
      </c>
      <c r="CWL727" s="424"/>
      <c r="CWM727" s="424"/>
      <c r="CWN727" s="424"/>
      <c r="CWO727" s="423" t="s">
        <v>2795</v>
      </c>
      <c r="CWP727" s="424"/>
      <c r="CWQ727" s="424"/>
      <c r="CWR727" s="424"/>
      <c r="CWS727" s="423" t="s">
        <v>2795</v>
      </c>
      <c r="CWT727" s="424"/>
      <c r="CWU727" s="424"/>
      <c r="CWV727" s="424"/>
      <c r="CWW727" s="423" t="s">
        <v>2795</v>
      </c>
      <c r="CWX727" s="424"/>
      <c r="CWY727" s="424"/>
      <c r="CWZ727" s="424"/>
      <c r="CXA727" s="423" t="s">
        <v>2795</v>
      </c>
      <c r="CXB727" s="424"/>
      <c r="CXC727" s="424"/>
      <c r="CXD727" s="424"/>
      <c r="CXE727" s="423" t="s">
        <v>2795</v>
      </c>
      <c r="CXF727" s="424"/>
      <c r="CXG727" s="424"/>
      <c r="CXH727" s="424"/>
      <c r="CXI727" s="423" t="s">
        <v>2795</v>
      </c>
      <c r="CXJ727" s="424"/>
      <c r="CXK727" s="424"/>
      <c r="CXL727" s="424"/>
      <c r="CXM727" s="423" t="s">
        <v>2795</v>
      </c>
      <c r="CXN727" s="424"/>
      <c r="CXO727" s="424"/>
      <c r="CXP727" s="424"/>
      <c r="CXQ727" s="423" t="s">
        <v>2795</v>
      </c>
      <c r="CXR727" s="424"/>
      <c r="CXS727" s="424"/>
      <c r="CXT727" s="424"/>
      <c r="CXU727" s="423" t="s">
        <v>2795</v>
      </c>
      <c r="CXV727" s="424"/>
      <c r="CXW727" s="424"/>
      <c r="CXX727" s="424"/>
      <c r="CXY727" s="423" t="s">
        <v>2795</v>
      </c>
      <c r="CXZ727" s="424"/>
      <c r="CYA727" s="424"/>
      <c r="CYB727" s="424"/>
      <c r="CYC727" s="423" t="s">
        <v>2795</v>
      </c>
      <c r="CYD727" s="424"/>
      <c r="CYE727" s="424"/>
      <c r="CYF727" s="424"/>
      <c r="CYG727" s="423" t="s">
        <v>2795</v>
      </c>
      <c r="CYH727" s="424"/>
      <c r="CYI727" s="424"/>
      <c r="CYJ727" s="424"/>
      <c r="CYK727" s="423" t="s">
        <v>2795</v>
      </c>
      <c r="CYL727" s="424"/>
      <c r="CYM727" s="424"/>
      <c r="CYN727" s="424"/>
      <c r="CYO727" s="423" t="s">
        <v>2795</v>
      </c>
      <c r="CYP727" s="424"/>
      <c r="CYQ727" s="424"/>
      <c r="CYR727" s="424"/>
      <c r="CYS727" s="423" t="s">
        <v>2795</v>
      </c>
      <c r="CYT727" s="424"/>
      <c r="CYU727" s="424"/>
      <c r="CYV727" s="424"/>
      <c r="CYW727" s="423" t="s">
        <v>2795</v>
      </c>
      <c r="CYX727" s="424"/>
      <c r="CYY727" s="424"/>
      <c r="CYZ727" s="424"/>
      <c r="CZA727" s="423" t="s">
        <v>2795</v>
      </c>
      <c r="CZB727" s="424"/>
      <c r="CZC727" s="424"/>
      <c r="CZD727" s="424"/>
      <c r="CZE727" s="423" t="s">
        <v>2795</v>
      </c>
      <c r="CZF727" s="424"/>
      <c r="CZG727" s="424"/>
      <c r="CZH727" s="424"/>
      <c r="CZI727" s="423" t="s">
        <v>2795</v>
      </c>
      <c r="CZJ727" s="424"/>
      <c r="CZK727" s="424"/>
      <c r="CZL727" s="424"/>
      <c r="CZM727" s="423" t="s">
        <v>2795</v>
      </c>
      <c r="CZN727" s="424"/>
      <c r="CZO727" s="424"/>
      <c r="CZP727" s="424"/>
      <c r="CZQ727" s="423" t="s">
        <v>2795</v>
      </c>
      <c r="CZR727" s="424"/>
      <c r="CZS727" s="424"/>
      <c r="CZT727" s="424"/>
      <c r="CZU727" s="423" t="s">
        <v>2795</v>
      </c>
      <c r="CZV727" s="424"/>
      <c r="CZW727" s="424"/>
      <c r="CZX727" s="424"/>
      <c r="CZY727" s="423" t="s">
        <v>2795</v>
      </c>
      <c r="CZZ727" s="424"/>
      <c r="DAA727" s="424"/>
      <c r="DAB727" s="424"/>
      <c r="DAC727" s="423" t="s">
        <v>2795</v>
      </c>
      <c r="DAD727" s="424"/>
      <c r="DAE727" s="424"/>
      <c r="DAF727" s="424"/>
      <c r="DAG727" s="423" t="s">
        <v>2795</v>
      </c>
      <c r="DAH727" s="424"/>
      <c r="DAI727" s="424"/>
      <c r="DAJ727" s="424"/>
      <c r="DAK727" s="423" t="s">
        <v>2795</v>
      </c>
      <c r="DAL727" s="424"/>
      <c r="DAM727" s="424"/>
      <c r="DAN727" s="424"/>
      <c r="DAO727" s="423" t="s">
        <v>2795</v>
      </c>
      <c r="DAP727" s="424"/>
      <c r="DAQ727" s="424"/>
      <c r="DAR727" s="424"/>
      <c r="DAS727" s="423" t="s">
        <v>2795</v>
      </c>
      <c r="DAT727" s="424"/>
      <c r="DAU727" s="424"/>
      <c r="DAV727" s="424"/>
      <c r="DAW727" s="423" t="s">
        <v>2795</v>
      </c>
      <c r="DAX727" s="424"/>
      <c r="DAY727" s="424"/>
      <c r="DAZ727" s="424"/>
      <c r="DBA727" s="423" t="s">
        <v>2795</v>
      </c>
      <c r="DBB727" s="424"/>
      <c r="DBC727" s="424"/>
      <c r="DBD727" s="424"/>
      <c r="DBE727" s="423" t="s">
        <v>2795</v>
      </c>
      <c r="DBF727" s="424"/>
      <c r="DBG727" s="424"/>
      <c r="DBH727" s="424"/>
      <c r="DBI727" s="423" t="s">
        <v>2795</v>
      </c>
      <c r="DBJ727" s="424"/>
      <c r="DBK727" s="424"/>
      <c r="DBL727" s="424"/>
      <c r="DBM727" s="423" t="s">
        <v>2795</v>
      </c>
      <c r="DBN727" s="424"/>
      <c r="DBO727" s="424"/>
      <c r="DBP727" s="424"/>
      <c r="DBQ727" s="423" t="s">
        <v>2795</v>
      </c>
      <c r="DBR727" s="424"/>
      <c r="DBS727" s="424"/>
      <c r="DBT727" s="424"/>
      <c r="DBU727" s="423" t="s">
        <v>2795</v>
      </c>
      <c r="DBV727" s="424"/>
      <c r="DBW727" s="424"/>
      <c r="DBX727" s="424"/>
      <c r="DBY727" s="423" t="s">
        <v>2795</v>
      </c>
      <c r="DBZ727" s="424"/>
      <c r="DCA727" s="424"/>
      <c r="DCB727" s="424"/>
      <c r="DCC727" s="423" t="s">
        <v>2795</v>
      </c>
      <c r="DCD727" s="424"/>
      <c r="DCE727" s="424"/>
      <c r="DCF727" s="424"/>
      <c r="DCG727" s="423" t="s">
        <v>2795</v>
      </c>
      <c r="DCH727" s="424"/>
      <c r="DCI727" s="424"/>
      <c r="DCJ727" s="424"/>
      <c r="DCK727" s="423" t="s">
        <v>2795</v>
      </c>
      <c r="DCL727" s="424"/>
      <c r="DCM727" s="424"/>
      <c r="DCN727" s="424"/>
      <c r="DCO727" s="423" t="s">
        <v>2795</v>
      </c>
      <c r="DCP727" s="424"/>
      <c r="DCQ727" s="424"/>
      <c r="DCR727" s="424"/>
      <c r="DCS727" s="423" t="s">
        <v>2795</v>
      </c>
      <c r="DCT727" s="424"/>
      <c r="DCU727" s="424"/>
      <c r="DCV727" s="424"/>
      <c r="DCW727" s="423" t="s">
        <v>2795</v>
      </c>
      <c r="DCX727" s="424"/>
      <c r="DCY727" s="424"/>
      <c r="DCZ727" s="424"/>
      <c r="DDA727" s="423" t="s">
        <v>2795</v>
      </c>
      <c r="DDB727" s="424"/>
      <c r="DDC727" s="424"/>
      <c r="DDD727" s="424"/>
      <c r="DDE727" s="423" t="s">
        <v>2795</v>
      </c>
      <c r="DDF727" s="424"/>
      <c r="DDG727" s="424"/>
      <c r="DDH727" s="424"/>
      <c r="DDI727" s="423" t="s">
        <v>2795</v>
      </c>
      <c r="DDJ727" s="424"/>
      <c r="DDK727" s="424"/>
      <c r="DDL727" s="424"/>
      <c r="DDM727" s="423" t="s">
        <v>2795</v>
      </c>
      <c r="DDN727" s="424"/>
      <c r="DDO727" s="424"/>
      <c r="DDP727" s="424"/>
      <c r="DDQ727" s="423" t="s">
        <v>2795</v>
      </c>
      <c r="DDR727" s="424"/>
      <c r="DDS727" s="424"/>
      <c r="DDT727" s="424"/>
      <c r="DDU727" s="423" t="s">
        <v>2795</v>
      </c>
      <c r="DDV727" s="424"/>
      <c r="DDW727" s="424"/>
      <c r="DDX727" s="424"/>
      <c r="DDY727" s="423" t="s">
        <v>2795</v>
      </c>
      <c r="DDZ727" s="424"/>
      <c r="DEA727" s="424"/>
      <c r="DEB727" s="424"/>
      <c r="DEC727" s="423" t="s">
        <v>2795</v>
      </c>
      <c r="DED727" s="424"/>
      <c r="DEE727" s="424"/>
      <c r="DEF727" s="424"/>
      <c r="DEG727" s="423" t="s">
        <v>2795</v>
      </c>
      <c r="DEH727" s="424"/>
      <c r="DEI727" s="424"/>
      <c r="DEJ727" s="424"/>
      <c r="DEK727" s="423" t="s">
        <v>2795</v>
      </c>
      <c r="DEL727" s="424"/>
      <c r="DEM727" s="424"/>
      <c r="DEN727" s="424"/>
      <c r="DEO727" s="423" t="s">
        <v>2795</v>
      </c>
      <c r="DEP727" s="424"/>
      <c r="DEQ727" s="424"/>
      <c r="DER727" s="424"/>
      <c r="DES727" s="423" t="s">
        <v>2795</v>
      </c>
      <c r="DET727" s="424"/>
      <c r="DEU727" s="424"/>
      <c r="DEV727" s="424"/>
      <c r="DEW727" s="423" t="s">
        <v>2795</v>
      </c>
      <c r="DEX727" s="424"/>
      <c r="DEY727" s="424"/>
      <c r="DEZ727" s="424"/>
      <c r="DFA727" s="423" t="s">
        <v>2795</v>
      </c>
      <c r="DFB727" s="424"/>
      <c r="DFC727" s="424"/>
      <c r="DFD727" s="424"/>
      <c r="DFE727" s="423" t="s">
        <v>2795</v>
      </c>
      <c r="DFF727" s="424"/>
      <c r="DFG727" s="424"/>
      <c r="DFH727" s="424"/>
      <c r="DFI727" s="423" t="s">
        <v>2795</v>
      </c>
      <c r="DFJ727" s="424"/>
      <c r="DFK727" s="424"/>
      <c r="DFL727" s="424"/>
      <c r="DFM727" s="423" t="s">
        <v>2795</v>
      </c>
      <c r="DFN727" s="424"/>
      <c r="DFO727" s="424"/>
      <c r="DFP727" s="424"/>
      <c r="DFQ727" s="423" t="s">
        <v>2795</v>
      </c>
      <c r="DFR727" s="424"/>
      <c r="DFS727" s="424"/>
      <c r="DFT727" s="424"/>
      <c r="DFU727" s="423" t="s">
        <v>2795</v>
      </c>
      <c r="DFV727" s="424"/>
      <c r="DFW727" s="424"/>
      <c r="DFX727" s="424"/>
      <c r="DFY727" s="423" t="s">
        <v>2795</v>
      </c>
      <c r="DFZ727" s="424"/>
      <c r="DGA727" s="424"/>
      <c r="DGB727" s="424"/>
      <c r="DGC727" s="423" t="s">
        <v>2795</v>
      </c>
      <c r="DGD727" s="424"/>
      <c r="DGE727" s="424"/>
      <c r="DGF727" s="424"/>
      <c r="DGG727" s="423" t="s">
        <v>2795</v>
      </c>
      <c r="DGH727" s="424"/>
      <c r="DGI727" s="424"/>
      <c r="DGJ727" s="424"/>
      <c r="DGK727" s="423" t="s">
        <v>2795</v>
      </c>
      <c r="DGL727" s="424"/>
      <c r="DGM727" s="424"/>
      <c r="DGN727" s="424"/>
      <c r="DGO727" s="423" t="s">
        <v>2795</v>
      </c>
      <c r="DGP727" s="424"/>
      <c r="DGQ727" s="424"/>
      <c r="DGR727" s="424"/>
      <c r="DGS727" s="423" t="s">
        <v>2795</v>
      </c>
      <c r="DGT727" s="424"/>
      <c r="DGU727" s="424"/>
      <c r="DGV727" s="424"/>
      <c r="DGW727" s="423" t="s">
        <v>2795</v>
      </c>
      <c r="DGX727" s="424"/>
      <c r="DGY727" s="424"/>
      <c r="DGZ727" s="424"/>
      <c r="DHA727" s="423" t="s">
        <v>2795</v>
      </c>
      <c r="DHB727" s="424"/>
      <c r="DHC727" s="424"/>
      <c r="DHD727" s="424"/>
      <c r="DHE727" s="423" t="s">
        <v>2795</v>
      </c>
      <c r="DHF727" s="424"/>
      <c r="DHG727" s="424"/>
      <c r="DHH727" s="424"/>
      <c r="DHI727" s="423" t="s">
        <v>2795</v>
      </c>
      <c r="DHJ727" s="424"/>
      <c r="DHK727" s="424"/>
      <c r="DHL727" s="424"/>
      <c r="DHM727" s="423" t="s">
        <v>2795</v>
      </c>
      <c r="DHN727" s="424"/>
      <c r="DHO727" s="424"/>
      <c r="DHP727" s="424"/>
      <c r="DHQ727" s="423" t="s">
        <v>2795</v>
      </c>
      <c r="DHR727" s="424"/>
      <c r="DHS727" s="424"/>
      <c r="DHT727" s="424"/>
      <c r="DHU727" s="423" t="s">
        <v>2795</v>
      </c>
      <c r="DHV727" s="424"/>
      <c r="DHW727" s="424"/>
      <c r="DHX727" s="424"/>
      <c r="DHY727" s="423" t="s">
        <v>2795</v>
      </c>
      <c r="DHZ727" s="424"/>
      <c r="DIA727" s="424"/>
      <c r="DIB727" s="424"/>
      <c r="DIC727" s="423" t="s">
        <v>2795</v>
      </c>
      <c r="DID727" s="424"/>
      <c r="DIE727" s="424"/>
      <c r="DIF727" s="424"/>
      <c r="DIG727" s="423" t="s">
        <v>2795</v>
      </c>
      <c r="DIH727" s="424"/>
      <c r="DII727" s="424"/>
      <c r="DIJ727" s="424"/>
      <c r="DIK727" s="423" t="s">
        <v>2795</v>
      </c>
      <c r="DIL727" s="424"/>
      <c r="DIM727" s="424"/>
      <c r="DIN727" s="424"/>
      <c r="DIO727" s="423" t="s">
        <v>2795</v>
      </c>
      <c r="DIP727" s="424"/>
      <c r="DIQ727" s="424"/>
      <c r="DIR727" s="424"/>
      <c r="DIS727" s="423" t="s">
        <v>2795</v>
      </c>
      <c r="DIT727" s="424"/>
      <c r="DIU727" s="424"/>
      <c r="DIV727" s="424"/>
      <c r="DIW727" s="423" t="s">
        <v>2795</v>
      </c>
      <c r="DIX727" s="424"/>
      <c r="DIY727" s="424"/>
      <c r="DIZ727" s="424"/>
      <c r="DJA727" s="423" t="s">
        <v>2795</v>
      </c>
      <c r="DJB727" s="424"/>
      <c r="DJC727" s="424"/>
      <c r="DJD727" s="424"/>
      <c r="DJE727" s="423" t="s">
        <v>2795</v>
      </c>
      <c r="DJF727" s="424"/>
      <c r="DJG727" s="424"/>
      <c r="DJH727" s="424"/>
      <c r="DJI727" s="423" t="s">
        <v>2795</v>
      </c>
      <c r="DJJ727" s="424"/>
      <c r="DJK727" s="424"/>
      <c r="DJL727" s="424"/>
      <c r="DJM727" s="423" t="s">
        <v>2795</v>
      </c>
      <c r="DJN727" s="424"/>
      <c r="DJO727" s="424"/>
      <c r="DJP727" s="424"/>
      <c r="DJQ727" s="423" t="s">
        <v>2795</v>
      </c>
      <c r="DJR727" s="424"/>
      <c r="DJS727" s="424"/>
      <c r="DJT727" s="424"/>
      <c r="DJU727" s="423" t="s">
        <v>2795</v>
      </c>
      <c r="DJV727" s="424"/>
      <c r="DJW727" s="424"/>
      <c r="DJX727" s="424"/>
      <c r="DJY727" s="423" t="s">
        <v>2795</v>
      </c>
      <c r="DJZ727" s="424"/>
      <c r="DKA727" s="424"/>
      <c r="DKB727" s="424"/>
      <c r="DKC727" s="423" t="s">
        <v>2795</v>
      </c>
      <c r="DKD727" s="424"/>
      <c r="DKE727" s="424"/>
      <c r="DKF727" s="424"/>
      <c r="DKG727" s="423" t="s">
        <v>2795</v>
      </c>
      <c r="DKH727" s="424"/>
      <c r="DKI727" s="424"/>
      <c r="DKJ727" s="424"/>
      <c r="DKK727" s="423" t="s">
        <v>2795</v>
      </c>
      <c r="DKL727" s="424"/>
      <c r="DKM727" s="424"/>
      <c r="DKN727" s="424"/>
      <c r="DKO727" s="423" t="s">
        <v>2795</v>
      </c>
      <c r="DKP727" s="424"/>
      <c r="DKQ727" s="424"/>
      <c r="DKR727" s="424"/>
      <c r="DKS727" s="423" t="s">
        <v>2795</v>
      </c>
      <c r="DKT727" s="424"/>
      <c r="DKU727" s="424"/>
      <c r="DKV727" s="424"/>
      <c r="DKW727" s="423" t="s">
        <v>2795</v>
      </c>
      <c r="DKX727" s="424"/>
      <c r="DKY727" s="424"/>
      <c r="DKZ727" s="424"/>
      <c r="DLA727" s="423" t="s">
        <v>2795</v>
      </c>
      <c r="DLB727" s="424"/>
      <c r="DLC727" s="424"/>
      <c r="DLD727" s="424"/>
      <c r="DLE727" s="423" t="s">
        <v>2795</v>
      </c>
      <c r="DLF727" s="424"/>
      <c r="DLG727" s="424"/>
      <c r="DLH727" s="424"/>
      <c r="DLI727" s="423" t="s">
        <v>2795</v>
      </c>
      <c r="DLJ727" s="424"/>
      <c r="DLK727" s="424"/>
      <c r="DLL727" s="424"/>
      <c r="DLM727" s="423" t="s">
        <v>2795</v>
      </c>
      <c r="DLN727" s="424"/>
      <c r="DLO727" s="424"/>
      <c r="DLP727" s="424"/>
      <c r="DLQ727" s="423" t="s">
        <v>2795</v>
      </c>
      <c r="DLR727" s="424"/>
      <c r="DLS727" s="424"/>
      <c r="DLT727" s="424"/>
      <c r="DLU727" s="423" t="s">
        <v>2795</v>
      </c>
      <c r="DLV727" s="424"/>
      <c r="DLW727" s="424"/>
      <c r="DLX727" s="424"/>
      <c r="DLY727" s="423" t="s">
        <v>2795</v>
      </c>
      <c r="DLZ727" s="424"/>
      <c r="DMA727" s="424"/>
      <c r="DMB727" s="424"/>
      <c r="DMC727" s="423" t="s">
        <v>2795</v>
      </c>
      <c r="DMD727" s="424"/>
      <c r="DME727" s="424"/>
      <c r="DMF727" s="424"/>
      <c r="DMG727" s="423" t="s">
        <v>2795</v>
      </c>
      <c r="DMH727" s="424"/>
      <c r="DMI727" s="424"/>
      <c r="DMJ727" s="424"/>
      <c r="DMK727" s="423" t="s">
        <v>2795</v>
      </c>
      <c r="DML727" s="424"/>
      <c r="DMM727" s="424"/>
      <c r="DMN727" s="424"/>
      <c r="DMO727" s="423" t="s">
        <v>2795</v>
      </c>
      <c r="DMP727" s="424"/>
      <c r="DMQ727" s="424"/>
      <c r="DMR727" s="424"/>
      <c r="DMS727" s="423" t="s">
        <v>2795</v>
      </c>
      <c r="DMT727" s="424"/>
      <c r="DMU727" s="424"/>
      <c r="DMV727" s="424"/>
      <c r="DMW727" s="423" t="s">
        <v>2795</v>
      </c>
      <c r="DMX727" s="424"/>
      <c r="DMY727" s="424"/>
      <c r="DMZ727" s="424"/>
      <c r="DNA727" s="423" t="s">
        <v>2795</v>
      </c>
      <c r="DNB727" s="424"/>
      <c r="DNC727" s="424"/>
      <c r="DND727" s="424"/>
      <c r="DNE727" s="423" t="s">
        <v>2795</v>
      </c>
      <c r="DNF727" s="424"/>
      <c r="DNG727" s="424"/>
      <c r="DNH727" s="424"/>
      <c r="DNI727" s="423" t="s">
        <v>2795</v>
      </c>
      <c r="DNJ727" s="424"/>
      <c r="DNK727" s="424"/>
      <c r="DNL727" s="424"/>
      <c r="DNM727" s="423" t="s">
        <v>2795</v>
      </c>
      <c r="DNN727" s="424"/>
      <c r="DNO727" s="424"/>
      <c r="DNP727" s="424"/>
      <c r="DNQ727" s="423" t="s">
        <v>2795</v>
      </c>
      <c r="DNR727" s="424"/>
      <c r="DNS727" s="424"/>
      <c r="DNT727" s="424"/>
      <c r="DNU727" s="423" t="s">
        <v>2795</v>
      </c>
      <c r="DNV727" s="424"/>
      <c r="DNW727" s="424"/>
      <c r="DNX727" s="424"/>
      <c r="DNY727" s="423" t="s">
        <v>2795</v>
      </c>
      <c r="DNZ727" s="424"/>
      <c r="DOA727" s="424"/>
      <c r="DOB727" s="424"/>
      <c r="DOC727" s="423" t="s">
        <v>2795</v>
      </c>
      <c r="DOD727" s="424"/>
      <c r="DOE727" s="424"/>
      <c r="DOF727" s="424"/>
      <c r="DOG727" s="423" t="s">
        <v>2795</v>
      </c>
      <c r="DOH727" s="424"/>
      <c r="DOI727" s="424"/>
      <c r="DOJ727" s="424"/>
      <c r="DOK727" s="423" t="s">
        <v>2795</v>
      </c>
      <c r="DOL727" s="424"/>
      <c r="DOM727" s="424"/>
      <c r="DON727" s="424"/>
      <c r="DOO727" s="423" t="s">
        <v>2795</v>
      </c>
      <c r="DOP727" s="424"/>
      <c r="DOQ727" s="424"/>
      <c r="DOR727" s="424"/>
      <c r="DOS727" s="423" t="s">
        <v>2795</v>
      </c>
      <c r="DOT727" s="424"/>
      <c r="DOU727" s="424"/>
      <c r="DOV727" s="424"/>
      <c r="DOW727" s="423" t="s">
        <v>2795</v>
      </c>
      <c r="DOX727" s="424"/>
      <c r="DOY727" s="424"/>
      <c r="DOZ727" s="424"/>
      <c r="DPA727" s="423" t="s">
        <v>2795</v>
      </c>
      <c r="DPB727" s="424"/>
      <c r="DPC727" s="424"/>
      <c r="DPD727" s="424"/>
      <c r="DPE727" s="423" t="s">
        <v>2795</v>
      </c>
      <c r="DPF727" s="424"/>
      <c r="DPG727" s="424"/>
      <c r="DPH727" s="424"/>
      <c r="DPI727" s="423" t="s">
        <v>2795</v>
      </c>
      <c r="DPJ727" s="424"/>
      <c r="DPK727" s="424"/>
      <c r="DPL727" s="424"/>
      <c r="DPM727" s="423" t="s">
        <v>2795</v>
      </c>
      <c r="DPN727" s="424"/>
      <c r="DPO727" s="424"/>
      <c r="DPP727" s="424"/>
      <c r="DPQ727" s="423" t="s">
        <v>2795</v>
      </c>
      <c r="DPR727" s="424"/>
      <c r="DPS727" s="424"/>
      <c r="DPT727" s="424"/>
      <c r="DPU727" s="423" t="s">
        <v>2795</v>
      </c>
      <c r="DPV727" s="424"/>
      <c r="DPW727" s="424"/>
      <c r="DPX727" s="424"/>
      <c r="DPY727" s="423" t="s">
        <v>2795</v>
      </c>
      <c r="DPZ727" s="424"/>
      <c r="DQA727" s="424"/>
      <c r="DQB727" s="424"/>
      <c r="DQC727" s="423" t="s">
        <v>2795</v>
      </c>
      <c r="DQD727" s="424"/>
      <c r="DQE727" s="424"/>
      <c r="DQF727" s="424"/>
      <c r="DQG727" s="423" t="s">
        <v>2795</v>
      </c>
      <c r="DQH727" s="424"/>
      <c r="DQI727" s="424"/>
      <c r="DQJ727" s="424"/>
      <c r="DQK727" s="423" t="s">
        <v>2795</v>
      </c>
      <c r="DQL727" s="424"/>
      <c r="DQM727" s="424"/>
      <c r="DQN727" s="424"/>
      <c r="DQO727" s="423" t="s">
        <v>2795</v>
      </c>
      <c r="DQP727" s="424"/>
      <c r="DQQ727" s="424"/>
      <c r="DQR727" s="424"/>
      <c r="DQS727" s="423" t="s">
        <v>2795</v>
      </c>
      <c r="DQT727" s="424"/>
      <c r="DQU727" s="424"/>
      <c r="DQV727" s="424"/>
      <c r="DQW727" s="423" t="s">
        <v>2795</v>
      </c>
      <c r="DQX727" s="424"/>
      <c r="DQY727" s="424"/>
      <c r="DQZ727" s="424"/>
      <c r="DRA727" s="423" t="s">
        <v>2795</v>
      </c>
      <c r="DRB727" s="424"/>
      <c r="DRC727" s="424"/>
      <c r="DRD727" s="424"/>
      <c r="DRE727" s="423" t="s">
        <v>2795</v>
      </c>
      <c r="DRF727" s="424"/>
      <c r="DRG727" s="424"/>
      <c r="DRH727" s="424"/>
      <c r="DRI727" s="423" t="s">
        <v>2795</v>
      </c>
      <c r="DRJ727" s="424"/>
      <c r="DRK727" s="424"/>
      <c r="DRL727" s="424"/>
      <c r="DRM727" s="423" t="s">
        <v>2795</v>
      </c>
      <c r="DRN727" s="424"/>
      <c r="DRO727" s="424"/>
      <c r="DRP727" s="424"/>
      <c r="DRQ727" s="423" t="s">
        <v>2795</v>
      </c>
      <c r="DRR727" s="424"/>
      <c r="DRS727" s="424"/>
      <c r="DRT727" s="424"/>
      <c r="DRU727" s="423" t="s">
        <v>2795</v>
      </c>
      <c r="DRV727" s="424"/>
      <c r="DRW727" s="424"/>
      <c r="DRX727" s="424"/>
      <c r="DRY727" s="423" t="s">
        <v>2795</v>
      </c>
      <c r="DRZ727" s="424"/>
      <c r="DSA727" s="424"/>
      <c r="DSB727" s="424"/>
      <c r="DSC727" s="423" t="s">
        <v>2795</v>
      </c>
      <c r="DSD727" s="424"/>
      <c r="DSE727" s="424"/>
      <c r="DSF727" s="424"/>
      <c r="DSG727" s="423" t="s">
        <v>2795</v>
      </c>
      <c r="DSH727" s="424"/>
      <c r="DSI727" s="424"/>
      <c r="DSJ727" s="424"/>
      <c r="DSK727" s="423" t="s">
        <v>2795</v>
      </c>
      <c r="DSL727" s="424"/>
      <c r="DSM727" s="424"/>
      <c r="DSN727" s="424"/>
      <c r="DSO727" s="423" t="s">
        <v>2795</v>
      </c>
      <c r="DSP727" s="424"/>
      <c r="DSQ727" s="424"/>
      <c r="DSR727" s="424"/>
      <c r="DSS727" s="423" t="s">
        <v>2795</v>
      </c>
      <c r="DST727" s="424"/>
      <c r="DSU727" s="424"/>
      <c r="DSV727" s="424"/>
      <c r="DSW727" s="423" t="s">
        <v>2795</v>
      </c>
      <c r="DSX727" s="424"/>
      <c r="DSY727" s="424"/>
      <c r="DSZ727" s="424"/>
      <c r="DTA727" s="423" t="s">
        <v>2795</v>
      </c>
      <c r="DTB727" s="424"/>
      <c r="DTC727" s="424"/>
      <c r="DTD727" s="424"/>
      <c r="DTE727" s="423" t="s">
        <v>2795</v>
      </c>
      <c r="DTF727" s="424"/>
      <c r="DTG727" s="424"/>
      <c r="DTH727" s="424"/>
      <c r="DTI727" s="423" t="s">
        <v>2795</v>
      </c>
      <c r="DTJ727" s="424"/>
      <c r="DTK727" s="424"/>
      <c r="DTL727" s="424"/>
      <c r="DTM727" s="423" t="s">
        <v>2795</v>
      </c>
      <c r="DTN727" s="424"/>
      <c r="DTO727" s="424"/>
      <c r="DTP727" s="424"/>
      <c r="DTQ727" s="423" t="s">
        <v>2795</v>
      </c>
      <c r="DTR727" s="424"/>
      <c r="DTS727" s="424"/>
      <c r="DTT727" s="424"/>
      <c r="DTU727" s="423" t="s">
        <v>2795</v>
      </c>
      <c r="DTV727" s="424"/>
      <c r="DTW727" s="424"/>
      <c r="DTX727" s="424"/>
      <c r="DTY727" s="423" t="s">
        <v>2795</v>
      </c>
      <c r="DTZ727" s="424"/>
      <c r="DUA727" s="424"/>
      <c r="DUB727" s="424"/>
      <c r="DUC727" s="423" t="s">
        <v>2795</v>
      </c>
      <c r="DUD727" s="424"/>
      <c r="DUE727" s="424"/>
      <c r="DUF727" s="424"/>
      <c r="DUG727" s="423" t="s">
        <v>2795</v>
      </c>
      <c r="DUH727" s="424"/>
      <c r="DUI727" s="424"/>
      <c r="DUJ727" s="424"/>
      <c r="DUK727" s="423" t="s">
        <v>2795</v>
      </c>
      <c r="DUL727" s="424"/>
      <c r="DUM727" s="424"/>
      <c r="DUN727" s="424"/>
      <c r="DUO727" s="423" t="s">
        <v>2795</v>
      </c>
      <c r="DUP727" s="424"/>
      <c r="DUQ727" s="424"/>
      <c r="DUR727" s="424"/>
      <c r="DUS727" s="423" t="s">
        <v>2795</v>
      </c>
      <c r="DUT727" s="424"/>
      <c r="DUU727" s="424"/>
      <c r="DUV727" s="424"/>
      <c r="DUW727" s="423" t="s">
        <v>2795</v>
      </c>
      <c r="DUX727" s="424"/>
      <c r="DUY727" s="424"/>
      <c r="DUZ727" s="424"/>
      <c r="DVA727" s="423" t="s">
        <v>2795</v>
      </c>
      <c r="DVB727" s="424"/>
      <c r="DVC727" s="424"/>
      <c r="DVD727" s="424"/>
      <c r="DVE727" s="423" t="s">
        <v>2795</v>
      </c>
      <c r="DVF727" s="424"/>
      <c r="DVG727" s="424"/>
      <c r="DVH727" s="424"/>
      <c r="DVI727" s="423" t="s">
        <v>2795</v>
      </c>
      <c r="DVJ727" s="424"/>
      <c r="DVK727" s="424"/>
      <c r="DVL727" s="424"/>
      <c r="DVM727" s="423" t="s">
        <v>2795</v>
      </c>
      <c r="DVN727" s="424"/>
      <c r="DVO727" s="424"/>
      <c r="DVP727" s="424"/>
      <c r="DVQ727" s="423" t="s">
        <v>2795</v>
      </c>
      <c r="DVR727" s="424"/>
      <c r="DVS727" s="424"/>
      <c r="DVT727" s="424"/>
      <c r="DVU727" s="423" t="s">
        <v>2795</v>
      </c>
      <c r="DVV727" s="424"/>
      <c r="DVW727" s="424"/>
      <c r="DVX727" s="424"/>
      <c r="DVY727" s="423" t="s">
        <v>2795</v>
      </c>
      <c r="DVZ727" s="424"/>
      <c r="DWA727" s="424"/>
      <c r="DWB727" s="424"/>
      <c r="DWC727" s="423" t="s">
        <v>2795</v>
      </c>
      <c r="DWD727" s="424"/>
      <c r="DWE727" s="424"/>
      <c r="DWF727" s="424"/>
      <c r="DWG727" s="423" t="s">
        <v>2795</v>
      </c>
      <c r="DWH727" s="424"/>
      <c r="DWI727" s="424"/>
      <c r="DWJ727" s="424"/>
      <c r="DWK727" s="423" t="s">
        <v>2795</v>
      </c>
      <c r="DWL727" s="424"/>
      <c r="DWM727" s="424"/>
      <c r="DWN727" s="424"/>
      <c r="DWO727" s="423" t="s">
        <v>2795</v>
      </c>
      <c r="DWP727" s="424"/>
      <c r="DWQ727" s="424"/>
      <c r="DWR727" s="424"/>
      <c r="DWS727" s="423" t="s">
        <v>2795</v>
      </c>
      <c r="DWT727" s="424"/>
      <c r="DWU727" s="424"/>
      <c r="DWV727" s="424"/>
      <c r="DWW727" s="423" t="s">
        <v>2795</v>
      </c>
      <c r="DWX727" s="424"/>
      <c r="DWY727" s="424"/>
      <c r="DWZ727" s="424"/>
      <c r="DXA727" s="423" t="s">
        <v>2795</v>
      </c>
      <c r="DXB727" s="424"/>
      <c r="DXC727" s="424"/>
      <c r="DXD727" s="424"/>
      <c r="DXE727" s="423" t="s">
        <v>2795</v>
      </c>
      <c r="DXF727" s="424"/>
      <c r="DXG727" s="424"/>
      <c r="DXH727" s="424"/>
      <c r="DXI727" s="423" t="s">
        <v>2795</v>
      </c>
      <c r="DXJ727" s="424"/>
      <c r="DXK727" s="424"/>
      <c r="DXL727" s="424"/>
      <c r="DXM727" s="423" t="s">
        <v>2795</v>
      </c>
      <c r="DXN727" s="424"/>
      <c r="DXO727" s="424"/>
      <c r="DXP727" s="424"/>
      <c r="DXQ727" s="423" t="s">
        <v>2795</v>
      </c>
      <c r="DXR727" s="424"/>
      <c r="DXS727" s="424"/>
      <c r="DXT727" s="424"/>
      <c r="DXU727" s="423" t="s">
        <v>2795</v>
      </c>
      <c r="DXV727" s="424"/>
      <c r="DXW727" s="424"/>
      <c r="DXX727" s="424"/>
      <c r="DXY727" s="423" t="s">
        <v>2795</v>
      </c>
      <c r="DXZ727" s="424"/>
      <c r="DYA727" s="424"/>
      <c r="DYB727" s="424"/>
      <c r="DYC727" s="423" t="s">
        <v>2795</v>
      </c>
      <c r="DYD727" s="424"/>
      <c r="DYE727" s="424"/>
      <c r="DYF727" s="424"/>
      <c r="DYG727" s="423" t="s">
        <v>2795</v>
      </c>
      <c r="DYH727" s="424"/>
      <c r="DYI727" s="424"/>
      <c r="DYJ727" s="424"/>
      <c r="DYK727" s="423" t="s">
        <v>2795</v>
      </c>
      <c r="DYL727" s="424"/>
      <c r="DYM727" s="424"/>
      <c r="DYN727" s="424"/>
      <c r="DYO727" s="423" t="s">
        <v>2795</v>
      </c>
      <c r="DYP727" s="424"/>
      <c r="DYQ727" s="424"/>
      <c r="DYR727" s="424"/>
      <c r="DYS727" s="423" t="s">
        <v>2795</v>
      </c>
      <c r="DYT727" s="424"/>
      <c r="DYU727" s="424"/>
      <c r="DYV727" s="424"/>
      <c r="DYW727" s="423" t="s">
        <v>2795</v>
      </c>
      <c r="DYX727" s="424"/>
      <c r="DYY727" s="424"/>
      <c r="DYZ727" s="424"/>
      <c r="DZA727" s="423" t="s">
        <v>2795</v>
      </c>
      <c r="DZB727" s="424"/>
      <c r="DZC727" s="424"/>
      <c r="DZD727" s="424"/>
      <c r="DZE727" s="423" t="s">
        <v>2795</v>
      </c>
      <c r="DZF727" s="424"/>
      <c r="DZG727" s="424"/>
      <c r="DZH727" s="424"/>
      <c r="DZI727" s="423" t="s">
        <v>2795</v>
      </c>
      <c r="DZJ727" s="424"/>
      <c r="DZK727" s="424"/>
      <c r="DZL727" s="424"/>
      <c r="DZM727" s="423" t="s">
        <v>2795</v>
      </c>
      <c r="DZN727" s="424"/>
      <c r="DZO727" s="424"/>
      <c r="DZP727" s="424"/>
      <c r="DZQ727" s="423" t="s">
        <v>2795</v>
      </c>
      <c r="DZR727" s="424"/>
      <c r="DZS727" s="424"/>
      <c r="DZT727" s="424"/>
      <c r="DZU727" s="423" t="s">
        <v>2795</v>
      </c>
      <c r="DZV727" s="424"/>
      <c r="DZW727" s="424"/>
      <c r="DZX727" s="424"/>
      <c r="DZY727" s="423" t="s">
        <v>2795</v>
      </c>
      <c r="DZZ727" s="424"/>
      <c r="EAA727" s="424"/>
      <c r="EAB727" s="424"/>
      <c r="EAC727" s="423" t="s">
        <v>2795</v>
      </c>
      <c r="EAD727" s="424"/>
      <c r="EAE727" s="424"/>
      <c r="EAF727" s="424"/>
      <c r="EAG727" s="423" t="s">
        <v>2795</v>
      </c>
      <c r="EAH727" s="424"/>
      <c r="EAI727" s="424"/>
      <c r="EAJ727" s="424"/>
      <c r="EAK727" s="423" t="s">
        <v>2795</v>
      </c>
      <c r="EAL727" s="424"/>
      <c r="EAM727" s="424"/>
      <c r="EAN727" s="424"/>
      <c r="EAO727" s="423" t="s">
        <v>2795</v>
      </c>
      <c r="EAP727" s="424"/>
      <c r="EAQ727" s="424"/>
      <c r="EAR727" s="424"/>
      <c r="EAS727" s="423" t="s">
        <v>2795</v>
      </c>
      <c r="EAT727" s="424"/>
      <c r="EAU727" s="424"/>
      <c r="EAV727" s="424"/>
      <c r="EAW727" s="423" t="s">
        <v>2795</v>
      </c>
      <c r="EAX727" s="424"/>
      <c r="EAY727" s="424"/>
      <c r="EAZ727" s="424"/>
      <c r="EBA727" s="423" t="s">
        <v>2795</v>
      </c>
      <c r="EBB727" s="424"/>
      <c r="EBC727" s="424"/>
      <c r="EBD727" s="424"/>
      <c r="EBE727" s="423" t="s">
        <v>2795</v>
      </c>
      <c r="EBF727" s="424"/>
      <c r="EBG727" s="424"/>
      <c r="EBH727" s="424"/>
      <c r="EBI727" s="423" t="s">
        <v>2795</v>
      </c>
      <c r="EBJ727" s="424"/>
      <c r="EBK727" s="424"/>
      <c r="EBL727" s="424"/>
      <c r="EBM727" s="423" t="s">
        <v>2795</v>
      </c>
      <c r="EBN727" s="424"/>
      <c r="EBO727" s="424"/>
      <c r="EBP727" s="424"/>
      <c r="EBQ727" s="423" t="s">
        <v>2795</v>
      </c>
      <c r="EBR727" s="424"/>
      <c r="EBS727" s="424"/>
      <c r="EBT727" s="424"/>
      <c r="EBU727" s="423" t="s">
        <v>2795</v>
      </c>
      <c r="EBV727" s="424"/>
      <c r="EBW727" s="424"/>
      <c r="EBX727" s="424"/>
      <c r="EBY727" s="423" t="s">
        <v>2795</v>
      </c>
      <c r="EBZ727" s="424"/>
      <c r="ECA727" s="424"/>
      <c r="ECB727" s="424"/>
      <c r="ECC727" s="423" t="s">
        <v>2795</v>
      </c>
      <c r="ECD727" s="424"/>
      <c r="ECE727" s="424"/>
      <c r="ECF727" s="424"/>
      <c r="ECG727" s="423" t="s">
        <v>2795</v>
      </c>
      <c r="ECH727" s="424"/>
      <c r="ECI727" s="424"/>
      <c r="ECJ727" s="424"/>
      <c r="ECK727" s="423" t="s">
        <v>2795</v>
      </c>
      <c r="ECL727" s="424"/>
      <c r="ECM727" s="424"/>
      <c r="ECN727" s="424"/>
      <c r="ECO727" s="423" t="s">
        <v>2795</v>
      </c>
      <c r="ECP727" s="424"/>
      <c r="ECQ727" s="424"/>
      <c r="ECR727" s="424"/>
      <c r="ECS727" s="423" t="s">
        <v>2795</v>
      </c>
      <c r="ECT727" s="424"/>
      <c r="ECU727" s="424"/>
      <c r="ECV727" s="424"/>
      <c r="ECW727" s="423" t="s">
        <v>2795</v>
      </c>
      <c r="ECX727" s="424"/>
      <c r="ECY727" s="424"/>
      <c r="ECZ727" s="424"/>
      <c r="EDA727" s="423" t="s">
        <v>2795</v>
      </c>
      <c r="EDB727" s="424"/>
      <c r="EDC727" s="424"/>
      <c r="EDD727" s="424"/>
      <c r="EDE727" s="423" t="s">
        <v>2795</v>
      </c>
      <c r="EDF727" s="424"/>
      <c r="EDG727" s="424"/>
      <c r="EDH727" s="424"/>
      <c r="EDI727" s="423" t="s">
        <v>2795</v>
      </c>
      <c r="EDJ727" s="424"/>
      <c r="EDK727" s="424"/>
      <c r="EDL727" s="424"/>
      <c r="EDM727" s="423" t="s">
        <v>2795</v>
      </c>
      <c r="EDN727" s="424"/>
      <c r="EDO727" s="424"/>
      <c r="EDP727" s="424"/>
      <c r="EDQ727" s="423" t="s">
        <v>2795</v>
      </c>
      <c r="EDR727" s="424"/>
      <c r="EDS727" s="424"/>
      <c r="EDT727" s="424"/>
      <c r="EDU727" s="423" t="s">
        <v>2795</v>
      </c>
      <c r="EDV727" s="424"/>
      <c r="EDW727" s="424"/>
      <c r="EDX727" s="424"/>
      <c r="EDY727" s="423" t="s">
        <v>2795</v>
      </c>
      <c r="EDZ727" s="424"/>
      <c r="EEA727" s="424"/>
      <c r="EEB727" s="424"/>
      <c r="EEC727" s="423" t="s">
        <v>2795</v>
      </c>
      <c r="EED727" s="424"/>
      <c r="EEE727" s="424"/>
      <c r="EEF727" s="424"/>
      <c r="EEG727" s="423" t="s">
        <v>2795</v>
      </c>
      <c r="EEH727" s="424"/>
      <c r="EEI727" s="424"/>
      <c r="EEJ727" s="424"/>
      <c r="EEK727" s="423" t="s">
        <v>2795</v>
      </c>
      <c r="EEL727" s="424"/>
      <c r="EEM727" s="424"/>
      <c r="EEN727" s="424"/>
      <c r="EEO727" s="423" t="s">
        <v>2795</v>
      </c>
      <c r="EEP727" s="424"/>
      <c r="EEQ727" s="424"/>
      <c r="EER727" s="424"/>
      <c r="EES727" s="423" t="s">
        <v>2795</v>
      </c>
      <c r="EET727" s="424"/>
      <c r="EEU727" s="424"/>
      <c r="EEV727" s="424"/>
      <c r="EEW727" s="423" t="s">
        <v>2795</v>
      </c>
      <c r="EEX727" s="424"/>
      <c r="EEY727" s="424"/>
      <c r="EEZ727" s="424"/>
      <c r="EFA727" s="423" t="s">
        <v>2795</v>
      </c>
      <c r="EFB727" s="424"/>
      <c r="EFC727" s="424"/>
      <c r="EFD727" s="424"/>
      <c r="EFE727" s="423" t="s">
        <v>2795</v>
      </c>
      <c r="EFF727" s="424"/>
      <c r="EFG727" s="424"/>
      <c r="EFH727" s="424"/>
      <c r="EFI727" s="423" t="s">
        <v>2795</v>
      </c>
      <c r="EFJ727" s="424"/>
      <c r="EFK727" s="424"/>
      <c r="EFL727" s="424"/>
      <c r="EFM727" s="423" t="s">
        <v>2795</v>
      </c>
      <c r="EFN727" s="424"/>
      <c r="EFO727" s="424"/>
      <c r="EFP727" s="424"/>
      <c r="EFQ727" s="423" t="s">
        <v>2795</v>
      </c>
      <c r="EFR727" s="424"/>
      <c r="EFS727" s="424"/>
      <c r="EFT727" s="424"/>
      <c r="EFU727" s="423" t="s">
        <v>2795</v>
      </c>
      <c r="EFV727" s="424"/>
      <c r="EFW727" s="424"/>
      <c r="EFX727" s="424"/>
      <c r="EFY727" s="423" t="s">
        <v>2795</v>
      </c>
      <c r="EFZ727" s="424"/>
      <c r="EGA727" s="424"/>
      <c r="EGB727" s="424"/>
      <c r="EGC727" s="423" t="s">
        <v>2795</v>
      </c>
      <c r="EGD727" s="424"/>
      <c r="EGE727" s="424"/>
      <c r="EGF727" s="424"/>
      <c r="EGG727" s="423" t="s">
        <v>2795</v>
      </c>
      <c r="EGH727" s="424"/>
      <c r="EGI727" s="424"/>
      <c r="EGJ727" s="424"/>
      <c r="EGK727" s="423" t="s">
        <v>2795</v>
      </c>
      <c r="EGL727" s="424"/>
      <c r="EGM727" s="424"/>
      <c r="EGN727" s="424"/>
      <c r="EGO727" s="423" t="s">
        <v>2795</v>
      </c>
      <c r="EGP727" s="424"/>
      <c r="EGQ727" s="424"/>
      <c r="EGR727" s="424"/>
      <c r="EGS727" s="423" t="s">
        <v>2795</v>
      </c>
      <c r="EGT727" s="424"/>
      <c r="EGU727" s="424"/>
      <c r="EGV727" s="424"/>
      <c r="EGW727" s="423" t="s">
        <v>2795</v>
      </c>
      <c r="EGX727" s="424"/>
      <c r="EGY727" s="424"/>
      <c r="EGZ727" s="424"/>
      <c r="EHA727" s="423" t="s">
        <v>2795</v>
      </c>
      <c r="EHB727" s="424"/>
      <c r="EHC727" s="424"/>
      <c r="EHD727" s="424"/>
      <c r="EHE727" s="423" t="s">
        <v>2795</v>
      </c>
      <c r="EHF727" s="424"/>
      <c r="EHG727" s="424"/>
      <c r="EHH727" s="424"/>
      <c r="EHI727" s="423" t="s">
        <v>2795</v>
      </c>
      <c r="EHJ727" s="424"/>
      <c r="EHK727" s="424"/>
      <c r="EHL727" s="424"/>
      <c r="EHM727" s="423" t="s">
        <v>2795</v>
      </c>
      <c r="EHN727" s="424"/>
      <c r="EHO727" s="424"/>
      <c r="EHP727" s="424"/>
      <c r="EHQ727" s="423" t="s">
        <v>2795</v>
      </c>
      <c r="EHR727" s="424"/>
      <c r="EHS727" s="424"/>
      <c r="EHT727" s="424"/>
      <c r="EHU727" s="423" t="s">
        <v>2795</v>
      </c>
      <c r="EHV727" s="424"/>
      <c r="EHW727" s="424"/>
      <c r="EHX727" s="424"/>
      <c r="EHY727" s="423" t="s">
        <v>2795</v>
      </c>
      <c r="EHZ727" s="424"/>
      <c r="EIA727" s="424"/>
      <c r="EIB727" s="424"/>
      <c r="EIC727" s="423" t="s">
        <v>2795</v>
      </c>
      <c r="EID727" s="424"/>
      <c r="EIE727" s="424"/>
      <c r="EIF727" s="424"/>
      <c r="EIG727" s="423" t="s">
        <v>2795</v>
      </c>
      <c r="EIH727" s="424"/>
      <c r="EII727" s="424"/>
      <c r="EIJ727" s="424"/>
      <c r="EIK727" s="423" t="s">
        <v>2795</v>
      </c>
      <c r="EIL727" s="424"/>
      <c r="EIM727" s="424"/>
      <c r="EIN727" s="424"/>
      <c r="EIO727" s="423" t="s">
        <v>2795</v>
      </c>
      <c r="EIP727" s="424"/>
      <c r="EIQ727" s="424"/>
      <c r="EIR727" s="424"/>
      <c r="EIS727" s="423" t="s">
        <v>2795</v>
      </c>
      <c r="EIT727" s="424"/>
      <c r="EIU727" s="424"/>
      <c r="EIV727" s="424"/>
      <c r="EIW727" s="423" t="s">
        <v>2795</v>
      </c>
      <c r="EIX727" s="424"/>
      <c r="EIY727" s="424"/>
      <c r="EIZ727" s="424"/>
      <c r="EJA727" s="423" t="s">
        <v>2795</v>
      </c>
      <c r="EJB727" s="424"/>
      <c r="EJC727" s="424"/>
      <c r="EJD727" s="424"/>
      <c r="EJE727" s="423" t="s">
        <v>2795</v>
      </c>
      <c r="EJF727" s="424"/>
      <c r="EJG727" s="424"/>
      <c r="EJH727" s="424"/>
      <c r="EJI727" s="423" t="s">
        <v>2795</v>
      </c>
      <c r="EJJ727" s="424"/>
      <c r="EJK727" s="424"/>
      <c r="EJL727" s="424"/>
      <c r="EJM727" s="423" t="s">
        <v>2795</v>
      </c>
      <c r="EJN727" s="424"/>
      <c r="EJO727" s="424"/>
      <c r="EJP727" s="424"/>
      <c r="EJQ727" s="423" t="s">
        <v>2795</v>
      </c>
      <c r="EJR727" s="424"/>
      <c r="EJS727" s="424"/>
      <c r="EJT727" s="424"/>
      <c r="EJU727" s="423" t="s">
        <v>2795</v>
      </c>
      <c r="EJV727" s="424"/>
      <c r="EJW727" s="424"/>
      <c r="EJX727" s="424"/>
      <c r="EJY727" s="423" t="s">
        <v>2795</v>
      </c>
      <c r="EJZ727" s="424"/>
      <c r="EKA727" s="424"/>
      <c r="EKB727" s="424"/>
      <c r="EKC727" s="423" t="s">
        <v>2795</v>
      </c>
      <c r="EKD727" s="424"/>
      <c r="EKE727" s="424"/>
      <c r="EKF727" s="424"/>
      <c r="EKG727" s="423" t="s">
        <v>2795</v>
      </c>
      <c r="EKH727" s="424"/>
      <c r="EKI727" s="424"/>
      <c r="EKJ727" s="424"/>
      <c r="EKK727" s="423" t="s">
        <v>2795</v>
      </c>
      <c r="EKL727" s="424"/>
      <c r="EKM727" s="424"/>
      <c r="EKN727" s="424"/>
      <c r="EKO727" s="423" t="s">
        <v>2795</v>
      </c>
      <c r="EKP727" s="424"/>
      <c r="EKQ727" s="424"/>
      <c r="EKR727" s="424"/>
      <c r="EKS727" s="423" t="s">
        <v>2795</v>
      </c>
      <c r="EKT727" s="424"/>
      <c r="EKU727" s="424"/>
      <c r="EKV727" s="424"/>
      <c r="EKW727" s="423" t="s">
        <v>2795</v>
      </c>
      <c r="EKX727" s="424"/>
      <c r="EKY727" s="424"/>
      <c r="EKZ727" s="424"/>
      <c r="ELA727" s="423" t="s">
        <v>2795</v>
      </c>
      <c r="ELB727" s="424"/>
      <c r="ELC727" s="424"/>
      <c r="ELD727" s="424"/>
      <c r="ELE727" s="423" t="s">
        <v>2795</v>
      </c>
      <c r="ELF727" s="424"/>
      <c r="ELG727" s="424"/>
      <c r="ELH727" s="424"/>
      <c r="ELI727" s="423" t="s">
        <v>2795</v>
      </c>
      <c r="ELJ727" s="424"/>
      <c r="ELK727" s="424"/>
      <c r="ELL727" s="424"/>
      <c r="ELM727" s="423" t="s">
        <v>2795</v>
      </c>
      <c r="ELN727" s="424"/>
      <c r="ELO727" s="424"/>
      <c r="ELP727" s="424"/>
      <c r="ELQ727" s="423" t="s">
        <v>2795</v>
      </c>
      <c r="ELR727" s="424"/>
      <c r="ELS727" s="424"/>
      <c r="ELT727" s="424"/>
      <c r="ELU727" s="423" t="s">
        <v>2795</v>
      </c>
      <c r="ELV727" s="424"/>
      <c r="ELW727" s="424"/>
      <c r="ELX727" s="424"/>
      <c r="ELY727" s="423" t="s">
        <v>2795</v>
      </c>
      <c r="ELZ727" s="424"/>
      <c r="EMA727" s="424"/>
      <c r="EMB727" s="424"/>
      <c r="EMC727" s="423" t="s">
        <v>2795</v>
      </c>
      <c r="EMD727" s="424"/>
      <c r="EME727" s="424"/>
      <c r="EMF727" s="424"/>
      <c r="EMG727" s="423" t="s">
        <v>2795</v>
      </c>
      <c r="EMH727" s="424"/>
      <c r="EMI727" s="424"/>
      <c r="EMJ727" s="424"/>
      <c r="EMK727" s="423" t="s">
        <v>2795</v>
      </c>
      <c r="EML727" s="424"/>
      <c r="EMM727" s="424"/>
      <c r="EMN727" s="424"/>
      <c r="EMO727" s="423" t="s">
        <v>2795</v>
      </c>
      <c r="EMP727" s="424"/>
      <c r="EMQ727" s="424"/>
      <c r="EMR727" s="424"/>
      <c r="EMS727" s="423" t="s">
        <v>2795</v>
      </c>
      <c r="EMT727" s="424"/>
      <c r="EMU727" s="424"/>
      <c r="EMV727" s="424"/>
      <c r="EMW727" s="423" t="s">
        <v>2795</v>
      </c>
      <c r="EMX727" s="424"/>
      <c r="EMY727" s="424"/>
      <c r="EMZ727" s="424"/>
      <c r="ENA727" s="423" t="s">
        <v>2795</v>
      </c>
      <c r="ENB727" s="424"/>
      <c r="ENC727" s="424"/>
      <c r="END727" s="424"/>
      <c r="ENE727" s="423" t="s">
        <v>2795</v>
      </c>
      <c r="ENF727" s="424"/>
      <c r="ENG727" s="424"/>
      <c r="ENH727" s="424"/>
      <c r="ENI727" s="423" t="s">
        <v>2795</v>
      </c>
      <c r="ENJ727" s="424"/>
      <c r="ENK727" s="424"/>
      <c r="ENL727" s="424"/>
      <c r="ENM727" s="423" t="s">
        <v>2795</v>
      </c>
      <c r="ENN727" s="424"/>
      <c r="ENO727" s="424"/>
      <c r="ENP727" s="424"/>
      <c r="ENQ727" s="423" t="s">
        <v>2795</v>
      </c>
      <c r="ENR727" s="424"/>
      <c r="ENS727" s="424"/>
      <c r="ENT727" s="424"/>
      <c r="ENU727" s="423" t="s">
        <v>2795</v>
      </c>
      <c r="ENV727" s="424"/>
      <c r="ENW727" s="424"/>
      <c r="ENX727" s="424"/>
      <c r="ENY727" s="423" t="s">
        <v>2795</v>
      </c>
      <c r="ENZ727" s="424"/>
      <c r="EOA727" s="424"/>
      <c r="EOB727" s="424"/>
      <c r="EOC727" s="423" t="s">
        <v>2795</v>
      </c>
      <c r="EOD727" s="424"/>
      <c r="EOE727" s="424"/>
      <c r="EOF727" s="424"/>
      <c r="EOG727" s="423" t="s">
        <v>2795</v>
      </c>
      <c r="EOH727" s="424"/>
      <c r="EOI727" s="424"/>
      <c r="EOJ727" s="424"/>
      <c r="EOK727" s="423" t="s">
        <v>2795</v>
      </c>
      <c r="EOL727" s="424"/>
      <c r="EOM727" s="424"/>
      <c r="EON727" s="424"/>
      <c r="EOO727" s="423" t="s">
        <v>2795</v>
      </c>
      <c r="EOP727" s="424"/>
      <c r="EOQ727" s="424"/>
      <c r="EOR727" s="424"/>
      <c r="EOS727" s="423" t="s">
        <v>2795</v>
      </c>
      <c r="EOT727" s="424"/>
      <c r="EOU727" s="424"/>
      <c r="EOV727" s="424"/>
      <c r="EOW727" s="423" t="s">
        <v>2795</v>
      </c>
      <c r="EOX727" s="424"/>
      <c r="EOY727" s="424"/>
      <c r="EOZ727" s="424"/>
      <c r="EPA727" s="423" t="s">
        <v>2795</v>
      </c>
      <c r="EPB727" s="424"/>
      <c r="EPC727" s="424"/>
      <c r="EPD727" s="424"/>
      <c r="EPE727" s="423" t="s">
        <v>2795</v>
      </c>
      <c r="EPF727" s="424"/>
      <c r="EPG727" s="424"/>
      <c r="EPH727" s="424"/>
      <c r="EPI727" s="423" t="s">
        <v>2795</v>
      </c>
      <c r="EPJ727" s="424"/>
      <c r="EPK727" s="424"/>
      <c r="EPL727" s="424"/>
      <c r="EPM727" s="423" t="s">
        <v>2795</v>
      </c>
      <c r="EPN727" s="424"/>
      <c r="EPO727" s="424"/>
      <c r="EPP727" s="424"/>
      <c r="EPQ727" s="423" t="s">
        <v>2795</v>
      </c>
      <c r="EPR727" s="424"/>
      <c r="EPS727" s="424"/>
      <c r="EPT727" s="424"/>
      <c r="EPU727" s="423" t="s">
        <v>2795</v>
      </c>
      <c r="EPV727" s="424"/>
      <c r="EPW727" s="424"/>
      <c r="EPX727" s="424"/>
      <c r="EPY727" s="423" t="s">
        <v>2795</v>
      </c>
      <c r="EPZ727" s="424"/>
      <c r="EQA727" s="424"/>
      <c r="EQB727" s="424"/>
      <c r="EQC727" s="423" t="s">
        <v>2795</v>
      </c>
      <c r="EQD727" s="424"/>
      <c r="EQE727" s="424"/>
      <c r="EQF727" s="424"/>
      <c r="EQG727" s="423" t="s">
        <v>2795</v>
      </c>
      <c r="EQH727" s="424"/>
      <c r="EQI727" s="424"/>
      <c r="EQJ727" s="424"/>
      <c r="EQK727" s="423" t="s">
        <v>2795</v>
      </c>
      <c r="EQL727" s="424"/>
      <c r="EQM727" s="424"/>
      <c r="EQN727" s="424"/>
      <c r="EQO727" s="423" t="s">
        <v>2795</v>
      </c>
      <c r="EQP727" s="424"/>
      <c r="EQQ727" s="424"/>
      <c r="EQR727" s="424"/>
      <c r="EQS727" s="423" t="s">
        <v>2795</v>
      </c>
      <c r="EQT727" s="424"/>
      <c r="EQU727" s="424"/>
      <c r="EQV727" s="424"/>
      <c r="EQW727" s="423" t="s">
        <v>2795</v>
      </c>
      <c r="EQX727" s="424"/>
      <c r="EQY727" s="424"/>
      <c r="EQZ727" s="424"/>
      <c r="ERA727" s="423" t="s">
        <v>2795</v>
      </c>
      <c r="ERB727" s="424"/>
      <c r="ERC727" s="424"/>
      <c r="ERD727" s="424"/>
      <c r="ERE727" s="423" t="s">
        <v>2795</v>
      </c>
      <c r="ERF727" s="424"/>
      <c r="ERG727" s="424"/>
      <c r="ERH727" s="424"/>
      <c r="ERI727" s="423" t="s">
        <v>2795</v>
      </c>
      <c r="ERJ727" s="424"/>
      <c r="ERK727" s="424"/>
      <c r="ERL727" s="424"/>
      <c r="ERM727" s="423" t="s">
        <v>2795</v>
      </c>
      <c r="ERN727" s="424"/>
      <c r="ERO727" s="424"/>
      <c r="ERP727" s="424"/>
      <c r="ERQ727" s="423" t="s">
        <v>2795</v>
      </c>
      <c r="ERR727" s="424"/>
      <c r="ERS727" s="424"/>
      <c r="ERT727" s="424"/>
      <c r="ERU727" s="423" t="s">
        <v>2795</v>
      </c>
      <c r="ERV727" s="424"/>
      <c r="ERW727" s="424"/>
      <c r="ERX727" s="424"/>
      <c r="ERY727" s="423" t="s">
        <v>2795</v>
      </c>
      <c r="ERZ727" s="424"/>
      <c r="ESA727" s="424"/>
      <c r="ESB727" s="424"/>
      <c r="ESC727" s="423" t="s">
        <v>2795</v>
      </c>
      <c r="ESD727" s="424"/>
      <c r="ESE727" s="424"/>
      <c r="ESF727" s="424"/>
      <c r="ESG727" s="423" t="s">
        <v>2795</v>
      </c>
      <c r="ESH727" s="424"/>
      <c r="ESI727" s="424"/>
      <c r="ESJ727" s="424"/>
      <c r="ESK727" s="423" t="s">
        <v>2795</v>
      </c>
      <c r="ESL727" s="424"/>
      <c r="ESM727" s="424"/>
      <c r="ESN727" s="424"/>
      <c r="ESO727" s="423" t="s">
        <v>2795</v>
      </c>
      <c r="ESP727" s="424"/>
      <c r="ESQ727" s="424"/>
      <c r="ESR727" s="424"/>
      <c r="ESS727" s="423" t="s">
        <v>2795</v>
      </c>
      <c r="EST727" s="424"/>
      <c r="ESU727" s="424"/>
      <c r="ESV727" s="424"/>
      <c r="ESW727" s="423" t="s">
        <v>2795</v>
      </c>
      <c r="ESX727" s="424"/>
      <c r="ESY727" s="424"/>
      <c r="ESZ727" s="424"/>
      <c r="ETA727" s="423" t="s">
        <v>2795</v>
      </c>
      <c r="ETB727" s="424"/>
      <c r="ETC727" s="424"/>
      <c r="ETD727" s="424"/>
      <c r="ETE727" s="423" t="s">
        <v>2795</v>
      </c>
      <c r="ETF727" s="424"/>
      <c r="ETG727" s="424"/>
      <c r="ETH727" s="424"/>
      <c r="ETI727" s="423" t="s">
        <v>2795</v>
      </c>
      <c r="ETJ727" s="424"/>
      <c r="ETK727" s="424"/>
      <c r="ETL727" s="424"/>
      <c r="ETM727" s="423" t="s">
        <v>2795</v>
      </c>
      <c r="ETN727" s="424"/>
      <c r="ETO727" s="424"/>
      <c r="ETP727" s="424"/>
      <c r="ETQ727" s="423" t="s">
        <v>2795</v>
      </c>
      <c r="ETR727" s="424"/>
      <c r="ETS727" s="424"/>
      <c r="ETT727" s="424"/>
      <c r="ETU727" s="423" t="s">
        <v>2795</v>
      </c>
      <c r="ETV727" s="424"/>
      <c r="ETW727" s="424"/>
      <c r="ETX727" s="424"/>
      <c r="ETY727" s="423" t="s">
        <v>2795</v>
      </c>
      <c r="ETZ727" s="424"/>
      <c r="EUA727" s="424"/>
      <c r="EUB727" s="424"/>
      <c r="EUC727" s="423" t="s">
        <v>2795</v>
      </c>
      <c r="EUD727" s="424"/>
      <c r="EUE727" s="424"/>
      <c r="EUF727" s="424"/>
      <c r="EUG727" s="423" t="s">
        <v>2795</v>
      </c>
      <c r="EUH727" s="424"/>
      <c r="EUI727" s="424"/>
      <c r="EUJ727" s="424"/>
      <c r="EUK727" s="423" t="s">
        <v>2795</v>
      </c>
      <c r="EUL727" s="424"/>
      <c r="EUM727" s="424"/>
      <c r="EUN727" s="424"/>
      <c r="EUO727" s="423" t="s">
        <v>2795</v>
      </c>
      <c r="EUP727" s="424"/>
      <c r="EUQ727" s="424"/>
      <c r="EUR727" s="424"/>
      <c r="EUS727" s="423" t="s">
        <v>2795</v>
      </c>
      <c r="EUT727" s="424"/>
      <c r="EUU727" s="424"/>
      <c r="EUV727" s="424"/>
      <c r="EUW727" s="423" t="s">
        <v>2795</v>
      </c>
      <c r="EUX727" s="424"/>
      <c r="EUY727" s="424"/>
      <c r="EUZ727" s="424"/>
      <c r="EVA727" s="423" t="s">
        <v>2795</v>
      </c>
      <c r="EVB727" s="424"/>
      <c r="EVC727" s="424"/>
      <c r="EVD727" s="424"/>
      <c r="EVE727" s="423" t="s">
        <v>2795</v>
      </c>
      <c r="EVF727" s="424"/>
      <c r="EVG727" s="424"/>
      <c r="EVH727" s="424"/>
      <c r="EVI727" s="423" t="s">
        <v>2795</v>
      </c>
      <c r="EVJ727" s="424"/>
      <c r="EVK727" s="424"/>
      <c r="EVL727" s="424"/>
      <c r="EVM727" s="423" t="s">
        <v>2795</v>
      </c>
      <c r="EVN727" s="424"/>
      <c r="EVO727" s="424"/>
      <c r="EVP727" s="424"/>
      <c r="EVQ727" s="423" t="s">
        <v>2795</v>
      </c>
      <c r="EVR727" s="424"/>
      <c r="EVS727" s="424"/>
      <c r="EVT727" s="424"/>
      <c r="EVU727" s="423" t="s">
        <v>2795</v>
      </c>
      <c r="EVV727" s="424"/>
      <c r="EVW727" s="424"/>
      <c r="EVX727" s="424"/>
      <c r="EVY727" s="423" t="s">
        <v>2795</v>
      </c>
      <c r="EVZ727" s="424"/>
      <c r="EWA727" s="424"/>
      <c r="EWB727" s="424"/>
      <c r="EWC727" s="423" t="s">
        <v>2795</v>
      </c>
      <c r="EWD727" s="424"/>
      <c r="EWE727" s="424"/>
      <c r="EWF727" s="424"/>
      <c r="EWG727" s="423" t="s">
        <v>2795</v>
      </c>
      <c r="EWH727" s="424"/>
      <c r="EWI727" s="424"/>
      <c r="EWJ727" s="424"/>
      <c r="EWK727" s="423" t="s">
        <v>2795</v>
      </c>
      <c r="EWL727" s="424"/>
      <c r="EWM727" s="424"/>
      <c r="EWN727" s="424"/>
      <c r="EWO727" s="423" t="s">
        <v>2795</v>
      </c>
      <c r="EWP727" s="424"/>
      <c r="EWQ727" s="424"/>
      <c r="EWR727" s="424"/>
      <c r="EWS727" s="423" t="s">
        <v>2795</v>
      </c>
      <c r="EWT727" s="424"/>
      <c r="EWU727" s="424"/>
      <c r="EWV727" s="424"/>
      <c r="EWW727" s="423" t="s">
        <v>2795</v>
      </c>
      <c r="EWX727" s="424"/>
      <c r="EWY727" s="424"/>
      <c r="EWZ727" s="424"/>
      <c r="EXA727" s="423" t="s">
        <v>2795</v>
      </c>
      <c r="EXB727" s="424"/>
      <c r="EXC727" s="424"/>
      <c r="EXD727" s="424"/>
      <c r="EXE727" s="423" t="s">
        <v>2795</v>
      </c>
      <c r="EXF727" s="424"/>
      <c r="EXG727" s="424"/>
      <c r="EXH727" s="424"/>
      <c r="EXI727" s="423" t="s">
        <v>2795</v>
      </c>
      <c r="EXJ727" s="424"/>
      <c r="EXK727" s="424"/>
      <c r="EXL727" s="424"/>
      <c r="EXM727" s="423" t="s">
        <v>2795</v>
      </c>
      <c r="EXN727" s="424"/>
      <c r="EXO727" s="424"/>
      <c r="EXP727" s="424"/>
      <c r="EXQ727" s="423" t="s">
        <v>2795</v>
      </c>
      <c r="EXR727" s="424"/>
      <c r="EXS727" s="424"/>
      <c r="EXT727" s="424"/>
      <c r="EXU727" s="423" t="s">
        <v>2795</v>
      </c>
      <c r="EXV727" s="424"/>
      <c r="EXW727" s="424"/>
      <c r="EXX727" s="424"/>
      <c r="EXY727" s="423" t="s">
        <v>2795</v>
      </c>
      <c r="EXZ727" s="424"/>
      <c r="EYA727" s="424"/>
      <c r="EYB727" s="424"/>
      <c r="EYC727" s="423" t="s">
        <v>2795</v>
      </c>
      <c r="EYD727" s="424"/>
      <c r="EYE727" s="424"/>
      <c r="EYF727" s="424"/>
      <c r="EYG727" s="423" t="s">
        <v>2795</v>
      </c>
      <c r="EYH727" s="424"/>
      <c r="EYI727" s="424"/>
      <c r="EYJ727" s="424"/>
      <c r="EYK727" s="423" t="s">
        <v>2795</v>
      </c>
      <c r="EYL727" s="424"/>
      <c r="EYM727" s="424"/>
      <c r="EYN727" s="424"/>
      <c r="EYO727" s="423" t="s">
        <v>2795</v>
      </c>
      <c r="EYP727" s="424"/>
      <c r="EYQ727" s="424"/>
      <c r="EYR727" s="424"/>
      <c r="EYS727" s="423" t="s">
        <v>2795</v>
      </c>
      <c r="EYT727" s="424"/>
      <c r="EYU727" s="424"/>
      <c r="EYV727" s="424"/>
      <c r="EYW727" s="423" t="s">
        <v>2795</v>
      </c>
      <c r="EYX727" s="424"/>
      <c r="EYY727" s="424"/>
      <c r="EYZ727" s="424"/>
      <c r="EZA727" s="423" t="s">
        <v>2795</v>
      </c>
      <c r="EZB727" s="424"/>
      <c r="EZC727" s="424"/>
      <c r="EZD727" s="424"/>
      <c r="EZE727" s="423" t="s">
        <v>2795</v>
      </c>
      <c r="EZF727" s="424"/>
      <c r="EZG727" s="424"/>
      <c r="EZH727" s="424"/>
      <c r="EZI727" s="423" t="s">
        <v>2795</v>
      </c>
      <c r="EZJ727" s="424"/>
      <c r="EZK727" s="424"/>
      <c r="EZL727" s="424"/>
      <c r="EZM727" s="423" t="s">
        <v>2795</v>
      </c>
      <c r="EZN727" s="424"/>
      <c r="EZO727" s="424"/>
      <c r="EZP727" s="424"/>
      <c r="EZQ727" s="423" t="s">
        <v>2795</v>
      </c>
      <c r="EZR727" s="424"/>
      <c r="EZS727" s="424"/>
      <c r="EZT727" s="424"/>
      <c r="EZU727" s="423" t="s">
        <v>2795</v>
      </c>
      <c r="EZV727" s="424"/>
      <c r="EZW727" s="424"/>
      <c r="EZX727" s="424"/>
      <c r="EZY727" s="423" t="s">
        <v>2795</v>
      </c>
      <c r="EZZ727" s="424"/>
      <c r="FAA727" s="424"/>
      <c r="FAB727" s="424"/>
      <c r="FAC727" s="423" t="s">
        <v>2795</v>
      </c>
      <c r="FAD727" s="424"/>
      <c r="FAE727" s="424"/>
      <c r="FAF727" s="424"/>
      <c r="FAG727" s="423" t="s">
        <v>2795</v>
      </c>
      <c r="FAH727" s="424"/>
      <c r="FAI727" s="424"/>
      <c r="FAJ727" s="424"/>
      <c r="FAK727" s="423" t="s">
        <v>2795</v>
      </c>
      <c r="FAL727" s="424"/>
      <c r="FAM727" s="424"/>
      <c r="FAN727" s="424"/>
      <c r="FAO727" s="423" t="s">
        <v>2795</v>
      </c>
      <c r="FAP727" s="424"/>
      <c r="FAQ727" s="424"/>
      <c r="FAR727" s="424"/>
      <c r="FAS727" s="423" t="s">
        <v>2795</v>
      </c>
      <c r="FAT727" s="424"/>
      <c r="FAU727" s="424"/>
      <c r="FAV727" s="424"/>
      <c r="FAW727" s="423" t="s">
        <v>2795</v>
      </c>
      <c r="FAX727" s="424"/>
      <c r="FAY727" s="424"/>
      <c r="FAZ727" s="424"/>
      <c r="FBA727" s="423" t="s">
        <v>2795</v>
      </c>
      <c r="FBB727" s="424"/>
      <c r="FBC727" s="424"/>
      <c r="FBD727" s="424"/>
      <c r="FBE727" s="423" t="s">
        <v>2795</v>
      </c>
      <c r="FBF727" s="424"/>
      <c r="FBG727" s="424"/>
      <c r="FBH727" s="424"/>
      <c r="FBI727" s="423" t="s">
        <v>2795</v>
      </c>
      <c r="FBJ727" s="424"/>
      <c r="FBK727" s="424"/>
      <c r="FBL727" s="424"/>
      <c r="FBM727" s="423" t="s">
        <v>2795</v>
      </c>
      <c r="FBN727" s="424"/>
      <c r="FBO727" s="424"/>
      <c r="FBP727" s="424"/>
      <c r="FBQ727" s="423" t="s">
        <v>2795</v>
      </c>
      <c r="FBR727" s="424"/>
      <c r="FBS727" s="424"/>
      <c r="FBT727" s="424"/>
      <c r="FBU727" s="423" t="s">
        <v>2795</v>
      </c>
      <c r="FBV727" s="424"/>
      <c r="FBW727" s="424"/>
      <c r="FBX727" s="424"/>
      <c r="FBY727" s="423" t="s">
        <v>2795</v>
      </c>
      <c r="FBZ727" s="424"/>
      <c r="FCA727" s="424"/>
      <c r="FCB727" s="424"/>
      <c r="FCC727" s="423" t="s">
        <v>2795</v>
      </c>
      <c r="FCD727" s="424"/>
      <c r="FCE727" s="424"/>
      <c r="FCF727" s="424"/>
      <c r="FCG727" s="423" t="s">
        <v>2795</v>
      </c>
      <c r="FCH727" s="424"/>
      <c r="FCI727" s="424"/>
      <c r="FCJ727" s="424"/>
      <c r="FCK727" s="423" t="s">
        <v>2795</v>
      </c>
      <c r="FCL727" s="424"/>
      <c r="FCM727" s="424"/>
      <c r="FCN727" s="424"/>
      <c r="FCO727" s="423" t="s">
        <v>2795</v>
      </c>
      <c r="FCP727" s="424"/>
      <c r="FCQ727" s="424"/>
      <c r="FCR727" s="424"/>
      <c r="FCS727" s="423" t="s">
        <v>2795</v>
      </c>
      <c r="FCT727" s="424"/>
      <c r="FCU727" s="424"/>
      <c r="FCV727" s="424"/>
      <c r="FCW727" s="423" t="s">
        <v>2795</v>
      </c>
      <c r="FCX727" s="424"/>
      <c r="FCY727" s="424"/>
      <c r="FCZ727" s="424"/>
      <c r="FDA727" s="423" t="s">
        <v>2795</v>
      </c>
      <c r="FDB727" s="424"/>
      <c r="FDC727" s="424"/>
      <c r="FDD727" s="424"/>
      <c r="FDE727" s="423" t="s">
        <v>2795</v>
      </c>
      <c r="FDF727" s="424"/>
      <c r="FDG727" s="424"/>
      <c r="FDH727" s="424"/>
      <c r="FDI727" s="423" t="s">
        <v>2795</v>
      </c>
      <c r="FDJ727" s="424"/>
      <c r="FDK727" s="424"/>
      <c r="FDL727" s="424"/>
      <c r="FDM727" s="423" t="s">
        <v>2795</v>
      </c>
      <c r="FDN727" s="424"/>
      <c r="FDO727" s="424"/>
      <c r="FDP727" s="424"/>
      <c r="FDQ727" s="423" t="s">
        <v>2795</v>
      </c>
      <c r="FDR727" s="424"/>
      <c r="FDS727" s="424"/>
      <c r="FDT727" s="424"/>
      <c r="FDU727" s="423" t="s">
        <v>2795</v>
      </c>
      <c r="FDV727" s="424"/>
      <c r="FDW727" s="424"/>
      <c r="FDX727" s="424"/>
      <c r="FDY727" s="423" t="s">
        <v>2795</v>
      </c>
      <c r="FDZ727" s="424"/>
      <c r="FEA727" s="424"/>
      <c r="FEB727" s="424"/>
      <c r="FEC727" s="423" t="s">
        <v>2795</v>
      </c>
      <c r="FED727" s="424"/>
      <c r="FEE727" s="424"/>
      <c r="FEF727" s="424"/>
      <c r="FEG727" s="423" t="s">
        <v>2795</v>
      </c>
      <c r="FEH727" s="424"/>
      <c r="FEI727" s="424"/>
      <c r="FEJ727" s="424"/>
      <c r="FEK727" s="423" t="s">
        <v>2795</v>
      </c>
      <c r="FEL727" s="424"/>
      <c r="FEM727" s="424"/>
      <c r="FEN727" s="424"/>
      <c r="FEO727" s="423" t="s">
        <v>2795</v>
      </c>
      <c r="FEP727" s="424"/>
      <c r="FEQ727" s="424"/>
      <c r="FER727" s="424"/>
      <c r="FES727" s="423" t="s">
        <v>2795</v>
      </c>
      <c r="FET727" s="424"/>
      <c r="FEU727" s="424"/>
      <c r="FEV727" s="424"/>
      <c r="FEW727" s="423" t="s">
        <v>2795</v>
      </c>
      <c r="FEX727" s="424"/>
      <c r="FEY727" s="424"/>
      <c r="FEZ727" s="424"/>
      <c r="FFA727" s="423" t="s">
        <v>2795</v>
      </c>
      <c r="FFB727" s="424"/>
      <c r="FFC727" s="424"/>
      <c r="FFD727" s="424"/>
      <c r="FFE727" s="423" t="s">
        <v>2795</v>
      </c>
      <c r="FFF727" s="424"/>
      <c r="FFG727" s="424"/>
      <c r="FFH727" s="424"/>
      <c r="FFI727" s="423" t="s">
        <v>2795</v>
      </c>
      <c r="FFJ727" s="424"/>
      <c r="FFK727" s="424"/>
      <c r="FFL727" s="424"/>
      <c r="FFM727" s="423" t="s">
        <v>2795</v>
      </c>
      <c r="FFN727" s="424"/>
      <c r="FFO727" s="424"/>
      <c r="FFP727" s="424"/>
      <c r="FFQ727" s="423" t="s">
        <v>2795</v>
      </c>
      <c r="FFR727" s="424"/>
      <c r="FFS727" s="424"/>
      <c r="FFT727" s="424"/>
      <c r="FFU727" s="423" t="s">
        <v>2795</v>
      </c>
      <c r="FFV727" s="424"/>
      <c r="FFW727" s="424"/>
      <c r="FFX727" s="424"/>
      <c r="FFY727" s="423" t="s">
        <v>2795</v>
      </c>
      <c r="FFZ727" s="424"/>
      <c r="FGA727" s="424"/>
      <c r="FGB727" s="424"/>
      <c r="FGC727" s="423" t="s">
        <v>2795</v>
      </c>
      <c r="FGD727" s="424"/>
      <c r="FGE727" s="424"/>
      <c r="FGF727" s="424"/>
      <c r="FGG727" s="423" t="s">
        <v>2795</v>
      </c>
      <c r="FGH727" s="424"/>
      <c r="FGI727" s="424"/>
      <c r="FGJ727" s="424"/>
      <c r="FGK727" s="423" t="s">
        <v>2795</v>
      </c>
      <c r="FGL727" s="424"/>
      <c r="FGM727" s="424"/>
      <c r="FGN727" s="424"/>
      <c r="FGO727" s="423" t="s">
        <v>2795</v>
      </c>
      <c r="FGP727" s="424"/>
      <c r="FGQ727" s="424"/>
      <c r="FGR727" s="424"/>
      <c r="FGS727" s="423" t="s">
        <v>2795</v>
      </c>
      <c r="FGT727" s="424"/>
      <c r="FGU727" s="424"/>
      <c r="FGV727" s="424"/>
      <c r="FGW727" s="423" t="s">
        <v>2795</v>
      </c>
      <c r="FGX727" s="424"/>
      <c r="FGY727" s="424"/>
      <c r="FGZ727" s="424"/>
      <c r="FHA727" s="423" t="s">
        <v>2795</v>
      </c>
      <c r="FHB727" s="424"/>
      <c r="FHC727" s="424"/>
      <c r="FHD727" s="424"/>
      <c r="FHE727" s="423" t="s">
        <v>2795</v>
      </c>
      <c r="FHF727" s="424"/>
      <c r="FHG727" s="424"/>
      <c r="FHH727" s="424"/>
      <c r="FHI727" s="423" t="s">
        <v>2795</v>
      </c>
      <c r="FHJ727" s="424"/>
      <c r="FHK727" s="424"/>
      <c r="FHL727" s="424"/>
      <c r="FHM727" s="423" t="s">
        <v>2795</v>
      </c>
      <c r="FHN727" s="424"/>
      <c r="FHO727" s="424"/>
      <c r="FHP727" s="424"/>
      <c r="FHQ727" s="423" t="s">
        <v>2795</v>
      </c>
      <c r="FHR727" s="424"/>
      <c r="FHS727" s="424"/>
      <c r="FHT727" s="424"/>
      <c r="FHU727" s="423" t="s">
        <v>2795</v>
      </c>
      <c r="FHV727" s="424"/>
      <c r="FHW727" s="424"/>
      <c r="FHX727" s="424"/>
      <c r="FHY727" s="423" t="s">
        <v>2795</v>
      </c>
      <c r="FHZ727" s="424"/>
      <c r="FIA727" s="424"/>
      <c r="FIB727" s="424"/>
      <c r="FIC727" s="423" t="s">
        <v>2795</v>
      </c>
      <c r="FID727" s="424"/>
      <c r="FIE727" s="424"/>
      <c r="FIF727" s="424"/>
      <c r="FIG727" s="423" t="s">
        <v>2795</v>
      </c>
      <c r="FIH727" s="424"/>
      <c r="FII727" s="424"/>
      <c r="FIJ727" s="424"/>
      <c r="FIK727" s="423" t="s">
        <v>2795</v>
      </c>
      <c r="FIL727" s="424"/>
      <c r="FIM727" s="424"/>
      <c r="FIN727" s="424"/>
      <c r="FIO727" s="423" t="s">
        <v>2795</v>
      </c>
      <c r="FIP727" s="424"/>
      <c r="FIQ727" s="424"/>
      <c r="FIR727" s="424"/>
      <c r="FIS727" s="423" t="s">
        <v>2795</v>
      </c>
      <c r="FIT727" s="424"/>
      <c r="FIU727" s="424"/>
      <c r="FIV727" s="424"/>
      <c r="FIW727" s="423" t="s">
        <v>2795</v>
      </c>
      <c r="FIX727" s="424"/>
      <c r="FIY727" s="424"/>
      <c r="FIZ727" s="424"/>
      <c r="FJA727" s="423" t="s">
        <v>2795</v>
      </c>
      <c r="FJB727" s="424"/>
      <c r="FJC727" s="424"/>
      <c r="FJD727" s="424"/>
      <c r="FJE727" s="423" t="s">
        <v>2795</v>
      </c>
      <c r="FJF727" s="424"/>
      <c r="FJG727" s="424"/>
      <c r="FJH727" s="424"/>
      <c r="FJI727" s="423" t="s">
        <v>2795</v>
      </c>
      <c r="FJJ727" s="424"/>
      <c r="FJK727" s="424"/>
      <c r="FJL727" s="424"/>
      <c r="FJM727" s="423" t="s">
        <v>2795</v>
      </c>
      <c r="FJN727" s="424"/>
      <c r="FJO727" s="424"/>
      <c r="FJP727" s="424"/>
      <c r="FJQ727" s="423" t="s">
        <v>2795</v>
      </c>
      <c r="FJR727" s="424"/>
      <c r="FJS727" s="424"/>
      <c r="FJT727" s="424"/>
      <c r="FJU727" s="423" t="s">
        <v>2795</v>
      </c>
      <c r="FJV727" s="424"/>
      <c r="FJW727" s="424"/>
      <c r="FJX727" s="424"/>
      <c r="FJY727" s="423" t="s">
        <v>2795</v>
      </c>
      <c r="FJZ727" s="424"/>
      <c r="FKA727" s="424"/>
      <c r="FKB727" s="424"/>
      <c r="FKC727" s="423" t="s">
        <v>2795</v>
      </c>
      <c r="FKD727" s="424"/>
      <c r="FKE727" s="424"/>
      <c r="FKF727" s="424"/>
      <c r="FKG727" s="423" t="s">
        <v>2795</v>
      </c>
      <c r="FKH727" s="424"/>
      <c r="FKI727" s="424"/>
      <c r="FKJ727" s="424"/>
      <c r="FKK727" s="423" t="s">
        <v>2795</v>
      </c>
      <c r="FKL727" s="424"/>
      <c r="FKM727" s="424"/>
      <c r="FKN727" s="424"/>
      <c r="FKO727" s="423" t="s">
        <v>2795</v>
      </c>
      <c r="FKP727" s="424"/>
      <c r="FKQ727" s="424"/>
      <c r="FKR727" s="424"/>
      <c r="FKS727" s="423" t="s">
        <v>2795</v>
      </c>
      <c r="FKT727" s="424"/>
      <c r="FKU727" s="424"/>
      <c r="FKV727" s="424"/>
      <c r="FKW727" s="423" t="s">
        <v>2795</v>
      </c>
      <c r="FKX727" s="424"/>
      <c r="FKY727" s="424"/>
      <c r="FKZ727" s="424"/>
      <c r="FLA727" s="423" t="s">
        <v>2795</v>
      </c>
      <c r="FLB727" s="424"/>
      <c r="FLC727" s="424"/>
      <c r="FLD727" s="424"/>
      <c r="FLE727" s="423" t="s">
        <v>2795</v>
      </c>
      <c r="FLF727" s="424"/>
      <c r="FLG727" s="424"/>
      <c r="FLH727" s="424"/>
      <c r="FLI727" s="423" t="s">
        <v>2795</v>
      </c>
      <c r="FLJ727" s="424"/>
      <c r="FLK727" s="424"/>
      <c r="FLL727" s="424"/>
      <c r="FLM727" s="423" t="s">
        <v>2795</v>
      </c>
      <c r="FLN727" s="424"/>
      <c r="FLO727" s="424"/>
      <c r="FLP727" s="424"/>
      <c r="FLQ727" s="423" t="s">
        <v>2795</v>
      </c>
      <c r="FLR727" s="424"/>
      <c r="FLS727" s="424"/>
      <c r="FLT727" s="424"/>
      <c r="FLU727" s="423" t="s">
        <v>2795</v>
      </c>
      <c r="FLV727" s="424"/>
      <c r="FLW727" s="424"/>
      <c r="FLX727" s="424"/>
      <c r="FLY727" s="423" t="s">
        <v>2795</v>
      </c>
      <c r="FLZ727" s="424"/>
      <c r="FMA727" s="424"/>
      <c r="FMB727" s="424"/>
      <c r="FMC727" s="423" t="s">
        <v>2795</v>
      </c>
      <c r="FMD727" s="424"/>
      <c r="FME727" s="424"/>
      <c r="FMF727" s="424"/>
      <c r="FMG727" s="423" t="s">
        <v>2795</v>
      </c>
      <c r="FMH727" s="424"/>
      <c r="FMI727" s="424"/>
      <c r="FMJ727" s="424"/>
      <c r="FMK727" s="423" t="s">
        <v>2795</v>
      </c>
      <c r="FML727" s="424"/>
      <c r="FMM727" s="424"/>
      <c r="FMN727" s="424"/>
      <c r="FMO727" s="423" t="s">
        <v>2795</v>
      </c>
      <c r="FMP727" s="424"/>
      <c r="FMQ727" s="424"/>
      <c r="FMR727" s="424"/>
      <c r="FMS727" s="423" t="s">
        <v>2795</v>
      </c>
      <c r="FMT727" s="424"/>
      <c r="FMU727" s="424"/>
      <c r="FMV727" s="424"/>
      <c r="FMW727" s="423" t="s">
        <v>2795</v>
      </c>
      <c r="FMX727" s="424"/>
      <c r="FMY727" s="424"/>
      <c r="FMZ727" s="424"/>
      <c r="FNA727" s="423" t="s">
        <v>2795</v>
      </c>
      <c r="FNB727" s="424"/>
      <c r="FNC727" s="424"/>
      <c r="FND727" s="424"/>
      <c r="FNE727" s="423" t="s">
        <v>2795</v>
      </c>
      <c r="FNF727" s="424"/>
      <c r="FNG727" s="424"/>
      <c r="FNH727" s="424"/>
      <c r="FNI727" s="423" t="s">
        <v>2795</v>
      </c>
      <c r="FNJ727" s="424"/>
      <c r="FNK727" s="424"/>
      <c r="FNL727" s="424"/>
      <c r="FNM727" s="423" t="s">
        <v>2795</v>
      </c>
      <c r="FNN727" s="424"/>
      <c r="FNO727" s="424"/>
      <c r="FNP727" s="424"/>
      <c r="FNQ727" s="423" t="s">
        <v>2795</v>
      </c>
      <c r="FNR727" s="424"/>
      <c r="FNS727" s="424"/>
      <c r="FNT727" s="424"/>
      <c r="FNU727" s="423" t="s">
        <v>2795</v>
      </c>
      <c r="FNV727" s="424"/>
      <c r="FNW727" s="424"/>
      <c r="FNX727" s="424"/>
      <c r="FNY727" s="423" t="s">
        <v>2795</v>
      </c>
      <c r="FNZ727" s="424"/>
      <c r="FOA727" s="424"/>
      <c r="FOB727" s="424"/>
      <c r="FOC727" s="423" t="s">
        <v>2795</v>
      </c>
      <c r="FOD727" s="424"/>
      <c r="FOE727" s="424"/>
      <c r="FOF727" s="424"/>
      <c r="FOG727" s="423" t="s">
        <v>2795</v>
      </c>
      <c r="FOH727" s="424"/>
      <c r="FOI727" s="424"/>
      <c r="FOJ727" s="424"/>
      <c r="FOK727" s="423" t="s">
        <v>2795</v>
      </c>
      <c r="FOL727" s="424"/>
      <c r="FOM727" s="424"/>
      <c r="FON727" s="424"/>
      <c r="FOO727" s="423" t="s">
        <v>2795</v>
      </c>
      <c r="FOP727" s="424"/>
      <c r="FOQ727" s="424"/>
      <c r="FOR727" s="424"/>
      <c r="FOS727" s="423" t="s">
        <v>2795</v>
      </c>
      <c r="FOT727" s="424"/>
      <c r="FOU727" s="424"/>
      <c r="FOV727" s="424"/>
      <c r="FOW727" s="423" t="s">
        <v>2795</v>
      </c>
      <c r="FOX727" s="424"/>
      <c r="FOY727" s="424"/>
      <c r="FOZ727" s="424"/>
      <c r="FPA727" s="423" t="s">
        <v>2795</v>
      </c>
      <c r="FPB727" s="424"/>
      <c r="FPC727" s="424"/>
      <c r="FPD727" s="424"/>
      <c r="FPE727" s="423" t="s">
        <v>2795</v>
      </c>
      <c r="FPF727" s="424"/>
      <c r="FPG727" s="424"/>
      <c r="FPH727" s="424"/>
      <c r="FPI727" s="423" t="s">
        <v>2795</v>
      </c>
      <c r="FPJ727" s="424"/>
      <c r="FPK727" s="424"/>
      <c r="FPL727" s="424"/>
      <c r="FPM727" s="423" t="s">
        <v>2795</v>
      </c>
      <c r="FPN727" s="424"/>
      <c r="FPO727" s="424"/>
      <c r="FPP727" s="424"/>
      <c r="FPQ727" s="423" t="s">
        <v>2795</v>
      </c>
      <c r="FPR727" s="424"/>
      <c r="FPS727" s="424"/>
      <c r="FPT727" s="424"/>
      <c r="FPU727" s="423" t="s">
        <v>2795</v>
      </c>
      <c r="FPV727" s="424"/>
      <c r="FPW727" s="424"/>
      <c r="FPX727" s="424"/>
      <c r="FPY727" s="423" t="s">
        <v>2795</v>
      </c>
      <c r="FPZ727" s="424"/>
      <c r="FQA727" s="424"/>
      <c r="FQB727" s="424"/>
      <c r="FQC727" s="423" t="s">
        <v>2795</v>
      </c>
      <c r="FQD727" s="424"/>
      <c r="FQE727" s="424"/>
      <c r="FQF727" s="424"/>
      <c r="FQG727" s="423" t="s">
        <v>2795</v>
      </c>
      <c r="FQH727" s="424"/>
      <c r="FQI727" s="424"/>
      <c r="FQJ727" s="424"/>
      <c r="FQK727" s="423" t="s">
        <v>2795</v>
      </c>
      <c r="FQL727" s="424"/>
      <c r="FQM727" s="424"/>
      <c r="FQN727" s="424"/>
      <c r="FQO727" s="423" t="s">
        <v>2795</v>
      </c>
      <c r="FQP727" s="424"/>
      <c r="FQQ727" s="424"/>
      <c r="FQR727" s="424"/>
      <c r="FQS727" s="423" t="s">
        <v>2795</v>
      </c>
      <c r="FQT727" s="424"/>
      <c r="FQU727" s="424"/>
      <c r="FQV727" s="424"/>
      <c r="FQW727" s="423" t="s">
        <v>2795</v>
      </c>
      <c r="FQX727" s="424"/>
      <c r="FQY727" s="424"/>
      <c r="FQZ727" s="424"/>
      <c r="FRA727" s="423" t="s">
        <v>2795</v>
      </c>
      <c r="FRB727" s="424"/>
      <c r="FRC727" s="424"/>
      <c r="FRD727" s="424"/>
      <c r="FRE727" s="423" t="s">
        <v>2795</v>
      </c>
      <c r="FRF727" s="424"/>
      <c r="FRG727" s="424"/>
      <c r="FRH727" s="424"/>
      <c r="FRI727" s="423" t="s">
        <v>2795</v>
      </c>
      <c r="FRJ727" s="424"/>
      <c r="FRK727" s="424"/>
      <c r="FRL727" s="424"/>
      <c r="FRM727" s="423" t="s">
        <v>2795</v>
      </c>
      <c r="FRN727" s="424"/>
      <c r="FRO727" s="424"/>
      <c r="FRP727" s="424"/>
      <c r="FRQ727" s="423" t="s">
        <v>2795</v>
      </c>
      <c r="FRR727" s="424"/>
      <c r="FRS727" s="424"/>
      <c r="FRT727" s="424"/>
      <c r="FRU727" s="423" t="s">
        <v>2795</v>
      </c>
      <c r="FRV727" s="424"/>
      <c r="FRW727" s="424"/>
      <c r="FRX727" s="424"/>
      <c r="FRY727" s="423" t="s">
        <v>2795</v>
      </c>
      <c r="FRZ727" s="424"/>
      <c r="FSA727" s="424"/>
      <c r="FSB727" s="424"/>
      <c r="FSC727" s="423" t="s">
        <v>2795</v>
      </c>
      <c r="FSD727" s="424"/>
      <c r="FSE727" s="424"/>
      <c r="FSF727" s="424"/>
      <c r="FSG727" s="423" t="s">
        <v>2795</v>
      </c>
      <c r="FSH727" s="424"/>
      <c r="FSI727" s="424"/>
      <c r="FSJ727" s="424"/>
      <c r="FSK727" s="423" t="s">
        <v>2795</v>
      </c>
      <c r="FSL727" s="424"/>
      <c r="FSM727" s="424"/>
      <c r="FSN727" s="424"/>
      <c r="FSO727" s="423" t="s">
        <v>2795</v>
      </c>
      <c r="FSP727" s="424"/>
      <c r="FSQ727" s="424"/>
      <c r="FSR727" s="424"/>
      <c r="FSS727" s="423" t="s">
        <v>2795</v>
      </c>
      <c r="FST727" s="424"/>
      <c r="FSU727" s="424"/>
      <c r="FSV727" s="424"/>
      <c r="FSW727" s="423" t="s">
        <v>2795</v>
      </c>
      <c r="FSX727" s="424"/>
      <c r="FSY727" s="424"/>
      <c r="FSZ727" s="424"/>
      <c r="FTA727" s="423" t="s">
        <v>2795</v>
      </c>
      <c r="FTB727" s="424"/>
      <c r="FTC727" s="424"/>
      <c r="FTD727" s="424"/>
      <c r="FTE727" s="423" t="s">
        <v>2795</v>
      </c>
      <c r="FTF727" s="424"/>
      <c r="FTG727" s="424"/>
      <c r="FTH727" s="424"/>
      <c r="FTI727" s="423" t="s">
        <v>2795</v>
      </c>
      <c r="FTJ727" s="424"/>
      <c r="FTK727" s="424"/>
      <c r="FTL727" s="424"/>
      <c r="FTM727" s="423" t="s">
        <v>2795</v>
      </c>
      <c r="FTN727" s="424"/>
      <c r="FTO727" s="424"/>
      <c r="FTP727" s="424"/>
      <c r="FTQ727" s="423" t="s">
        <v>2795</v>
      </c>
      <c r="FTR727" s="424"/>
      <c r="FTS727" s="424"/>
      <c r="FTT727" s="424"/>
      <c r="FTU727" s="423" t="s">
        <v>2795</v>
      </c>
      <c r="FTV727" s="424"/>
      <c r="FTW727" s="424"/>
      <c r="FTX727" s="424"/>
      <c r="FTY727" s="423" t="s">
        <v>2795</v>
      </c>
      <c r="FTZ727" s="424"/>
      <c r="FUA727" s="424"/>
      <c r="FUB727" s="424"/>
      <c r="FUC727" s="423" t="s">
        <v>2795</v>
      </c>
      <c r="FUD727" s="424"/>
      <c r="FUE727" s="424"/>
      <c r="FUF727" s="424"/>
      <c r="FUG727" s="423" t="s">
        <v>2795</v>
      </c>
      <c r="FUH727" s="424"/>
      <c r="FUI727" s="424"/>
      <c r="FUJ727" s="424"/>
      <c r="FUK727" s="423" t="s">
        <v>2795</v>
      </c>
      <c r="FUL727" s="424"/>
      <c r="FUM727" s="424"/>
      <c r="FUN727" s="424"/>
      <c r="FUO727" s="423" t="s">
        <v>2795</v>
      </c>
      <c r="FUP727" s="424"/>
      <c r="FUQ727" s="424"/>
      <c r="FUR727" s="424"/>
      <c r="FUS727" s="423" t="s">
        <v>2795</v>
      </c>
      <c r="FUT727" s="424"/>
      <c r="FUU727" s="424"/>
      <c r="FUV727" s="424"/>
      <c r="FUW727" s="423" t="s">
        <v>2795</v>
      </c>
      <c r="FUX727" s="424"/>
      <c r="FUY727" s="424"/>
      <c r="FUZ727" s="424"/>
      <c r="FVA727" s="423" t="s">
        <v>2795</v>
      </c>
      <c r="FVB727" s="424"/>
      <c r="FVC727" s="424"/>
      <c r="FVD727" s="424"/>
      <c r="FVE727" s="423" t="s">
        <v>2795</v>
      </c>
      <c r="FVF727" s="424"/>
      <c r="FVG727" s="424"/>
      <c r="FVH727" s="424"/>
      <c r="FVI727" s="423" t="s">
        <v>2795</v>
      </c>
      <c r="FVJ727" s="424"/>
      <c r="FVK727" s="424"/>
      <c r="FVL727" s="424"/>
      <c r="FVM727" s="423" t="s">
        <v>2795</v>
      </c>
      <c r="FVN727" s="424"/>
      <c r="FVO727" s="424"/>
      <c r="FVP727" s="424"/>
      <c r="FVQ727" s="423" t="s">
        <v>2795</v>
      </c>
      <c r="FVR727" s="424"/>
      <c r="FVS727" s="424"/>
      <c r="FVT727" s="424"/>
      <c r="FVU727" s="423" t="s">
        <v>2795</v>
      </c>
      <c r="FVV727" s="424"/>
      <c r="FVW727" s="424"/>
      <c r="FVX727" s="424"/>
      <c r="FVY727" s="423" t="s">
        <v>2795</v>
      </c>
      <c r="FVZ727" s="424"/>
      <c r="FWA727" s="424"/>
      <c r="FWB727" s="424"/>
      <c r="FWC727" s="423" t="s">
        <v>2795</v>
      </c>
      <c r="FWD727" s="424"/>
      <c r="FWE727" s="424"/>
      <c r="FWF727" s="424"/>
      <c r="FWG727" s="423" t="s">
        <v>2795</v>
      </c>
      <c r="FWH727" s="424"/>
      <c r="FWI727" s="424"/>
      <c r="FWJ727" s="424"/>
      <c r="FWK727" s="423" t="s">
        <v>2795</v>
      </c>
      <c r="FWL727" s="424"/>
      <c r="FWM727" s="424"/>
      <c r="FWN727" s="424"/>
      <c r="FWO727" s="423" t="s">
        <v>2795</v>
      </c>
      <c r="FWP727" s="424"/>
      <c r="FWQ727" s="424"/>
      <c r="FWR727" s="424"/>
      <c r="FWS727" s="423" t="s">
        <v>2795</v>
      </c>
      <c r="FWT727" s="424"/>
      <c r="FWU727" s="424"/>
      <c r="FWV727" s="424"/>
      <c r="FWW727" s="423" t="s">
        <v>2795</v>
      </c>
      <c r="FWX727" s="424"/>
      <c r="FWY727" s="424"/>
      <c r="FWZ727" s="424"/>
      <c r="FXA727" s="423" t="s">
        <v>2795</v>
      </c>
      <c r="FXB727" s="424"/>
      <c r="FXC727" s="424"/>
      <c r="FXD727" s="424"/>
      <c r="FXE727" s="423" t="s">
        <v>2795</v>
      </c>
      <c r="FXF727" s="424"/>
      <c r="FXG727" s="424"/>
      <c r="FXH727" s="424"/>
      <c r="FXI727" s="423" t="s">
        <v>2795</v>
      </c>
      <c r="FXJ727" s="424"/>
      <c r="FXK727" s="424"/>
      <c r="FXL727" s="424"/>
      <c r="FXM727" s="423" t="s">
        <v>2795</v>
      </c>
      <c r="FXN727" s="424"/>
      <c r="FXO727" s="424"/>
      <c r="FXP727" s="424"/>
      <c r="FXQ727" s="423" t="s">
        <v>2795</v>
      </c>
      <c r="FXR727" s="424"/>
      <c r="FXS727" s="424"/>
      <c r="FXT727" s="424"/>
      <c r="FXU727" s="423" t="s">
        <v>2795</v>
      </c>
      <c r="FXV727" s="424"/>
      <c r="FXW727" s="424"/>
      <c r="FXX727" s="424"/>
      <c r="FXY727" s="423" t="s">
        <v>2795</v>
      </c>
      <c r="FXZ727" s="424"/>
      <c r="FYA727" s="424"/>
      <c r="FYB727" s="424"/>
      <c r="FYC727" s="423" t="s">
        <v>2795</v>
      </c>
      <c r="FYD727" s="424"/>
      <c r="FYE727" s="424"/>
      <c r="FYF727" s="424"/>
      <c r="FYG727" s="423" t="s">
        <v>2795</v>
      </c>
      <c r="FYH727" s="424"/>
      <c r="FYI727" s="424"/>
      <c r="FYJ727" s="424"/>
      <c r="FYK727" s="423" t="s">
        <v>2795</v>
      </c>
      <c r="FYL727" s="424"/>
      <c r="FYM727" s="424"/>
      <c r="FYN727" s="424"/>
      <c r="FYO727" s="423" t="s">
        <v>2795</v>
      </c>
      <c r="FYP727" s="424"/>
      <c r="FYQ727" s="424"/>
      <c r="FYR727" s="424"/>
      <c r="FYS727" s="423" t="s">
        <v>2795</v>
      </c>
      <c r="FYT727" s="424"/>
      <c r="FYU727" s="424"/>
      <c r="FYV727" s="424"/>
      <c r="FYW727" s="423" t="s">
        <v>2795</v>
      </c>
      <c r="FYX727" s="424"/>
      <c r="FYY727" s="424"/>
      <c r="FYZ727" s="424"/>
      <c r="FZA727" s="423" t="s">
        <v>2795</v>
      </c>
      <c r="FZB727" s="424"/>
      <c r="FZC727" s="424"/>
      <c r="FZD727" s="424"/>
      <c r="FZE727" s="423" t="s">
        <v>2795</v>
      </c>
      <c r="FZF727" s="424"/>
      <c r="FZG727" s="424"/>
      <c r="FZH727" s="424"/>
      <c r="FZI727" s="423" t="s">
        <v>2795</v>
      </c>
      <c r="FZJ727" s="424"/>
      <c r="FZK727" s="424"/>
      <c r="FZL727" s="424"/>
      <c r="FZM727" s="423" t="s">
        <v>2795</v>
      </c>
      <c r="FZN727" s="424"/>
      <c r="FZO727" s="424"/>
      <c r="FZP727" s="424"/>
      <c r="FZQ727" s="423" t="s">
        <v>2795</v>
      </c>
      <c r="FZR727" s="424"/>
      <c r="FZS727" s="424"/>
      <c r="FZT727" s="424"/>
      <c r="FZU727" s="423" t="s">
        <v>2795</v>
      </c>
      <c r="FZV727" s="424"/>
      <c r="FZW727" s="424"/>
      <c r="FZX727" s="424"/>
      <c r="FZY727" s="423" t="s">
        <v>2795</v>
      </c>
      <c r="FZZ727" s="424"/>
      <c r="GAA727" s="424"/>
      <c r="GAB727" s="424"/>
      <c r="GAC727" s="423" t="s">
        <v>2795</v>
      </c>
      <c r="GAD727" s="424"/>
      <c r="GAE727" s="424"/>
      <c r="GAF727" s="424"/>
      <c r="GAG727" s="423" t="s">
        <v>2795</v>
      </c>
      <c r="GAH727" s="424"/>
      <c r="GAI727" s="424"/>
      <c r="GAJ727" s="424"/>
      <c r="GAK727" s="423" t="s">
        <v>2795</v>
      </c>
      <c r="GAL727" s="424"/>
      <c r="GAM727" s="424"/>
      <c r="GAN727" s="424"/>
      <c r="GAO727" s="423" t="s">
        <v>2795</v>
      </c>
      <c r="GAP727" s="424"/>
      <c r="GAQ727" s="424"/>
      <c r="GAR727" s="424"/>
      <c r="GAS727" s="423" t="s">
        <v>2795</v>
      </c>
      <c r="GAT727" s="424"/>
      <c r="GAU727" s="424"/>
      <c r="GAV727" s="424"/>
      <c r="GAW727" s="423" t="s">
        <v>2795</v>
      </c>
      <c r="GAX727" s="424"/>
      <c r="GAY727" s="424"/>
      <c r="GAZ727" s="424"/>
      <c r="GBA727" s="423" t="s">
        <v>2795</v>
      </c>
      <c r="GBB727" s="424"/>
      <c r="GBC727" s="424"/>
      <c r="GBD727" s="424"/>
      <c r="GBE727" s="423" t="s">
        <v>2795</v>
      </c>
      <c r="GBF727" s="424"/>
      <c r="GBG727" s="424"/>
      <c r="GBH727" s="424"/>
      <c r="GBI727" s="423" t="s">
        <v>2795</v>
      </c>
      <c r="GBJ727" s="424"/>
      <c r="GBK727" s="424"/>
      <c r="GBL727" s="424"/>
      <c r="GBM727" s="423" t="s">
        <v>2795</v>
      </c>
      <c r="GBN727" s="424"/>
      <c r="GBO727" s="424"/>
      <c r="GBP727" s="424"/>
      <c r="GBQ727" s="423" t="s">
        <v>2795</v>
      </c>
      <c r="GBR727" s="424"/>
      <c r="GBS727" s="424"/>
      <c r="GBT727" s="424"/>
      <c r="GBU727" s="423" t="s">
        <v>2795</v>
      </c>
      <c r="GBV727" s="424"/>
      <c r="GBW727" s="424"/>
      <c r="GBX727" s="424"/>
      <c r="GBY727" s="423" t="s">
        <v>2795</v>
      </c>
      <c r="GBZ727" s="424"/>
      <c r="GCA727" s="424"/>
      <c r="GCB727" s="424"/>
      <c r="GCC727" s="423" t="s">
        <v>2795</v>
      </c>
      <c r="GCD727" s="424"/>
      <c r="GCE727" s="424"/>
      <c r="GCF727" s="424"/>
      <c r="GCG727" s="423" t="s">
        <v>2795</v>
      </c>
      <c r="GCH727" s="424"/>
      <c r="GCI727" s="424"/>
      <c r="GCJ727" s="424"/>
      <c r="GCK727" s="423" t="s">
        <v>2795</v>
      </c>
      <c r="GCL727" s="424"/>
      <c r="GCM727" s="424"/>
      <c r="GCN727" s="424"/>
      <c r="GCO727" s="423" t="s">
        <v>2795</v>
      </c>
      <c r="GCP727" s="424"/>
      <c r="GCQ727" s="424"/>
      <c r="GCR727" s="424"/>
      <c r="GCS727" s="423" t="s">
        <v>2795</v>
      </c>
      <c r="GCT727" s="424"/>
      <c r="GCU727" s="424"/>
      <c r="GCV727" s="424"/>
      <c r="GCW727" s="423" t="s">
        <v>2795</v>
      </c>
      <c r="GCX727" s="424"/>
      <c r="GCY727" s="424"/>
      <c r="GCZ727" s="424"/>
      <c r="GDA727" s="423" t="s">
        <v>2795</v>
      </c>
      <c r="GDB727" s="424"/>
      <c r="GDC727" s="424"/>
      <c r="GDD727" s="424"/>
      <c r="GDE727" s="423" t="s">
        <v>2795</v>
      </c>
      <c r="GDF727" s="424"/>
      <c r="GDG727" s="424"/>
      <c r="GDH727" s="424"/>
      <c r="GDI727" s="423" t="s">
        <v>2795</v>
      </c>
      <c r="GDJ727" s="424"/>
      <c r="GDK727" s="424"/>
      <c r="GDL727" s="424"/>
      <c r="GDM727" s="423" t="s">
        <v>2795</v>
      </c>
      <c r="GDN727" s="424"/>
      <c r="GDO727" s="424"/>
      <c r="GDP727" s="424"/>
      <c r="GDQ727" s="423" t="s">
        <v>2795</v>
      </c>
      <c r="GDR727" s="424"/>
      <c r="GDS727" s="424"/>
      <c r="GDT727" s="424"/>
      <c r="GDU727" s="423" t="s">
        <v>2795</v>
      </c>
      <c r="GDV727" s="424"/>
      <c r="GDW727" s="424"/>
      <c r="GDX727" s="424"/>
      <c r="GDY727" s="423" t="s">
        <v>2795</v>
      </c>
      <c r="GDZ727" s="424"/>
      <c r="GEA727" s="424"/>
      <c r="GEB727" s="424"/>
      <c r="GEC727" s="423" t="s">
        <v>2795</v>
      </c>
      <c r="GED727" s="424"/>
      <c r="GEE727" s="424"/>
      <c r="GEF727" s="424"/>
      <c r="GEG727" s="423" t="s">
        <v>2795</v>
      </c>
      <c r="GEH727" s="424"/>
      <c r="GEI727" s="424"/>
      <c r="GEJ727" s="424"/>
      <c r="GEK727" s="423" t="s">
        <v>2795</v>
      </c>
      <c r="GEL727" s="424"/>
      <c r="GEM727" s="424"/>
      <c r="GEN727" s="424"/>
      <c r="GEO727" s="423" t="s">
        <v>2795</v>
      </c>
      <c r="GEP727" s="424"/>
      <c r="GEQ727" s="424"/>
      <c r="GER727" s="424"/>
      <c r="GES727" s="423" t="s">
        <v>2795</v>
      </c>
      <c r="GET727" s="424"/>
      <c r="GEU727" s="424"/>
      <c r="GEV727" s="424"/>
      <c r="GEW727" s="423" t="s">
        <v>2795</v>
      </c>
      <c r="GEX727" s="424"/>
      <c r="GEY727" s="424"/>
      <c r="GEZ727" s="424"/>
      <c r="GFA727" s="423" t="s">
        <v>2795</v>
      </c>
      <c r="GFB727" s="424"/>
      <c r="GFC727" s="424"/>
      <c r="GFD727" s="424"/>
      <c r="GFE727" s="423" t="s">
        <v>2795</v>
      </c>
      <c r="GFF727" s="424"/>
      <c r="GFG727" s="424"/>
      <c r="GFH727" s="424"/>
      <c r="GFI727" s="423" t="s">
        <v>2795</v>
      </c>
      <c r="GFJ727" s="424"/>
      <c r="GFK727" s="424"/>
      <c r="GFL727" s="424"/>
      <c r="GFM727" s="423" t="s">
        <v>2795</v>
      </c>
      <c r="GFN727" s="424"/>
      <c r="GFO727" s="424"/>
      <c r="GFP727" s="424"/>
      <c r="GFQ727" s="423" t="s">
        <v>2795</v>
      </c>
      <c r="GFR727" s="424"/>
      <c r="GFS727" s="424"/>
      <c r="GFT727" s="424"/>
      <c r="GFU727" s="423" t="s">
        <v>2795</v>
      </c>
      <c r="GFV727" s="424"/>
      <c r="GFW727" s="424"/>
      <c r="GFX727" s="424"/>
      <c r="GFY727" s="423" t="s">
        <v>2795</v>
      </c>
      <c r="GFZ727" s="424"/>
      <c r="GGA727" s="424"/>
      <c r="GGB727" s="424"/>
      <c r="GGC727" s="423" t="s">
        <v>2795</v>
      </c>
      <c r="GGD727" s="424"/>
      <c r="GGE727" s="424"/>
      <c r="GGF727" s="424"/>
      <c r="GGG727" s="423" t="s">
        <v>2795</v>
      </c>
      <c r="GGH727" s="424"/>
      <c r="GGI727" s="424"/>
      <c r="GGJ727" s="424"/>
      <c r="GGK727" s="423" t="s">
        <v>2795</v>
      </c>
      <c r="GGL727" s="424"/>
      <c r="GGM727" s="424"/>
      <c r="GGN727" s="424"/>
      <c r="GGO727" s="423" t="s">
        <v>2795</v>
      </c>
      <c r="GGP727" s="424"/>
      <c r="GGQ727" s="424"/>
      <c r="GGR727" s="424"/>
      <c r="GGS727" s="423" t="s">
        <v>2795</v>
      </c>
      <c r="GGT727" s="424"/>
      <c r="GGU727" s="424"/>
      <c r="GGV727" s="424"/>
      <c r="GGW727" s="423" t="s">
        <v>2795</v>
      </c>
      <c r="GGX727" s="424"/>
      <c r="GGY727" s="424"/>
      <c r="GGZ727" s="424"/>
      <c r="GHA727" s="423" t="s">
        <v>2795</v>
      </c>
      <c r="GHB727" s="424"/>
      <c r="GHC727" s="424"/>
      <c r="GHD727" s="424"/>
      <c r="GHE727" s="423" t="s">
        <v>2795</v>
      </c>
      <c r="GHF727" s="424"/>
      <c r="GHG727" s="424"/>
      <c r="GHH727" s="424"/>
      <c r="GHI727" s="423" t="s">
        <v>2795</v>
      </c>
      <c r="GHJ727" s="424"/>
      <c r="GHK727" s="424"/>
      <c r="GHL727" s="424"/>
      <c r="GHM727" s="423" t="s">
        <v>2795</v>
      </c>
      <c r="GHN727" s="424"/>
      <c r="GHO727" s="424"/>
      <c r="GHP727" s="424"/>
      <c r="GHQ727" s="423" t="s">
        <v>2795</v>
      </c>
      <c r="GHR727" s="424"/>
      <c r="GHS727" s="424"/>
      <c r="GHT727" s="424"/>
      <c r="GHU727" s="423" t="s">
        <v>2795</v>
      </c>
      <c r="GHV727" s="424"/>
      <c r="GHW727" s="424"/>
      <c r="GHX727" s="424"/>
      <c r="GHY727" s="423" t="s">
        <v>2795</v>
      </c>
      <c r="GHZ727" s="424"/>
      <c r="GIA727" s="424"/>
      <c r="GIB727" s="424"/>
      <c r="GIC727" s="423" t="s">
        <v>2795</v>
      </c>
      <c r="GID727" s="424"/>
      <c r="GIE727" s="424"/>
      <c r="GIF727" s="424"/>
      <c r="GIG727" s="423" t="s">
        <v>2795</v>
      </c>
      <c r="GIH727" s="424"/>
      <c r="GII727" s="424"/>
      <c r="GIJ727" s="424"/>
      <c r="GIK727" s="423" t="s">
        <v>2795</v>
      </c>
      <c r="GIL727" s="424"/>
      <c r="GIM727" s="424"/>
      <c r="GIN727" s="424"/>
      <c r="GIO727" s="423" t="s">
        <v>2795</v>
      </c>
      <c r="GIP727" s="424"/>
      <c r="GIQ727" s="424"/>
      <c r="GIR727" s="424"/>
      <c r="GIS727" s="423" t="s">
        <v>2795</v>
      </c>
      <c r="GIT727" s="424"/>
      <c r="GIU727" s="424"/>
      <c r="GIV727" s="424"/>
      <c r="GIW727" s="423" t="s">
        <v>2795</v>
      </c>
      <c r="GIX727" s="424"/>
      <c r="GIY727" s="424"/>
      <c r="GIZ727" s="424"/>
      <c r="GJA727" s="423" t="s">
        <v>2795</v>
      </c>
      <c r="GJB727" s="424"/>
      <c r="GJC727" s="424"/>
      <c r="GJD727" s="424"/>
      <c r="GJE727" s="423" t="s">
        <v>2795</v>
      </c>
      <c r="GJF727" s="424"/>
      <c r="GJG727" s="424"/>
      <c r="GJH727" s="424"/>
      <c r="GJI727" s="423" t="s">
        <v>2795</v>
      </c>
      <c r="GJJ727" s="424"/>
      <c r="GJK727" s="424"/>
      <c r="GJL727" s="424"/>
      <c r="GJM727" s="423" t="s">
        <v>2795</v>
      </c>
      <c r="GJN727" s="424"/>
      <c r="GJO727" s="424"/>
      <c r="GJP727" s="424"/>
      <c r="GJQ727" s="423" t="s">
        <v>2795</v>
      </c>
      <c r="GJR727" s="424"/>
      <c r="GJS727" s="424"/>
      <c r="GJT727" s="424"/>
      <c r="GJU727" s="423" t="s">
        <v>2795</v>
      </c>
      <c r="GJV727" s="424"/>
      <c r="GJW727" s="424"/>
      <c r="GJX727" s="424"/>
      <c r="GJY727" s="423" t="s">
        <v>2795</v>
      </c>
      <c r="GJZ727" s="424"/>
      <c r="GKA727" s="424"/>
      <c r="GKB727" s="424"/>
      <c r="GKC727" s="423" t="s">
        <v>2795</v>
      </c>
      <c r="GKD727" s="424"/>
      <c r="GKE727" s="424"/>
      <c r="GKF727" s="424"/>
      <c r="GKG727" s="423" t="s">
        <v>2795</v>
      </c>
      <c r="GKH727" s="424"/>
      <c r="GKI727" s="424"/>
      <c r="GKJ727" s="424"/>
      <c r="GKK727" s="423" t="s">
        <v>2795</v>
      </c>
      <c r="GKL727" s="424"/>
      <c r="GKM727" s="424"/>
      <c r="GKN727" s="424"/>
      <c r="GKO727" s="423" t="s">
        <v>2795</v>
      </c>
      <c r="GKP727" s="424"/>
      <c r="GKQ727" s="424"/>
      <c r="GKR727" s="424"/>
      <c r="GKS727" s="423" t="s">
        <v>2795</v>
      </c>
      <c r="GKT727" s="424"/>
      <c r="GKU727" s="424"/>
      <c r="GKV727" s="424"/>
      <c r="GKW727" s="423" t="s">
        <v>2795</v>
      </c>
      <c r="GKX727" s="424"/>
      <c r="GKY727" s="424"/>
      <c r="GKZ727" s="424"/>
      <c r="GLA727" s="423" t="s">
        <v>2795</v>
      </c>
      <c r="GLB727" s="424"/>
      <c r="GLC727" s="424"/>
      <c r="GLD727" s="424"/>
      <c r="GLE727" s="423" t="s">
        <v>2795</v>
      </c>
      <c r="GLF727" s="424"/>
      <c r="GLG727" s="424"/>
      <c r="GLH727" s="424"/>
      <c r="GLI727" s="423" t="s">
        <v>2795</v>
      </c>
      <c r="GLJ727" s="424"/>
      <c r="GLK727" s="424"/>
      <c r="GLL727" s="424"/>
      <c r="GLM727" s="423" t="s">
        <v>2795</v>
      </c>
      <c r="GLN727" s="424"/>
      <c r="GLO727" s="424"/>
      <c r="GLP727" s="424"/>
      <c r="GLQ727" s="423" t="s">
        <v>2795</v>
      </c>
      <c r="GLR727" s="424"/>
      <c r="GLS727" s="424"/>
      <c r="GLT727" s="424"/>
      <c r="GLU727" s="423" t="s">
        <v>2795</v>
      </c>
      <c r="GLV727" s="424"/>
      <c r="GLW727" s="424"/>
      <c r="GLX727" s="424"/>
      <c r="GLY727" s="423" t="s">
        <v>2795</v>
      </c>
      <c r="GLZ727" s="424"/>
      <c r="GMA727" s="424"/>
      <c r="GMB727" s="424"/>
      <c r="GMC727" s="423" t="s">
        <v>2795</v>
      </c>
      <c r="GMD727" s="424"/>
      <c r="GME727" s="424"/>
      <c r="GMF727" s="424"/>
      <c r="GMG727" s="423" t="s">
        <v>2795</v>
      </c>
      <c r="GMH727" s="424"/>
      <c r="GMI727" s="424"/>
      <c r="GMJ727" s="424"/>
      <c r="GMK727" s="423" t="s">
        <v>2795</v>
      </c>
      <c r="GML727" s="424"/>
      <c r="GMM727" s="424"/>
      <c r="GMN727" s="424"/>
      <c r="GMO727" s="423" t="s">
        <v>2795</v>
      </c>
      <c r="GMP727" s="424"/>
      <c r="GMQ727" s="424"/>
      <c r="GMR727" s="424"/>
      <c r="GMS727" s="423" t="s">
        <v>2795</v>
      </c>
      <c r="GMT727" s="424"/>
      <c r="GMU727" s="424"/>
      <c r="GMV727" s="424"/>
      <c r="GMW727" s="423" t="s">
        <v>2795</v>
      </c>
      <c r="GMX727" s="424"/>
      <c r="GMY727" s="424"/>
      <c r="GMZ727" s="424"/>
      <c r="GNA727" s="423" t="s">
        <v>2795</v>
      </c>
      <c r="GNB727" s="424"/>
      <c r="GNC727" s="424"/>
      <c r="GND727" s="424"/>
      <c r="GNE727" s="423" t="s">
        <v>2795</v>
      </c>
      <c r="GNF727" s="424"/>
      <c r="GNG727" s="424"/>
      <c r="GNH727" s="424"/>
      <c r="GNI727" s="423" t="s">
        <v>2795</v>
      </c>
      <c r="GNJ727" s="424"/>
      <c r="GNK727" s="424"/>
      <c r="GNL727" s="424"/>
      <c r="GNM727" s="423" t="s">
        <v>2795</v>
      </c>
      <c r="GNN727" s="424"/>
      <c r="GNO727" s="424"/>
      <c r="GNP727" s="424"/>
      <c r="GNQ727" s="423" t="s">
        <v>2795</v>
      </c>
      <c r="GNR727" s="424"/>
      <c r="GNS727" s="424"/>
      <c r="GNT727" s="424"/>
      <c r="GNU727" s="423" t="s">
        <v>2795</v>
      </c>
      <c r="GNV727" s="424"/>
      <c r="GNW727" s="424"/>
      <c r="GNX727" s="424"/>
      <c r="GNY727" s="423" t="s">
        <v>2795</v>
      </c>
      <c r="GNZ727" s="424"/>
      <c r="GOA727" s="424"/>
      <c r="GOB727" s="424"/>
      <c r="GOC727" s="423" t="s">
        <v>2795</v>
      </c>
      <c r="GOD727" s="424"/>
      <c r="GOE727" s="424"/>
      <c r="GOF727" s="424"/>
      <c r="GOG727" s="423" t="s">
        <v>2795</v>
      </c>
      <c r="GOH727" s="424"/>
      <c r="GOI727" s="424"/>
      <c r="GOJ727" s="424"/>
      <c r="GOK727" s="423" t="s">
        <v>2795</v>
      </c>
      <c r="GOL727" s="424"/>
      <c r="GOM727" s="424"/>
      <c r="GON727" s="424"/>
      <c r="GOO727" s="423" t="s">
        <v>2795</v>
      </c>
      <c r="GOP727" s="424"/>
      <c r="GOQ727" s="424"/>
      <c r="GOR727" s="424"/>
      <c r="GOS727" s="423" t="s">
        <v>2795</v>
      </c>
      <c r="GOT727" s="424"/>
      <c r="GOU727" s="424"/>
      <c r="GOV727" s="424"/>
      <c r="GOW727" s="423" t="s">
        <v>2795</v>
      </c>
      <c r="GOX727" s="424"/>
      <c r="GOY727" s="424"/>
      <c r="GOZ727" s="424"/>
      <c r="GPA727" s="423" t="s">
        <v>2795</v>
      </c>
      <c r="GPB727" s="424"/>
      <c r="GPC727" s="424"/>
      <c r="GPD727" s="424"/>
      <c r="GPE727" s="423" t="s">
        <v>2795</v>
      </c>
      <c r="GPF727" s="424"/>
      <c r="GPG727" s="424"/>
      <c r="GPH727" s="424"/>
      <c r="GPI727" s="423" t="s">
        <v>2795</v>
      </c>
      <c r="GPJ727" s="424"/>
      <c r="GPK727" s="424"/>
      <c r="GPL727" s="424"/>
      <c r="GPM727" s="423" t="s">
        <v>2795</v>
      </c>
      <c r="GPN727" s="424"/>
      <c r="GPO727" s="424"/>
      <c r="GPP727" s="424"/>
      <c r="GPQ727" s="423" t="s">
        <v>2795</v>
      </c>
      <c r="GPR727" s="424"/>
      <c r="GPS727" s="424"/>
      <c r="GPT727" s="424"/>
      <c r="GPU727" s="423" t="s">
        <v>2795</v>
      </c>
      <c r="GPV727" s="424"/>
      <c r="GPW727" s="424"/>
      <c r="GPX727" s="424"/>
      <c r="GPY727" s="423" t="s">
        <v>2795</v>
      </c>
      <c r="GPZ727" s="424"/>
      <c r="GQA727" s="424"/>
      <c r="GQB727" s="424"/>
      <c r="GQC727" s="423" t="s">
        <v>2795</v>
      </c>
      <c r="GQD727" s="424"/>
      <c r="GQE727" s="424"/>
      <c r="GQF727" s="424"/>
      <c r="GQG727" s="423" t="s">
        <v>2795</v>
      </c>
      <c r="GQH727" s="424"/>
      <c r="GQI727" s="424"/>
      <c r="GQJ727" s="424"/>
      <c r="GQK727" s="423" t="s">
        <v>2795</v>
      </c>
      <c r="GQL727" s="424"/>
      <c r="GQM727" s="424"/>
      <c r="GQN727" s="424"/>
      <c r="GQO727" s="423" t="s">
        <v>2795</v>
      </c>
      <c r="GQP727" s="424"/>
      <c r="GQQ727" s="424"/>
      <c r="GQR727" s="424"/>
      <c r="GQS727" s="423" t="s">
        <v>2795</v>
      </c>
      <c r="GQT727" s="424"/>
      <c r="GQU727" s="424"/>
      <c r="GQV727" s="424"/>
      <c r="GQW727" s="423" t="s">
        <v>2795</v>
      </c>
      <c r="GQX727" s="424"/>
      <c r="GQY727" s="424"/>
      <c r="GQZ727" s="424"/>
      <c r="GRA727" s="423" t="s">
        <v>2795</v>
      </c>
      <c r="GRB727" s="424"/>
      <c r="GRC727" s="424"/>
      <c r="GRD727" s="424"/>
      <c r="GRE727" s="423" t="s">
        <v>2795</v>
      </c>
      <c r="GRF727" s="424"/>
      <c r="GRG727" s="424"/>
      <c r="GRH727" s="424"/>
      <c r="GRI727" s="423" t="s">
        <v>2795</v>
      </c>
      <c r="GRJ727" s="424"/>
      <c r="GRK727" s="424"/>
      <c r="GRL727" s="424"/>
      <c r="GRM727" s="423" t="s">
        <v>2795</v>
      </c>
      <c r="GRN727" s="424"/>
      <c r="GRO727" s="424"/>
      <c r="GRP727" s="424"/>
      <c r="GRQ727" s="423" t="s">
        <v>2795</v>
      </c>
      <c r="GRR727" s="424"/>
      <c r="GRS727" s="424"/>
      <c r="GRT727" s="424"/>
      <c r="GRU727" s="423" t="s">
        <v>2795</v>
      </c>
      <c r="GRV727" s="424"/>
      <c r="GRW727" s="424"/>
      <c r="GRX727" s="424"/>
      <c r="GRY727" s="423" t="s">
        <v>2795</v>
      </c>
      <c r="GRZ727" s="424"/>
      <c r="GSA727" s="424"/>
      <c r="GSB727" s="424"/>
      <c r="GSC727" s="423" t="s">
        <v>2795</v>
      </c>
      <c r="GSD727" s="424"/>
      <c r="GSE727" s="424"/>
      <c r="GSF727" s="424"/>
      <c r="GSG727" s="423" t="s">
        <v>2795</v>
      </c>
      <c r="GSH727" s="424"/>
      <c r="GSI727" s="424"/>
      <c r="GSJ727" s="424"/>
      <c r="GSK727" s="423" t="s">
        <v>2795</v>
      </c>
      <c r="GSL727" s="424"/>
      <c r="GSM727" s="424"/>
      <c r="GSN727" s="424"/>
      <c r="GSO727" s="423" t="s">
        <v>2795</v>
      </c>
      <c r="GSP727" s="424"/>
      <c r="GSQ727" s="424"/>
      <c r="GSR727" s="424"/>
      <c r="GSS727" s="423" t="s">
        <v>2795</v>
      </c>
      <c r="GST727" s="424"/>
      <c r="GSU727" s="424"/>
      <c r="GSV727" s="424"/>
      <c r="GSW727" s="423" t="s">
        <v>2795</v>
      </c>
      <c r="GSX727" s="424"/>
      <c r="GSY727" s="424"/>
      <c r="GSZ727" s="424"/>
      <c r="GTA727" s="423" t="s">
        <v>2795</v>
      </c>
      <c r="GTB727" s="424"/>
      <c r="GTC727" s="424"/>
      <c r="GTD727" s="424"/>
      <c r="GTE727" s="423" t="s">
        <v>2795</v>
      </c>
      <c r="GTF727" s="424"/>
      <c r="GTG727" s="424"/>
      <c r="GTH727" s="424"/>
      <c r="GTI727" s="423" t="s">
        <v>2795</v>
      </c>
      <c r="GTJ727" s="424"/>
      <c r="GTK727" s="424"/>
      <c r="GTL727" s="424"/>
      <c r="GTM727" s="423" t="s">
        <v>2795</v>
      </c>
      <c r="GTN727" s="424"/>
      <c r="GTO727" s="424"/>
      <c r="GTP727" s="424"/>
      <c r="GTQ727" s="423" t="s">
        <v>2795</v>
      </c>
      <c r="GTR727" s="424"/>
      <c r="GTS727" s="424"/>
      <c r="GTT727" s="424"/>
      <c r="GTU727" s="423" t="s">
        <v>2795</v>
      </c>
      <c r="GTV727" s="424"/>
      <c r="GTW727" s="424"/>
      <c r="GTX727" s="424"/>
      <c r="GTY727" s="423" t="s">
        <v>2795</v>
      </c>
      <c r="GTZ727" s="424"/>
      <c r="GUA727" s="424"/>
      <c r="GUB727" s="424"/>
      <c r="GUC727" s="423" t="s">
        <v>2795</v>
      </c>
      <c r="GUD727" s="424"/>
      <c r="GUE727" s="424"/>
      <c r="GUF727" s="424"/>
      <c r="GUG727" s="423" t="s">
        <v>2795</v>
      </c>
      <c r="GUH727" s="424"/>
      <c r="GUI727" s="424"/>
      <c r="GUJ727" s="424"/>
      <c r="GUK727" s="423" t="s">
        <v>2795</v>
      </c>
      <c r="GUL727" s="424"/>
      <c r="GUM727" s="424"/>
      <c r="GUN727" s="424"/>
      <c r="GUO727" s="423" t="s">
        <v>2795</v>
      </c>
      <c r="GUP727" s="424"/>
      <c r="GUQ727" s="424"/>
      <c r="GUR727" s="424"/>
      <c r="GUS727" s="423" t="s">
        <v>2795</v>
      </c>
      <c r="GUT727" s="424"/>
      <c r="GUU727" s="424"/>
      <c r="GUV727" s="424"/>
      <c r="GUW727" s="423" t="s">
        <v>2795</v>
      </c>
      <c r="GUX727" s="424"/>
      <c r="GUY727" s="424"/>
      <c r="GUZ727" s="424"/>
      <c r="GVA727" s="423" t="s">
        <v>2795</v>
      </c>
      <c r="GVB727" s="424"/>
      <c r="GVC727" s="424"/>
      <c r="GVD727" s="424"/>
      <c r="GVE727" s="423" t="s">
        <v>2795</v>
      </c>
      <c r="GVF727" s="424"/>
      <c r="GVG727" s="424"/>
      <c r="GVH727" s="424"/>
      <c r="GVI727" s="423" t="s">
        <v>2795</v>
      </c>
      <c r="GVJ727" s="424"/>
      <c r="GVK727" s="424"/>
      <c r="GVL727" s="424"/>
      <c r="GVM727" s="423" t="s">
        <v>2795</v>
      </c>
      <c r="GVN727" s="424"/>
      <c r="GVO727" s="424"/>
      <c r="GVP727" s="424"/>
      <c r="GVQ727" s="423" t="s">
        <v>2795</v>
      </c>
      <c r="GVR727" s="424"/>
      <c r="GVS727" s="424"/>
      <c r="GVT727" s="424"/>
      <c r="GVU727" s="423" t="s">
        <v>2795</v>
      </c>
      <c r="GVV727" s="424"/>
      <c r="GVW727" s="424"/>
      <c r="GVX727" s="424"/>
      <c r="GVY727" s="423" t="s">
        <v>2795</v>
      </c>
      <c r="GVZ727" s="424"/>
      <c r="GWA727" s="424"/>
      <c r="GWB727" s="424"/>
      <c r="GWC727" s="423" t="s">
        <v>2795</v>
      </c>
      <c r="GWD727" s="424"/>
      <c r="GWE727" s="424"/>
      <c r="GWF727" s="424"/>
      <c r="GWG727" s="423" t="s">
        <v>2795</v>
      </c>
      <c r="GWH727" s="424"/>
      <c r="GWI727" s="424"/>
      <c r="GWJ727" s="424"/>
      <c r="GWK727" s="423" t="s">
        <v>2795</v>
      </c>
      <c r="GWL727" s="424"/>
      <c r="GWM727" s="424"/>
      <c r="GWN727" s="424"/>
      <c r="GWO727" s="423" t="s">
        <v>2795</v>
      </c>
      <c r="GWP727" s="424"/>
      <c r="GWQ727" s="424"/>
      <c r="GWR727" s="424"/>
      <c r="GWS727" s="423" t="s">
        <v>2795</v>
      </c>
      <c r="GWT727" s="424"/>
      <c r="GWU727" s="424"/>
      <c r="GWV727" s="424"/>
      <c r="GWW727" s="423" t="s">
        <v>2795</v>
      </c>
      <c r="GWX727" s="424"/>
      <c r="GWY727" s="424"/>
      <c r="GWZ727" s="424"/>
      <c r="GXA727" s="423" t="s">
        <v>2795</v>
      </c>
      <c r="GXB727" s="424"/>
      <c r="GXC727" s="424"/>
      <c r="GXD727" s="424"/>
      <c r="GXE727" s="423" t="s">
        <v>2795</v>
      </c>
      <c r="GXF727" s="424"/>
      <c r="GXG727" s="424"/>
      <c r="GXH727" s="424"/>
      <c r="GXI727" s="423" t="s">
        <v>2795</v>
      </c>
      <c r="GXJ727" s="424"/>
      <c r="GXK727" s="424"/>
      <c r="GXL727" s="424"/>
      <c r="GXM727" s="423" t="s">
        <v>2795</v>
      </c>
      <c r="GXN727" s="424"/>
      <c r="GXO727" s="424"/>
      <c r="GXP727" s="424"/>
      <c r="GXQ727" s="423" t="s">
        <v>2795</v>
      </c>
      <c r="GXR727" s="424"/>
      <c r="GXS727" s="424"/>
      <c r="GXT727" s="424"/>
      <c r="GXU727" s="423" t="s">
        <v>2795</v>
      </c>
      <c r="GXV727" s="424"/>
      <c r="GXW727" s="424"/>
      <c r="GXX727" s="424"/>
      <c r="GXY727" s="423" t="s">
        <v>2795</v>
      </c>
      <c r="GXZ727" s="424"/>
      <c r="GYA727" s="424"/>
      <c r="GYB727" s="424"/>
      <c r="GYC727" s="423" t="s">
        <v>2795</v>
      </c>
      <c r="GYD727" s="424"/>
      <c r="GYE727" s="424"/>
      <c r="GYF727" s="424"/>
      <c r="GYG727" s="423" t="s">
        <v>2795</v>
      </c>
      <c r="GYH727" s="424"/>
      <c r="GYI727" s="424"/>
      <c r="GYJ727" s="424"/>
      <c r="GYK727" s="423" t="s">
        <v>2795</v>
      </c>
      <c r="GYL727" s="424"/>
      <c r="GYM727" s="424"/>
      <c r="GYN727" s="424"/>
      <c r="GYO727" s="423" t="s">
        <v>2795</v>
      </c>
      <c r="GYP727" s="424"/>
      <c r="GYQ727" s="424"/>
      <c r="GYR727" s="424"/>
      <c r="GYS727" s="423" t="s">
        <v>2795</v>
      </c>
      <c r="GYT727" s="424"/>
      <c r="GYU727" s="424"/>
      <c r="GYV727" s="424"/>
      <c r="GYW727" s="423" t="s">
        <v>2795</v>
      </c>
      <c r="GYX727" s="424"/>
      <c r="GYY727" s="424"/>
      <c r="GYZ727" s="424"/>
      <c r="GZA727" s="423" t="s">
        <v>2795</v>
      </c>
      <c r="GZB727" s="424"/>
      <c r="GZC727" s="424"/>
      <c r="GZD727" s="424"/>
      <c r="GZE727" s="423" t="s">
        <v>2795</v>
      </c>
      <c r="GZF727" s="424"/>
      <c r="GZG727" s="424"/>
      <c r="GZH727" s="424"/>
      <c r="GZI727" s="423" t="s">
        <v>2795</v>
      </c>
      <c r="GZJ727" s="424"/>
      <c r="GZK727" s="424"/>
      <c r="GZL727" s="424"/>
      <c r="GZM727" s="423" t="s">
        <v>2795</v>
      </c>
      <c r="GZN727" s="424"/>
      <c r="GZO727" s="424"/>
      <c r="GZP727" s="424"/>
      <c r="GZQ727" s="423" t="s">
        <v>2795</v>
      </c>
      <c r="GZR727" s="424"/>
      <c r="GZS727" s="424"/>
      <c r="GZT727" s="424"/>
      <c r="GZU727" s="423" t="s">
        <v>2795</v>
      </c>
      <c r="GZV727" s="424"/>
      <c r="GZW727" s="424"/>
      <c r="GZX727" s="424"/>
      <c r="GZY727" s="423" t="s">
        <v>2795</v>
      </c>
      <c r="GZZ727" s="424"/>
      <c r="HAA727" s="424"/>
      <c r="HAB727" s="424"/>
      <c r="HAC727" s="423" t="s">
        <v>2795</v>
      </c>
      <c r="HAD727" s="424"/>
      <c r="HAE727" s="424"/>
      <c r="HAF727" s="424"/>
      <c r="HAG727" s="423" t="s">
        <v>2795</v>
      </c>
      <c r="HAH727" s="424"/>
      <c r="HAI727" s="424"/>
      <c r="HAJ727" s="424"/>
      <c r="HAK727" s="423" t="s">
        <v>2795</v>
      </c>
      <c r="HAL727" s="424"/>
      <c r="HAM727" s="424"/>
      <c r="HAN727" s="424"/>
      <c r="HAO727" s="423" t="s">
        <v>2795</v>
      </c>
      <c r="HAP727" s="424"/>
      <c r="HAQ727" s="424"/>
      <c r="HAR727" s="424"/>
      <c r="HAS727" s="423" t="s">
        <v>2795</v>
      </c>
      <c r="HAT727" s="424"/>
      <c r="HAU727" s="424"/>
      <c r="HAV727" s="424"/>
      <c r="HAW727" s="423" t="s">
        <v>2795</v>
      </c>
      <c r="HAX727" s="424"/>
      <c r="HAY727" s="424"/>
      <c r="HAZ727" s="424"/>
      <c r="HBA727" s="423" t="s">
        <v>2795</v>
      </c>
      <c r="HBB727" s="424"/>
      <c r="HBC727" s="424"/>
      <c r="HBD727" s="424"/>
      <c r="HBE727" s="423" t="s">
        <v>2795</v>
      </c>
      <c r="HBF727" s="424"/>
      <c r="HBG727" s="424"/>
      <c r="HBH727" s="424"/>
      <c r="HBI727" s="423" t="s">
        <v>2795</v>
      </c>
      <c r="HBJ727" s="424"/>
      <c r="HBK727" s="424"/>
      <c r="HBL727" s="424"/>
      <c r="HBM727" s="423" t="s">
        <v>2795</v>
      </c>
      <c r="HBN727" s="424"/>
      <c r="HBO727" s="424"/>
      <c r="HBP727" s="424"/>
      <c r="HBQ727" s="423" t="s">
        <v>2795</v>
      </c>
      <c r="HBR727" s="424"/>
      <c r="HBS727" s="424"/>
      <c r="HBT727" s="424"/>
      <c r="HBU727" s="423" t="s">
        <v>2795</v>
      </c>
      <c r="HBV727" s="424"/>
      <c r="HBW727" s="424"/>
      <c r="HBX727" s="424"/>
      <c r="HBY727" s="423" t="s">
        <v>2795</v>
      </c>
      <c r="HBZ727" s="424"/>
      <c r="HCA727" s="424"/>
      <c r="HCB727" s="424"/>
      <c r="HCC727" s="423" t="s">
        <v>2795</v>
      </c>
      <c r="HCD727" s="424"/>
      <c r="HCE727" s="424"/>
      <c r="HCF727" s="424"/>
      <c r="HCG727" s="423" t="s">
        <v>2795</v>
      </c>
      <c r="HCH727" s="424"/>
      <c r="HCI727" s="424"/>
      <c r="HCJ727" s="424"/>
      <c r="HCK727" s="423" t="s">
        <v>2795</v>
      </c>
      <c r="HCL727" s="424"/>
      <c r="HCM727" s="424"/>
      <c r="HCN727" s="424"/>
      <c r="HCO727" s="423" t="s">
        <v>2795</v>
      </c>
      <c r="HCP727" s="424"/>
      <c r="HCQ727" s="424"/>
      <c r="HCR727" s="424"/>
      <c r="HCS727" s="423" t="s">
        <v>2795</v>
      </c>
      <c r="HCT727" s="424"/>
      <c r="HCU727" s="424"/>
      <c r="HCV727" s="424"/>
      <c r="HCW727" s="423" t="s">
        <v>2795</v>
      </c>
      <c r="HCX727" s="424"/>
      <c r="HCY727" s="424"/>
      <c r="HCZ727" s="424"/>
      <c r="HDA727" s="423" t="s">
        <v>2795</v>
      </c>
      <c r="HDB727" s="424"/>
      <c r="HDC727" s="424"/>
      <c r="HDD727" s="424"/>
      <c r="HDE727" s="423" t="s">
        <v>2795</v>
      </c>
      <c r="HDF727" s="424"/>
      <c r="HDG727" s="424"/>
      <c r="HDH727" s="424"/>
      <c r="HDI727" s="423" t="s">
        <v>2795</v>
      </c>
      <c r="HDJ727" s="424"/>
      <c r="HDK727" s="424"/>
      <c r="HDL727" s="424"/>
      <c r="HDM727" s="423" t="s">
        <v>2795</v>
      </c>
      <c r="HDN727" s="424"/>
      <c r="HDO727" s="424"/>
      <c r="HDP727" s="424"/>
      <c r="HDQ727" s="423" t="s">
        <v>2795</v>
      </c>
      <c r="HDR727" s="424"/>
      <c r="HDS727" s="424"/>
      <c r="HDT727" s="424"/>
      <c r="HDU727" s="423" t="s">
        <v>2795</v>
      </c>
      <c r="HDV727" s="424"/>
      <c r="HDW727" s="424"/>
      <c r="HDX727" s="424"/>
      <c r="HDY727" s="423" t="s">
        <v>2795</v>
      </c>
      <c r="HDZ727" s="424"/>
      <c r="HEA727" s="424"/>
      <c r="HEB727" s="424"/>
      <c r="HEC727" s="423" t="s">
        <v>2795</v>
      </c>
      <c r="HED727" s="424"/>
      <c r="HEE727" s="424"/>
      <c r="HEF727" s="424"/>
      <c r="HEG727" s="423" t="s">
        <v>2795</v>
      </c>
      <c r="HEH727" s="424"/>
      <c r="HEI727" s="424"/>
      <c r="HEJ727" s="424"/>
      <c r="HEK727" s="423" t="s">
        <v>2795</v>
      </c>
      <c r="HEL727" s="424"/>
      <c r="HEM727" s="424"/>
      <c r="HEN727" s="424"/>
      <c r="HEO727" s="423" t="s">
        <v>2795</v>
      </c>
      <c r="HEP727" s="424"/>
      <c r="HEQ727" s="424"/>
      <c r="HER727" s="424"/>
      <c r="HES727" s="423" t="s">
        <v>2795</v>
      </c>
      <c r="HET727" s="424"/>
      <c r="HEU727" s="424"/>
      <c r="HEV727" s="424"/>
      <c r="HEW727" s="423" t="s">
        <v>2795</v>
      </c>
      <c r="HEX727" s="424"/>
      <c r="HEY727" s="424"/>
      <c r="HEZ727" s="424"/>
      <c r="HFA727" s="423" t="s">
        <v>2795</v>
      </c>
      <c r="HFB727" s="424"/>
      <c r="HFC727" s="424"/>
      <c r="HFD727" s="424"/>
      <c r="HFE727" s="423" t="s">
        <v>2795</v>
      </c>
      <c r="HFF727" s="424"/>
      <c r="HFG727" s="424"/>
      <c r="HFH727" s="424"/>
      <c r="HFI727" s="423" t="s">
        <v>2795</v>
      </c>
      <c r="HFJ727" s="424"/>
      <c r="HFK727" s="424"/>
      <c r="HFL727" s="424"/>
      <c r="HFM727" s="423" t="s">
        <v>2795</v>
      </c>
      <c r="HFN727" s="424"/>
      <c r="HFO727" s="424"/>
      <c r="HFP727" s="424"/>
      <c r="HFQ727" s="423" t="s">
        <v>2795</v>
      </c>
      <c r="HFR727" s="424"/>
      <c r="HFS727" s="424"/>
      <c r="HFT727" s="424"/>
      <c r="HFU727" s="423" t="s">
        <v>2795</v>
      </c>
      <c r="HFV727" s="424"/>
      <c r="HFW727" s="424"/>
      <c r="HFX727" s="424"/>
      <c r="HFY727" s="423" t="s">
        <v>2795</v>
      </c>
      <c r="HFZ727" s="424"/>
      <c r="HGA727" s="424"/>
      <c r="HGB727" s="424"/>
      <c r="HGC727" s="423" t="s">
        <v>2795</v>
      </c>
      <c r="HGD727" s="424"/>
      <c r="HGE727" s="424"/>
      <c r="HGF727" s="424"/>
      <c r="HGG727" s="423" t="s">
        <v>2795</v>
      </c>
      <c r="HGH727" s="424"/>
      <c r="HGI727" s="424"/>
      <c r="HGJ727" s="424"/>
      <c r="HGK727" s="423" t="s">
        <v>2795</v>
      </c>
      <c r="HGL727" s="424"/>
      <c r="HGM727" s="424"/>
      <c r="HGN727" s="424"/>
      <c r="HGO727" s="423" t="s">
        <v>2795</v>
      </c>
      <c r="HGP727" s="424"/>
      <c r="HGQ727" s="424"/>
      <c r="HGR727" s="424"/>
      <c r="HGS727" s="423" t="s">
        <v>2795</v>
      </c>
      <c r="HGT727" s="424"/>
      <c r="HGU727" s="424"/>
      <c r="HGV727" s="424"/>
      <c r="HGW727" s="423" t="s">
        <v>2795</v>
      </c>
      <c r="HGX727" s="424"/>
      <c r="HGY727" s="424"/>
      <c r="HGZ727" s="424"/>
      <c r="HHA727" s="423" t="s">
        <v>2795</v>
      </c>
      <c r="HHB727" s="424"/>
      <c r="HHC727" s="424"/>
      <c r="HHD727" s="424"/>
      <c r="HHE727" s="423" t="s">
        <v>2795</v>
      </c>
      <c r="HHF727" s="424"/>
      <c r="HHG727" s="424"/>
      <c r="HHH727" s="424"/>
      <c r="HHI727" s="423" t="s">
        <v>2795</v>
      </c>
      <c r="HHJ727" s="424"/>
      <c r="HHK727" s="424"/>
      <c r="HHL727" s="424"/>
      <c r="HHM727" s="423" t="s">
        <v>2795</v>
      </c>
      <c r="HHN727" s="424"/>
      <c r="HHO727" s="424"/>
      <c r="HHP727" s="424"/>
      <c r="HHQ727" s="423" t="s">
        <v>2795</v>
      </c>
      <c r="HHR727" s="424"/>
      <c r="HHS727" s="424"/>
      <c r="HHT727" s="424"/>
      <c r="HHU727" s="423" t="s">
        <v>2795</v>
      </c>
      <c r="HHV727" s="424"/>
      <c r="HHW727" s="424"/>
      <c r="HHX727" s="424"/>
      <c r="HHY727" s="423" t="s">
        <v>2795</v>
      </c>
      <c r="HHZ727" s="424"/>
      <c r="HIA727" s="424"/>
      <c r="HIB727" s="424"/>
      <c r="HIC727" s="423" t="s">
        <v>2795</v>
      </c>
      <c r="HID727" s="424"/>
      <c r="HIE727" s="424"/>
      <c r="HIF727" s="424"/>
      <c r="HIG727" s="423" t="s">
        <v>2795</v>
      </c>
      <c r="HIH727" s="424"/>
      <c r="HII727" s="424"/>
      <c r="HIJ727" s="424"/>
      <c r="HIK727" s="423" t="s">
        <v>2795</v>
      </c>
      <c r="HIL727" s="424"/>
      <c r="HIM727" s="424"/>
      <c r="HIN727" s="424"/>
      <c r="HIO727" s="423" t="s">
        <v>2795</v>
      </c>
      <c r="HIP727" s="424"/>
      <c r="HIQ727" s="424"/>
      <c r="HIR727" s="424"/>
      <c r="HIS727" s="423" t="s">
        <v>2795</v>
      </c>
      <c r="HIT727" s="424"/>
      <c r="HIU727" s="424"/>
      <c r="HIV727" s="424"/>
      <c r="HIW727" s="423" t="s">
        <v>2795</v>
      </c>
      <c r="HIX727" s="424"/>
      <c r="HIY727" s="424"/>
      <c r="HIZ727" s="424"/>
      <c r="HJA727" s="423" t="s">
        <v>2795</v>
      </c>
      <c r="HJB727" s="424"/>
      <c r="HJC727" s="424"/>
      <c r="HJD727" s="424"/>
      <c r="HJE727" s="423" t="s">
        <v>2795</v>
      </c>
      <c r="HJF727" s="424"/>
      <c r="HJG727" s="424"/>
      <c r="HJH727" s="424"/>
      <c r="HJI727" s="423" t="s">
        <v>2795</v>
      </c>
      <c r="HJJ727" s="424"/>
      <c r="HJK727" s="424"/>
      <c r="HJL727" s="424"/>
      <c r="HJM727" s="423" t="s">
        <v>2795</v>
      </c>
      <c r="HJN727" s="424"/>
      <c r="HJO727" s="424"/>
      <c r="HJP727" s="424"/>
      <c r="HJQ727" s="423" t="s">
        <v>2795</v>
      </c>
      <c r="HJR727" s="424"/>
      <c r="HJS727" s="424"/>
      <c r="HJT727" s="424"/>
      <c r="HJU727" s="423" t="s">
        <v>2795</v>
      </c>
      <c r="HJV727" s="424"/>
      <c r="HJW727" s="424"/>
      <c r="HJX727" s="424"/>
      <c r="HJY727" s="423" t="s">
        <v>2795</v>
      </c>
      <c r="HJZ727" s="424"/>
      <c r="HKA727" s="424"/>
      <c r="HKB727" s="424"/>
      <c r="HKC727" s="423" t="s">
        <v>2795</v>
      </c>
      <c r="HKD727" s="424"/>
      <c r="HKE727" s="424"/>
      <c r="HKF727" s="424"/>
      <c r="HKG727" s="423" t="s">
        <v>2795</v>
      </c>
      <c r="HKH727" s="424"/>
      <c r="HKI727" s="424"/>
      <c r="HKJ727" s="424"/>
      <c r="HKK727" s="423" t="s">
        <v>2795</v>
      </c>
      <c r="HKL727" s="424"/>
      <c r="HKM727" s="424"/>
      <c r="HKN727" s="424"/>
      <c r="HKO727" s="423" t="s">
        <v>2795</v>
      </c>
      <c r="HKP727" s="424"/>
      <c r="HKQ727" s="424"/>
      <c r="HKR727" s="424"/>
      <c r="HKS727" s="423" t="s">
        <v>2795</v>
      </c>
      <c r="HKT727" s="424"/>
      <c r="HKU727" s="424"/>
      <c r="HKV727" s="424"/>
      <c r="HKW727" s="423" t="s">
        <v>2795</v>
      </c>
      <c r="HKX727" s="424"/>
      <c r="HKY727" s="424"/>
      <c r="HKZ727" s="424"/>
      <c r="HLA727" s="423" t="s">
        <v>2795</v>
      </c>
      <c r="HLB727" s="424"/>
      <c r="HLC727" s="424"/>
      <c r="HLD727" s="424"/>
      <c r="HLE727" s="423" t="s">
        <v>2795</v>
      </c>
      <c r="HLF727" s="424"/>
      <c r="HLG727" s="424"/>
      <c r="HLH727" s="424"/>
      <c r="HLI727" s="423" t="s">
        <v>2795</v>
      </c>
      <c r="HLJ727" s="424"/>
      <c r="HLK727" s="424"/>
      <c r="HLL727" s="424"/>
      <c r="HLM727" s="423" t="s">
        <v>2795</v>
      </c>
      <c r="HLN727" s="424"/>
      <c r="HLO727" s="424"/>
      <c r="HLP727" s="424"/>
      <c r="HLQ727" s="423" t="s">
        <v>2795</v>
      </c>
      <c r="HLR727" s="424"/>
      <c r="HLS727" s="424"/>
      <c r="HLT727" s="424"/>
      <c r="HLU727" s="423" t="s">
        <v>2795</v>
      </c>
      <c r="HLV727" s="424"/>
      <c r="HLW727" s="424"/>
      <c r="HLX727" s="424"/>
      <c r="HLY727" s="423" t="s">
        <v>2795</v>
      </c>
      <c r="HLZ727" s="424"/>
      <c r="HMA727" s="424"/>
      <c r="HMB727" s="424"/>
      <c r="HMC727" s="423" t="s">
        <v>2795</v>
      </c>
      <c r="HMD727" s="424"/>
      <c r="HME727" s="424"/>
      <c r="HMF727" s="424"/>
      <c r="HMG727" s="423" t="s">
        <v>2795</v>
      </c>
      <c r="HMH727" s="424"/>
      <c r="HMI727" s="424"/>
      <c r="HMJ727" s="424"/>
      <c r="HMK727" s="423" t="s">
        <v>2795</v>
      </c>
      <c r="HML727" s="424"/>
      <c r="HMM727" s="424"/>
      <c r="HMN727" s="424"/>
      <c r="HMO727" s="423" t="s">
        <v>2795</v>
      </c>
      <c r="HMP727" s="424"/>
      <c r="HMQ727" s="424"/>
      <c r="HMR727" s="424"/>
      <c r="HMS727" s="423" t="s">
        <v>2795</v>
      </c>
      <c r="HMT727" s="424"/>
      <c r="HMU727" s="424"/>
      <c r="HMV727" s="424"/>
      <c r="HMW727" s="423" t="s">
        <v>2795</v>
      </c>
      <c r="HMX727" s="424"/>
      <c r="HMY727" s="424"/>
      <c r="HMZ727" s="424"/>
      <c r="HNA727" s="423" t="s">
        <v>2795</v>
      </c>
      <c r="HNB727" s="424"/>
      <c r="HNC727" s="424"/>
      <c r="HND727" s="424"/>
      <c r="HNE727" s="423" t="s">
        <v>2795</v>
      </c>
      <c r="HNF727" s="424"/>
      <c r="HNG727" s="424"/>
      <c r="HNH727" s="424"/>
      <c r="HNI727" s="423" t="s">
        <v>2795</v>
      </c>
      <c r="HNJ727" s="424"/>
      <c r="HNK727" s="424"/>
      <c r="HNL727" s="424"/>
      <c r="HNM727" s="423" t="s">
        <v>2795</v>
      </c>
      <c r="HNN727" s="424"/>
      <c r="HNO727" s="424"/>
      <c r="HNP727" s="424"/>
      <c r="HNQ727" s="423" t="s">
        <v>2795</v>
      </c>
      <c r="HNR727" s="424"/>
      <c r="HNS727" s="424"/>
      <c r="HNT727" s="424"/>
      <c r="HNU727" s="423" t="s">
        <v>2795</v>
      </c>
      <c r="HNV727" s="424"/>
      <c r="HNW727" s="424"/>
      <c r="HNX727" s="424"/>
      <c r="HNY727" s="423" t="s">
        <v>2795</v>
      </c>
      <c r="HNZ727" s="424"/>
      <c r="HOA727" s="424"/>
      <c r="HOB727" s="424"/>
      <c r="HOC727" s="423" t="s">
        <v>2795</v>
      </c>
      <c r="HOD727" s="424"/>
      <c r="HOE727" s="424"/>
      <c r="HOF727" s="424"/>
      <c r="HOG727" s="423" t="s">
        <v>2795</v>
      </c>
      <c r="HOH727" s="424"/>
      <c r="HOI727" s="424"/>
      <c r="HOJ727" s="424"/>
      <c r="HOK727" s="423" t="s">
        <v>2795</v>
      </c>
      <c r="HOL727" s="424"/>
      <c r="HOM727" s="424"/>
      <c r="HON727" s="424"/>
      <c r="HOO727" s="423" t="s">
        <v>2795</v>
      </c>
      <c r="HOP727" s="424"/>
      <c r="HOQ727" s="424"/>
      <c r="HOR727" s="424"/>
      <c r="HOS727" s="423" t="s">
        <v>2795</v>
      </c>
      <c r="HOT727" s="424"/>
      <c r="HOU727" s="424"/>
      <c r="HOV727" s="424"/>
      <c r="HOW727" s="423" t="s">
        <v>2795</v>
      </c>
      <c r="HOX727" s="424"/>
      <c r="HOY727" s="424"/>
      <c r="HOZ727" s="424"/>
      <c r="HPA727" s="423" t="s">
        <v>2795</v>
      </c>
      <c r="HPB727" s="424"/>
      <c r="HPC727" s="424"/>
      <c r="HPD727" s="424"/>
      <c r="HPE727" s="423" t="s">
        <v>2795</v>
      </c>
      <c r="HPF727" s="424"/>
      <c r="HPG727" s="424"/>
      <c r="HPH727" s="424"/>
      <c r="HPI727" s="423" t="s">
        <v>2795</v>
      </c>
      <c r="HPJ727" s="424"/>
      <c r="HPK727" s="424"/>
      <c r="HPL727" s="424"/>
      <c r="HPM727" s="423" t="s">
        <v>2795</v>
      </c>
      <c r="HPN727" s="424"/>
      <c r="HPO727" s="424"/>
      <c r="HPP727" s="424"/>
      <c r="HPQ727" s="423" t="s">
        <v>2795</v>
      </c>
      <c r="HPR727" s="424"/>
      <c r="HPS727" s="424"/>
      <c r="HPT727" s="424"/>
      <c r="HPU727" s="423" t="s">
        <v>2795</v>
      </c>
      <c r="HPV727" s="424"/>
      <c r="HPW727" s="424"/>
      <c r="HPX727" s="424"/>
      <c r="HPY727" s="423" t="s">
        <v>2795</v>
      </c>
      <c r="HPZ727" s="424"/>
      <c r="HQA727" s="424"/>
      <c r="HQB727" s="424"/>
      <c r="HQC727" s="423" t="s">
        <v>2795</v>
      </c>
      <c r="HQD727" s="424"/>
      <c r="HQE727" s="424"/>
      <c r="HQF727" s="424"/>
      <c r="HQG727" s="423" t="s">
        <v>2795</v>
      </c>
      <c r="HQH727" s="424"/>
      <c r="HQI727" s="424"/>
      <c r="HQJ727" s="424"/>
      <c r="HQK727" s="423" t="s">
        <v>2795</v>
      </c>
      <c r="HQL727" s="424"/>
      <c r="HQM727" s="424"/>
      <c r="HQN727" s="424"/>
      <c r="HQO727" s="423" t="s">
        <v>2795</v>
      </c>
      <c r="HQP727" s="424"/>
      <c r="HQQ727" s="424"/>
      <c r="HQR727" s="424"/>
      <c r="HQS727" s="423" t="s">
        <v>2795</v>
      </c>
      <c r="HQT727" s="424"/>
      <c r="HQU727" s="424"/>
      <c r="HQV727" s="424"/>
      <c r="HQW727" s="423" t="s">
        <v>2795</v>
      </c>
      <c r="HQX727" s="424"/>
      <c r="HQY727" s="424"/>
      <c r="HQZ727" s="424"/>
      <c r="HRA727" s="423" t="s">
        <v>2795</v>
      </c>
      <c r="HRB727" s="424"/>
      <c r="HRC727" s="424"/>
      <c r="HRD727" s="424"/>
      <c r="HRE727" s="423" t="s">
        <v>2795</v>
      </c>
      <c r="HRF727" s="424"/>
      <c r="HRG727" s="424"/>
      <c r="HRH727" s="424"/>
      <c r="HRI727" s="423" t="s">
        <v>2795</v>
      </c>
      <c r="HRJ727" s="424"/>
      <c r="HRK727" s="424"/>
      <c r="HRL727" s="424"/>
      <c r="HRM727" s="423" t="s">
        <v>2795</v>
      </c>
      <c r="HRN727" s="424"/>
      <c r="HRO727" s="424"/>
      <c r="HRP727" s="424"/>
      <c r="HRQ727" s="423" t="s">
        <v>2795</v>
      </c>
      <c r="HRR727" s="424"/>
      <c r="HRS727" s="424"/>
      <c r="HRT727" s="424"/>
      <c r="HRU727" s="423" t="s">
        <v>2795</v>
      </c>
      <c r="HRV727" s="424"/>
      <c r="HRW727" s="424"/>
      <c r="HRX727" s="424"/>
      <c r="HRY727" s="423" t="s">
        <v>2795</v>
      </c>
      <c r="HRZ727" s="424"/>
      <c r="HSA727" s="424"/>
      <c r="HSB727" s="424"/>
      <c r="HSC727" s="423" t="s">
        <v>2795</v>
      </c>
      <c r="HSD727" s="424"/>
      <c r="HSE727" s="424"/>
      <c r="HSF727" s="424"/>
      <c r="HSG727" s="423" t="s">
        <v>2795</v>
      </c>
      <c r="HSH727" s="424"/>
      <c r="HSI727" s="424"/>
      <c r="HSJ727" s="424"/>
      <c r="HSK727" s="423" t="s">
        <v>2795</v>
      </c>
      <c r="HSL727" s="424"/>
      <c r="HSM727" s="424"/>
      <c r="HSN727" s="424"/>
      <c r="HSO727" s="423" t="s">
        <v>2795</v>
      </c>
      <c r="HSP727" s="424"/>
      <c r="HSQ727" s="424"/>
      <c r="HSR727" s="424"/>
      <c r="HSS727" s="423" t="s">
        <v>2795</v>
      </c>
      <c r="HST727" s="424"/>
      <c r="HSU727" s="424"/>
      <c r="HSV727" s="424"/>
      <c r="HSW727" s="423" t="s">
        <v>2795</v>
      </c>
      <c r="HSX727" s="424"/>
      <c r="HSY727" s="424"/>
      <c r="HSZ727" s="424"/>
      <c r="HTA727" s="423" t="s">
        <v>2795</v>
      </c>
      <c r="HTB727" s="424"/>
      <c r="HTC727" s="424"/>
      <c r="HTD727" s="424"/>
      <c r="HTE727" s="423" t="s">
        <v>2795</v>
      </c>
      <c r="HTF727" s="424"/>
      <c r="HTG727" s="424"/>
      <c r="HTH727" s="424"/>
      <c r="HTI727" s="423" t="s">
        <v>2795</v>
      </c>
      <c r="HTJ727" s="424"/>
      <c r="HTK727" s="424"/>
      <c r="HTL727" s="424"/>
      <c r="HTM727" s="423" t="s">
        <v>2795</v>
      </c>
      <c r="HTN727" s="424"/>
      <c r="HTO727" s="424"/>
      <c r="HTP727" s="424"/>
      <c r="HTQ727" s="423" t="s">
        <v>2795</v>
      </c>
      <c r="HTR727" s="424"/>
      <c r="HTS727" s="424"/>
      <c r="HTT727" s="424"/>
      <c r="HTU727" s="423" t="s">
        <v>2795</v>
      </c>
      <c r="HTV727" s="424"/>
      <c r="HTW727" s="424"/>
      <c r="HTX727" s="424"/>
      <c r="HTY727" s="423" t="s">
        <v>2795</v>
      </c>
      <c r="HTZ727" s="424"/>
      <c r="HUA727" s="424"/>
      <c r="HUB727" s="424"/>
      <c r="HUC727" s="423" t="s">
        <v>2795</v>
      </c>
      <c r="HUD727" s="424"/>
      <c r="HUE727" s="424"/>
      <c r="HUF727" s="424"/>
      <c r="HUG727" s="423" t="s">
        <v>2795</v>
      </c>
      <c r="HUH727" s="424"/>
      <c r="HUI727" s="424"/>
      <c r="HUJ727" s="424"/>
      <c r="HUK727" s="423" t="s">
        <v>2795</v>
      </c>
      <c r="HUL727" s="424"/>
      <c r="HUM727" s="424"/>
      <c r="HUN727" s="424"/>
      <c r="HUO727" s="423" t="s">
        <v>2795</v>
      </c>
      <c r="HUP727" s="424"/>
      <c r="HUQ727" s="424"/>
      <c r="HUR727" s="424"/>
      <c r="HUS727" s="423" t="s">
        <v>2795</v>
      </c>
      <c r="HUT727" s="424"/>
      <c r="HUU727" s="424"/>
      <c r="HUV727" s="424"/>
      <c r="HUW727" s="423" t="s">
        <v>2795</v>
      </c>
      <c r="HUX727" s="424"/>
      <c r="HUY727" s="424"/>
      <c r="HUZ727" s="424"/>
      <c r="HVA727" s="423" t="s">
        <v>2795</v>
      </c>
      <c r="HVB727" s="424"/>
      <c r="HVC727" s="424"/>
      <c r="HVD727" s="424"/>
      <c r="HVE727" s="423" t="s">
        <v>2795</v>
      </c>
      <c r="HVF727" s="424"/>
      <c r="HVG727" s="424"/>
      <c r="HVH727" s="424"/>
      <c r="HVI727" s="423" t="s">
        <v>2795</v>
      </c>
      <c r="HVJ727" s="424"/>
      <c r="HVK727" s="424"/>
      <c r="HVL727" s="424"/>
      <c r="HVM727" s="423" t="s">
        <v>2795</v>
      </c>
      <c r="HVN727" s="424"/>
      <c r="HVO727" s="424"/>
      <c r="HVP727" s="424"/>
      <c r="HVQ727" s="423" t="s">
        <v>2795</v>
      </c>
      <c r="HVR727" s="424"/>
      <c r="HVS727" s="424"/>
      <c r="HVT727" s="424"/>
      <c r="HVU727" s="423" t="s">
        <v>2795</v>
      </c>
      <c r="HVV727" s="424"/>
      <c r="HVW727" s="424"/>
      <c r="HVX727" s="424"/>
      <c r="HVY727" s="423" t="s">
        <v>2795</v>
      </c>
      <c r="HVZ727" s="424"/>
      <c r="HWA727" s="424"/>
      <c r="HWB727" s="424"/>
      <c r="HWC727" s="423" t="s">
        <v>2795</v>
      </c>
      <c r="HWD727" s="424"/>
      <c r="HWE727" s="424"/>
      <c r="HWF727" s="424"/>
      <c r="HWG727" s="423" t="s">
        <v>2795</v>
      </c>
      <c r="HWH727" s="424"/>
      <c r="HWI727" s="424"/>
      <c r="HWJ727" s="424"/>
      <c r="HWK727" s="423" t="s">
        <v>2795</v>
      </c>
      <c r="HWL727" s="424"/>
      <c r="HWM727" s="424"/>
      <c r="HWN727" s="424"/>
      <c r="HWO727" s="423" t="s">
        <v>2795</v>
      </c>
      <c r="HWP727" s="424"/>
      <c r="HWQ727" s="424"/>
      <c r="HWR727" s="424"/>
      <c r="HWS727" s="423" t="s">
        <v>2795</v>
      </c>
      <c r="HWT727" s="424"/>
      <c r="HWU727" s="424"/>
      <c r="HWV727" s="424"/>
      <c r="HWW727" s="423" t="s">
        <v>2795</v>
      </c>
      <c r="HWX727" s="424"/>
      <c r="HWY727" s="424"/>
      <c r="HWZ727" s="424"/>
      <c r="HXA727" s="423" t="s">
        <v>2795</v>
      </c>
      <c r="HXB727" s="424"/>
      <c r="HXC727" s="424"/>
      <c r="HXD727" s="424"/>
      <c r="HXE727" s="423" t="s">
        <v>2795</v>
      </c>
      <c r="HXF727" s="424"/>
      <c r="HXG727" s="424"/>
      <c r="HXH727" s="424"/>
      <c r="HXI727" s="423" t="s">
        <v>2795</v>
      </c>
      <c r="HXJ727" s="424"/>
      <c r="HXK727" s="424"/>
      <c r="HXL727" s="424"/>
      <c r="HXM727" s="423" t="s">
        <v>2795</v>
      </c>
      <c r="HXN727" s="424"/>
      <c r="HXO727" s="424"/>
      <c r="HXP727" s="424"/>
      <c r="HXQ727" s="423" t="s">
        <v>2795</v>
      </c>
      <c r="HXR727" s="424"/>
      <c r="HXS727" s="424"/>
      <c r="HXT727" s="424"/>
      <c r="HXU727" s="423" t="s">
        <v>2795</v>
      </c>
      <c r="HXV727" s="424"/>
      <c r="HXW727" s="424"/>
      <c r="HXX727" s="424"/>
      <c r="HXY727" s="423" t="s">
        <v>2795</v>
      </c>
      <c r="HXZ727" s="424"/>
      <c r="HYA727" s="424"/>
      <c r="HYB727" s="424"/>
      <c r="HYC727" s="423" t="s">
        <v>2795</v>
      </c>
      <c r="HYD727" s="424"/>
      <c r="HYE727" s="424"/>
      <c r="HYF727" s="424"/>
      <c r="HYG727" s="423" t="s">
        <v>2795</v>
      </c>
      <c r="HYH727" s="424"/>
      <c r="HYI727" s="424"/>
      <c r="HYJ727" s="424"/>
      <c r="HYK727" s="423" t="s">
        <v>2795</v>
      </c>
      <c r="HYL727" s="424"/>
      <c r="HYM727" s="424"/>
      <c r="HYN727" s="424"/>
      <c r="HYO727" s="423" t="s">
        <v>2795</v>
      </c>
      <c r="HYP727" s="424"/>
      <c r="HYQ727" s="424"/>
      <c r="HYR727" s="424"/>
      <c r="HYS727" s="423" t="s">
        <v>2795</v>
      </c>
      <c r="HYT727" s="424"/>
      <c r="HYU727" s="424"/>
      <c r="HYV727" s="424"/>
      <c r="HYW727" s="423" t="s">
        <v>2795</v>
      </c>
      <c r="HYX727" s="424"/>
      <c r="HYY727" s="424"/>
      <c r="HYZ727" s="424"/>
      <c r="HZA727" s="423" t="s">
        <v>2795</v>
      </c>
      <c r="HZB727" s="424"/>
      <c r="HZC727" s="424"/>
      <c r="HZD727" s="424"/>
      <c r="HZE727" s="423" t="s">
        <v>2795</v>
      </c>
      <c r="HZF727" s="424"/>
      <c r="HZG727" s="424"/>
      <c r="HZH727" s="424"/>
      <c r="HZI727" s="423" t="s">
        <v>2795</v>
      </c>
      <c r="HZJ727" s="424"/>
      <c r="HZK727" s="424"/>
      <c r="HZL727" s="424"/>
      <c r="HZM727" s="423" t="s">
        <v>2795</v>
      </c>
      <c r="HZN727" s="424"/>
      <c r="HZO727" s="424"/>
      <c r="HZP727" s="424"/>
      <c r="HZQ727" s="423" t="s">
        <v>2795</v>
      </c>
      <c r="HZR727" s="424"/>
      <c r="HZS727" s="424"/>
      <c r="HZT727" s="424"/>
      <c r="HZU727" s="423" t="s">
        <v>2795</v>
      </c>
      <c r="HZV727" s="424"/>
      <c r="HZW727" s="424"/>
      <c r="HZX727" s="424"/>
      <c r="HZY727" s="423" t="s">
        <v>2795</v>
      </c>
      <c r="HZZ727" s="424"/>
      <c r="IAA727" s="424"/>
      <c r="IAB727" s="424"/>
      <c r="IAC727" s="423" t="s">
        <v>2795</v>
      </c>
      <c r="IAD727" s="424"/>
      <c r="IAE727" s="424"/>
      <c r="IAF727" s="424"/>
      <c r="IAG727" s="423" t="s">
        <v>2795</v>
      </c>
      <c r="IAH727" s="424"/>
      <c r="IAI727" s="424"/>
      <c r="IAJ727" s="424"/>
      <c r="IAK727" s="423" t="s">
        <v>2795</v>
      </c>
      <c r="IAL727" s="424"/>
      <c r="IAM727" s="424"/>
      <c r="IAN727" s="424"/>
      <c r="IAO727" s="423" t="s">
        <v>2795</v>
      </c>
      <c r="IAP727" s="424"/>
      <c r="IAQ727" s="424"/>
      <c r="IAR727" s="424"/>
      <c r="IAS727" s="423" t="s">
        <v>2795</v>
      </c>
      <c r="IAT727" s="424"/>
      <c r="IAU727" s="424"/>
      <c r="IAV727" s="424"/>
      <c r="IAW727" s="423" t="s">
        <v>2795</v>
      </c>
      <c r="IAX727" s="424"/>
      <c r="IAY727" s="424"/>
      <c r="IAZ727" s="424"/>
      <c r="IBA727" s="423" t="s">
        <v>2795</v>
      </c>
      <c r="IBB727" s="424"/>
      <c r="IBC727" s="424"/>
      <c r="IBD727" s="424"/>
      <c r="IBE727" s="423" t="s">
        <v>2795</v>
      </c>
      <c r="IBF727" s="424"/>
      <c r="IBG727" s="424"/>
      <c r="IBH727" s="424"/>
      <c r="IBI727" s="423" t="s">
        <v>2795</v>
      </c>
      <c r="IBJ727" s="424"/>
      <c r="IBK727" s="424"/>
      <c r="IBL727" s="424"/>
      <c r="IBM727" s="423" t="s">
        <v>2795</v>
      </c>
      <c r="IBN727" s="424"/>
      <c r="IBO727" s="424"/>
      <c r="IBP727" s="424"/>
      <c r="IBQ727" s="423" t="s">
        <v>2795</v>
      </c>
      <c r="IBR727" s="424"/>
      <c r="IBS727" s="424"/>
      <c r="IBT727" s="424"/>
      <c r="IBU727" s="423" t="s">
        <v>2795</v>
      </c>
      <c r="IBV727" s="424"/>
      <c r="IBW727" s="424"/>
      <c r="IBX727" s="424"/>
      <c r="IBY727" s="423" t="s">
        <v>2795</v>
      </c>
      <c r="IBZ727" s="424"/>
      <c r="ICA727" s="424"/>
      <c r="ICB727" s="424"/>
      <c r="ICC727" s="423" t="s">
        <v>2795</v>
      </c>
      <c r="ICD727" s="424"/>
      <c r="ICE727" s="424"/>
      <c r="ICF727" s="424"/>
      <c r="ICG727" s="423" t="s">
        <v>2795</v>
      </c>
      <c r="ICH727" s="424"/>
      <c r="ICI727" s="424"/>
      <c r="ICJ727" s="424"/>
      <c r="ICK727" s="423" t="s">
        <v>2795</v>
      </c>
      <c r="ICL727" s="424"/>
      <c r="ICM727" s="424"/>
      <c r="ICN727" s="424"/>
      <c r="ICO727" s="423" t="s">
        <v>2795</v>
      </c>
      <c r="ICP727" s="424"/>
      <c r="ICQ727" s="424"/>
      <c r="ICR727" s="424"/>
      <c r="ICS727" s="423" t="s">
        <v>2795</v>
      </c>
      <c r="ICT727" s="424"/>
      <c r="ICU727" s="424"/>
      <c r="ICV727" s="424"/>
      <c r="ICW727" s="423" t="s">
        <v>2795</v>
      </c>
      <c r="ICX727" s="424"/>
      <c r="ICY727" s="424"/>
      <c r="ICZ727" s="424"/>
      <c r="IDA727" s="423" t="s">
        <v>2795</v>
      </c>
      <c r="IDB727" s="424"/>
      <c r="IDC727" s="424"/>
      <c r="IDD727" s="424"/>
      <c r="IDE727" s="423" t="s">
        <v>2795</v>
      </c>
      <c r="IDF727" s="424"/>
      <c r="IDG727" s="424"/>
      <c r="IDH727" s="424"/>
      <c r="IDI727" s="423" t="s">
        <v>2795</v>
      </c>
      <c r="IDJ727" s="424"/>
      <c r="IDK727" s="424"/>
      <c r="IDL727" s="424"/>
      <c r="IDM727" s="423" t="s">
        <v>2795</v>
      </c>
      <c r="IDN727" s="424"/>
      <c r="IDO727" s="424"/>
      <c r="IDP727" s="424"/>
      <c r="IDQ727" s="423" t="s">
        <v>2795</v>
      </c>
      <c r="IDR727" s="424"/>
      <c r="IDS727" s="424"/>
      <c r="IDT727" s="424"/>
      <c r="IDU727" s="423" t="s">
        <v>2795</v>
      </c>
      <c r="IDV727" s="424"/>
      <c r="IDW727" s="424"/>
      <c r="IDX727" s="424"/>
      <c r="IDY727" s="423" t="s">
        <v>2795</v>
      </c>
      <c r="IDZ727" s="424"/>
      <c r="IEA727" s="424"/>
      <c r="IEB727" s="424"/>
      <c r="IEC727" s="423" t="s">
        <v>2795</v>
      </c>
      <c r="IED727" s="424"/>
      <c r="IEE727" s="424"/>
      <c r="IEF727" s="424"/>
      <c r="IEG727" s="423" t="s">
        <v>2795</v>
      </c>
      <c r="IEH727" s="424"/>
      <c r="IEI727" s="424"/>
      <c r="IEJ727" s="424"/>
      <c r="IEK727" s="423" t="s">
        <v>2795</v>
      </c>
      <c r="IEL727" s="424"/>
      <c r="IEM727" s="424"/>
      <c r="IEN727" s="424"/>
      <c r="IEO727" s="423" t="s">
        <v>2795</v>
      </c>
      <c r="IEP727" s="424"/>
      <c r="IEQ727" s="424"/>
      <c r="IER727" s="424"/>
      <c r="IES727" s="423" t="s">
        <v>2795</v>
      </c>
      <c r="IET727" s="424"/>
      <c r="IEU727" s="424"/>
      <c r="IEV727" s="424"/>
      <c r="IEW727" s="423" t="s">
        <v>2795</v>
      </c>
      <c r="IEX727" s="424"/>
      <c r="IEY727" s="424"/>
      <c r="IEZ727" s="424"/>
      <c r="IFA727" s="423" t="s">
        <v>2795</v>
      </c>
      <c r="IFB727" s="424"/>
      <c r="IFC727" s="424"/>
      <c r="IFD727" s="424"/>
      <c r="IFE727" s="423" t="s">
        <v>2795</v>
      </c>
      <c r="IFF727" s="424"/>
      <c r="IFG727" s="424"/>
      <c r="IFH727" s="424"/>
      <c r="IFI727" s="423" t="s">
        <v>2795</v>
      </c>
      <c r="IFJ727" s="424"/>
      <c r="IFK727" s="424"/>
      <c r="IFL727" s="424"/>
      <c r="IFM727" s="423" t="s">
        <v>2795</v>
      </c>
      <c r="IFN727" s="424"/>
      <c r="IFO727" s="424"/>
      <c r="IFP727" s="424"/>
      <c r="IFQ727" s="423" t="s">
        <v>2795</v>
      </c>
      <c r="IFR727" s="424"/>
      <c r="IFS727" s="424"/>
      <c r="IFT727" s="424"/>
      <c r="IFU727" s="423" t="s">
        <v>2795</v>
      </c>
      <c r="IFV727" s="424"/>
      <c r="IFW727" s="424"/>
      <c r="IFX727" s="424"/>
      <c r="IFY727" s="423" t="s">
        <v>2795</v>
      </c>
      <c r="IFZ727" s="424"/>
      <c r="IGA727" s="424"/>
      <c r="IGB727" s="424"/>
      <c r="IGC727" s="423" t="s">
        <v>2795</v>
      </c>
      <c r="IGD727" s="424"/>
      <c r="IGE727" s="424"/>
      <c r="IGF727" s="424"/>
      <c r="IGG727" s="423" t="s">
        <v>2795</v>
      </c>
      <c r="IGH727" s="424"/>
      <c r="IGI727" s="424"/>
      <c r="IGJ727" s="424"/>
      <c r="IGK727" s="423" t="s">
        <v>2795</v>
      </c>
      <c r="IGL727" s="424"/>
      <c r="IGM727" s="424"/>
      <c r="IGN727" s="424"/>
      <c r="IGO727" s="423" t="s">
        <v>2795</v>
      </c>
      <c r="IGP727" s="424"/>
      <c r="IGQ727" s="424"/>
      <c r="IGR727" s="424"/>
      <c r="IGS727" s="423" t="s">
        <v>2795</v>
      </c>
      <c r="IGT727" s="424"/>
      <c r="IGU727" s="424"/>
      <c r="IGV727" s="424"/>
      <c r="IGW727" s="423" t="s">
        <v>2795</v>
      </c>
      <c r="IGX727" s="424"/>
      <c r="IGY727" s="424"/>
      <c r="IGZ727" s="424"/>
      <c r="IHA727" s="423" t="s">
        <v>2795</v>
      </c>
      <c r="IHB727" s="424"/>
      <c r="IHC727" s="424"/>
      <c r="IHD727" s="424"/>
      <c r="IHE727" s="423" t="s">
        <v>2795</v>
      </c>
      <c r="IHF727" s="424"/>
      <c r="IHG727" s="424"/>
      <c r="IHH727" s="424"/>
      <c r="IHI727" s="423" t="s">
        <v>2795</v>
      </c>
      <c r="IHJ727" s="424"/>
      <c r="IHK727" s="424"/>
      <c r="IHL727" s="424"/>
      <c r="IHM727" s="423" t="s">
        <v>2795</v>
      </c>
      <c r="IHN727" s="424"/>
      <c r="IHO727" s="424"/>
      <c r="IHP727" s="424"/>
      <c r="IHQ727" s="423" t="s">
        <v>2795</v>
      </c>
      <c r="IHR727" s="424"/>
      <c r="IHS727" s="424"/>
      <c r="IHT727" s="424"/>
      <c r="IHU727" s="423" t="s">
        <v>2795</v>
      </c>
      <c r="IHV727" s="424"/>
      <c r="IHW727" s="424"/>
      <c r="IHX727" s="424"/>
      <c r="IHY727" s="423" t="s">
        <v>2795</v>
      </c>
      <c r="IHZ727" s="424"/>
      <c r="IIA727" s="424"/>
      <c r="IIB727" s="424"/>
      <c r="IIC727" s="423" t="s">
        <v>2795</v>
      </c>
      <c r="IID727" s="424"/>
      <c r="IIE727" s="424"/>
      <c r="IIF727" s="424"/>
      <c r="IIG727" s="423" t="s">
        <v>2795</v>
      </c>
      <c r="IIH727" s="424"/>
      <c r="III727" s="424"/>
      <c r="IIJ727" s="424"/>
      <c r="IIK727" s="423" t="s">
        <v>2795</v>
      </c>
      <c r="IIL727" s="424"/>
      <c r="IIM727" s="424"/>
      <c r="IIN727" s="424"/>
      <c r="IIO727" s="423" t="s">
        <v>2795</v>
      </c>
      <c r="IIP727" s="424"/>
      <c r="IIQ727" s="424"/>
      <c r="IIR727" s="424"/>
      <c r="IIS727" s="423" t="s">
        <v>2795</v>
      </c>
      <c r="IIT727" s="424"/>
      <c r="IIU727" s="424"/>
      <c r="IIV727" s="424"/>
      <c r="IIW727" s="423" t="s">
        <v>2795</v>
      </c>
      <c r="IIX727" s="424"/>
      <c r="IIY727" s="424"/>
      <c r="IIZ727" s="424"/>
      <c r="IJA727" s="423" t="s">
        <v>2795</v>
      </c>
      <c r="IJB727" s="424"/>
      <c r="IJC727" s="424"/>
      <c r="IJD727" s="424"/>
      <c r="IJE727" s="423" t="s">
        <v>2795</v>
      </c>
      <c r="IJF727" s="424"/>
      <c r="IJG727" s="424"/>
      <c r="IJH727" s="424"/>
      <c r="IJI727" s="423" t="s">
        <v>2795</v>
      </c>
      <c r="IJJ727" s="424"/>
      <c r="IJK727" s="424"/>
      <c r="IJL727" s="424"/>
      <c r="IJM727" s="423" t="s">
        <v>2795</v>
      </c>
      <c r="IJN727" s="424"/>
      <c r="IJO727" s="424"/>
      <c r="IJP727" s="424"/>
      <c r="IJQ727" s="423" t="s">
        <v>2795</v>
      </c>
      <c r="IJR727" s="424"/>
      <c r="IJS727" s="424"/>
      <c r="IJT727" s="424"/>
      <c r="IJU727" s="423" t="s">
        <v>2795</v>
      </c>
      <c r="IJV727" s="424"/>
      <c r="IJW727" s="424"/>
      <c r="IJX727" s="424"/>
      <c r="IJY727" s="423" t="s">
        <v>2795</v>
      </c>
      <c r="IJZ727" s="424"/>
      <c r="IKA727" s="424"/>
      <c r="IKB727" s="424"/>
      <c r="IKC727" s="423" t="s">
        <v>2795</v>
      </c>
      <c r="IKD727" s="424"/>
      <c r="IKE727" s="424"/>
      <c r="IKF727" s="424"/>
      <c r="IKG727" s="423" t="s">
        <v>2795</v>
      </c>
      <c r="IKH727" s="424"/>
      <c r="IKI727" s="424"/>
      <c r="IKJ727" s="424"/>
      <c r="IKK727" s="423" t="s">
        <v>2795</v>
      </c>
      <c r="IKL727" s="424"/>
      <c r="IKM727" s="424"/>
      <c r="IKN727" s="424"/>
      <c r="IKO727" s="423" t="s">
        <v>2795</v>
      </c>
      <c r="IKP727" s="424"/>
      <c r="IKQ727" s="424"/>
      <c r="IKR727" s="424"/>
      <c r="IKS727" s="423" t="s">
        <v>2795</v>
      </c>
      <c r="IKT727" s="424"/>
      <c r="IKU727" s="424"/>
      <c r="IKV727" s="424"/>
      <c r="IKW727" s="423" t="s">
        <v>2795</v>
      </c>
      <c r="IKX727" s="424"/>
      <c r="IKY727" s="424"/>
      <c r="IKZ727" s="424"/>
      <c r="ILA727" s="423" t="s">
        <v>2795</v>
      </c>
      <c r="ILB727" s="424"/>
      <c r="ILC727" s="424"/>
      <c r="ILD727" s="424"/>
      <c r="ILE727" s="423" t="s">
        <v>2795</v>
      </c>
      <c r="ILF727" s="424"/>
      <c r="ILG727" s="424"/>
      <c r="ILH727" s="424"/>
      <c r="ILI727" s="423" t="s">
        <v>2795</v>
      </c>
      <c r="ILJ727" s="424"/>
      <c r="ILK727" s="424"/>
      <c r="ILL727" s="424"/>
      <c r="ILM727" s="423" t="s">
        <v>2795</v>
      </c>
      <c r="ILN727" s="424"/>
      <c r="ILO727" s="424"/>
      <c r="ILP727" s="424"/>
      <c r="ILQ727" s="423" t="s">
        <v>2795</v>
      </c>
      <c r="ILR727" s="424"/>
      <c r="ILS727" s="424"/>
      <c r="ILT727" s="424"/>
      <c r="ILU727" s="423" t="s">
        <v>2795</v>
      </c>
      <c r="ILV727" s="424"/>
      <c r="ILW727" s="424"/>
      <c r="ILX727" s="424"/>
      <c r="ILY727" s="423" t="s">
        <v>2795</v>
      </c>
      <c r="ILZ727" s="424"/>
      <c r="IMA727" s="424"/>
      <c r="IMB727" s="424"/>
      <c r="IMC727" s="423" t="s">
        <v>2795</v>
      </c>
      <c r="IMD727" s="424"/>
      <c r="IME727" s="424"/>
      <c r="IMF727" s="424"/>
      <c r="IMG727" s="423" t="s">
        <v>2795</v>
      </c>
      <c r="IMH727" s="424"/>
      <c r="IMI727" s="424"/>
      <c r="IMJ727" s="424"/>
      <c r="IMK727" s="423" t="s">
        <v>2795</v>
      </c>
      <c r="IML727" s="424"/>
      <c r="IMM727" s="424"/>
      <c r="IMN727" s="424"/>
      <c r="IMO727" s="423" t="s">
        <v>2795</v>
      </c>
      <c r="IMP727" s="424"/>
      <c r="IMQ727" s="424"/>
      <c r="IMR727" s="424"/>
      <c r="IMS727" s="423" t="s">
        <v>2795</v>
      </c>
      <c r="IMT727" s="424"/>
      <c r="IMU727" s="424"/>
      <c r="IMV727" s="424"/>
      <c r="IMW727" s="423" t="s">
        <v>2795</v>
      </c>
      <c r="IMX727" s="424"/>
      <c r="IMY727" s="424"/>
      <c r="IMZ727" s="424"/>
      <c r="INA727" s="423" t="s">
        <v>2795</v>
      </c>
      <c r="INB727" s="424"/>
      <c r="INC727" s="424"/>
      <c r="IND727" s="424"/>
      <c r="INE727" s="423" t="s">
        <v>2795</v>
      </c>
      <c r="INF727" s="424"/>
      <c r="ING727" s="424"/>
      <c r="INH727" s="424"/>
      <c r="INI727" s="423" t="s">
        <v>2795</v>
      </c>
      <c r="INJ727" s="424"/>
      <c r="INK727" s="424"/>
      <c r="INL727" s="424"/>
      <c r="INM727" s="423" t="s">
        <v>2795</v>
      </c>
      <c r="INN727" s="424"/>
      <c r="INO727" s="424"/>
      <c r="INP727" s="424"/>
      <c r="INQ727" s="423" t="s">
        <v>2795</v>
      </c>
      <c r="INR727" s="424"/>
      <c r="INS727" s="424"/>
      <c r="INT727" s="424"/>
      <c r="INU727" s="423" t="s">
        <v>2795</v>
      </c>
      <c r="INV727" s="424"/>
      <c r="INW727" s="424"/>
      <c r="INX727" s="424"/>
      <c r="INY727" s="423" t="s">
        <v>2795</v>
      </c>
      <c r="INZ727" s="424"/>
      <c r="IOA727" s="424"/>
      <c r="IOB727" s="424"/>
      <c r="IOC727" s="423" t="s">
        <v>2795</v>
      </c>
      <c r="IOD727" s="424"/>
      <c r="IOE727" s="424"/>
      <c r="IOF727" s="424"/>
      <c r="IOG727" s="423" t="s">
        <v>2795</v>
      </c>
      <c r="IOH727" s="424"/>
      <c r="IOI727" s="424"/>
      <c r="IOJ727" s="424"/>
      <c r="IOK727" s="423" t="s">
        <v>2795</v>
      </c>
      <c r="IOL727" s="424"/>
      <c r="IOM727" s="424"/>
      <c r="ION727" s="424"/>
      <c r="IOO727" s="423" t="s">
        <v>2795</v>
      </c>
      <c r="IOP727" s="424"/>
      <c r="IOQ727" s="424"/>
      <c r="IOR727" s="424"/>
      <c r="IOS727" s="423" t="s">
        <v>2795</v>
      </c>
      <c r="IOT727" s="424"/>
      <c r="IOU727" s="424"/>
      <c r="IOV727" s="424"/>
      <c r="IOW727" s="423" t="s">
        <v>2795</v>
      </c>
      <c r="IOX727" s="424"/>
      <c r="IOY727" s="424"/>
      <c r="IOZ727" s="424"/>
      <c r="IPA727" s="423" t="s">
        <v>2795</v>
      </c>
      <c r="IPB727" s="424"/>
      <c r="IPC727" s="424"/>
      <c r="IPD727" s="424"/>
      <c r="IPE727" s="423" t="s">
        <v>2795</v>
      </c>
      <c r="IPF727" s="424"/>
      <c r="IPG727" s="424"/>
      <c r="IPH727" s="424"/>
      <c r="IPI727" s="423" t="s">
        <v>2795</v>
      </c>
      <c r="IPJ727" s="424"/>
      <c r="IPK727" s="424"/>
      <c r="IPL727" s="424"/>
      <c r="IPM727" s="423" t="s">
        <v>2795</v>
      </c>
      <c r="IPN727" s="424"/>
      <c r="IPO727" s="424"/>
      <c r="IPP727" s="424"/>
      <c r="IPQ727" s="423" t="s">
        <v>2795</v>
      </c>
      <c r="IPR727" s="424"/>
      <c r="IPS727" s="424"/>
      <c r="IPT727" s="424"/>
      <c r="IPU727" s="423" t="s">
        <v>2795</v>
      </c>
      <c r="IPV727" s="424"/>
      <c r="IPW727" s="424"/>
      <c r="IPX727" s="424"/>
      <c r="IPY727" s="423" t="s">
        <v>2795</v>
      </c>
      <c r="IPZ727" s="424"/>
      <c r="IQA727" s="424"/>
      <c r="IQB727" s="424"/>
      <c r="IQC727" s="423" t="s">
        <v>2795</v>
      </c>
      <c r="IQD727" s="424"/>
      <c r="IQE727" s="424"/>
      <c r="IQF727" s="424"/>
      <c r="IQG727" s="423" t="s">
        <v>2795</v>
      </c>
      <c r="IQH727" s="424"/>
      <c r="IQI727" s="424"/>
      <c r="IQJ727" s="424"/>
      <c r="IQK727" s="423" t="s">
        <v>2795</v>
      </c>
      <c r="IQL727" s="424"/>
      <c r="IQM727" s="424"/>
      <c r="IQN727" s="424"/>
      <c r="IQO727" s="423" t="s">
        <v>2795</v>
      </c>
      <c r="IQP727" s="424"/>
      <c r="IQQ727" s="424"/>
      <c r="IQR727" s="424"/>
      <c r="IQS727" s="423" t="s">
        <v>2795</v>
      </c>
      <c r="IQT727" s="424"/>
      <c r="IQU727" s="424"/>
      <c r="IQV727" s="424"/>
      <c r="IQW727" s="423" t="s">
        <v>2795</v>
      </c>
      <c r="IQX727" s="424"/>
      <c r="IQY727" s="424"/>
      <c r="IQZ727" s="424"/>
      <c r="IRA727" s="423" t="s">
        <v>2795</v>
      </c>
      <c r="IRB727" s="424"/>
      <c r="IRC727" s="424"/>
      <c r="IRD727" s="424"/>
      <c r="IRE727" s="423" t="s">
        <v>2795</v>
      </c>
      <c r="IRF727" s="424"/>
      <c r="IRG727" s="424"/>
      <c r="IRH727" s="424"/>
      <c r="IRI727" s="423" t="s">
        <v>2795</v>
      </c>
      <c r="IRJ727" s="424"/>
      <c r="IRK727" s="424"/>
      <c r="IRL727" s="424"/>
      <c r="IRM727" s="423" t="s">
        <v>2795</v>
      </c>
      <c r="IRN727" s="424"/>
      <c r="IRO727" s="424"/>
      <c r="IRP727" s="424"/>
      <c r="IRQ727" s="423" t="s">
        <v>2795</v>
      </c>
      <c r="IRR727" s="424"/>
      <c r="IRS727" s="424"/>
      <c r="IRT727" s="424"/>
      <c r="IRU727" s="423" t="s">
        <v>2795</v>
      </c>
      <c r="IRV727" s="424"/>
      <c r="IRW727" s="424"/>
      <c r="IRX727" s="424"/>
      <c r="IRY727" s="423" t="s">
        <v>2795</v>
      </c>
      <c r="IRZ727" s="424"/>
      <c r="ISA727" s="424"/>
      <c r="ISB727" s="424"/>
      <c r="ISC727" s="423" t="s">
        <v>2795</v>
      </c>
      <c r="ISD727" s="424"/>
      <c r="ISE727" s="424"/>
      <c r="ISF727" s="424"/>
      <c r="ISG727" s="423" t="s">
        <v>2795</v>
      </c>
      <c r="ISH727" s="424"/>
      <c r="ISI727" s="424"/>
      <c r="ISJ727" s="424"/>
      <c r="ISK727" s="423" t="s">
        <v>2795</v>
      </c>
      <c r="ISL727" s="424"/>
      <c r="ISM727" s="424"/>
      <c r="ISN727" s="424"/>
      <c r="ISO727" s="423" t="s">
        <v>2795</v>
      </c>
      <c r="ISP727" s="424"/>
      <c r="ISQ727" s="424"/>
      <c r="ISR727" s="424"/>
      <c r="ISS727" s="423" t="s">
        <v>2795</v>
      </c>
      <c r="IST727" s="424"/>
      <c r="ISU727" s="424"/>
      <c r="ISV727" s="424"/>
      <c r="ISW727" s="423" t="s">
        <v>2795</v>
      </c>
      <c r="ISX727" s="424"/>
      <c r="ISY727" s="424"/>
      <c r="ISZ727" s="424"/>
      <c r="ITA727" s="423" t="s">
        <v>2795</v>
      </c>
      <c r="ITB727" s="424"/>
      <c r="ITC727" s="424"/>
      <c r="ITD727" s="424"/>
      <c r="ITE727" s="423" t="s">
        <v>2795</v>
      </c>
      <c r="ITF727" s="424"/>
      <c r="ITG727" s="424"/>
      <c r="ITH727" s="424"/>
      <c r="ITI727" s="423" t="s">
        <v>2795</v>
      </c>
      <c r="ITJ727" s="424"/>
      <c r="ITK727" s="424"/>
      <c r="ITL727" s="424"/>
      <c r="ITM727" s="423" t="s">
        <v>2795</v>
      </c>
      <c r="ITN727" s="424"/>
      <c r="ITO727" s="424"/>
      <c r="ITP727" s="424"/>
      <c r="ITQ727" s="423" t="s">
        <v>2795</v>
      </c>
      <c r="ITR727" s="424"/>
      <c r="ITS727" s="424"/>
      <c r="ITT727" s="424"/>
      <c r="ITU727" s="423" t="s">
        <v>2795</v>
      </c>
      <c r="ITV727" s="424"/>
      <c r="ITW727" s="424"/>
      <c r="ITX727" s="424"/>
      <c r="ITY727" s="423" t="s">
        <v>2795</v>
      </c>
      <c r="ITZ727" s="424"/>
      <c r="IUA727" s="424"/>
      <c r="IUB727" s="424"/>
      <c r="IUC727" s="423" t="s">
        <v>2795</v>
      </c>
      <c r="IUD727" s="424"/>
      <c r="IUE727" s="424"/>
      <c r="IUF727" s="424"/>
      <c r="IUG727" s="423" t="s">
        <v>2795</v>
      </c>
      <c r="IUH727" s="424"/>
      <c r="IUI727" s="424"/>
      <c r="IUJ727" s="424"/>
      <c r="IUK727" s="423" t="s">
        <v>2795</v>
      </c>
      <c r="IUL727" s="424"/>
      <c r="IUM727" s="424"/>
      <c r="IUN727" s="424"/>
      <c r="IUO727" s="423" t="s">
        <v>2795</v>
      </c>
      <c r="IUP727" s="424"/>
      <c r="IUQ727" s="424"/>
      <c r="IUR727" s="424"/>
      <c r="IUS727" s="423" t="s">
        <v>2795</v>
      </c>
      <c r="IUT727" s="424"/>
      <c r="IUU727" s="424"/>
      <c r="IUV727" s="424"/>
      <c r="IUW727" s="423" t="s">
        <v>2795</v>
      </c>
      <c r="IUX727" s="424"/>
      <c r="IUY727" s="424"/>
      <c r="IUZ727" s="424"/>
      <c r="IVA727" s="423" t="s">
        <v>2795</v>
      </c>
      <c r="IVB727" s="424"/>
      <c r="IVC727" s="424"/>
      <c r="IVD727" s="424"/>
      <c r="IVE727" s="423" t="s">
        <v>2795</v>
      </c>
      <c r="IVF727" s="424"/>
      <c r="IVG727" s="424"/>
      <c r="IVH727" s="424"/>
      <c r="IVI727" s="423" t="s">
        <v>2795</v>
      </c>
      <c r="IVJ727" s="424"/>
      <c r="IVK727" s="424"/>
      <c r="IVL727" s="424"/>
      <c r="IVM727" s="423" t="s">
        <v>2795</v>
      </c>
      <c r="IVN727" s="424"/>
      <c r="IVO727" s="424"/>
      <c r="IVP727" s="424"/>
      <c r="IVQ727" s="423" t="s">
        <v>2795</v>
      </c>
      <c r="IVR727" s="424"/>
      <c r="IVS727" s="424"/>
      <c r="IVT727" s="424"/>
      <c r="IVU727" s="423" t="s">
        <v>2795</v>
      </c>
      <c r="IVV727" s="424"/>
      <c r="IVW727" s="424"/>
      <c r="IVX727" s="424"/>
      <c r="IVY727" s="423" t="s">
        <v>2795</v>
      </c>
      <c r="IVZ727" s="424"/>
      <c r="IWA727" s="424"/>
      <c r="IWB727" s="424"/>
      <c r="IWC727" s="423" t="s">
        <v>2795</v>
      </c>
      <c r="IWD727" s="424"/>
      <c r="IWE727" s="424"/>
      <c r="IWF727" s="424"/>
      <c r="IWG727" s="423" t="s">
        <v>2795</v>
      </c>
      <c r="IWH727" s="424"/>
      <c r="IWI727" s="424"/>
      <c r="IWJ727" s="424"/>
      <c r="IWK727" s="423" t="s">
        <v>2795</v>
      </c>
      <c r="IWL727" s="424"/>
      <c r="IWM727" s="424"/>
      <c r="IWN727" s="424"/>
      <c r="IWO727" s="423" t="s">
        <v>2795</v>
      </c>
      <c r="IWP727" s="424"/>
      <c r="IWQ727" s="424"/>
      <c r="IWR727" s="424"/>
      <c r="IWS727" s="423" t="s">
        <v>2795</v>
      </c>
      <c r="IWT727" s="424"/>
      <c r="IWU727" s="424"/>
      <c r="IWV727" s="424"/>
      <c r="IWW727" s="423" t="s">
        <v>2795</v>
      </c>
      <c r="IWX727" s="424"/>
      <c r="IWY727" s="424"/>
      <c r="IWZ727" s="424"/>
      <c r="IXA727" s="423" t="s">
        <v>2795</v>
      </c>
      <c r="IXB727" s="424"/>
      <c r="IXC727" s="424"/>
      <c r="IXD727" s="424"/>
      <c r="IXE727" s="423" t="s">
        <v>2795</v>
      </c>
      <c r="IXF727" s="424"/>
      <c r="IXG727" s="424"/>
      <c r="IXH727" s="424"/>
      <c r="IXI727" s="423" t="s">
        <v>2795</v>
      </c>
      <c r="IXJ727" s="424"/>
      <c r="IXK727" s="424"/>
      <c r="IXL727" s="424"/>
      <c r="IXM727" s="423" t="s">
        <v>2795</v>
      </c>
      <c r="IXN727" s="424"/>
      <c r="IXO727" s="424"/>
      <c r="IXP727" s="424"/>
      <c r="IXQ727" s="423" t="s">
        <v>2795</v>
      </c>
      <c r="IXR727" s="424"/>
      <c r="IXS727" s="424"/>
      <c r="IXT727" s="424"/>
      <c r="IXU727" s="423" t="s">
        <v>2795</v>
      </c>
      <c r="IXV727" s="424"/>
      <c r="IXW727" s="424"/>
      <c r="IXX727" s="424"/>
      <c r="IXY727" s="423" t="s">
        <v>2795</v>
      </c>
      <c r="IXZ727" s="424"/>
      <c r="IYA727" s="424"/>
      <c r="IYB727" s="424"/>
      <c r="IYC727" s="423" t="s">
        <v>2795</v>
      </c>
      <c r="IYD727" s="424"/>
      <c r="IYE727" s="424"/>
      <c r="IYF727" s="424"/>
      <c r="IYG727" s="423" t="s">
        <v>2795</v>
      </c>
      <c r="IYH727" s="424"/>
      <c r="IYI727" s="424"/>
      <c r="IYJ727" s="424"/>
      <c r="IYK727" s="423" t="s">
        <v>2795</v>
      </c>
      <c r="IYL727" s="424"/>
      <c r="IYM727" s="424"/>
      <c r="IYN727" s="424"/>
      <c r="IYO727" s="423" t="s">
        <v>2795</v>
      </c>
      <c r="IYP727" s="424"/>
      <c r="IYQ727" s="424"/>
      <c r="IYR727" s="424"/>
      <c r="IYS727" s="423" t="s">
        <v>2795</v>
      </c>
      <c r="IYT727" s="424"/>
      <c r="IYU727" s="424"/>
      <c r="IYV727" s="424"/>
      <c r="IYW727" s="423" t="s">
        <v>2795</v>
      </c>
      <c r="IYX727" s="424"/>
      <c r="IYY727" s="424"/>
      <c r="IYZ727" s="424"/>
      <c r="IZA727" s="423" t="s">
        <v>2795</v>
      </c>
      <c r="IZB727" s="424"/>
      <c r="IZC727" s="424"/>
      <c r="IZD727" s="424"/>
      <c r="IZE727" s="423" t="s">
        <v>2795</v>
      </c>
      <c r="IZF727" s="424"/>
      <c r="IZG727" s="424"/>
      <c r="IZH727" s="424"/>
      <c r="IZI727" s="423" t="s">
        <v>2795</v>
      </c>
      <c r="IZJ727" s="424"/>
      <c r="IZK727" s="424"/>
      <c r="IZL727" s="424"/>
      <c r="IZM727" s="423" t="s">
        <v>2795</v>
      </c>
      <c r="IZN727" s="424"/>
      <c r="IZO727" s="424"/>
      <c r="IZP727" s="424"/>
      <c r="IZQ727" s="423" t="s">
        <v>2795</v>
      </c>
      <c r="IZR727" s="424"/>
      <c r="IZS727" s="424"/>
      <c r="IZT727" s="424"/>
      <c r="IZU727" s="423" t="s">
        <v>2795</v>
      </c>
      <c r="IZV727" s="424"/>
      <c r="IZW727" s="424"/>
      <c r="IZX727" s="424"/>
      <c r="IZY727" s="423" t="s">
        <v>2795</v>
      </c>
      <c r="IZZ727" s="424"/>
      <c r="JAA727" s="424"/>
      <c r="JAB727" s="424"/>
      <c r="JAC727" s="423" t="s">
        <v>2795</v>
      </c>
      <c r="JAD727" s="424"/>
      <c r="JAE727" s="424"/>
      <c r="JAF727" s="424"/>
      <c r="JAG727" s="423" t="s">
        <v>2795</v>
      </c>
      <c r="JAH727" s="424"/>
      <c r="JAI727" s="424"/>
      <c r="JAJ727" s="424"/>
      <c r="JAK727" s="423" t="s">
        <v>2795</v>
      </c>
      <c r="JAL727" s="424"/>
      <c r="JAM727" s="424"/>
      <c r="JAN727" s="424"/>
      <c r="JAO727" s="423" t="s">
        <v>2795</v>
      </c>
      <c r="JAP727" s="424"/>
      <c r="JAQ727" s="424"/>
      <c r="JAR727" s="424"/>
      <c r="JAS727" s="423" t="s">
        <v>2795</v>
      </c>
      <c r="JAT727" s="424"/>
      <c r="JAU727" s="424"/>
      <c r="JAV727" s="424"/>
      <c r="JAW727" s="423" t="s">
        <v>2795</v>
      </c>
      <c r="JAX727" s="424"/>
      <c r="JAY727" s="424"/>
      <c r="JAZ727" s="424"/>
      <c r="JBA727" s="423" t="s">
        <v>2795</v>
      </c>
      <c r="JBB727" s="424"/>
      <c r="JBC727" s="424"/>
      <c r="JBD727" s="424"/>
      <c r="JBE727" s="423" t="s">
        <v>2795</v>
      </c>
      <c r="JBF727" s="424"/>
      <c r="JBG727" s="424"/>
      <c r="JBH727" s="424"/>
      <c r="JBI727" s="423" t="s">
        <v>2795</v>
      </c>
      <c r="JBJ727" s="424"/>
      <c r="JBK727" s="424"/>
      <c r="JBL727" s="424"/>
      <c r="JBM727" s="423" t="s">
        <v>2795</v>
      </c>
      <c r="JBN727" s="424"/>
      <c r="JBO727" s="424"/>
      <c r="JBP727" s="424"/>
      <c r="JBQ727" s="423" t="s">
        <v>2795</v>
      </c>
      <c r="JBR727" s="424"/>
      <c r="JBS727" s="424"/>
      <c r="JBT727" s="424"/>
      <c r="JBU727" s="423" t="s">
        <v>2795</v>
      </c>
      <c r="JBV727" s="424"/>
      <c r="JBW727" s="424"/>
      <c r="JBX727" s="424"/>
      <c r="JBY727" s="423" t="s">
        <v>2795</v>
      </c>
      <c r="JBZ727" s="424"/>
      <c r="JCA727" s="424"/>
      <c r="JCB727" s="424"/>
      <c r="JCC727" s="423" t="s">
        <v>2795</v>
      </c>
      <c r="JCD727" s="424"/>
      <c r="JCE727" s="424"/>
      <c r="JCF727" s="424"/>
      <c r="JCG727" s="423" t="s">
        <v>2795</v>
      </c>
      <c r="JCH727" s="424"/>
      <c r="JCI727" s="424"/>
      <c r="JCJ727" s="424"/>
      <c r="JCK727" s="423" t="s">
        <v>2795</v>
      </c>
      <c r="JCL727" s="424"/>
      <c r="JCM727" s="424"/>
      <c r="JCN727" s="424"/>
      <c r="JCO727" s="423" t="s">
        <v>2795</v>
      </c>
      <c r="JCP727" s="424"/>
      <c r="JCQ727" s="424"/>
      <c r="JCR727" s="424"/>
      <c r="JCS727" s="423" t="s">
        <v>2795</v>
      </c>
      <c r="JCT727" s="424"/>
      <c r="JCU727" s="424"/>
      <c r="JCV727" s="424"/>
      <c r="JCW727" s="423" t="s">
        <v>2795</v>
      </c>
      <c r="JCX727" s="424"/>
      <c r="JCY727" s="424"/>
      <c r="JCZ727" s="424"/>
      <c r="JDA727" s="423" t="s">
        <v>2795</v>
      </c>
      <c r="JDB727" s="424"/>
      <c r="JDC727" s="424"/>
      <c r="JDD727" s="424"/>
      <c r="JDE727" s="423" t="s">
        <v>2795</v>
      </c>
      <c r="JDF727" s="424"/>
      <c r="JDG727" s="424"/>
      <c r="JDH727" s="424"/>
      <c r="JDI727" s="423" t="s">
        <v>2795</v>
      </c>
      <c r="JDJ727" s="424"/>
      <c r="JDK727" s="424"/>
      <c r="JDL727" s="424"/>
      <c r="JDM727" s="423" t="s">
        <v>2795</v>
      </c>
      <c r="JDN727" s="424"/>
      <c r="JDO727" s="424"/>
      <c r="JDP727" s="424"/>
      <c r="JDQ727" s="423" t="s">
        <v>2795</v>
      </c>
      <c r="JDR727" s="424"/>
      <c r="JDS727" s="424"/>
      <c r="JDT727" s="424"/>
      <c r="JDU727" s="423" t="s">
        <v>2795</v>
      </c>
      <c r="JDV727" s="424"/>
      <c r="JDW727" s="424"/>
      <c r="JDX727" s="424"/>
      <c r="JDY727" s="423" t="s">
        <v>2795</v>
      </c>
      <c r="JDZ727" s="424"/>
      <c r="JEA727" s="424"/>
      <c r="JEB727" s="424"/>
      <c r="JEC727" s="423" t="s">
        <v>2795</v>
      </c>
      <c r="JED727" s="424"/>
      <c r="JEE727" s="424"/>
      <c r="JEF727" s="424"/>
      <c r="JEG727" s="423" t="s">
        <v>2795</v>
      </c>
      <c r="JEH727" s="424"/>
      <c r="JEI727" s="424"/>
      <c r="JEJ727" s="424"/>
      <c r="JEK727" s="423" t="s">
        <v>2795</v>
      </c>
      <c r="JEL727" s="424"/>
      <c r="JEM727" s="424"/>
      <c r="JEN727" s="424"/>
      <c r="JEO727" s="423" t="s">
        <v>2795</v>
      </c>
      <c r="JEP727" s="424"/>
      <c r="JEQ727" s="424"/>
      <c r="JER727" s="424"/>
      <c r="JES727" s="423" t="s">
        <v>2795</v>
      </c>
      <c r="JET727" s="424"/>
      <c r="JEU727" s="424"/>
      <c r="JEV727" s="424"/>
      <c r="JEW727" s="423" t="s">
        <v>2795</v>
      </c>
      <c r="JEX727" s="424"/>
      <c r="JEY727" s="424"/>
      <c r="JEZ727" s="424"/>
      <c r="JFA727" s="423" t="s">
        <v>2795</v>
      </c>
      <c r="JFB727" s="424"/>
      <c r="JFC727" s="424"/>
      <c r="JFD727" s="424"/>
      <c r="JFE727" s="423" t="s">
        <v>2795</v>
      </c>
      <c r="JFF727" s="424"/>
      <c r="JFG727" s="424"/>
      <c r="JFH727" s="424"/>
      <c r="JFI727" s="423" t="s">
        <v>2795</v>
      </c>
      <c r="JFJ727" s="424"/>
      <c r="JFK727" s="424"/>
      <c r="JFL727" s="424"/>
      <c r="JFM727" s="423" t="s">
        <v>2795</v>
      </c>
      <c r="JFN727" s="424"/>
      <c r="JFO727" s="424"/>
      <c r="JFP727" s="424"/>
      <c r="JFQ727" s="423" t="s">
        <v>2795</v>
      </c>
      <c r="JFR727" s="424"/>
      <c r="JFS727" s="424"/>
      <c r="JFT727" s="424"/>
      <c r="JFU727" s="423" t="s">
        <v>2795</v>
      </c>
      <c r="JFV727" s="424"/>
      <c r="JFW727" s="424"/>
      <c r="JFX727" s="424"/>
      <c r="JFY727" s="423" t="s">
        <v>2795</v>
      </c>
      <c r="JFZ727" s="424"/>
      <c r="JGA727" s="424"/>
      <c r="JGB727" s="424"/>
      <c r="JGC727" s="423" t="s">
        <v>2795</v>
      </c>
      <c r="JGD727" s="424"/>
      <c r="JGE727" s="424"/>
      <c r="JGF727" s="424"/>
      <c r="JGG727" s="423" t="s">
        <v>2795</v>
      </c>
      <c r="JGH727" s="424"/>
      <c r="JGI727" s="424"/>
      <c r="JGJ727" s="424"/>
      <c r="JGK727" s="423" t="s">
        <v>2795</v>
      </c>
      <c r="JGL727" s="424"/>
      <c r="JGM727" s="424"/>
      <c r="JGN727" s="424"/>
      <c r="JGO727" s="423" t="s">
        <v>2795</v>
      </c>
      <c r="JGP727" s="424"/>
      <c r="JGQ727" s="424"/>
      <c r="JGR727" s="424"/>
      <c r="JGS727" s="423" t="s">
        <v>2795</v>
      </c>
      <c r="JGT727" s="424"/>
      <c r="JGU727" s="424"/>
      <c r="JGV727" s="424"/>
      <c r="JGW727" s="423" t="s">
        <v>2795</v>
      </c>
      <c r="JGX727" s="424"/>
      <c r="JGY727" s="424"/>
      <c r="JGZ727" s="424"/>
      <c r="JHA727" s="423" t="s">
        <v>2795</v>
      </c>
      <c r="JHB727" s="424"/>
      <c r="JHC727" s="424"/>
      <c r="JHD727" s="424"/>
      <c r="JHE727" s="423" t="s">
        <v>2795</v>
      </c>
      <c r="JHF727" s="424"/>
      <c r="JHG727" s="424"/>
      <c r="JHH727" s="424"/>
      <c r="JHI727" s="423" t="s">
        <v>2795</v>
      </c>
      <c r="JHJ727" s="424"/>
      <c r="JHK727" s="424"/>
      <c r="JHL727" s="424"/>
      <c r="JHM727" s="423" t="s">
        <v>2795</v>
      </c>
      <c r="JHN727" s="424"/>
      <c r="JHO727" s="424"/>
      <c r="JHP727" s="424"/>
      <c r="JHQ727" s="423" t="s">
        <v>2795</v>
      </c>
      <c r="JHR727" s="424"/>
      <c r="JHS727" s="424"/>
      <c r="JHT727" s="424"/>
      <c r="JHU727" s="423" t="s">
        <v>2795</v>
      </c>
      <c r="JHV727" s="424"/>
      <c r="JHW727" s="424"/>
      <c r="JHX727" s="424"/>
      <c r="JHY727" s="423" t="s">
        <v>2795</v>
      </c>
      <c r="JHZ727" s="424"/>
      <c r="JIA727" s="424"/>
      <c r="JIB727" s="424"/>
      <c r="JIC727" s="423" t="s">
        <v>2795</v>
      </c>
      <c r="JID727" s="424"/>
      <c r="JIE727" s="424"/>
      <c r="JIF727" s="424"/>
      <c r="JIG727" s="423" t="s">
        <v>2795</v>
      </c>
      <c r="JIH727" s="424"/>
      <c r="JII727" s="424"/>
      <c r="JIJ727" s="424"/>
      <c r="JIK727" s="423" t="s">
        <v>2795</v>
      </c>
      <c r="JIL727" s="424"/>
      <c r="JIM727" s="424"/>
      <c r="JIN727" s="424"/>
      <c r="JIO727" s="423" t="s">
        <v>2795</v>
      </c>
      <c r="JIP727" s="424"/>
      <c r="JIQ727" s="424"/>
      <c r="JIR727" s="424"/>
      <c r="JIS727" s="423" t="s">
        <v>2795</v>
      </c>
      <c r="JIT727" s="424"/>
      <c r="JIU727" s="424"/>
      <c r="JIV727" s="424"/>
      <c r="JIW727" s="423" t="s">
        <v>2795</v>
      </c>
      <c r="JIX727" s="424"/>
      <c r="JIY727" s="424"/>
      <c r="JIZ727" s="424"/>
      <c r="JJA727" s="423" t="s">
        <v>2795</v>
      </c>
      <c r="JJB727" s="424"/>
      <c r="JJC727" s="424"/>
      <c r="JJD727" s="424"/>
      <c r="JJE727" s="423" t="s">
        <v>2795</v>
      </c>
      <c r="JJF727" s="424"/>
      <c r="JJG727" s="424"/>
      <c r="JJH727" s="424"/>
      <c r="JJI727" s="423" t="s">
        <v>2795</v>
      </c>
      <c r="JJJ727" s="424"/>
      <c r="JJK727" s="424"/>
      <c r="JJL727" s="424"/>
      <c r="JJM727" s="423" t="s">
        <v>2795</v>
      </c>
      <c r="JJN727" s="424"/>
      <c r="JJO727" s="424"/>
      <c r="JJP727" s="424"/>
      <c r="JJQ727" s="423" t="s">
        <v>2795</v>
      </c>
      <c r="JJR727" s="424"/>
      <c r="JJS727" s="424"/>
      <c r="JJT727" s="424"/>
      <c r="JJU727" s="423" t="s">
        <v>2795</v>
      </c>
      <c r="JJV727" s="424"/>
      <c r="JJW727" s="424"/>
      <c r="JJX727" s="424"/>
      <c r="JJY727" s="423" t="s">
        <v>2795</v>
      </c>
      <c r="JJZ727" s="424"/>
      <c r="JKA727" s="424"/>
      <c r="JKB727" s="424"/>
      <c r="JKC727" s="423" t="s">
        <v>2795</v>
      </c>
      <c r="JKD727" s="424"/>
      <c r="JKE727" s="424"/>
      <c r="JKF727" s="424"/>
      <c r="JKG727" s="423" t="s">
        <v>2795</v>
      </c>
      <c r="JKH727" s="424"/>
      <c r="JKI727" s="424"/>
      <c r="JKJ727" s="424"/>
      <c r="JKK727" s="423" t="s">
        <v>2795</v>
      </c>
      <c r="JKL727" s="424"/>
      <c r="JKM727" s="424"/>
      <c r="JKN727" s="424"/>
      <c r="JKO727" s="423" t="s">
        <v>2795</v>
      </c>
      <c r="JKP727" s="424"/>
      <c r="JKQ727" s="424"/>
      <c r="JKR727" s="424"/>
      <c r="JKS727" s="423" t="s">
        <v>2795</v>
      </c>
      <c r="JKT727" s="424"/>
      <c r="JKU727" s="424"/>
      <c r="JKV727" s="424"/>
      <c r="JKW727" s="423" t="s">
        <v>2795</v>
      </c>
      <c r="JKX727" s="424"/>
      <c r="JKY727" s="424"/>
      <c r="JKZ727" s="424"/>
      <c r="JLA727" s="423" t="s">
        <v>2795</v>
      </c>
      <c r="JLB727" s="424"/>
      <c r="JLC727" s="424"/>
      <c r="JLD727" s="424"/>
      <c r="JLE727" s="423" t="s">
        <v>2795</v>
      </c>
      <c r="JLF727" s="424"/>
      <c r="JLG727" s="424"/>
      <c r="JLH727" s="424"/>
      <c r="JLI727" s="423" t="s">
        <v>2795</v>
      </c>
      <c r="JLJ727" s="424"/>
      <c r="JLK727" s="424"/>
      <c r="JLL727" s="424"/>
      <c r="JLM727" s="423" t="s">
        <v>2795</v>
      </c>
      <c r="JLN727" s="424"/>
      <c r="JLO727" s="424"/>
      <c r="JLP727" s="424"/>
      <c r="JLQ727" s="423" t="s">
        <v>2795</v>
      </c>
      <c r="JLR727" s="424"/>
      <c r="JLS727" s="424"/>
      <c r="JLT727" s="424"/>
      <c r="JLU727" s="423" t="s">
        <v>2795</v>
      </c>
      <c r="JLV727" s="424"/>
      <c r="JLW727" s="424"/>
      <c r="JLX727" s="424"/>
      <c r="JLY727" s="423" t="s">
        <v>2795</v>
      </c>
      <c r="JLZ727" s="424"/>
      <c r="JMA727" s="424"/>
      <c r="JMB727" s="424"/>
      <c r="JMC727" s="423" t="s">
        <v>2795</v>
      </c>
      <c r="JMD727" s="424"/>
      <c r="JME727" s="424"/>
      <c r="JMF727" s="424"/>
      <c r="JMG727" s="423" t="s">
        <v>2795</v>
      </c>
      <c r="JMH727" s="424"/>
      <c r="JMI727" s="424"/>
      <c r="JMJ727" s="424"/>
      <c r="JMK727" s="423" t="s">
        <v>2795</v>
      </c>
      <c r="JML727" s="424"/>
      <c r="JMM727" s="424"/>
      <c r="JMN727" s="424"/>
      <c r="JMO727" s="423" t="s">
        <v>2795</v>
      </c>
      <c r="JMP727" s="424"/>
      <c r="JMQ727" s="424"/>
      <c r="JMR727" s="424"/>
      <c r="JMS727" s="423" t="s">
        <v>2795</v>
      </c>
      <c r="JMT727" s="424"/>
      <c r="JMU727" s="424"/>
      <c r="JMV727" s="424"/>
      <c r="JMW727" s="423" t="s">
        <v>2795</v>
      </c>
      <c r="JMX727" s="424"/>
      <c r="JMY727" s="424"/>
      <c r="JMZ727" s="424"/>
      <c r="JNA727" s="423" t="s">
        <v>2795</v>
      </c>
      <c r="JNB727" s="424"/>
      <c r="JNC727" s="424"/>
      <c r="JND727" s="424"/>
      <c r="JNE727" s="423" t="s">
        <v>2795</v>
      </c>
      <c r="JNF727" s="424"/>
      <c r="JNG727" s="424"/>
      <c r="JNH727" s="424"/>
      <c r="JNI727" s="423" t="s">
        <v>2795</v>
      </c>
      <c r="JNJ727" s="424"/>
      <c r="JNK727" s="424"/>
      <c r="JNL727" s="424"/>
      <c r="JNM727" s="423" t="s">
        <v>2795</v>
      </c>
      <c r="JNN727" s="424"/>
      <c r="JNO727" s="424"/>
      <c r="JNP727" s="424"/>
      <c r="JNQ727" s="423" t="s">
        <v>2795</v>
      </c>
      <c r="JNR727" s="424"/>
      <c r="JNS727" s="424"/>
      <c r="JNT727" s="424"/>
      <c r="JNU727" s="423" t="s">
        <v>2795</v>
      </c>
      <c r="JNV727" s="424"/>
      <c r="JNW727" s="424"/>
      <c r="JNX727" s="424"/>
      <c r="JNY727" s="423" t="s">
        <v>2795</v>
      </c>
      <c r="JNZ727" s="424"/>
      <c r="JOA727" s="424"/>
      <c r="JOB727" s="424"/>
      <c r="JOC727" s="423" t="s">
        <v>2795</v>
      </c>
      <c r="JOD727" s="424"/>
      <c r="JOE727" s="424"/>
      <c r="JOF727" s="424"/>
      <c r="JOG727" s="423" t="s">
        <v>2795</v>
      </c>
      <c r="JOH727" s="424"/>
      <c r="JOI727" s="424"/>
      <c r="JOJ727" s="424"/>
      <c r="JOK727" s="423" t="s">
        <v>2795</v>
      </c>
      <c r="JOL727" s="424"/>
      <c r="JOM727" s="424"/>
      <c r="JON727" s="424"/>
      <c r="JOO727" s="423" t="s">
        <v>2795</v>
      </c>
      <c r="JOP727" s="424"/>
      <c r="JOQ727" s="424"/>
      <c r="JOR727" s="424"/>
      <c r="JOS727" s="423" t="s">
        <v>2795</v>
      </c>
      <c r="JOT727" s="424"/>
      <c r="JOU727" s="424"/>
      <c r="JOV727" s="424"/>
      <c r="JOW727" s="423" t="s">
        <v>2795</v>
      </c>
      <c r="JOX727" s="424"/>
      <c r="JOY727" s="424"/>
      <c r="JOZ727" s="424"/>
      <c r="JPA727" s="423" t="s">
        <v>2795</v>
      </c>
      <c r="JPB727" s="424"/>
      <c r="JPC727" s="424"/>
      <c r="JPD727" s="424"/>
      <c r="JPE727" s="423" t="s">
        <v>2795</v>
      </c>
      <c r="JPF727" s="424"/>
      <c r="JPG727" s="424"/>
      <c r="JPH727" s="424"/>
      <c r="JPI727" s="423" t="s">
        <v>2795</v>
      </c>
      <c r="JPJ727" s="424"/>
      <c r="JPK727" s="424"/>
      <c r="JPL727" s="424"/>
      <c r="JPM727" s="423" t="s">
        <v>2795</v>
      </c>
      <c r="JPN727" s="424"/>
      <c r="JPO727" s="424"/>
      <c r="JPP727" s="424"/>
      <c r="JPQ727" s="423" t="s">
        <v>2795</v>
      </c>
      <c r="JPR727" s="424"/>
      <c r="JPS727" s="424"/>
      <c r="JPT727" s="424"/>
      <c r="JPU727" s="423" t="s">
        <v>2795</v>
      </c>
      <c r="JPV727" s="424"/>
      <c r="JPW727" s="424"/>
      <c r="JPX727" s="424"/>
      <c r="JPY727" s="423" t="s">
        <v>2795</v>
      </c>
      <c r="JPZ727" s="424"/>
      <c r="JQA727" s="424"/>
      <c r="JQB727" s="424"/>
      <c r="JQC727" s="423" t="s">
        <v>2795</v>
      </c>
      <c r="JQD727" s="424"/>
      <c r="JQE727" s="424"/>
      <c r="JQF727" s="424"/>
      <c r="JQG727" s="423" t="s">
        <v>2795</v>
      </c>
      <c r="JQH727" s="424"/>
      <c r="JQI727" s="424"/>
      <c r="JQJ727" s="424"/>
      <c r="JQK727" s="423" t="s">
        <v>2795</v>
      </c>
      <c r="JQL727" s="424"/>
      <c r="JQM727" s="424"/>
      <c r="JQN727" s="424"/>
      <c r="JQO727" s="423" t="s">
        <v>2795</v>
      </c>
      <c r="JQP727" s="424"/>
      <c r="JQQ727" s="424"/>
      <c r="JQR727" s="424"/>
      <c r="JQS727" s="423" t="s">
        <v>2795</v>
      </c>
      <c r="JQT727" s="424"/>
      <c r="JQU727" s="424"/>
      <c r="JQV727" s="424"/>
      <c r="JQW727" s="423" t="s">
        <v>2795</v>
      </c>
      <c r="JQX727" s="424"/>
      <c r="JQY727" s="424"/>
      <c r="JQZ727" s="424"/>
      <c r="JRA727" s="423" t="s">
        <v>2795</v>
      </c>
      <c r="JRB727" s="424"/>
      <c r="JRC727" s="424"/>
      <c r="JRD727" s="424"/>
      <c r="JRE727" s="423" t="s">
        <v>2795</v>
      </c>
      <c r="JRF727" s="424"/>
      <c r="JRG727" s="424"/>
      <c r="JRH727" s="424"/>
      <c r="JRI727" s="423" t="s">
        <v>2795</v>
      </c>
      <c r="JRJ727" s="424"/>
      <c r="JRK727" s="424"/>
      <c r="JRL727" s="424"/>
      <c r="JRM727" s="423" t="s">
        <v>2795</v>
      </c>
      <c r="JRN727" s="424"/>
      <c r="JRO727" s="424"/>
      <c r="JRP727" s="424"/>
      <c r="JRQ727" s="423" t="s">
        <v>2795</v>
      </c>
      <c r="JRR727" s="424"/>
      <c r="JRS727" s="424"/>
      <c r="JRT727" s="424"/>
      <c r="JRU727" s="423" t="s">
        <v>2795</v>
      </c>
      <c r="JRV727" s="424"/>
      <c r="JRW727" s="424"/>
      <c r="JRX727" s="424"/>
      <c r="JRY727" s="423" t="s">
        <v>2795</v>
      </c>
      <c r="JRZ727" s="424"/>
      <c r="JSA727" s="424"/>
      <c r="JSB727" s="424"/>
      <c r="JSC727" s="423" t="s">
        <v>2795</v>
      </c>
      <c r="JSD727" s="424"/>
      <c r="JSE727" s="424"/>
      <c r="JSF727" s="424"/>
      <c r="JSG727" s="423" t="s">
        <v>2795</v>
      </c>
      <c r="JSH727" s="424"/>
      <c r="JSI727" s="424"/>
      <c r="JSJ727" s="424"/>
      <c r="JSK727" s="423" t="s">
        <v>2795</v>
      </c>
      <c r="JSL727" s="424"/>
      <c r="JSM727" s="424"/>
      <c r="JSN727" s="424"/>
      <c r="JSO727" s="423" t="s">
        <v>2795</v>
      </c>
      <c r="JSP727" s="424"/>
      <c r="JSQ727" s="424"/>
      <c r="JSR727" s="424"/>
      <c r="JSS727" s="423" t="s">
        <v>2795</v>
      </c>
      <c r="JST727" s="424"/>
      <c r="JSU727" s="424"/>
      <c r="JSV727" s="424"/>
      <c r="JSW727" s="423" t="s">
        <v>2795</v>
      </c>
      <c r="JSX727" s="424"/>
      <c r="JSY727" s="424"/>
      <c r="JSZ727" s="424"/>
      <c r="JTA727" s="423" t="s">
        <v>2795</v>
      </c>
      <c r="JTB727" s="424"/>
      <c r="JTC727" s="424"/>
      <c r="JTD727" s="424"/>
      <c r="JTE727" s="423" t="s">
        <v>2795</v>
      </c>
      <c r="JTF727" s="424"/>
      <c r="JTG727" s="424"/>
      <c r="JTH727" s="424"/>
      <c r="JTI727" s="423" t="s">
        <v>2795</v>
      </c>
      <c r="JTJ727" s="424"/>
      <c r="JTK727" s="424"/>
      <c r="JTL727" s="424"/>
      <c r="JTM727" s="423" t="s">
        <v>2795</v>
      </c>
      <c r="JTN727" s="424"/>
      <c r="JTO727" s="424"/>
      <c r="JTP727" s="424"/>
      <c r="JTQ727" s="423" t="s">
        <v>2795</v>
      </c>
      <c r="JTR727" s="424"/>
      <c r="JTS727" s="424"/>
      <c r="JTT727" s="424"/>
      <c r="JTU727" s="423" t="s">
        <v>2795</v>
      </c>
      <c r="JTV727" s="424"/>
      <c r="JTW727" s="424"/>
      <c r="JTX727" s="424"/>
      <c r="JTY727" s="423" t="s">
        <v>2795</v>
      </c>
      <c r="JTZ727" s="424"/>
      <c r="JUA727" s="424"/>
      <c r="JUB727" s="424"/>
      <c r="JUC727" s="423" t="s">
        <v>2795</v>
      </c>
      <c r="JUD727" s="424"/>
      <c r="JUE727" s="424"/>
      <c r="JUF727" s="424"/>
      <c r="JUG727" s="423" t="s">
        <v>2795</v>
      </c>
      <c r="JUH727" s="424"/>
      <c r="JUI727" s="424"/>
      <c r="JUJ727" s="424"/>
      <c r="JUK727" s="423" t="s">
        <v>2795</v>
      </c>
      <c r="JUL727" s="424"/>
      <c r="JUM727" s="424"/>
      <c r="JUN727" s="424"/>
      <c r="JUO727" s="423" t="s">
        <v>2795</v>
      </c>
      <c r="JUP727" s="424"/>
      <c r="JUQ727" s="424"/>
      <c r="JUR727" s="424"/>
      <c r="JUS727" s="423" t="s">
        <v>2795</v>
      </c>
      <c r="JUT727" s="424"/>
      <c r="JUU727" s="424"/>
      <c r="JUV727" s="424"/>
      <c r="JUW727" s="423" t="s">
        <v>2795</v>
      </c>
      <c r="JUX727" s="424"/>
      <c r="JUY727" s="424"/>
      <c r="JUZ727" s="424"/>
      <c r="JVA727" s="423" t="s">
        <v>2795</v>
      </c>
      <c r="JVB727" s="424"/>
      <c r="JVC727" s="424"/>
      <c r="JVD727" s="424"/>
      <c r="JVE727" s="423" t="s">
        <v>2795</v>
      </c>
      <c r="JVF727" s="424"/>
      <c r="JVG727" s="424"/>
      <c r="JVH727" s="424"/>
      <c r="JVI727" s="423" t="s">
        <v>2795</v>
      </c>
      <c r="JVJ727" s="424"/>
      <c r="JVK727" s="424"/>
      <c r="JVL727" s="424"/>
      <c r="JVM727" s="423" t="s">
        <v>2795</v>
      </c>
      <c r="JVN727" s="424"/>
      <c r="JVO727" s="424"/>
      <c r="JVP727" s="424"/>
      <c r="JVQ727" s="423" t="s">
        <v>2795</v>
      </c>
      <c r="JVR727" s="424"/>
      <c r="JVS727" s="424"/>
      <c r="JVT727" s="424"/>
      <c r="JVU727" s="423" t="s">
        <v>2795</v>
      </c>
      <c r="JVV727" s="424"/>
      <c r="JVW727" s="424"/>
      <c r="JVX727" s="424"/>
      <c r="JVY727" s="423" t="s">
        <v>2795</v>
      </c>
      <c r="JVZ727" s="424"/>
      <c r="JWA727" s="424"/>
      <c r="JWB727" s="424"/>
      <c r="JWC727" s="423" t="s">
        <v>2795</v>
      </c>
      <c r="JWD727" s="424"/>
      <c r="JWE727" s="424"/>
      <c r="JWF727" s="424"/>
      <c r="JWG727" s="423" t="s">
        <v>2795</v>
      </c>
      <c r="JWH727" s="424"/>
      <c r="JWI727" s="424"/>
      <c r="JWJ727" s="424"/>
      <c r="JWK727" s="423" t="s">
        <v>2795</v>
      </c>
      <c r="JWL727" s="424"/>
      <c r="JWM727" s="424"/>
      <c r="JWN727" s="424"/>
      <c r="JWO727" s="423" t="s">
        <v>2795</v>
      </c>
      <c r="JWP727" s="424"/>
      <c r="JWQ727" s="424"/>
      <c r="JWR727" s="424"/>
      <c r="JWS727" s="423" t="s">
        <v>2795</v>
      </c>
      <c r="JWT727" s="424"/>
      <c r="JWU727" s="424"/>
      <c r="JWV727" s="424"/>
      <c r="JWW727" s="423" t="s">
        <v>2795</v>
      </c>
      <c r="JWX727" s="424"/>
      <c r="JWY727" s="424"/>
      <c r="JWZ727" s="424"/>
      <c r="JXA727" s="423" t="s">
        <v>2795</v>
      </c>
      <c r="JXB727" s="424"/>
      <c r="JXC727" s="424"/>
      <c r="JXD727" s="424"/>
      <c r="JXE727" s="423" t="s">
        <v>2795</v>
      </c>
      <c r="JXF727" s="424"/>
      <c r="JXG727" s="424"/>
      <c r="JXH727" s="424"/>
      <c r="JXI727" s="423" t="s">
        <v>2795</v>
      </c>
      <c r="JXJ727" s="424"/>
      <c r="JXK727" s="424"/>
      <c r="JXL727" s="424"/>
      <c r="JXM727" s="423" t="s">
        <v>2795</v>
      </c>
      <c r="JXN727" s="424"/>
      <c r="JXO727" s="424"/>
      <c r="JXP727" s="424"/>
      <c r="JXQ727" s="423" t="s">
        <v>2795</v>
      </c>
      <c r="JXR727" s="424"/>
      <c r="JXS727" s="424"/>
      <c r="JXT727" s="424"/>
      <c r="JXU727" s="423" t="s">
        <v>2795</v>
      </c>
      <c r="JXV727" s="424"/>
      <c r="JXW727" s="424"/>
      <c r="JXX727" s="424"/>
      <c r="JXY727" s="423" t="s">
        <v>2795</v>
      </c>
      <c r="JXZ727" s="424"/>
      <c r="JYA727" s="424"/>
      <c r="JYB727" s="424"/>
      <c r="JYC727" s="423" t="s">
        <v>2795</v>
      </c>
      <c r="JYD727" s="424"/>
      <c r="JYE727" s="424"/>
      <c r="JYF727" s="424"/>
      <c r="JYG727" s="423" t="s">
        <v>2795</v>
      </c>
      <c r="JYH727" s="424"/>
      <c r="JYI727" s="424"/>
      <c r="JYJ727" s="424"/>
      <c r="JYK727" s="423" t="s">
        <v>2795</v>
      </c>
      <c r="JYL727" s="424"/>
      <c r="JYM727" s="424"/>
      <c r="JYN727" s="424"/>
      <c r="JYO727" s="423" t="s">
        <v>2795</v>
      </c>
      <c r="JYP727" s="424"/>
      <c r="JYQ727" s="424"/>
      <c r="JYR727" s="424"/>
      <c r="JYS727" s="423" t="s">
        <v>2795</v>
      </c>
      <c r="JYT727" s="424"/>
      <c r="JYU727" s="424"/>
      <c r="JYV727" s="424"/>
      <c r="JYW727" s="423" t="s">
        <v>2795</v>
      </c>
      <c r="JYX727" s="424"/>
      <c r="JYY727" s="424"/>
      <c r="JYZ727" s="424"/>
      <c r="JZA727" s="423" t="s">
        <v>2795</v>
      </c>
      <c r="JZB727" s="424"/>
      <c r="JZC727" s="424"/>
      <c r="JZD727" s="424"/>
      <c r="JZE727" s="423" t="s">
        <v>2795</v>
      </c>
      <c r="JZF727" s="424"/>
      <c r="JZG727" s="424"/>
      <c r="JZH727" s="424"/>
      <c r="JZI727" s="423" t="s">
        <v>2795</v>
      </c>
      <c r="JZJ727" s="424"/>
      <c r="JZK727" s="424"/>
      <c r="JZL727" s="424"/>
      <c r="JZM727" s="423" t="s">
        <v>2795</v>
      </c>
      <c r="JZN727" s="424"/>
      <c r="JZO727" s="424"/>
      <c r="JZP727" s="424"/>
      <c r="JZQ727" s="423" t="s">
        <v>2795</v>
      </c>
      <c r="JZR727" s="424"/>
      <c r="JZS727" s="424"/>
      <c r="JZT727" s="424"/>
      <c r="JZU727" s="423" t="s">
        <v>2795</v>
      </c>
      <c r="JZV727" s="424"/>
      <c r="JZW727" s="424"/>
      <c r="JZX727" s="424"/>
      <c r="JZY727" s="423" t="s">
        <v>2795</v>
      </c>
      <c r="JZZ727" s="424"/>
      <c r="KAA727" s="424"/>
      <c r="KAB727" s="424"/>
      <c r="KAC727" s="423" t="s">
        <v>2795</v>
      </c>
      <c r="KAD727" s="424"/>
      <c r="KAE727" s="424"/>
      <c r="KAF727" s="424"/>
      <c r="KAG727" s="423" t="s">
        <v>2795</v>
      </c>
      <c r="KAH727" s="424"/>
      <c r="KAI727" s="424"/>
      <c r="KAJ727" s="424"/>
      <c r="KAK727" s="423" t="s">
        <v>2795</v>
      </c>
      <c r="KAL727" s="424"/>
      <c r="KAM727" s="424"/>
      <c r="KAN727" s="424"/>
      <c r="KAO727" s="423" t="s">
        <v>2795</v>
      </c>
      <c r="KAP727" s="424"/>
      <c r="KAQ727" s="424"/>
      <c r="KAR727" s="424"/>
      <c r="KAS727" s="423" t="s">
        <v>2795</v>
      </c>
      <c r="KAT727" s="424"/>
      <c r="KAU727" s="424"/>
      <c r="KAV727" s="424"/>
      <c r="KAW727" s="423" t="s">
        <v>2795</v>
      </c>
      <c r="KAX727" s="424"/>
      <c r="KAY727" s="424"/>
      <c r="KAZ727" s="424"/>
      <c r="KBA727" s="423" t="s">
        <v>2795</v>
      </c>
      <c r="KBB727" s="424"/>
      <c r="KBC727" s="424"/>
      <c r="KBD727" s="424"/>
      <c r="KBE727" s="423" t="s">
        <v>2795</v>
      </c>
      <c r="KBF727" s="424"/>
      <c r="KBG727" s="424"/>
      <c r="KBH727" s="424"/>
      <c r="KBI727" s="423" t="s">
        <v>2795</v>
      </c>
      <c r="KBJ727" s="424"/>
      <c r="KBK727" s="424"/>
      <c r="KBL727" s="424"/>
      <c r="KBM727" s="423" t="s">
        <v>2795</v>
      </c>
      <c r="KBN727" s="424"/>
      <c r="KBO727" s="424"/>
      <c r="KBP727" s="424"/>
      <c r="KBQ727" s="423" t="s">
        <v>2795</v>
      </c>
      <c r="KBR727" s="424"/>
      <c r="KBS727" s="424"/>
      <c r="KBT727" s="424"/>
      <c r="KBU727" s="423" t="s">
        <v>2795</v>
      </c>
      <c r="KBV727" s="424"/>
      <c r="KBW727" s="424"/>
      <c r="KBX727" s="424"/>
      <c r="KBY727" s="423" t="s">
        <v>2795</v>
      </c>
      <c r="KBZ727" s="424"/>
      <c r="KCA727" s="424"/>
      <c r="KCB727" s="424"/>
      <c r="KCC727" s="423" t="s">
        <v>2795</v>
      </c>
      <c r="KCD727" s="424"/>
      <c r="KCE727" s="424"/>
      <c r="KCF727" s="424"/>
      <c r="KCG727" s="423" t="s">
        <v>2795</v>
      </c>
      <c r="KCH727" s="424"/>
      <c r="KCI727" s="424"/>
      <c r="KCJ727" s="424"/>
      <c r="KCK727" s="423" t="s">
        <v>2795</v>
      </c>
      <c r="KCL727" s="424"/>
      <c r="KCM727" s="424"/>
      <c r="KCN727" s="424"/>
      <c r="KCO727" s="423" t="s">
        <v>2795</v>
      </c>
      <c r="KCP727" s="424"/>
      <c r="KCQ727" s="424"/>
      <c r="KCR727" s="424"/>
      <c r="KCS727" s="423" t="s">
        <v>2795</v>
      </c>
      <c r="KCT727" s="424"/>
      <c r="KCU727" s="424"/>
      <c r="KCV727" s="424"/>
      <c r="KCW727" s="423" t="s">
        <v>2795</v>
      </c>
      <c r="KCX727" s="424"/>
      <c r="KCY727" s="424"/>
      <c r="KCZ727" s="424"/>
      <c r="KDA727" s="423" t="s">
        <v>2795</v>
      </c>
      <c r="KDB727" s="424"/>
      <c r="KDC727" s="424"/>
      <c r="KDD727" s="424"/>
      <c r="KDE727" s="423" t="s">
        <v>2795</v>
      </c>
      <c r="KDF727" s="424"/>
      <c r="KDG727" s="424"/>
      <c r="KDH727" s="424"/>
      <c r="KDI727" s="423" t="s">
        <v>2795</v>
      </c>
      <c r="KDJ727" s="424"/>
      <c r="KDK727" s="424"/>
      <c r="KDL727" s="424"/>
      <c r="KDM727" s="423" t="s">
        <v>2795</v>
      </c>
      <c r="KDN727" s="424"/>
      <c r="KDO727" s="424"/>
      <c r="KDP727" s="424"/>
      <c r="KDQ727" s="423" t="s">
        <v>2795</v>
      </c>
      <c r="KDR727" s="424"/>
      <c r="KDS727" s="424"/>
      <c r="KDT727" s="424"/>
      <c r="KDU727" s="423" t="s">
        <v>2795</v>
      </c>
      <c r="KDV727" s="424"/>
      <c r="KDW727" s="424"/>
      <c r="KDX727" s="424"/>
      <c r="KDY727" s="423" t="s">
        <v>2795</v>
      </c>
      <c r="KDZ727" s="424"/>
      <c r="KEA727" s="424"/>
      <c r="KEB727" s="424"/>
      <c r="KEC727" s="423" t="s">
        <v>2795</v>
      </c>
      <c r="KED727" s="424"/>
      <c r="KEE727" s="424"/>
      <c r="KEF727" s="424"/>
      <c r="KEG727" s="423" t="s">
        <v>2795</v>
      </c>
      <c r="KEH727" s="424"/>
      <c r="KEI727" s="424"/>
      <c r="KEJ727" s="424"/>
      <c r="KEK727" s="423" t="s">
        <v>2795</v>
      </c>
      <c r="KEL727" s="424"/>
      <c r="KEM727" s="424"/>
      <c r="KEN727" s="424"/>
      <c r="KEO727" s="423" t="s">
        <v>2795</v>
      </c>
      <c r="KEP727" s="424"/>
      <c r="KEQ727" s="424"/>
      <c r="KER727" s="424"/>
      <c r="KES727" s="423" t="s">
        <v>2795</v>
      </c>
      <c r="KET727" s="424"/>
      <c r="KEU727" s="424"/>
      <c r="KEV727" s="424"/>
      <c r="KEW727" s="423" t="s">
        <v>2795</v>
      </c>
      <c r="KEX727" s="424"/>
      <c r="KEY727" s="424"/>
      <c r="KEZ727" s="424"/>
      <c r="KFA727" s="423" t="s">
        <v>2795</v>
      </c>
      <c r="KFB727" s="424"/>
      <c r="KFC727" s="424"/>
      <c r="KFD727" s="424"/>
      <c r="KFE727" s="423" t="s">
        <v>2795</v>
      </c>
      <c r="KFF727" s="424"/>
      <c r="KFG727" s="424"/>
      <c r="KFH727" s="424"/>
      <c r="KFI727" s="423" t="s">
        <v>2795</v>
      </c>
      <c r="KFJ727" s="424"/>
      <c r="KFK727" s="424"/>
      <c r="KFL727" s="424"/>
      <c r="KFM727" s="423" t="s">
        <v>2795</v>
      </c>
      <c r="KFN727" s="424"/>
      <c r="KFO727" s="424"/>
      <c r="KFP727" s="424"/>
      <c r="KFQ727" s="423" t="s">
        <v>2795</v>
      </c>
      <c r="KFR727" s="424"/>
      <c r="KFS727" s="424"/>
      <c r="KFT727" s="424"/>
      <c r="KFU727" s="423" t="s">
        <v>2795</v>
      </c>
      <c r="KFV727" s="424"/>
      <c r="KFW727" s="424"/>
      <c r="KFX727" s="424"/>
      <c r="KFY727" s="423" t="s">
        <v>2795</v>
      </c>
      <c r="KFZ727" s="424"/>
      <c r="KGA727" s="424"/>
      <c r="KGB727" s="424"/>
      <c r="KGC727" s="423" t="s">
        <v>2795</v>
      </c>
      <c r="KGD727" s="424"/>
      <c r="KGE727" s="424"/>
      <c r="KGF727" s="424"/>
      <c r="KGG727" s="423" t="s">
        <v>2795</v>
      </c>
      <c r="KGH727" s="424"/>
      <c r="KGI727" s="424"/>
      <c r="KGJ727" s="424"/>
      <c r="KGK727" s="423" t="s">
        <v>2795</v>
      </c>
      <c r="KGL727" s="424"/>
      <c r="KGM727" s="424"/>
      <c r="KGN727" s="424"/>
      <c r="KGO727" s="423" t="s">
        <v>2795</v>
      </c>
      <c r="KGP727" s="424"/>
      <c r="KGQ727" s="424"/>
      <c r="KGR727" s="424"/>
      <c r="KGS727" s="423" t="s">
        <v>2795</v>
      </c>
      <c r="KGT727" s="424"/>
      <c r="KGU727" s="424"/>
      <c r="KGV727" s="424"/>
      <c r="KGW727" s="423" t="s">
        <v>2795</v>
      </c>
      <c r="KGX727" s="424"/>
      <c r="KGY727" s="424"/>
      <c r="KGZ727" s="424"/>
      <c r="KHA727" s="423" t="s">
        <v>2795</v>
      </c>
      <c r="KHB727" s="424"/>
      <c r="KHC727" s="424"/>
      <c r="KHD727" s="424"/>
      <c r="KHE727" s="423" t="s">
        <v>2795</v>
      </c>
      <c r="KHF727" s="424"/>
      <c r="KHG727" s="424"/>
      <c r="KHH727" s="424"/>
      <c r="KHI727" s="423" t="s">
        <v>2795</v>
      </c>
      <c r="KHJ727" s="424"/>
      <c r="KHK727" s="424"/>
      <c r="KHL727" s="424"/>
      <c r="KHM727" s="423" t="s">
        <v>2795</v>
      </c>
      <c r="KHN727" s="424"/>
      <c r="KHO727" s="424"/>
      <c r="KHP727" s="424"/>
      <c r="KHQ727" s="423" t="s">
        <v>2795</v>
      </c>
      <c r="KHR727" s="424"/>
      <c r="KHS727" s="424"/>
      <c r="KHT727" s="424"/>
      <c r="KHU727" s="423" t="s">
        <v>2795</v>
      </c>
      <c r="KHV727" s="424"/>
      <c r="KHW727" s="424"/>
      <c r="KHX727" s="424"/>
      <c r="KHY727" s="423" t="s">
        <v>2795</v>
      </c>
      <c r="KHZ727" s="424"/>
      <c r="KIA727" s="424"/>
      <c r="KIB727" s="424"/>
      <c r="KIC727" s="423" t="s">
        <v>2795</v>
      </c>
      <c r="KID727" s="424"/>
      <c r="KIE727" s="424"/>
      <c r="KIF727" s="424"/>
      <c r="KIG727" s="423" t="s">
        <v>2795</v>
      </c>
      <c r="KIH727" s="424"/>
      <c r="KII727" s="424"/>
      <c r="KIJ727" s="424"/>
      <c r="KIK727" s="423" t="s">
        <v>2795</v>
      </c>
      <c r="KIL727" s="424"/>
      <c r="KIM727" s="424"/>
      <c r="KIN727" s="424"/>
      <c r="KIO727" s="423" t="s">
        <v>2795</v>
      </c>
      <c r="KIP727" s="424"/>
      <c r="KIQ727" s="424"/>
      <c r="KIR727" s="424"/>
      <c r="KIS727" s="423" t="s">
        <v>2795</v>
      </c>
      <c r="KIT727" s="424"/>
      <c r="KIU727" s="424"/>
      <c r="KIV727" s="424"/>
      <c r="KIW727" s="423" t="s">
        <v>2795</v>
      </c>
      <c r="KIX727" s="424"/>
      <c r="KIY727" s="424"/>
      <c r="KIZ727" s="424"/>
      <c r="KJA727" s="423" t="s">
        <v>2795</v>
      </c>
      <c r="KJB727" s="424"/>
      <c r="KJC727" s="424"/>
      <c r="KJD727" s="424"/>
      <c r="KJE727" s="423" t="s">
        <v>2795</v>
      </c>
      <c r="KJF727" s="424"/>
      <c r="KJG727" s="424"/>
      <c r="KJH727" s="424"/>
      <c r="KJI727" s="423" t="s">
        <v>2795</v>
      </c>
      <c r="KJJ727" s="424"/>
      <c r="KJK727" s="424"/>
      <c r="KJL727" s="424"/>
      <c r="KJM727" s="423" t="s">
        <v>2795</v>
      </c>
      <c r="KJN727" s="424"/>
      <c r="KJO727" s="424"/>
      <c r="KJP727" s="424"/>
      <c r="KJQ727" s="423" t="s">
        <v>2795</v>
      </c>
      <c r="KJR727" s="424"/>
      <c r="KJS727" s="424"/>
      <c r="KJT727" s="424"/>
      <c r="KJU727" s="423" t="s">
        <v>2795</v>
      </c>
      <c r="KJV727" s="424"/>
      <c r="KJW727" s="424"/>
      <c r="KJX727" s="424"/>
      <c r="KJY727" s="423" t="s">
        <v>2795</v>
      </c>
      <c r="KJZ727" s="424"/>
      <c r="KKA727" s="424"/>
      <c r="KKB727" s="424"/>
      <c r="KKC727" s="423" t="s">
        <v>2795</v>
      </c>
      <c r="KKD727" s="424"/>
      <c r="KKE727" s="424"/>
      <c r="KKF727" s="424"/>
      <c r="KKG727" s="423" t="s">
        <v>2795</v>
      </c>
      <c r="KKH727" s="424"/>
      <c r="KKI727" s="424"/>
      <c r="KKJ727" s="424"/>
      <c r="KKK727" s="423" t="s">
        <v>2795</v>
      </c>
      <c r="KKL727" s="424"/>
      <c r="KKM727" s="424"/>
      <c r="KKN727" s="424"/>
      <c r="KKO727" s="423" t="s">
        <v>2795</v>
      </c>
      <c r="KKP727" s="424"/>
      <c r="KKQ727" s="424"/>
      <c r="KKR727" s="424"/>
      <c r="KKS727" s="423" t="s">
        <v>2795</v>
      </c>
      <c r="KKT727" s="424"/>
      <c r="KKU727" s="424"/>
      <c r="KKV727" s="424"/>
      <c r="KKW727" s="423" t="s">
        <v>2795</v>
      </c>
      <c r="KKX727" s="424"/>
      <c r="KKY727" s="424"/>
      <c r="KKZ727" s="424"/>
      <c r="KLA727" s="423" t="s">
        <v>2795</v>
      </c>
      <c r="KLB727" s="424"/>
      <c r="KLC727" s="424"/>
      <c r="KLD727" s="424"/>
      <c r="KLE727" s="423" t="s">
        <v>2795</v>
      </c>
      <c r="KLF727" s="424"/>
      <c r="KLG727" s="424"/>
      <c r="KLH727" s="424"/>
      <c r="KLI727" s="423" t="s">
        <v>2795</v>
      </c>
      <c r="KLJ727" s="424"/>
      <c r="KLK727" s="424"/>
      <c r="KLL727" s="424"/>
      <c r="KLM727" s="423" t="s">
        <v>2795</v>
      </c>
      <c r="KLN727" s="424"/>
      <c r="KLO727" s="424"/>
      <c r="KLP727" s="424"/>
      <c r="KLQ727" s="423" t="s">
        <v>2795</v>
      </c>
      <c r="KLR727" s="424"/>
      <c r="KLS727" s="424"/>
      <c r="KLT727" s="424"/>
      <c r="KLU727" s="423" t="s">
        <v>2795</v>
      </c>
      <c r="KLV727" s="424"/>
      <c r="KLW727" s="424"/>
      <c r="KLX727" s="424"/>
      <c r="KLY727" s="423" t="s">
        <v>2795</v>
      </c>
      <c r="KLZ727" s="424"/>
      <c r="KMA727" s="424"/>
      <c r="KMB727" s="424"/>
      <c r="KMC727" s="423" t="s">
        <v>2795</v>
      </c>
      <c r="KMD727" s="424"/>
      <c r="KME727" s="424"/>
      <c r="KMF727" s="424"/>
      <c r="KMG727" s="423" t="s">
        <v>2795</v>
      </c>
      <c r="KMH727" s="424"/>
      <c r="KMI727" s="424"/>
      <c r="KMJ727" s="424"/>
      <c r="KMK727" s="423" t="s">
        <v>2795</v>
      </c>
      <c r="KML727" s="424"/>
      <c r="KMM727" s="424"/>
      <c r="KMN727" s="424"/>
      <c r="KMO727" s="423" t="s">
        <v>2795</v>
      </c>
      <c r="KMP727" s="424"/>
      <c r="KMQ727" s="424"/>
      <c r="KMR727" s="424"/>
      <c r="KMS727" s="423" t="s">
        <v>2795</v>
      </c>
      <c r="KMT727" s="424"/>
      <c r="KMU727" s="424"/>
      <c r="KMV727" s="424"/>
      <c r="KMW727" s="423" t="s">
        <v>2795</v>
      </c>
      <c r="KMX727" s="424"/>
      <c r="KMY727" s="424"/>
      <c r="KMZ727" s="424"/>
      <c r="KNA727" s="423" t="s">
        <v>2795</v>
      </c>
      <c r="KNB727" s="424"/>
      <c r="KNC727" s="424"/>
      <c r="KND727" s="424"/>
      <c r="KNE727" s="423" t="s">
        <v>2795</v>
      </c>
      <c r="KNF727" s="424"/>
      <c r="KNG727" s="424"/>
      <c r="KNH727" s="424"/>
      <c r="KNI727" s="423" t="s">
        <v>2795</v>
      </c>
      <c r="KNJ727" s="424"/>
      <c r="KNK727" s="424"/>
      <c r="KNL727" s="424"/>
      <c r="KNM727" s="423" t="s">
        <v>2795</v>
      </c>
      <c r="KNN727" s="424"/>
      <c r="KNO727" s="424"/>
      <c r="KNP727" s="424"/>
      <c r="KNQ727" s="423" t="s">
        <v>2795</v>
      </c>
      <c r="KNR727" s="424"/>
      <c r="KNS727" s="424"/>
      <c r="KNT727" s="424"/>
      <c r="KNU727" s="423" t="s">
        <v>2795</v>
      </c>
      <c r="KNV727" s="424"/>
      <c r="KNW727" s="424"/>
      <c r="KNX727" s="424"/>
      <c r="KNY727" s="423" t="s">
        <v>2795</v>
      </c>
      <c r="KNZ727" s="424"/>
      <c r="KOA727" s="424"/>
      <c r="KOB727" s="424"/>
      <c r="KOC727" s="423" t="s">
        <v>2795</v>
      </c>
      <c r="KOD727" s="424"/>
      <c r="KOE727" s="424"/>
      <c r="KOF727" s="424"/>
      <c r="KOG727" s="423" t="s">
        <v>2795</v>
      </c>
      <c r="KOH727" s="424"/>
      <c r="KOI727" s="424"/>
      <c r="KOJ727" s="424"/>
      <c r="KOK727" s="423" t="s">
        <v>2795</v>
      </c>
      <c r="KOL727" s="424"/>
      <c r="KOM727" s="424"/>
      <c r="KON727" s="424"/>
      <c r="KOO727" s="423" t="s">
        <v>2795</v>
      </c>
      <c r="KOP727" s="424"/>
      <c r="KOQ727" s="424"/>
      <c r="KOR727" s="424"/>
      <c r="KOS727" s="423" t="s">
        <v>2795</v>
      </c>
      <c r="KOT727" s="424"/>
      <c r="KOU727" s="424"/>
      <c r="KOV727" s="424"/>
      <c r="KOW727" s="423" t="s">
        <v>2795</v>
      </c>
      <c r="KOX727" s="424"/>
      <c r="KOY727" s="424"/>
      <c r="KOZ727" s="424"/>
      <c r="KPA727" s="423" t="s">
        <v>2795</v>
      </c>
      <c r="KPB727" s="424"/>
      <c r="KPC727" s="424"/>
      <c r="KPD727" s="424"/>
      <c r="KPE727" s="423" t="s">
        <v>2795</v>
      </c>
      <c r="KPF727" s="424"/>
      <c r="KPG727" s="424"/>
      <c r="KPH727" s="424"/>
      <c r="KPI727" s="423" t="s">
        <v>2795</v>
      </c>
      <c r="KPJ727" s="424"/>
      <c r="KPK727" s="424"/>
      <c r="KPL727" s="424"/>
      <c r="KPM727" s="423" t="s">
        <v>2795</v>
      </c>
      <c r="KPN727" s="424"/>
      <c r="KPO727" s="424"/>
      <c r="KPP727" s="424"/>
      <c r="KPQ727" s="423" t="s">
        <v>2795</v>
      </c>
      <c r="KPR727" s="424"/>
      <c r="KPS727" s="424"/>
      <c r="KPT727" s="424"/>
      <c r="KPU727" s="423" t="s">
        <v>2795</v>
      </c>
      <c r="KPV727" s="424"/>
      <c r="KPW727" s="424"/>
      <c r="KPX727" s="424"/>
      <c r="KPY727" s="423" t="s">
        <v>2795</v>
      </c>
      <c r="KPZ727" s="424"/>
      <c r="KQA727" s="424"/>
      <c r="KQB727" s="424"/>
      <c r="KQC727" s="423" t="s">
        <v>2795</v>
      </c>
      <c r="KQD727" s="424"/>
      <c r="KQE727" s="424"/>
      <c r="KQF727" s="424"/>
      <c r="KQG727" s="423" t="s">
        <v>2795</v>
      </c>
      <c r="KQH727" s="424"/>
      <c r="KQI727" s="424"/>
      <c r="KQJ727" s="424"/>
      <c r="KQK727" s="423" t="s">
        <v>2795</v>
      </c>
      <c r="KQL727" s="424"/>
      <c r="KQM727" s="424"/>
      <c r="KQN727" s="424"/>
      <c r="KQO727" s="423" t="s">
        <v>2795</v>
      </c>
      <c r="KQP727" s="424"/>
      <c r="KQQ727" s="424"/>
      <c r="KQR727" s="424"/>
      <c r="KQS727" s="423" t="s">
        <v>2795</v>
      </c>
      <c r="KQT727" s="424"/>
      <c r="KQU727" s="424"/>
      <c r="KQV727" s="424"/>
      <c r="KQW727" s="423" t="s">
        <v>2795</v>
      </c>
      <c r="KQX727" s="424"/>
      <c r="KQY727" s="424"/>
      <c r="KQZ727" s="424"/>
      <c r="KRA727" s="423" t="s">
        <v>2795</v>
      </c>
      <c r="KRB727" s="424"/>
      <c r="KRC727" s="424"/>
      <c r="KRD727" s="424"/>
      <c r="KRE727" s="423" t="s">
        <v>2795</v>
      </c>
      <c r="KRF727" s="424"/>
      <c r="KRG727" s="424"/>
      <c r="KRH727" s="424"/>
      <c r="KRI727" s="423" t="s">
        <v>2795</v>
      </c>
      <c r="KRJ727" s="424"/>
      <c r="KRK727" s="424"/>
      <c r="KRL727" s="424"/>
      <c r="KRM727" s="423" t="s">
        <v>2795</v>
      </c>
      <c r="KRN727" s="424"/>
      <c r="KRO727" s="424"/>
      <c r="KRP727" s="424"/>
      <c r="KRQ727" s="423" t="s">
        <v>2795</v>
      </c>
      <c r="KRR727" s="424"/>
      <c r="KRS727" s="424"/>
      <c r="KRT727" s="424"/>
      <c r="KRU727" s="423" t="s">
        <v>2795</v>
      </c>
      <c r="KRV727" s="424"/>
      <c r="KRW727" s="424"/>
      <c r="KRX727" s="424"/>
      <c r="KRY727" s="423" t="s">
        <v>2795</v>
      </c>
      <c r="KRZ727" s="424"/>
      <c r="KSA727" s="424"/>
      <c r="KSB727" s="424"/>
      <c r="KSC727" s="423" t="s">
        <v>2795</v>
      </c>
      <c r="KSD727" s="424"/>
      <c r="KSE727" s="424"/>
      <c r="KSF727" s="424"/>
      <c r="KSG727" s="423" t="s">
        <v>2795</v>
      </c>
      <c r="KSH727" s="424"/>
      <c r="KSI727" s="424"/>
      <c r="KSJ727" s="424"/>
      <c r="KSK727" s="423" t="s">
        <v>2795</v>
      </c>
      <c r="KSL727" s="424"/>
      <c r="KSM727" s="424"/>
      <c r="KSN727" s="424"/>
      <c r="KSO727" s="423" t="s">
        <v>2795</v>
      </c>
      <c r="KSP727" s="424"/>
      <c r="KSQ727" s="424"/>
      <c r="KSR727" s="424"/>
      <c r="KSS727" s="423" t="s">
        <v>2795</v>
      </c>
      <c r="KST727" s="424"/>
      <c r="KSU727" s="424"/>
      <c r="KSV727" s="424"/>
      <c r="KSW727" s="423" t="s">
        <v>2795</v>
      </c>
      <c r="KSX727" s="424"/>
      <c r="KSY727" s="424"/>
      <c r="KSZ727" s="424"/>
      <c r="KTA727" s="423" t="s">
        <v>2795</v>
      </c>
      <c r="KTB727" s="424"/>
      <c r="KTC727" s="424"/>
      <c r="KTD727" s="424"/>
      <c r="KTE727" s="423" t="s">
        <v>2795</v>
      </c>
      <c r="KTF727" s="424"/>
      <c r="KTG727" s="424"/>
      <c r="KTH727" s="424"/>
      <c r="KTI727" s="423" t="s">
        <v>2795</v>
      </c>
      <c r="KTJ727" s="424"/>
      <c r="KTK727" s="424"/>
      <c r="KTL727" s="424"/>
      <c r="KTM727" s="423" t="s">
        <v>2795</v>
      </c>
      <c r="KTN727" s="424"/>
      <c r="KTO727" s="424"/>
      <c r="KTP727" s="424"/>
      <c r="KTQ727" s="423" t="s">
        <v>2795</v>
      </c>
      <c r="KTR727" s="424"/>
      <c r="KTS727" s="424"/>
      <c r="KTT727" s="424"/>
      <c r="KTU727" s="423" t="s">
        <v>2795</v>
      </c>
      <c r="KTV727" s="424"/>
      <c r="KTW727" s="424"/>
      <c r="KTX727" s="424"/>
      <c r="KTY727" s="423" t="s">
        <v>2795</v>
      </c>
      <c r="KTZ727" s="424"/>
      <c r="KUA727" s="424"/>
      <c r="KUB727" s="424"/>
      <c r="KUC727" s="423" t="s">
        <v>2795</v>
      </c>
      <c r="KUD727" s="424"/>
      <c r="KUE727" s="424"/>
      <c r="KUF727" s="424"/>
      <c r="KUG727" s="423" t="s">
        <v>2795</v>
      </c>
      <c r="KUH727" s="424"/>
      <c r="KUI727" s="424"/>
      <c r="KUJ727" s="424"/>
      <c r="KUK727" s="423" t="s">
        <v>2795</v>
      </c>
      <c r="KUL727" s="424"/>
      <c r="KUM727" s="424"/>
      <c r="KUN727" s="424"/>
      <c r="KUO727" s="423" t="s">
        <v>2795</v>
      </c>
      <c r="KUP727" s="424"/>
      <c r="KUQ727" s="424"/>
      <c r="KUR727" s="424"/>
      <c r="KUS727" s="423" t="s">
        <v>2795</v>
      </c>
      <c r="KUT727" s="424"/>
      <c r="KUU727" s="424"/>
      <c r="KUV727" s="424"/>
      <c r="KUW727" s="423" t="s">
        <v>2795</v>
      </c>
      <c r="KUX727" s="424"/>
      <c r="KUY727" s="424"/>
      <c r="KUZ727" s="424"/>
      <c r="KVA727" s="423" t="s">
        <v>2795</v>
      </c>
      <c r="KVB727" s="424"/>
      <c r="KVC727" s="424"/>
      <c r="KVD727" s="424"/>
      <c r="KVE727" s="423" t="s">
        <v>2795</v>
      </c>
      <c r="KVF727" s="424"/>
      <c r="KVG727" s="424"/>
      <c r="KVH727" s="424"/>
      <c r="KVI727" s="423" t="s">
        <v>2795</v>
      </c>
      <c r="KVJ727" s="424"/>
      <c r="KVK727" s="424"/>
      <c r="KVL727" s="424"/>
      <c r="KVM727" s="423" t="s">
        <v>2795</v>
      </c>
      <c r="KVN727" s="424"/>
      <c r="KVO727" s="424"/>
      <c r="KVP727" s="424"/>
      <c r="KVQ727" s="423" t="s">
        <v>2795</v>
      </c>
      <c r="KVR727" s="424"/>
      <c r="KVS727" s="424"/>
      <c r="KVT727" s="424"/>
      <c r="KVU727" s="423" t="s">
        <v>2795</v>
      </c>
      <c r="KVV727" s="424"/>
      <c r="KVW727" s="424"/>
      <c r="KVX727" s="424"/>
      <c r="KVY727" s="423" t="s">
        <v>2795</v>
      </c>
      <c r="KVZ727" s="424"/>
      <c r="KWA727" s="424"/>
      <c r="KWB727" s="424"/>
      <c r="KWC727" s="423" t="s">
        <v>2795</v>
      </c>
      <c r="KWD727" s="424"/>
      <c r="KWE727" s="424"/>
      <c r="KWF727" s="424"/>
      <c r="KWG727" s="423" t="s">
        <v>2795</v>
      </c>
      <c r="KWH727" s="424"/>
      <c r="KWI727" s="424"/>
      <c r="KWJ727" s="424"/>
      <c r="KWK727" s="423" t="s">
        <v>2795</v>
      </c>
      <c r="KWL727" s="424"/>
      <c r="KWM727" s="424"/>
      <c r="KWN727" s="424"/>
      <c r="KWO727" s="423" t="s">
        <v>2795</v>
      </c>
      <c r="KWP727" s="424"/>
      <c r="KWQ727" s="424"/>
      <c r="KWR727" s="424"/>
      <c r="KWS727" s="423" t="s">
        <v>2795</v>
      </c>
      <c r="KWT727" s="424"/>
      <c r="KWU727" s="424"/>
      <c r="KWV727" s="424"/>
      <c r="KWW727" s="423" t="s">
        <v>2795</v>
      </c>
      <c r="KWX727" s="424"/>
      <c r="KWY727" s="424"/>
      <c r="KWZ727" s="424"/>
      <c r="KXA727" s="423" t="s">
        <v>2795</v>
      </c>
      <c r="KXB727" s="424"/>
      <c r="KXC727" s="424"/>
      <c r="KXD727" s="424"/>
      <c r="KXE727" s="423" t="s">
        <v>2795</v>
      </c>
      <c r="KXF727" s="424"/>
      <c r="KXG727" s="424"/>
      <c r="KXH727" s="424"/>
      <c r="KXI727" s="423" t="s">
        <v>2795</v>
      </c>
      <c r="KXJ727" s="424"/>
      <c r="KXK727" s="424"/>
      <c r="KXL727" s="424"/>
      <c r="KXM727" s="423" t="s">
        <v>2795</v>
      </c>
      <c r="KXN727" s="424"/>
      <c r="KXO727" s="424"/>
      <c r="KXP727" s="424"/>
      <c r="KXQ727" s="423" t="s">
        <v>2795</v>
      </c>
      <c r="KXR727" s="424"/>
      <c r="KXS727" s="424"/>
      <c r="KXT727" s="424"/>
      <c r="KXU727" s="423" t="s">
        <v>2795</v>
      </c>
      <c r="KXV727" s="424"/>
      <c r="KXW727" s="424"/>
      <c r="KXX727" s="424"/>
      <c r="KXY727" s="423" t="s">
        <v>2795</v>
      </c>
      <c r="KXZ727" s="424"/>
      <c r="KYA727" s="424"/>
      <c r="KYB727" s="424"/>
      <c r="KYC727" s="423" t="s">
        <v>2795</v>
      </c>
      <c r="KYD727" s="424"/>
      <c r="KYE727" s="424"/>
      <c r="KYF727" s="424"/>
      <c r="KYG727" s="423" t="s">
        <v>2795</v>
      </c>
      <c r="KYH727" s="424"/>
      <c r="KYI727" s="424"/>
      <c r="KYJ727" s="424"/>
      <c r="KYK727" s="423" t="s">
        <v>2795</v>
      </c>
      <c r="KYL727" s="424"/>
      <c r="KYM727" s="424"/>
      <c r="KYN727" s="424"/>
      <c r="KYO727" s="423" t="s">
        <v>2795</v>
      </c>
      <c r="KYP727" s="424"/>
      <c r="KYQ727" s="424"/>
      <c r="KYR727" s="424"/>
      <c r="KYS727" s="423" t="s">
        <v>2795</v>
      </c>
      <c r="KYT727" s="424"/>
      <c r="KYU727" s="424"/>
      <c r="KYV727" s="424"/>
      <c r="KYW727" s="423" t="s">
        <v>2795</v>
      </c>
      <c r="KYX727" s="424"/>
      <c r="KYY727" s="424"/>
      <c r="KYZ727" s="424"/>
      <c r="KZA727" s="423" t="s">
        <v>2795</v>
      </c>
      <c r="KZB727" s="424"/>
      <c r="KZC727" s="424"/>
      <c r="KZD727" s="424"/>
      <c r="KZE727" s="423" t="s">
        <v>2795</v>
      </c>
      <c r="KZF727" s="424"/>
      <c r="KZG727" s="424"/>
      <c r="KZH727" s="424"/>
      <c r="KZI727" s="423" t="s">
        <v>2795</v>
      </c>
      <c r="KZJ727" s="424"/>
      <c r="KZK727" s="424"/>
      <c r="KZL727" s="424"/>
      <c r="KZM727" s="423" t="s">
        <v>2795</v>
      </c>
      <c r="KZN727" s="424"/>
      <c r="KZO727" s="424"/>
      <c r="KZP727" s="424"/>
      <c r="KZQ727" s="423" t="s">
        <v>2795</v>
      </c>
      <c r="KZR727" s="424"/>
      <c r="KZS727" s="424"/>
      <c r="KZT727" s="424"/>
      <c r="KZU727" s="423" t="s">
        <v>2795</v>
      </c>
      <c r="KZV727" s="424"/>
      <c r="KZW727" s="424"/>
      <c r="KZX727" s="424"/>
      <c r="KZY727" s="423" t="s">
        <v>2795</v>
      </c>
      <c r="KZZ727" s="424"/>
      <c r="LAA727" s="424"/>
      <c r="LAB727" s="424"/>
      <c r="LAC727" s="423" t="s">
        <v>2795</v>
      </c>
      <c r="LAD727" s="424"/>
      <c r="LAE727" s="424"/>
      <c r="LAF727" s="424"/>
      <c r="LAG727" s="423" t="s">
        <v>2795</v>
      </c>
      <c r="LAH727" s="424"/>
      <c r="LAI727" s="424"/>
      <c r="LAJ727" s="424"/>
      <c r="LAK727" s="423" t="s">
        <v>2795</v>
      </c>
      <c r="LAL727" s="424"/>
      <c r="LAM727" s="424"/>
      <c r="LAN727" s="424"/>
      <c r="LAO727" s="423" t="s">
        <v>2795</v>
      </c>
      <c r="LAP727" s="424"/>
      <c r="LAQ727" s="424"/>
      <c r="LAR727" s="424"/>
      <c r="LAS727" s="423" t="s">
        <v>2795</v>
      </c>
      <c r="LAT727" s="424"/>
      <c r="LAU727" s="424"/>
      <c r="LAV727" s="424"/>
      <c r="LAW727" s="423" t="s">
        <v>2795</v>
      </c>
      <c r="LAX727" s="424"/>
      <c r="LAY727" s="424"/>
      <c r="LAZ727" s="424"/>
      <c r="LBA727" s="423" t="s">
        <v>2795</v>
      </c>
      <c r="LBB727" s="424"/>
      <c r="LBC727" s="424"/>
      <c r="LBD727" s="424"/>
      <c r="LBE727" s="423" t="s">
        <v>2795</v>
      </c>
      <c r="LBF727" s="424"/>
      <c r="LBG727" s="424"/>
      <c r="LBH727" s="424"/>
      <c r="LBI727" s="423" t="s">
        <v>2795</v>
      </c>
      <c r="LBJ727" s="424"/>
      <c r="LBK727" s="424"/>
      <c r="LBL727" s="424"/>
      <c r="LBM727" s="423" t="s">
        <v>2795</v>
      </c>
      <c r="LBN727" s="424"/>
      <c r="LBO727" s="424"/>
      <c r="LBP727" s="424"/>
      <c r="LBQ727" s="423" t="s">
        <v>2795</v>
      </c>
      <c r="LBR727" s="424"/>
      <c r="LBS727" s="424"/>
      <c r="LBT727" s="424"/>
      <c r="LBU727" s="423" t="s">
        <v>2795</v>
      </c>
      <c r="LBV727" s="424"/>
      <c r="LBW727" s="424"/>
      <c r="LBX727" s="424"/>
      <c r="LBY727" s="423" t="s">
        <v>2795</v>
      </c>
      <c r="LBZ727" s="424"/>
      <c r="LCA727" s="424"/>
      <c r="LCB727" s="424"/>
      <c r="LCC727" s="423" t="s">
        <v>2795</v>
      </c>
      <c r="LCD727" s="424"/>
      <c r="LCE727" s="424"/>
      <c r="LCF727" s="424"/>
      <c r="LCG727" s="423" t="s">
        <v>2795</v>
      </c>
      <c r="LCH727" s="424"/>
      <c r="LCI727" s="424"/>
      <c r="LCJ727" s="424"/>
      <c r="LCK727" s="423" t="s">
        <v>2795</v>
      </c>
      <c r="LCL727" s="424"/>
      <c r="LCM727" s="424"/>
      <c r="LCN727" s="424"/>
      <c r="LCO727" s="423" t="s">
        <v>2795</v>
      </c>
      <c r="LCP727" s="424"/>
      <c r="LCQ727" s="424"/>
      <c r="LCR727" s="424"/>
      <c r="LCS727" s="423" t="s">
        <v>2795</v>
      </c>
      <c r="LCT727" s="424"/>
      <c r="LCU727" s="424"/>
      <c r="LCV727" s="424"/>
      <c r="LCW727" s="423" t="s">
        <v>2795</v>
      </c>
      <c r="LCX727" s="424"/>
      <c r="LCY727" s="424"/>
      <c r="LCZ727" s="424"/>
      <c r="LDA727" s="423" t="s">
        <v>2795</v>
      </c>
      <c r="LDB727" s="424"/>
      <c r="LDC727" s="424"/>
      <c r="LDD727" s="424"/>
      <c r="LDE727" s="423" t="s">
        <v>2795</v>
      </c>
      <c r="LDF727" s="424"/>
      <c r="LDG727" s="424"/>
      <c r="LDH727" s="424"/>
      <c r="LDI727" s="423" t="s">
        <v>2795</v>
      </c>
      <c r="LDJ727" s="424"/>
      <c r="LDK727" s="424"/>
      <c r="LDL727" s="424"/>
      <c r="LDM727" s="423" t="s">
        <v>2795</v>
      </c>
      <c r="LDN727" s="424"/>
      <c r="LDO727" s="424"/>
      <c r="LDP727" s="424"/>
      <c r="LDQ727" s="423" t="s">
        <v>2795</v>
      </c>
      <c r="LDR727" s="424"/>
      <c r="LDS727" s="424"/>
      <c r="LDT727" s="424"/>
      <c r="LDU727" s="423" t="s">
        <v>2795</v>
      </c>
      <c r="LDV727" s="424"/>
      <c r="LDW727" s="424"/>
      <c r="LDX727" s="424"/>
      <c r="LDY727" s="423" t="s">
        <v>2795</v>
      </c>
      <c r="LDZ727" s="424"/>
      <c r="LEA727" s="424"/>
      <c r="LEB727" s="424"/>
      <c r="LEC727" s="423" t="s">
        <v>2795</v>
      </c>
      <c r="LED727" s="424"/>
      <c r="LEE727" s="424"/>
      <c r="LEF727" s="424"/>
      <c r="LEG727" s="423" t="s">
        <v>2795</v>
      </c>
      <c r="LEH727" s="424"/>
      <c r="LEI727" s="424"/>
      <c r="LEJ727" s="424"/>
      <c r="LEK727" s="423" t="s">
        <v>2795</v>
      </c>
      <c r="LEL727" s="424"/>
      <c r="LEM727" s="424"/>
      <c r="LEN727" s="424"/>
      <c r="LEO727" s="423" t="s">
        <v>2795</v>
      </c>
      <c r="LEP727" s="424"/>
      <c r="LEQ727" s="424"/>
      <c r="LER727" s="424"/>
      <c r="LES727" s="423" t="s">
        <v>2795</v>
      </c>
      <c r="LET727" s="424"/>
      <c r="LEU727" s="424"/>
      <c r="LEV727" s="424"/>
      <c r="LEW727" s="423" t="s">
        <v>2795</v>
      </c>
      <c r="LEX727" s="424"/>
      <c r="LEY727" s="424"/>
      <c r="LEZ727" s="424"/>
      <c r="LFA727" s="423" t="s">
        <v>2795</v>
      </c>
      <c r="LFB727" s="424"/>
      <c r="LFC727" s="424"/>
      <c r="LFD727" s="424"/>
      <c r="LFE727" s="423" t="s">
        <v>2795</v>
      </c>
      <c r="LFF727" s="424"/>
      <c r="LFG727" s="424"/>
      <c r="LFH727" s="424"/>
      <c r="LFI727" s="423" t="s">
        <v>2795</v>
      </c>
      <c r="LFJ727" s="424"/>
      <c r="LFK727" s="424"/>
      <c r="LFL727" s="424"/>
      <c r="LFM727" s="423" t="s">
        <v>2795</v>
      </c>
      <c r="LFN727" s="424"/>
      <c r="LFO727" s="424"/>
      <c r="LFP727" s="424"/>
      <c r="LFQ727" s="423" t="s">
        <v>2795</v>
      </c>
      <c r="LFR727" s="424"/>
      <c r="LFS727" s="424"/>
      <c r="LFT727" s="424"/>
      <c r="LFU727" s="423" t="s">
        <v>2795</v>
      </c>
      <c r="LFV727" s="424"/>
      <c r="LFW727" s="424"/>
      <c r="LFX727" s="424"/>
      <c r="LFY727" s="423" t="s">
        <v>2795</v>
      </c>
      <c r="LFZ727" s="424"/>
      <c r="LGA727" s="424"/>
      <c r="LGB727" s="424"/>
      <c r="LGC727" s="423" t="s">
        <v>2795</v>
      </c>
      <c r="LGD727" s="424"/>
      <c r="LGE727" s="424"/>
      <c r="LGF727" s="424"/>
      <c r="LGG727" s="423" t="s">
        <v>2795</v>
      </c>
      <c r="LGH727" s="424"/>
      <c r="LGI727" s="424"/>
      <c r="LGJ727" s="424"/>
      <c r="LGK727" s="423" t="s">
        <v>2795</v>
      </c>
      <c r="LGL727" s="424"/>
      <c r="LGM727" s="424"/>
      <c r="LGN727" s="424"/>
      <c r="LGO727" s="423" t="s">
        <v>2795</v>
      </c>
      <c r="LGP727" s="424"/>
      <c r="LGQ727" s="424"/>
      <c r="LGR727" s="424"/>
      <c r="LGS727" s="423" t="s">
        <v>2795</v>
      </c>
      <c r="LGT727" s="424"/>
      <c r="LGU727" s="424"/>
      <c r="LGV727" s="424"/>
      <c r="LGW727" s="423" t="s">
        <v>2795</v>
      </c>
      <c r="LGX727" s="424"/>
      <c r="LGY727" s="424"/>
      <c r="LGZ727" s="424"/>
      <c r="LHA727" s="423" t="s">
        <v>2795</v>
      </c>
      <c r="LHB727" s="424"/>
      <c r="LHC727" s="424"/>
      <c r="LHD727" s="424"/>
      <c r="LHE727" s="423" t="s">
        <v>2795</v>
      </c>
      <c r="LHF727" s="424"/>
      <c r="LHG727" s="424"/>
      <c r="LHH727" s="424"/>
      <c r="LHI727" s="423" t="s">
        <v>2795</v>
      </c>
      <c r="LHJ727" s="424"/>
      <c r="LHK727" s="424"/>
      <c r="LHL727" s="424"/>
      <c r="LHM727" s="423" t="s">
        <v>2795</v>
      </c>
      <c r="LHN727" s="424"/>
      <c r="LHO727" s="424"/>
      <c r="LHP727" s="424"/>
      <c r="LHQ727" s="423" t="s">
        <v>2795</v>
      </c>
      <c r="LHR727" s="424"/>
      <c r="LHS727" s="424"/>
      <c r="LHT727" s="424"/>
      <c r="LHU727" s="423" t="s">
        <v>2795</v>
      </c>
      <c r="LHV727" s="424"/>
      <c r="LHW727" s="424"/>
      <c r="LHX727" s="424"/>
      <c r="LHY727" s="423" t="s">
        <v>2795</v>
      </c>
      <c r="LHZ727" s="424"/>
      <c r="LIA727" s="424"/>
      <c r="LIB727" s="424"/>
      <c r="LIC727" s="423" t="s">
        <v>2795</v>
      </c>
      <c r="LID727" s="424"/>
      <c r="LIE727" s="424"/>
      <c r="LIF727" s="424"/>
      <c r="LIG727" s="423" t="s">
        <v>2795</v>
      </c>
      <c r="LIH727" s="424"/>
      <c r="LII727" s="424"/>
      <c r="LIJ727" s="424"/>
      <c r="LIK727" s="423" t="s">
        <v>2795</v>
      </c>
      <c r="LIL727" s="424"/>
      <c r="LIM727" s="424"/>
      <c r="LIN727" s="424"/>
      <c r="LIO727" s="423" t="s">
        <v>2795</v>
      </c>
      <c r="LIP727" s="424"/>
      <c r="LIQ727" s="424"/>
      <c r="LIR727" s="424"/>
      <c r="LIS727" s="423" t="s">
        <v>2795</v>
      </c>
      <c r="LIT727" s="424"/>
      <c r="LIU727" s="424"/>
      <c r="LIV727" s="424"/>
      <c r="LIW727" s="423" t="s">
        <v>2795</v>
      </c>
      <c r="LIX727" s="424"/>
      <c r="LIY727" s="424"/>
      <c r="LIZ727" s="424"/>
      <c r="LJA727" s="423" t="s">
        <v>2795</v>
      </c>
      <c r="LJB727" s="424"/>
      <c r="LJC727" s="424"/>
      <c r="LJD727" s="424"/>
      <c r="LJE727" s="423" t="s">
        <v>2795</v>
      </c>
      <c r="LJF727" s="424"/>
      <c r="LJG727" s="424"/>
      <c r="LJH727" s="424"/>
      <c r="LJI727" s="423" t="s">
        <v>2795</v>
      </c>
      <c r="LJJ727" s="424"/>
      <c r="LJK727" s="424"/>
      <c r="LJL727" s="424"/>
      <c r="LJM727" s="423" t="s">
        <v>2795</v>
      </c>
      <c r="LJN727" s="424"/>
      <c r="LJO727" s="424"/>
      <c r="LJP727" s="424"/>
      <c r="LJQ727" s="423" t="s">
        <v>2795</v>
      </c>
      <c r="LJR727" s="424"/>
      <c r="LJS727" s="424"/>
      <c r="LJT727" s="424"/>
      <c r="LJU727" s="423" t="s">
        <v>2795</v>
      </c>
      <c r="LJV727" s="424"/>
      <c r="LJW727" s="424"/>
      <c r="LJX727" s="424"/>
      <c r="LJY727" s="423" t="s">
        <v>2795</v>
      </c>
      <c r="LJZ727" s="424"/>
      <c r="LKA727" s="424"/>
      <c r="LKB727" s="424"/>
      <c r="LKC727" s="423" t="s">
        <v>2795</v>
      </c>
      <c r="LKD727" s="424"/>
      <c r="LKE727" s="424"/>
      <c r="LKF727" s="424"/>
      <c r="LKG727" s="423" t="s">
        <v>2795</v>
      </c>
      <c r="LKH727" s="424"/>
      <c r="LKI727" s="424"/>
      <c r="LKJ727" s="424"/>
      <c r="LKK727" s="423" t="s">
        <v>2795</v>
      </c>
      <c r="LKL727" s="424"/>
      <c r="LKM727" s="424"/>
      <c r="LKN727" s="424"/>
      <c r="LKO727" s="423" t="s">
        <v>2795</v>
      </c>
      <c r="LKP727" s="424"/>
      <c r="LKQ727" s="424"/>
      <c r="LKR727" s="424"/>
      <c r="LKS727" s="423" t="s">
        <v>2795</v>
      </c>
      <c r="LKT727" s="424"/>
      <c r="LKU727" s="424"/>
      <c r="LKV727" s="424"/>
      <c r="LKW727" s="423" t="s">
        <v>2795</v>
      </c>
      <c r="LKX727" s="424"/>
      <c r="LKY727" s="424"/>
      <c r="LKZ727" s="424"/>
      <c r="LLA727" s="423" t="s">
        <v>2795</v>
      </c>
      <c r="LLB727" s="424"/>
      <c r="LLC727" s="424"/>
      <c r="LLD727" s="424"/>
      <c r="LLE727" s="423" t="s">
        <v>2795</v>
      </c>
      <c r="LLF727" s="424"/>
      <c r="LLG727" s="424"/>
      <c r="LLH727" s="424"/>
      <c r="LLI727" s="423" t="s">
        <v>2795</v>
      </c>
      <c r="LLJ727" s="424"/>
      <c r="LLK727" s="424"/>
      <c r="LLL727" s="424"/>
      <c r="LLM727" s="423" t="s">
        <v>2795</v>
      </c>
      <c r="LLN727" s="424"/>
      <c r="LLO727" s="424"/>
      <c r="LLP727" s="424"/>
      <c r="LLQ727" s="423" t="s">
        <v>2795</v>
      </c>
      <c r="LLR727" s="424"/>
      <c r="LLS727" s="424"/>
      <c r="LLT727" s="424"/>
      <c r="LLU727" s="423" t="s">
        <v>2795</v>
      </c>
      <c r="LLV727" s="424"/>
      <c r="LLW727" s="424"/>
      <c r="LLX727" s="424"/>
      <c r="LLY727" s="423" t="s">
        <v>2795</v>
      </c>
      <c r="LLZ727" s="424"/>
      <c r="LMA727" s="424"/>
      <c r="LMB727" s="424"/>
      <c r="LMC727" s="423" t="s">
        <v>2795</v>
      </c>
      <c r="LMD727" s="424"/>
      <c r="LME727" s="424"/>
      <c r="LMF727" s="424"/>
      <c r="LMG727" s="423" t="s">
        <v>2795</v>
      </c>
      <c r="LMH727" s="424"/>
      <c r="LMI727" s="424"/>
      <c r="LMJ727" s="424"/>
      <c r="LMK727" s="423" t="s">
        <v>2795</v>
      </c>
      <c r="LML727" s="424"/>
      <c r="LMM727" s="424"/>
      <c r="LMN727" s="424"/>
      <c r="LMO727" s="423" t="s">
        <v>2795</v>
      </c>
      <c r="LMP727" s="424"/>
      <c r="LMQ727" s="424"/>
      <c r="LMR727" s="424"/>
      <c r="LMS727" s="423" t="s">
        <v>2795</v>
      </c>
      <c r="LMT727" s="424"/>
      <c r="LMU727" s="424"/>
      <c r="LMV727" s="424"/>
      <c r="LMW727" s="423" t="s">
        <v>2795</v>
      </c>
      <c r="LMX727" s="424"/>
      <c r="LMY727" s="424"/>
      <c r="LMZ727" s="424"/>
      <c r="LNA727" s="423" t="s">
        <v>2795</v>
      </c>
      <c r="LNB727" s="424"/>
      <c r="LNC727" s="424"/>
      <c r="LND727" s="424"/>
      <c r="LNE727" s="423" t="s">
        <v>2795</v>
      </c>
      <c r="LNF727" s="424"/>
      <c r="LNG727" s="424"/>
      <c r="LNH727" s="424"/>
      <c r="LNI727" s="423" t="s">
        <v>2795</v>
      </c>
      <c r="LNJ727" s="424"/>
      <c r="LNK727" s="424"/>
      <c r="LNL727" s="424"/>
      <c r="LNM727" s="423" t="s">
        <v>2795</v>
      </c>
      <c r="LNN727" s="424"/>
      <c r="LNO727" s="424"/>
      <c r="LNP727" s="424"/>
      <c r="LNQ727" s="423" t="s">
        <v>2795</v>
      </c>
      <c r="LNR727" s="424"/>
      <c r="LNS727" s="424"/>
      <c r="LNT727" s="424"/>
      <c r="LNU727" s="423" t="s">
        <v>2795</v>
      </c>
      <c r="LNV727" s="424"/>
      <c r="LNW727" s="424"/>
      <c r="LNX727" s="424"/>
      <c r="LNY727" s="423" t="s">
        <v>2795</v>
      </c>
      <c r="LNZ727" s="424"/>
      <c r="LOA727" s="424"/>
      <c r="LOB727" s="424"/>
      <c r="LOC727" s="423" t="s">
        <v>2795</v>
      </c>
      <c r="LOD727" s="424"/>
      <c r="LOE727" s="424"/>
      <c r="LOF727" s="424"/>
      <c r="LOG727" s="423" t="s">
        <v>2795</v>
      </c>
      <c r="LOH727" s="424"/>
      <c r="LOI727" s="424"/>
      <c r="LOJ727" s="424"/>
      <c r="LOK727" s="423" t="s">
        <v>2795</v>
      </c>
      <c r="LOL727" s="424"/>
      <c r="LOM727" s="424"/>
      <c r="LON727" s="424"/>
      <c r="LOO727" s="423" t="s">
        <v>2795</v>
      </c>
      <c r="LOP727" s="424"/>
      <c r="LOQ727" s="424"/>
      <c r="LOR727" s="424"/>
      <c r="LOS727" s="423" t="s">
        <v>2795</v>
      </c>
      <c r="LOT727" s="424"/>
      <c r="LOU727" s="424"/>
      <c r="LOV727" s="424"/>
      <c r="LOW727" s="423" t="s">
        <v>2795</v>
      </c>
      <c r="LOX727" s="424"/>
      <c r="LOY727" s="424"/>
      <c r="LOZ727" s="424"/>
      <c r="LPA727" s="423" t="s">
        <v>2795</v>
      </c>
      <c r="LPB727" s="424"/>
      <c r="LPC727" s="424"/>
      <c r="LPD727" s="424"/>
      <c r="LPE727" s="423" t="s">
        <v>2795</v>
      </c>
      <c r="LPF727" s="424"/>
      <c r="LPG727" s="424"/>
      <c r="LPH727" s="424"/>
      <c r="LPI727" s="423" t="s">
        <v>2795</v>
      </c>
      <c r="LPJ727" s="424"/>
      <c r="LPK727" s="424"/>
      <c r="LPL727" s="424"/>
      <c r="LPM727" s="423" t="s">
        <v>2795</v>
      </c>
      <c r="LPN727" s="424"/>
      <c r="LPO727" s="424"/>
      <c r="LPP727" s="424"/>
      <c r="LPQ727" s="423" t="s">
        <v>2795</v>
      </c>
      <c r="LPR727" s="424"/>
      <c r="LPS727" s="424"/>
      <c r="LPT727" s="424"/>
      <c r="LPU727" s="423" t="s">
        <v>2795</v>
      </c>
      <c r="LPV727" s="424"/>
      <c r="LPW727" s="424"/>
      <c r="LPX727" s="424"/>
      <c r="LPY727" s="423" t="s">
        <v>2795</v>
      </c>
      <c r="LPZ727" s="424"/>
      <c r="LQA727" s="424"/>
      <c r="LQB727" s="424"/>
      <c r="LQC727" s="423" t="s">
        <v>2795</v>
      </c>
      <c r="LQD727" s="424"/>
      <c r="LQE727" s="424"/>
      <c r="LQF727" s="424"/>
      <c r="LQG727" s="423" t="s">
        <v>2795</v>
      </c>
      <c r="LQH727" s="424"/>
      <c r="LQI727" s="424"/>
      <c r="LQJ727" s="424"/>
      <c r="LQK727" s="423" t="s">
        <v>2795</v>
      </c>
      <c r="LQL727" s="424"/>
      <c r="LQM727" s="424"/>
      <c r="LQN727" s="424"/>
      <c r="LQO727" s="423" t="s">
        <v>2795</v>
      </c>
      <c r="LQP727" s="424"/>
      <c r="LQQ727" s="424"/>
      <c r="LQR727" s="424"/>
      <c r="LQS727" s="423" t="s">
        <v>2795</v>
      </c>
      <c r="LQT727" s="424"/>
      <c r="LQU727" s="424"/>
      <c r="LQV727" s="424"/>
      <c r="LQW727" s="423" t="s">
        <v>2795</v>
      </c>
      <c r="LQX727" s="424"/>
      <c r="LQY727" s="424"/>
      <c r="LQZ727" s="424"/>
      <c r="LRA727" s="423" t="s">
        <v>2795</v>
      </c>
      <c r="LRB727" s="424"/>
      <c r="LRC727" s="424"/>
      <c r="LRD727" s="424"/>
      <c r="LRE727" s="423" t="s">
        <v>2795</v>
      </c>
      <c r="LRF727" s="424"/>
      <c r="LRG727" s="424"/>
      <c r="LRH727" s="424"/>
      <c r="LRI727" s="423" t="s">
        <v>2795</v>
      </c>
      <c r="LRJ727" s="424"/>
      <c r="LRK727" s="424"/>
      <c r="LRL727" s="424"/>
      <c r="LRM727" s="423" t="s">
        <v>2795</v>
      </c>
      <c r="LRN727" s="424"/>
      <c r="LRO727" s="424"/>
      <c r="LRP727" s="424"/>
      <c r="LRQ727" s="423" t="s">
        <v>2795</v>
      </c>
      <c r="LRR727" s="424"/>
      <c r="LRS727" s="424"/>
      <c r="LRT727" s="424"/>
      <c r="LRU727" s="423" t="s">
        <v>2795</v>
      </c>
      <c r="LRV727" s="424"/>
      <c r="LRW727" s="424"/>
      <c r="LRX727" s="424"/>
      <c r="LRY727" s="423" t="s">
        <v>2795</v>
      </c>
      <c r="LRZ727" s="424"/>
      <c r="LSA727" s="424"/>
      <c r="LSB727" s="424"/>
      <c r="LSC727" s="423" t="s">
        <v>2795</v>
      </c>
      <c r="LSD727" s="424"/>
      <c r="LSE727" s="424"/>
      <c r="LSF727" s="424"/>
      <c r="LSG727" s="423" t="s">
        <v>2795</v>
      </c>
      <c r="LSH727" s="424"/>
      <c r="LSI727" s="424"/>
      <c r="LSJ727" s="424"/>
      <c r="LSK727" s="423" t="s">
        <v>2795</v>
      </c>
      <c r="LSL727" s="424"/>
      <c r="LSM727" s="424"/>
      <c r="LSN727" s="424"/>
      <c r="LSO727" s="423" t="s">
        <v>2795</v>
      </c>
      <c r="LSP727" s="424"/>
      <c r="LSQ727" s="424"/>
      <c r="LSR727" s="424"/>
      <c r="LSS727" s="423" t="s">
        <v>2795</v>
      </c>
      <c r="LST727" s="424"/>
      <c r="LSU727" s="424"/>
      <c r="LSV727" s="424"/>
      <c r="LSW727" s="423" t="s">
        <v>2795</v>
      </c>
      <c r="LSX727" s="424"/>
      <c r="LSY727" s="424"/>
      <c r="LSZ727" s="424"/>
      <c r="LTA727" s="423" t="s">
        <v>2795</v>
      </c>
      <c r="LTB727" s="424"/>
      <c r="LTC727" s="424"/>
      <c r="LTD727" s="424"/>
      <c r="LTE727" s="423" t="s">
        <v>2795</v>
      </c>
      <c r="LTF727" s="424"/>
      <c r="LTG727" s="424"/>
      <c r="LTH727" s="424"/>
      <c r="LTI727" s="423" t="s">
        <v>2795</v>
      </c>
      <c r="LTJ727" s="424"/>
      <c r="LTK727" s="424"/>
      <c r="LTL727" s="424"/>
      <c r="LTM727" s="423" t="s">
        <v>2795</v>
      </c>
      <c r="LTN727" s="424"/>
      <c r="LTO727" s="424"/>
      <c r="LTP727" s="424"/>
      <c r="LTQ727" s="423" t="s">
        <v>2795</v>
      </c>
      <c r="LTR727" s="424"/>
      <c r="LTS727" s="424"/>
      <c r="LTT727" s="424"/>
      <c r="LTU727" s="423" t="s">
        <v>2795</v>
      </c>
      <c r="LTV727" s="424"/>
      <c r="LTW727" s="424"/>
      <c r="LTX727" s="424"/>
      <c r="LTY727" s="423" t="s">
        <v>2795</v>
      </c>
      <c r="LTZ727" s="424"/>
      <c r="LUA727" s="424"/>
      <c r="LUB727" s="424"/>
      <c r="LUC727" s="423" t="s">
        <v>2795</v>
      </c>
      <c r="LUD727" s="424"/>
      <c r="LUE727" s="424"/>
      <c r="LUF727" s="424"/>
      <c r="LUG727" s="423" t="s">
        <v>2795</v>
      </c>
      <c r="LUH727" s="424"/>
      <c r="LUI727" s="424"/>
      <c r="LUJ727" s="424"/>
      <c r="LUK727" s="423" t="s">
        <v>2795</v>
      </c>
      <c r="LUL727" s="424"/>
      <c r="LUM727" s="424"/>
      <c r="LUN727" s="424"/>
      <c r="LUO727" s="423" t="s">
        <v>2795</v>
      </c>
      <c r="LUP727" s="424"/>
      <c r="LUQ727" s="424"/>
      <c r="LUR727" s="424"/>
      <c r="LUS727" s="423" t="s">
        <v>2795</v>
      </c>
      <c r="LUT727" s="424"/>
      <c r="LUU727" s="424"/>
      <c r="LUV727" s="424"/>
      <c r="LUW727" s="423" t="s">
        <v>2795</v>
      </c>
      <c r="LUX727" s="424"/>
      <c r="LUY727" s="424"/>
      <c r="LUZ727" s="424"/>
      <c r="LVA727" s="423" t="s">
        <v>2795</v>
      </c>
      <c r="LVB727" s="424"/>
      <c r="LVC727" s="424"/>
      <c r="LVD727" s="424"/>
      <c r="LVE727" s="423" t="s">
        <v>2795</v>
      </c>
      <c r="LVF727" s="424"/>
      <c r="LVG727" s="424"/>
      <c r="LVH727" s="424"/>
      <c r="LVI727" s="423" t="s">
        <v>2795</v>
      </c>
      <c r="LVJ727" s="424"/>
      <c r="LVK727" s="424"/>
      <c r="LVL727" s="424"/>
      <c r="LVM727" s="423" t="s">
        <v>2795</v>
      </c>
      <c r="LVN727" s="424"/>
      <c r="LVO727" s="424"/>
      <c r="LVP727" s="424"/>
      <c r="LVQ727" s="423" t="s">
        <v>2795</v>
      </c>
      <c r="LVR727" s="424"/>
      <c r="LVS727" s="424"/>
      <c r="LVT727" s="424"/>
      <c r="LVU727" s="423" t="s">
        <v>2795</v>
      </c>
      <c r="LVV727" s="424"/>
      <c r="LVW727" s="424"/>
      <c r="LVX727" s="424"/>
      <c r="LVY727" s="423" t="s">
        <v>2795</v>
      </c>
      <c r="LVZ727" s="424"/>
      <c r="LWA727" s="424"/>
      <c r="LWB727" s="424"/>
      <c r="LWC727" s="423" t="s">
        <v>2795</v>
      </c>
      <c r="LWD727" s="424"/>
      <c r="LWE727" s="424"/>
      <c r="LWF727" s="424"/>
      <c r="LWG727" s="423" t="s">
        <v>2795</v>
      </c>
      <c r="LWH727" s="424"/>
      <c r="LWI727" s="424"/>
      <c r="LWJ727" s="424"/>
      <c r="LWK727" s="423" t="s">
        <v>2795</v>
      </c>
      <c r="LWL727" s="424"/>
      <c r="LWM727" s="424"/>
      <c r="LWN727" s="424"/>
      <c r="LWO727" s="423" t="s">
        <v>2795</v>
      </c>
      <c r="LWP727" s="424"/>
      <c r="LWQ727" s="424"/>
      <c r="LWR727" s="424"/>
      <c r="LWS727" s="423" t="s">
        <v>2795</v>
      </c>
      <c r="LWT727" s="424"/>
      <c r="LWU727" s="424"/>
      <c r="LWV727" s="424"/>
      <c r="LWW727" s="423" t="s">
        <v>2795</v>
      </c>
      <c r="LWX727" s="424"/>
      <c r="LWY727" s="424"/>
      <c r="LWZ727" s="424"/>
      <c r="LXA727" s="423" t="s">
        <v>2795</v>
      </c>
      <c r="LXB727" s="424"/>
      <c r="LXC727" s="424"/>
      <c r="LXD727" s="424"/>
      <c r="LXE727" s="423" t="s">
        <v>2795</v>
      </c>
      <c r="LXF727" s="424"/>
      <c r="LXG727" s="424"/>
      <c r="LXH727" s="424"/>
      <c r="LXI727" s="423" t="s">
        <v>2795</v>
      </c>
      <c r="LXJ727" s="424"/>
      <c r="LXK727" s="424"/>
      <c r="LXL727" s="424"/>
      <c r="LXM727" s="423" t="s">
        <v>2795</v>
      </c>
      <c r="LXN727" s="424"/>
      <c r="LXO727" s="424"/>
      <c r="LXP727" s="424"/>
      <c r="LXQ727" s="423" t="s">
        <v>2795</v>
      </c>
      <c r="LXR727" s="424"/>
      <c r="LXS727" s="424"/>
      <c r="LXT727" s="424"/>
      <c r="LXU727" s="423" t="s">
        <v>2795</v>
      </c>
      <c r="LXV727" s="424"/>
      <c r="LXW727" s="424"/>
      <c r="LXX727" s="424"/>
      <c r="LXY727" s="423" t="s">
        <v>2795</v>
      </c>
      <c r="LXZ727" s="424"/>
      <c r="LYA727" s="424"/>
      <c r="LYB727" s="424"/>
      <c r="LYC727" s="423" t="s">
        <v>2795</v>
      </c>
      <c r="LYD727" s="424"/>
      <c r="LYE727" s="424"/>
      <c r="LYF727" s="424"/>
      <c r="LYG727" s="423" t="s">
        <v>2795</v>
      </c>
      <c r="LYH727" s="424"/>
      <c r="LYI727" s="424"/>
      <c r="LYJ727" s="424"/>
      <c r="LYK727" s="423" t="s">
        <v>2795</v>
      </c>
      <c r="LYL727" s="424"/>
      <c r="LYM727" s="424"/>
      <c r="LYN727" s="424"/>
      <c r="LYO727" s="423" t="s">
        <v>2795</v>
      </c>
      <c r="LYP727" s="424"/>
      <c r="LYQ727" s="424"/>
      <c r="LYR727" s="424"/>
      <c r="LYS727" s="423" t="s">
        <v>2795</v>
      </c>
      <c r="LYT727" s="424"/>
      <c r="LYU727" s="424"/>
      <c r="LYV727" s="424"/>
      <c r="LYW727" s="423" t="s">
        <v>2795</v>
      </c>
      <c r="LYX727" s="424"/>
      <c r="LYY727" s="424"/>
      <c r="LYZ727" s="424"/>
      <c r="LZA727" s="423" t="s">
        <v>2795</v>
      </c>
      <c r="LZB727" s="424"/>
      <c r="LZC727" s="424"/>
      <c r="LZD727" s="424"/>
      <c r="LZE727" s="423" t="s">
        <v>2795</v>
      </c>
      <c r="LZF727" s="424"/>
      <c r="LZG727" s="424"/>
      <c r="LZH727" s="424"/>
      <c r="LZI727" s="423" t="s">
        <v>2795</v>
      </c>
      <c r="LZJ727" s="424"/>
      <c r="LZK727" s="424"/>
      <c r="LZL727" s="424"/>
      <c r="LZM727" s="423" t="s">
        <v>2795</v>
      </c>
      <c r="LZN727" s="424"/>
      <c r="LZO727" s="424"/>
      <c r="LZP727" s="424"/>
      <c r="LZQ727" s="423" t="s">
        <v>2795</v>
      </c>
      <c r="LZR727" s="424"/>
      <c r="LZS727" s="424"/>
      <c r="LZT727" s="424"/>
      <c r="LZU727" s="423" t="s">
        <v>2795</v>
      </c>
      <c r="LZV727" s="424"/>
      <c r="LZW727" s="424"/>
      <c r="LZX727" s="424"/>
      <c r="LZY727" s="423" t="s">
        <v>2795</v>
      </c>
      <c r="LZZ727" s="424"/>
      <c r="MAA727" s="424"/>
      <c r="MAB727" s="424"/>
      <c r="MAC727" s="423" t="s">
        <v>2795</v>
      </c>
      <c r="MAD727" s="424"/>
      <c r="MAE727" s="424"/>
      <c r="MAF727" s="424"/>
      <c r="MAG727" s="423" t="s">
        <v>2795</v>
      </c>
      <c r="MAH727" s="424"/>
      <c r="MAI727" s="424"/>
      <c r="MAJ727" s="424"/>
      <c r="MAK727" s="423" t="s">
        <v>2795</v>
      </c>
      <c r="MAL727" s="424"/>
      <c r="MAM727" s="424"/>
      <c r="MAN727" s="424"/>
      <c r="MAO727" s="423" t="s">
        <v>2795</v>
      </c>
      <c r="MAP727" s="424"/>
      <c r="MAQ727" s="424"/>
      <c r="MAR727" s="424"/>
      <c r="MAS727" s="423" t="s">
        <v>2795</v>
      </c>
      <c r="MAT727" s="424"/>
      <c r="MAU727" s="424"/>
      <c r="MAV727" s="424"/>
      <c r="MAW727" s="423" t="s">
        <v>2795</v>
      </c>
      <c r="MAX727" s="424"/>
      <c r="MAY727" s="424"/>
      <c r="MAZ727" s="424"/>
      <c r="MBA727" s="423" t="s">
        <v>2795</v>
      </c>
      <c r="MBB727" s="424"/>
      <c r="MBC727" s="424"/>
      <c r="MBD727" s="424"/>
      <c r="MBE727" s="423" t="s">
        <v>2795</v>
      </c>
      <c r="MBF727" s="424"/>
      <c r="MBG727" s="424"/>
      <c r="MBH727" s="424"/>
      <c r="MBI727" s="423" t="s">
        <v>2795</v>
      </c>
      <c r="MBJ727" s="424"/>
      <c r="MBK727" s="424"/>
      <c r="MBL727" s="424"/>
      <c r="MBM727" s="423" t="s">
        <v>2795</v>
      </c>
      <c r="MBN727" s="424"/>
      <c r="MBO727" s="424"/>
      <c r="MBP727" s="424"/>
      <c r="MBQ727" s="423" t="s">
        <v>2795</v>
      </c>
      <c r="MBR727" s="424"/>
      <c r="MBS727" s="424"/>
      <c r="MBT727" s="424"/>
      <c r="MBU727" s="423" t="s">
        <v>2795</v>
      </c>
      <c r="MBV727" s="424"/>
      <c r="MBW727" s="424"/>
      <c r="MBX727" s="424"/>
      <c r="MBY727" s="423" t="s">
        <v>2795</v>
      </c>
      <c r="MBZ727" s="424"/>
      <c r="MCA727" s="424"/>
      <c r="MCB727" s="424"/>
      <c r="MCC727" s="423" t="s">
        <v>2795</v>
      </c>
      <c r="MCD727" s="424"/>
      <c r="MCE727" s="424"/>
      <c r="MCF727" s="424"/>
      <c r="MCG727" s="423" t="s">
        <v>2795</v>
      </c>
      <c r="MCH727" s="424"/>
      <c r="MCI727" s="424"/>
      <c r="MCJ727" s="424"/>
      <c r="MCK727" s="423" t="s">
        <v>2795</v>
      </c>
      <c r="MCL727" s="424"/>
      <c r="MCM727" s="424"/>
      <c r="MCN727" s="424"/>
      <c r="MCO727" s="423" t="s">
        <v>2795</v>
      </c>
      <c r="MCP727" s="424"/>
      <c r="MCQ727" s="424"/>
      <c r="MCR727" s="424"/>
      <c r="MCS727" s="423" t="s">
        <v>2795</v>
      </c>
      <c r="MCT727" s="424"/>
      <c r="MCU727" s="424"/>
      <c r="MCV727" s="424"/>
      <c r="MCW727" s="423" t="s">
        <v>2795</v>
      </c>
      <c r="MCX727" s="424"/>
      <c r="MCY727" s="424"/>
      <c r="MCZ727" s="424"/>
      <c r="MDA727" s="423" t="s">
        <v>2795</v>
      </c>
      <c r="MDB727" s="424"/>
      <c r="MDC727" s="424"/>
      <c r="MDD727" s="424"/>
      <c r="MDE727" s="423" t="s">
        <v>2795</v>
      </c>
      <c r="MDF727" s="424"/>
      <c r="MDG727" s="424"/>
      <c r="MDH727" s="424"/>
      <c r="MDI727" s="423" t="s">
        <v>2795</v>
      </c>
      <c r="MDJ727" s="424"/>
      <c r="MDK727" s="424"/>
      <c r="MDL727" s="424"/>
      <c r="MDM727" s="423" t="s">
        <v>2795</v>
      </c>
      <c r="MDN727" s="424"/>
      <c r="MDO727" s="424"/>
      <c r="MDP727" s="424"/>
      <c r="MDQ727" s="423" t="s">
        <v>2795</v>
      </c>
      <c r="MDR727" s="424"/>
      <c r="MDS727" s="424"/>
      <c r="MDT727" s="424"/>
      <c r="MDU727" s="423" t="s">
        <v>2795</v>
      </c>
      <c r="MDV727" s="424"/>
      <c r="MDW727" s="424"/>
      <c r="MDX727" s="424"/>
      <c r="MDY727" s="423" t="s">
        <v>2795</v>
      </c>
      <c r="MDZ727" s="424"/>
      <c r="MEA727" s="424"/>
      <c r="MEB727" s="424"/>
      <c r="MEC727" s="423" t="s">
        <v>2795</v>
      </c>
      <c r="MED727" s="424"/>
      <c r="MEE727" s="424"/>
      <c r="MEF727" s="424"/>
      <c r="MEG727" s="423" t="s">
        <v>2795</v>
      </c>
      <c r="MEH727" s="424"/>
      <c r="MEI727" s="424"/>
      <c r="MEJ727" s="424"/>
      <c r="MEK727" s="423" t="s">
        <v>2795</v>
      </c>
      <c r="MEL727" s="424"/>
      <c r="MEM727" s="424"/>
      <c r="MEN727" s="424"/>
      <c r="MEO727" s="423" t="s">
        <v>2795</v>
      </c>
      <c r="MEP727" s="424"/>
      <c r="MEQ727" s="424"/>
      <c r="MER727" s="424"/>
      <c r="MES727" s="423" t="s">
        <v>2795</v>
      </c>
      <c r="MET727" s="424"/>
      <c r="MEU727" s="424"/>
      <c r="MEV727" s="424"/>
      <c r="MEW727" s="423" t="s">
        <v>2795</v>
      </c>
      <c r="MEX727" s="424"/>
      <c r="MEY727" s="424"/>
      <c r="MEZ727" s="424"/>
      <c r="MFA727" s="423" t="s">
        <v>2795</v>
      </c>
      <c r="MFB727" s="424"/>
      <c r="MFC727" s="424"/>
      <c r="MFD727" s="424"/>
      <c r="MFE727" s="423" t="s">
        <v>2795</v>
      </c>
      <c r="MFF727" s="424"/>
      <c r="MFG727" s="424"/>
      <c r="MFH727" s="424"/>
      <c r="MFI727" s="423" t="s">
        <v>2795</v>
      </c>
      <c r="MFJ727" s="424"/>
      <c r="MFK727" s="424"/>
      <c r="MFL727" s="424"/>
      <c r="MFM727" s="423" t="s">
        <v>2795</v>
      </c>
      <c r="MFN727" s="424"/>
      <c r="MFO727" s="424"/>
      <c r="MFP727" s="424"/>
      <c r="MFQ727" s="423" t="s">
        <v>2795</v>
      </c>
      <c r="MFR727" s="424"/>
      <c r="MFS727" s="424"/>
      <c r="MFT727" s="424"/>
      <c r="MFU727" s="423" t="s">
        <v>2795</v>
      </c>
      <c r="MFV727" s="424"/>
      <c r="MFW727" s="424"/>
      <c r="MFX727" s="424"/>
      <c r="MFY727" s="423" t="s">
        <v>2795</v>
      </c>
      <c r="MFZ727" s="424"/>
      <c r="MGA727" s="424"/>
      <c r="MGB727" s="424"/>
      <c r="MGC727" s="423" t="s">
        <v>2795</v>
      </c>
      <c r="MGD727" s="424"/>
      <c r="MGE727" s="424"/>
      <c r="MGF727" s="424"/>
      <c r="MGG727" s="423" t="s">
        <v>2795</v>
      </c>
      <c r="MGH727" s="424"/>
      <c r="MGI727" s="424"/>
      <c r="MGJ727" s="424"/>
      <c r="MGK727" s="423" t="s">
        <v>2795</v>
      </c>
      <c r="MGL727" s="424"/>
      <c r="MGM727" s="424"/>
      <c r="MGN727" s="424"/>
      <c r="MGO727" s="423" t="s">
        <v>2795</v>
      </c>
      <c r="MGP727" s="424"/>
      <c r="MGQ727" s="424"/>
      <c r="MGR727" s="424"/>
      <c r="MGS727" s="423" t="s">
        <v>2795</v>
      </c>
      <c r="MGT727" s="424"/>
      <c r="MGU727" s="424"/>
      <c r="MGV727" s="424"/>
      <c r="MGW727" s="423" t="s">
        <v>2795</v>
      </c>
      <c r="MGX727" s="424"/>
      <c r="MGY727" s="424"/>
      <c r="MGZ727" s="424"/>
      <c r="MHA727" s="423" t="s">
        <v>2795</v>
      </c>
      <c r="MHB727" s="424"/>
      <c r="MHC727" s="424"/>
      <c r="MHD727" s="424"/>
      <c r="MHE727" s="423" t="s">
        <v>2795</v>
      </c>
      <c r="MHF727" s="424"/>
      <c r="MHG727" s="424"/>
      <c r="MHH727" s="424"/>
      <c r="MHI727" s="423" t="s">
        <v>2795</v>
      </c>
      <c r="MHJ727" s="424"/>
      <c r="MHK727" s="424"/>
      <c r="MHL727" s="424"/>
      <c r="MHM727" s="423" t="s">
        <v>2795</v>
      </c>
      <c r="MHN727" s="424"/>
      <c r="MHO727" s="424"/>
      <c r="MHP727" s="424"/>
      <c r="MHQ727" s="423" t="s">
        <v>2795</v>
      </c>
      <c r="MHR727" s="424"/>
      <c r="MHS727" s="424"/>
      <c r="MHT727" s="424"/>
      <c r="MHU727" s="423" t="s">
        <v>2795</v>
      </c>
      <c r="MHV727" s="424"/>
      <c r="MHW727" s="424"/>
      <c r="MHX727" s="424"/>
      <c r="MHY727" s="423" t="s">
        <v>2795</v>
      </c>
      <c r="MHZ727" s="424"/>
      <c r="MIA727" s="424"/>
      <c r="MIB727" s="424"/>
      <c r="MIC727" s="423" t="s">
        <v>2795</v>
      </c>
      <c r="MID727" s="424"/>
      <c r="MIE727" s="424"/>
      <c r="MIF727" s="424"/>
      <c r="MIG727" s="423" t="s">
        <v>2795</v>
      </c>
      <c r="MIH727" s="424"/>
      <c r="MII727" s="424"/>
      <c r="MIJ727" s="424"/>
      <c r="MIK727" s="423" t="s">
        <v>2795</v>
      </c>
      <c r="MIL727" s="424"/>
      <c r="MIM727" s="424"/>
      <c r="MIN727" s="424"/>
      <c r="MIO727" s="423" t="s">
        <v>2795</v>
      </c>
      <c r="MIP727" s="424"/>
      <c r="MIQ727" s="424"/>
      <c r="MIR727" s="424"/>
      <c r="MIS727" s="423" t="s">
        <v>2795</v>
      </c>
      <c r="MIT727" s="424"/>
      <c r="MIU727" s="424"/>
      <c r="MIV727" s="424"/>
      <c r="MIW727" s="423" t="s">
        <v>2795</v>
      </c>
      <c r="MIX727" s="424"/>
      <c r="MIY727" s="424"/>
      <c r="MIZ727" s="424"/>
      <c r="MJA727" s="423" t="s">
        <v>2795</v>
      </c>
      <c r="MJB727" s="424"/>
      <c r="MJC727" s="424"/>
      <c r="MJD727" s="424"/>
      <c r="MJE727" s="423" t="s">
        <v>2795</v>
      </c>
      <c r="MJF727" s="424"/>
      <c r="MJG727" s="424"/>
      <c r="MJH727" s="424"/>
      <c r="MJI727" s="423" t="s">
        <v>2795</v>
      </c>
      <c r="MJJ727" s="424"/>
      <c r="MJK727" s="424"/>
      <c r="MJL727" s="424"/>
      <c r="MJM727" s="423" t="s">
        <v>2795</v>
      </c>
      <c r="MJN727" s="424"/>
      <c r="MJO727" s="424"/>
      <c r="MJP727" s="424"/>
      <c r="MJQ727" s="423" t="s">
        <v>2795</v>
      </c>
      <c r="MJR727" s="424"/>
      <c r="MJS727" s="424"/>
      <c r="MJT727" s="424"/>
      <c r="MJU727" s="423" t="s">
        <v>2795</v>
      </c>
      <c r="MJV727" s="424"/>
      <c r="MJW727" s="424"/>
      <c r="MJX727" s="424"/>
      <c r="MJY727" s="423" t="s">
        <v>2795</v>
      </c>
      <c r="MJZ727" s="424"/>
      <c r="MKA727" s="424"/>
      <c r="MKB727" s="424"/>
      <c r="MKC727" s="423" t="s">
        <v>2795</v>
      </c>
      <c r="MKD727" s="424"/>
      <c r="MKE727" s="424"/>
      <c r="MKF727" s="424"/>
      <c r="MKG727" s="423" t="s">
        <v>2795</v>
      </c>
      <c r="MKH727" s="424"/>
      <c r="MKI727" s="424"/>
      <c r="MKJ727" s="424"/>
      <c r="MKK727" s="423" t="s">
        <v>2795</v>
      </c>
      <c r="MKL727" s="424"/>
      <c r="MKM727" s="424"/>
      <c r="MKN727" s="424"/>
      <c r="MKO727" s="423" t="s">
        <v>2795</v>
      </c>
      <c r="MKP727" s="424"/>
      <c r="MKQ727" s="424"/>
      <c r="MKR727" s="424"/>
      <c r="MKS727" s="423" t="s">
        <v>2795</v>
      </c>
      <c r="MKT727" s="424"/>
      <c r="MKU727" s="424"/>
      <c r="MKV727" s="424"/>
      <c r="MKW727" s="423" t="s">
        <v>2795</v>
      </c>
      <c r="MKX727" s="424"/>
      <c r="MKY727" s="424"/>
      <c r="MKZ727" s="424"/>
      <c r="MLA727" s="423" t="s">
        <v>2795</v>
      </c>
      <c r="MLB727" s="424"/>
      <c r="MLC727" s="424"/>
      <c r="MLD727" s="424"/>
      <c r="MLE727" s="423" t="s">
        <v>2795</v>
      </c>
      <c r="MLF727" s="424"/>
      <c r="MLG727" s="424"/>
      <c r="MLH727" s="424"/>
      <c r="MLI727" s="423" t="s">
        <v>2795</v>
      </c>
      <c r="MLJ727" s="424"/>
      <c r="MLK727" s="424"/>
      <c r="MLL727" s="424"/>
      <c r="MLM727" s="423" t="s">
        <v>2795</v>
      </c>
      <c r="MLN727" s="424"/>
      <c r="MLO727" s="424"/>
      <c r="MLP727" s="424"/>
      <c r="MLQ727" s="423" t="s">
        <v>2795</v>
      </c>
      <c r="MLR727" s="424"/>
      <c r="MLS727" s="424"/>
      <c r="MLT727" s="424"/>
      <c r="MLU727" s="423" t="s">
        <v>2795</v>
      </c>
      <c r="MLV727" s="424"/>
      <c r="MLW727" s="424"/>
      <c r="MLX727" s="424"/>
      <c r="MLY727" s="423" t="s">
        <v>2795</v>
      </c>
      <c r="MLZ727" s="424"/>
      <c r="MMA727" s="424"/>
      <c r="MMB727" s="424"/>
      <c r="MMC727" s="423" t="s">
        <v>2795</v>
      </c>
      <c r="MMD727" s="424"/>
      <c r="MME727" s="424"/>
      <c r="MMF727" s="424"/>
      <c r="MMG727" s="423" t="s">
        <v>2795</v>
      </c>
      <c r="MMH727" s="424"/>
      <c r="MMI727" s="424"/>
      <c r="MMJ727" s="424"/>
      <c r="MMK727" s="423" t="s">
        <v>2795</v>
      </c>
      <c r="MML727" s="424"/>
      <c r="MMM727" s="424"/>
      <c r="MMN727" s="424"/>
      <c r="MMO727" s="423" t="s">
        <v>2795</v>
      </c>
      <c r="MMP727" s="424"/>
      <c r="MMQ727" s="424"/>
      <c r="MMR727" s="424"/>
      <c r="MMS727" s="423" t="s">
        <v>2795</v>
      </c>
      <c r="MMT727" s="424"/>
      <c r="MMU727" s="424"/>
      <c r="MMV727" s="424"/>
      <c r="MMW727" s="423" t="s">
        <v>2795</v>
      </c>
      <c r="MMX727" s="424"/>
      <c r="MMY727" s="424"/>
      <c r="MMZ727" s="424"/>
      <c r="MNA727" s="423" t="s">
        <v>2795</v>
      </c>
      <c r="MNB727" s="424"/>
      <c r="MNC727" s="424"/>
      <c r="MND727" s="424"/>
      <c r="MNE727" s="423" t="s">
        <v>2795</v>
      </c>
      <c r="MNF727" s="424"/>
      <c r="MNG727" s="424"/>
      <c r="MNH727" s="424"/>
      <c r="MNI727" s="423" t="s">
        <v>2795</v>
      </c>
      <c r="MNJ727" s="424"/>
      <c r="MNK727" s="424"/>
      <c r="MNL727" s="424"/>
      <c r="MNM727" s="423" t="s">
        <v>2795</v>
      </c>
      <c r="MNN727" s="424"/>
      <c r="MNO727" s="424"/>
      <c r="MNP727" s="424"/>
      <c r="MNQ727" s="423" t="s">
        <v>2795</v>
      </c>
      <c r="MNR727" s="424"/>
      <c r="MNS727" s="424"/>
      <c r="MNT727" s="424"/>
      <c r="MNU727" s="423" t="s">
        <v>2795</v>
      </c>
      <c r="MNV727" s="424"/>
      <c r="MNW727" s="424"/>
      <c r="MNX727" s="424"/>
      <c r="MNY727" s="423" t="s">
        <v>2795</v>
      </c>
      <c r="MNZ727" s="424"/>
      <c r="MOA727" s="424"/>
      <c r="MOB727" s="424"/>
      <c r="MOC727" s="423" t="s">
        <v>2795</v>
      </c>
      <c r="MOD727" s="424"/>
      <c r="MOE727" s="424"/>
      <c r="MOF727" s="424"/>
      <c r="MOG727" s="423" t="s">
        <v>2795</v>
      </c>
      <c r="MOH727" s="424"/>
      <c r="MOI727" s="424"/>
      <c r="MOJ727" s="424"/>
      <c r="MOK727" s="423" t="s">
        <v>2795</v>
      </c>
      <c r="MOL727" s="424"/>
      <c r="MOM727" s="424"/>
      <c r="MON727" s="424"/>
      <c r="MOO727" s="423" t="s">
        <v>2795</v>
      </c>
      <c r="MOP727" s="424"/>
      <c r="MOQ727" s="424"/>
      <c r="MOR727" s="424"/>
      <c r="MOS727" s="423" t="s">
        <v>2795</v>
      </c>
      <c r="MOT727" s="424"/>
      <c r="MOU727" s="424"/>
      <c r="MOV727" s="424"/>
      <c r="MOW727" s="423" t="s">
        <v>2795</v>
      </c>
      <c r="MOX727" s="424"/>
      <c r="MOY727" s="424"/>
      <c r="MOZ727" s="424"/>
      <c r="MPA727" s="423" t="s">
        <v>2795</v>
      </c>
      <c r="MPB727" s="424"/>
      <c r="MPC727" s="424"/>
      <c r="MPD727" s="424"/>
      <c r="MPE727" s="423" t="s">
        <v>2795</v>
      </c>
      <c r="MPF727" s="424"/>
      <c r="MPG727" s="424"/>
      <c r="MPH727" s="424"/>
      <c r="MPI727" s="423" t="s">
        <v>2795</v>
      </c>
      <c r="MPJ727" s="424"/>
      <c r="MPK727" s="424"/>
      <c r="MPL727" s="424"/>
      <c r="MPM727" s="423" t="s">
        <v>2795</v>
      </c>
      <c r="MPN727" s="424"/>
      <c r="MPO727" s="424"/>
      <c r="MPP727" s="424"/>
      <c r="MPQ727" s="423" t="s">
        <v>2795</v>
      </c>
      <c r="MPR727" s="424"/>
      <c r="MPS727" s="424"/>
      <c r="MPT727" s="424"/>
      <c r="MPU727" s="423" t="s">
        <v>2795</v>
      </c>
      <c r="MPV727" s="424"/>
      <c r="MPW727" s="424"/>
      <c r="MPX727" s="424"/>
      <c r="MPY727" s="423" t="s">
        <v>2795</v>
      </c>
      <c r="MPZ727" s="424"/>
      <c r="MQA727" s="424"/>
      <c r="MQB727" s="424"/>
      <c r="MQC727" s="423" t="s">
        <v>2795</v>
      </c>
      <c r="MQD727" s="424"/>
      <c r="MQE727" s="424"/>
      <c r="MQF727" s="424"/>
      <c r="MQG727" s="423" t="s">
        <v>2795</v>
      </c>
      <c r="MQH727" s="424"/>
      <c r="MQI727" s="424"/>
      <c r="MQJ727" s="424"/>
      <c r="MQK727" s="423" t="s">
        <v>2795</v>
      </c>
      <c r="MQL727" s="424"/>
      <c r="MQM727" s="424"/>
      <c r="MQN727" s="424"/>
      <c r="MQO727" s="423" t="s">
        <v>2795</v>
      </c>
      <c r="MQP727" s="424"/>
      <c r="MQQ727" s="424"/>
      <c r="MQR727" s="424"/>
      <c r="MQS727" s="423" t="s">
        <v>2795</v>
      </c>
      <c r="MQT727" s="424"/>
      <c r="MQU727" s="424"/>
      <c r="MQV727" s="424"/>
      <c r="MQW727" s="423" t="s">
        <v>2795</v>
      </c>
      <c r="MQX727" s="424"/>
      <c r="MQY727" s="424"/>
      <c r="MQZ727" s="424"/>
      <c r="MRA727" s="423" t="s">
        <v>2795</v>
      </c>
      <c r="MRB727" s="424"/>
      <c r="MRC727" s="424"/>
      <c r="MRD727" s="424"/>
      <c r="MRE727" s="423" t="s">
        <v>2795</v>
      </c>
      <c r="MRF727" s="424"/>
      <c r="MRG727" s="424"/>
      <c r="MRH727" s="424"/>
      <c r="MRI727" s="423" t="s">
        <v>2795</v>
      </c>
      <c r="MRJ727" s="424"/>
      <c r="MRK727" s="424"/>
      <c r="MRL727" s="424"/>
      <c r="MRM727" s="423" t="s">
        <v>2795</v>
      </c>
      <c r="MRN727" s="424"/>
      <c r="MRO727" s="424"/>
      <c r="MRP727" s="424"/>
      <c r="MRQ727" s="423" t="s">
        <v>2795</v>
      </c>
      <c r="MRR727" s="424"/>
      <c r="MRS727" s="424"/>
      <c r="MRT727" s="424"/>
      <c r="MRU727" s="423" t="s">
        <v>2795</v>
      </c>
      <c r="MRV727" s="424"/>
      <c r="MRW727" s="424"/>
      <c r="MRX727" s="424"/>
      <c r="MRY727" s="423" t="s">
        <v>2795</v>
      </c>
      <c r="MRZ727" s="424"/>
      <c r="MSA727" s="424"/>
      <c r="MSB727" s="424"/>
      <c r="MSC727" s="423" t="s">
        <v>2795</v>
      </c>
      <c r="MSD727" s="424"/>
      <c r="MSE727" s="424"/>
      <c r="MSF727" s="424"/>
      <c r="MSG727" s="423" t="s">
        <v>2795</v>
      </c>
      <c r="MSH727" s="424"/>
      <c r="MSI727" s="424"/>
      <c r="MSJ727" s="424"/>
      <c r="MSK727" s="423" t="s">
        <v>2795</v>
      </c>
      <c r="MSL727" s="424"/>
      <c r="MSM727" s="424"/>
      <c r="MSN727" s="424"/>
      <c r="MSO727" s="423" t="s">
        <v>2795</v>
      </c>
      <c r="MSP727" s="424"/>
      <c r="MSQ727" s="424"/>
      <c r="MSR727" s="424"/>
      <c r="MSS727" s="423" t="s">
        <v>2795</v>
      </c>
      <c r="MST727" s="424"/>
      <c r="MSU727" s="424"/>
      <c r="MSV727" s="424"/>
      <c r="MSW727" s="423" t="s">
        <v>2795</v>
      </c>
      <c r="MSX727" s="424"/>
      <c r="MSY727" s="424"/>
      <c r="MSZ727" s="424"/>
      <c r="MTA727" s="423" t="s">
        <v>2795</v>
      </c>
      <c r="MTB727" s="424"/>
      <c r="MTC727" s="424"/>
      <c r="MTD727" s="424"/>
      <c r="MTE727" s="423" t="s">
        <v>2795</v>
      </c>
      <c r="MTF727" s="424"/>
      <c r="MTG727" s="424"/>
      <c r="MTH727" s="424"/>
      <c r="MTI727" s="423" t="s">
        <v>2795</v>
      </c>
      <c r="MTJ727" s="424"/>
      <c r="MTK727" s="424"/>
      <c r="MTL727" s="424"/>
      <c r="MTM727" s="423" t="s">
        <v>2795</v>
      </c>
      <c r="MTN727" s="424"/>
      <c r="MTO727" s="424"/>
      <c r="MTP727" s="424"/>
      <c r="MTQ727" s="423" t="s">
        <v>2795</v>
      </c>
      <c r="MTR727" s="424"/>
      <c r="MTS727" s="424"/>
      <c r="MTT727" s="424"/>
      <c r="MTU727" s="423" t="s">
        <v>2795</v>
      </c>
      <c r="MTV727" s="424"/>
      <c r="MTW727" s="424"/>
      <c r="MTX727" s="424"/>
      <c r="MTY727" s="423" t="s">
        <v>2795</v>
      </c>
      <c r="MTZ727" s="424"/>
      <c r="MUA727" s="424"/>
      <c r="MUB727" s="424"/>
      <c r="MUC727" s="423" t="s">
        <v>2795</v>
      </c>
      <c r="MUD727" s="424"/>
      <c r="MUE727" s="424"/>
      <c r="MUF727" s="424"/>
      <c r="MUG727" s="423" t="s">
        <v>2795</v>
      </c>
      <c r="MUH727" s="424"/>
      <c r="MUI727" s="424"/>
      <c r="MUJ727" s="424"/>
      <c r="MUK727" s="423" t="s">
        <v>2795</v>
      </c>
      <c r="MUL727" s="424"/>
      <c r="MUM727" s="424"/>
      <c r="MUN727" s="424"/>
      <c r="MUO727" s="423" t="s">
        <v>2795</v>
      </c>
      <c r="MUP727" s="424"/>
      <c r="MUQ727" s="424"/>
      <c r="MUR727" s="424"/>
      <c r="MUS727" s="423" t="s">
        <v>2795</v>
      </c>
      <c r="MUT727" s="424"/>
      <c r="MUU727" s="424"/>
      <c r="MUV727" s="424"/>
      <c r="MUW727" s="423" t="s">
        <v>2795</v>
      </c>
      <c r="MUX727" s="424"/>
      <c r="MUY727" s="424"/>
      <c r="MUZ727" s="424"/>
      <c r="MVA727" s="423" t="s">
        <v>2795</v>
      </c>
      <c r="MVB727" s="424"/>
      <c r="MVC727" s="424"/>
      <c r="MVD727" s="424"/>
      <c r="MVE727" s="423" t="s">
        <v>2795</v>
      </c>
      <c r="MVF727" s="424"/>
      <c r="MVG727" s="424"/>
      <c r="MVH727" s="424"/>
      <c r="MVI727" s="423" t="s">
        <v>2795</v>
      </c>
      <c r="MVJ727" s="424"/>
      <c r="MVK727" s="424"/>
      <c r="MVL727" s="424"/>
      <c r="MVM727" s="423" t="s">
        <v>2795</v>
      </c>
      <c r="MVN727" s="424"/>
      <c r="MVO727" s="424"/>
      <c r="MVP727" s="424"/>
      <c r="MVQ727" s="423" t="s">
        <v>2795</v>
      </c>
      <c r="MVR727" s="424"/>
      <c r="MVS727" s="424"/>
      <c r="MVT727" s="424"/>
      <c r="MVU727" s="423" t="s">
        <v>2795</v>
      </c>
      <c r="MVV727" s="424"/>
      <c r="MVW727" s="424"/>
      <c r="MVX727" s="424"/>
      <c r="MVY727" s="423" t="s">
        <v>2795</v>
      </c>
      <c r="MVZ727" s="424"/>
      <c r="MWA727" s="424"/>
      <c r="MWB727" s="424"/>
      <c r="MWC727" s="423" t="s">
        <v>2795</v>
      </c>
      <c r="MWD727" s="424"/>
      <c r="MWE727" s="424"/>
      <c r="MWF727" s="424"/>
      <c r="MWG727" s="423" t="s">
        <v>2795</v>
      </c>
      <c r="MWH727" s="424"/>
      <c r="MWI727" s="424"/>
      <c r="MWJ727" s="424"/>
      <c r="MWK727" s="423" t="s">
        <v>2795</v>
      </c>
      <c r="MWL727" s="424"/>
      <c r="MWM727" s="424"/>
      <c r="MWN727" s="424"/>
      <c r="MWO727" s="423" t="s">
        <v>2795</v>
      </c>
      <c r="MWP727" s="424"/>
      <c r="MWQ727" s="424"/>
      <c r="MWR727" s="424"/>
      <c r="MWS727" s="423" t="s">
        <v>2795</v>
      </c>
      <c r="MWT727" s="424"/>
      <c r="MWU727" s="424"/>
      <c r="MWV727" s="424"/>
      <c r="MWW727" s="423" t="s">
        <v>2795</v>
      </c>
      <c r="MWX727" s="424"/>
      <c r="MWY727" s="424"/>
      <c r="MWZ727" s="424"/>
      <c r="MXA727" s="423" t="s">
        <v>2795</v>
      </c>
      <c r="MXB727" s="424"/>
      <c r="MXC727" s="424"/>
      <c r="MXD727" s="424"/>
      <c r="MXE727" s="423" t="s">
        <v>2795</v>
      </c>
      <c r="MXF727" s="424"/>
      <c r="MXG727" s="424"/>
      <c r="MXH727" s="424"/>
      <c r="MXI727" s="423" t="s">
        <v>2795</v>
      </c>
      <c r="MXJ727" s="424"/>
      <c r="MXK727" s="424"/>
      <c r="MXL727" s="424"/>
      <c r="MXM727" s="423" t="s">
        <v>2795</v>
      </c>
      <c r="MXN727" s="424"/>
      <c r="MXO727" s="424"/>
      <c r="MXP727" s="424"/>
      <c r="MXQ727" s="423" t="s">
        <v>2795</v>
      </c>
      <c r="MXR727" s="424"/>
      <c r="MXS727" s="424"/>
      <c r="MXT727" s="424"/>
      <c r="MXU727" s="423" t="s">
        <v>2795</v>
      </c>
      <c r="MXV727" s="424"/>
      <c r="MXW727" s="424"/>
      <c r="MXX727" s="424"/>
      <c r="MXY727" s="423" t="s">
        <v>2795</v>
      </c>
      <c r="MXZ727" s="424"/>
      <c r="MYA727" s="424"/>
      <c r="MYB727" s="424"/>
      <c r="MYC727" s="423" t="s">
        <v>2795</v>
      </c>
      <c r="MYD727" s="424"/>
      <c r="MYE727" s="424"/>
      <c r="MYF727" s="424"/>
      <c r="MYG727" s="423" t="s">
        <v>2795</v>
      </c>
      <c r="MYH727" s="424"/>
      <c r="MYI727" s="424"/>
      <c r="MYJ727" s="424"/>
      <c r="MYK727" s="423" t="s">
        <v>2795</v>
      </c>
      <c r="MYL727" s="424"/>
      <c r="MYM727" s="424"/>
      <c r="MYN727" s="424"/>
      <c r="MYO727" s="423" t="s">
        <v>2795</v>
      </c>
      <c r="MYP727" s="424"/>
      <c r="MYQ727" s="424"/>
      <c r="MYR727" s="424"/>
      <c r="MYS727" s="423" t="s">
        <v>2795</v>
      </c>
      <c r="MYT727" s="424"/>
      <c r="MYU727" s="424"/>
      <c r="MYV727" s="424"/>
      <c r="MYW727" s="423" t="s">
        <v>2795</v>
      </c>
      <c r="MYX727" s="424"/>
      <c r="MYY727" s="424"/>
      <c r="MYZ727" s="424"/>
      <c r="MZA727" s="423" t="s">
        <v>2795</v>
      </c>
      <c r="MZB727" s="424"/>
      <c r="MZC727" s="424"/>
      <c r="MZD727" s="424"/>
      <c r="MZE727" s="423" t="s">
        <v>2795</v>
      </c>
      <c r="MZF727" s="424"/>
      <c r="MZG727" s="424"/>
      <c r="MZH727" s="424"/>
      <c r="MZI727" s="423" t="s">
        <v>2795</v>
      </c>
      <c r="MZJ727" s="424"/>
      <c r="MZK727" s="424"/>
      <c r="MZL727" s="424"/>
      <c r="MZM727" s="423" t="s">
        <v>2795</v>
      </c>
      <c r="MZN727" s="424"/>
      <c r="MZO727" s="424"/>
      <c r="MZP727" s="424"/>
      <c r="MZQ727" s="423" t="s">
        <v>2795</v>
      </c>
      <c r="MZR727" s="424"/>
      <c r="MZS727" s="424"/>
      <c r="MZT727" s="424"/>
      <c r="MZU727" s="423" t="s">
        <v>2795</v>
      </c>
      <c r="MZV727" s="424"/>
      <c r="MZW727" s="424"/>
      <c r="MZX727" s="424"/>
      <c r="MZY727" s="423" t="s">
        <v>2795</v>
      </c>
      <c r="MZZ727" s="424"/>
      <c r="NAA727" s="424"/>
      <c r="NAB727" s="424"/>
      <c r="NAC727" s="423" t="s">
        <v>2795</v>
      </c>
      <c r="NAD727" s="424"/>
      <c r="NAE727" s="424"/>
      <c r="NAF727" s="424"/>
      <c r="NAG727" s="423" t="s">
        <v>2795</v>
      </c>
      <c r="NAH727" s="424"/>
      <c r="NAI727" s="424"/>
      <c r="NAJ727" s="424"/>
      <c r="NAK727" s="423" t="s">
        <v>2795</v>
      </c>
      <c r="NAL727" s="424"/>
      <c r="NAM727" s="424"/>
      <c r="NAN727" s="424"/>
      <c r="NAO727" s="423" t="s">
        <v>2795</v>
      </c>
      <c r="NAP727" s="424"/>
      <c r="NAQ727" s="424"/>
      <c r="NAR727" s="424"/>
      <c r="NAS727" s="423" t="s">
        <v>2795</v>
      </c>
      <c r="NAT727" s="424"/>
      <c r="NAU727" s="424"/>
      <c r="NAV727" s="424"/>
      <c r="NAW727" s="423" t="s">
        <v>2795</v>
      </c>
      <c r="NAX727" s="424"/>
      <c r="NAY727" s="424"/>
      <c r="NAZ727" s="424"/>
      <c r="NBA727" s="423" t="s">
        <v>2795</v>
      </c>
      <c r="NBB727" s="424"/>
      <c r="NBC727" s="424"/>
      <c r="NBD727" s="424"/>
      <c r="NBE727" s="423" t="s">
        <v>2795</v>
      </c>
      <c r="NBF727" s="424"/>
      <c r="NBG727" s="424"/>
      <c r="NBH727" s="424"/>
      <c r="NBI727" s="423" t="s">
        <v>2795</v>
      </c>
      <c r="NBJ727" s="424"/>
      <c r="NBK727" s="424"/>
      <c r="NBL727" s="424"/>
      <c r="NBM727" s="423" t="s">
        <v>2795</v>
      </c>
      <c r="NBN727" s="424"/>
      <c r="NBO727" s="424"/>
      <c r="NBP727" s="424"/>
      <c r="NBQ727" s="423" t="s">
        <v>2795</v>
      </c>
      <c r="NBR727" s="424"/>
      <c r="NBS727" s="424"/>
      <c r="NBT727" s="424"/>
      <c r="NBU727" s="423" t="s">
        <v>2795</v>
      </c>
      <c r="NBV727" s="424"/>
      <c r="NBW727" s="424"/>
      <c r="NBX727" s="424"/>
      <c r="NBY727" s="423" t="s">
        <v>2795</v>
      </c>
      <c r="NBZ727" s="424"/>
      <c r="NCA727" s="424"/>
      <c r="NCB727" s="424"/>
      <c r="NCC727" s="423" t="s">
        <v>2795</v>
      </c>
      <c r="NCD727" s="424"/>
      <c r="NCE727" s="424"/>
      <c r="NCF727" s="424"/>
      <c r="NCG727" s="423" t="s">
        <v>2795</v>
      </c>
      <c r="NCH727" s="424"/>
      <c r="NCI727" s="424"/>
      <c r="NCJ727" s="424"/>
      <c r="NCK727" s="423" t="s">
        <v>2795</v>
      </c>
      <c r="NCL727" s="424"/>
      <c r="NCM727" s="424"/>
      <c r="NCN727" s="424"/>
      <c r="NCO727" s="423" t="s">
        <v>2795</v>
      </c>
      <c r="NCP727" s="424"/>
      <c r="NCQ727" s="424"/>
      <c r="NCR727" s="424"/>
      <c r="NCS727" s="423" t="s">
        <v>2795</v>
      </c>
      <c r="NCT727" s="424"/>
      <c r="NCU727" s="424"/>
      <c r="NCV727" s="424"/>
      <c r="NCW727" s="423" t="s">
        <v>2795</v>
      </c>
      <c r="NCX727" s="424"/>
      <c r="NCY727" s="424"/>
      <c r="NCZ727" s="424"/>
      <c r="NDA727" s="423" t="s">
        <v>2795</v>
      </c>
      <c r="NDB727" s="424"/>
      <c r="NDC727" s="424"/>
      <c r="NDD727" s="424"/>
      <c r="NDE727" s="423" t="s">
        <v>2795</v>
      </c>
      <c r="NDF727" s="424"/>
      <c r="NDG727" s="424"/>
      <c r="NDH727" s="424"/>
      <c r="NDI727" s="423" t="s">
        <v>2795</v>
      </c>
      <c r="NDJ727" s="424"/>
      <c r="NDK727" s="424"/>
      <c r="NDL727" s="424"/>
      <c r="NDM727" s="423" t="s">
        <v>2795</v>
      </c>
      <c r="NDN727" s="424"/>
      <c r="NDO727" s="424"/>
      <c r="NDP727" s="424"/>
      <c r="NDQ727" s="423" t="s">
        <v>2795</v>
      </c>
      <c r="NDR727" s="424"/>
      <c r="NDS727" s="424"/>
      <c r="NDT727" s="424"/>
      <c r="NDU727" s="423" t="s">
        <v>2795</v>
      </c>
      <c r="NDV727" s="424"/>
      <c r="NDW727" s="424"/>
      <c r="NDX727" s="424"/>
      <c r="NDY727" s="423" t="s">
        <v>2795</v>
      </c>
      <c r="NDZ727" s="424"/>
      <c r="NEA727" s="424"/>
      <c r="NEB727" s="424"/>
      <c r="NEC727" s="423" t="s">
        <v>2795</v>
      </c>
      <c r="NED727" s="424"/>
      <c r="NEE727" s="424"/>
      <c r="NEF727" s="424"/>
      <c r="NEG727" s="423" t="s">
        <v>2795</v>
      </c>
      <c r="NEH727" s="424"/>
      <c r="NEI727" s="424"/>
      <c r="NEJ727" s="424"/>
      <c r="NEK727" s="423" t="s">
        <v>2795</v>
      </c>
      <c r="NEL727" s="424"/>
      <c r="NEM727" s="424"/>
      <c r="NEN727" s="424"/>
      <c r="NEO727" s="423" t="s">
        <v>2795</v>
      </c>
      <c r="NEP727" s="424"/>
      <c r="NEQ727" s="424"/>
      <c r="NER727" s="424"/>
      <c r="NES727" s="423" t="s">
        <v>2795</v>
      </c>
      <c r="NET727" s="424"/>
      <c r="NEU727" s="424"/>
      <c r="NEV727" s="424"/>
      <c r="NEW727" s="423" t="s">
        <v>2795</v>
      </c>
      <c r="NEX727" s="424"/>
      <c r="NEY727" s="424"/>
      <c r="NEZ727" s="424"/>
      <c r="NFA727" s="423" t="s">
        <v>2795</v>
      </c>
      <c r="NFB727" s="424"/>
      <c r="NFC727" s="424"/>
      <c r="NFD727" s="424"/>
      <c r="NFE727" s="423" t="s">
        <v>2795</v>
      </c>
      <c r="NFF727" s="424"/>
      <c r="NFG727" s="424"/>
      <c r="NFH727" s="424"/>
      <c r="NFI727" s="423" t="s">
        <v>2795</v>
      </c>
      <c r="NFJ727" s="424"/>
      <c r="NFK727" s="424"/>
      <c r="NFL727" s="424"/>
      <c r="NFM727" s="423" t="s">
        <v>2795</v>
      </c>
      <c r="NFN727" s="424"/>
      <c r="NFO727" s="424"/>
      <c r="NFP727" s="424"/>
      <c r="NFQ727" s="423" t="s">
        <v>2795</v>
      </c>
      <c r="NFR727" s="424"/>
      <c r="NFS727" s="424"/>
      <c r="NFT727" s="424"/>
      <c r="NFU727" s="423" t="s">
        <v>2795</v>
      </c>
      <c r="NFV727" s="424"/>
      <c r="NFW727" s="424"/>
      <c r="NFX727" s="424"/>
      <c r="NFY727" s="423" t="s">
        <v>2795</v>
      </c>
      <c r="NFZ727" s="424"/>
      <c r="NGA727" s="424"/>
      <c r="NGB727" s="424"/>
      <c r="NGC727" s="423" t="s">
        <v>2795</v>
      </c>
      <c r="NGD727" s="424"/>
      <c r="NGE727" s="424"/>
      <c r="NGF727" s="424"/>
      <c r="NGG727" s="423" t="s">
        <v>2795</v>
      </c>
      <c r="NGH727" s="424"/>
      <c r="NGI727" s="424"/>
      <c r="NGJ727" s="424"/>
      <c r="NGK727" s="423" t="s">
        <v>2795</v>
      </c>
      <c r="NGL727" s="424"/>
      <c r="NGM727" s="424"/>
      <c r="NGN727" s="424"/>
      <c r="NGO727" s="423" t="s">
        <v>2795</v>
      </c>
      <c r="NGP727" s="424"/>
      <c r="NGQ727" s="424"/>
      <c r="NGR727" s="424"/>
      <c r="NGS727" s="423" t="s">
        <v>2795</v>
      </c>
      <c r="NGT727" s="424"/>
      <c r="NGU727" s="424"/>
      <c r="NGV727" s="424"/>
      <c r="NGW727" s="423" t="s">
        <v>2795</v>
      </c>
      <c r="NGX727" s="424"/>
      <c r="NGY727" s="424"/>
      <c r="NGZ727" s="424"/>
      <c r="NHA727" s="423" t="s">
        <v>2795</v>
      </c>
      <c r="NHB727" s="424"/>
      <c r="NHC727" s="424"/>
      <c r="NHD727" s="424"/>
      <c r="NHE727" s="423" t="s">
        <v>2795</v>
      </c>
      <c r="NHF727" s="424"/>
      <c r="NHG727" s="424"/>
      <c r="NHH727" s="424"/>
      <c r="NHI727" s="423" t="s">
        <v>2795</v>
      </c>
      <c r="NHJ727" s="424"/>
      <c r="NHK727" s="424"/>
      <c r="NHL727" s="424"/>
      <c r="NHM727" s="423" t="s">
        <v>2795</v>
      </c>
      <c r="NHN727" s="424"/>
      <c r="NHO727" s="424"/>
      <c r="NHP727" s="424"/>
      <c r="NHQ727" s="423" t="s">
        <v>2795</v>
      </c>
      <c r="NHR727" s="424"/>
      <c r="NHS727" s="424"/>
      <c r="NHT727" s="424"/>
      <c r="NHU727" s="423" t="s">
        <v>2795</v>
      </c>
      <c r="NHV727" s="424"/>
      <c r="NHW727" s="424"/>
      <c r="NHX727" s="424"/>
      <c r="NHY727" s="423" t="s">
        <v>2795</v>
      </c>
      <c r="NHZ727" s="424"/>
      <c r="NIA727" s="424"/>
      <c r="NIB727" s="424"/>
      <c r="NIC727" s="423" t="s">
        <v>2795</v>
      </c>
      <c r="NID727" s="424"/>
      <c r="NIE727" s="424"/>
      <c r="NIF727" s="424"/>
      <c r="NIG727" s="423" t="s">
        <v>2795</v>
      </c>
      <c r="NIH727" s="424"/>
      <c r="NII727" s="424"/>
      <c r="NIJ727" s="424"/>
      <c r="NIK727" s="423" t="s">
        <v>2795</v>
      </c>
      <c r="NIL727" s="424"/>
      <c r="NIM727" s="424"/>
      <c r="NIN727" s="424"/>
      <c r="NIO727" s="423" t="s">
        <v>2795</v>
      </c>
      <c r="NIP727" s="424"/>
      <c r="NIQ727" s="424"/>
      <c r="NIR727" s="424"/>
      <c r="NIS727" s="423" t="s">
        <v>2795</v>
      </c>
      <c r="NIT727" s="424"/>
      <c r="NIU727" s="424"/>
      <c r="NIV727" s="424"/>
      <c r="NIW727" s="423" t="s">
        <v>2795</v>
      </c>
      <c r="NIX727" s="424"/>
      <c r="NIY727" s="424"/>
      <c r="NIZ727" s="424"/>
      <c r="NJA727" s="423" t="s">
        <v>2795</v>
      </c>
      <c r="NJB727" s="424"/>
      <c r="NJC727" s="424"/>
      <c r="NJD727" s="424"/>
      <c r="NJE727" s="423" t="s">
        <v>2795</v>
      </c>
      <c r="NJF727" s="424"/>
      <c r="NJG727" s="424"/>
      <c r="NJH727" s="424"/>
      <c r="NJI727" s="423" t="s">
        <v>2795</v>
      </c>
      <c r="NJJ727" s="424"/>
      <c r="NJK727" s="424"/>
      <c r="NJL727" s="424"/>
      <c r="NJM727" s="423" t="s">
        <v>2795</v>
      </c>
      <c r="NJN727" s="424"/>
      <c r="NJO727" s="424"/>
      <c r="NJP727" s="424"/>
      <c r="NJQ727" s="423" t="s">
        <v>2795</v>
      </c>
      <c r="NJR727" s="424"/>
      <c r="NJS727" s="424"/>
      <c r="NJT727" s="424"/>
      <c r="NJU727" s="423" t="s">
        <v>2795</v>
      </c>
      <c r="NJV727" s="424"/>
      <c r="NJW727" s="424"/>
      <c r="NJX727" s="424"/>
      <c r="NJY727" s="423" t="s">
        <v>2795</v>
      </c>
      <c r="NJZ727" s="424"/>
      <c r="NKA727" s="424"/>
      <c r="NKB727" s="424"/>
      <c r="NKC727" s="423" t="s">
        <v>2795</v>
      </c>
      <c r="NKD727" s="424"/>
      <c r="NKE727" s="424"/>
      <c r="NKF727" s="424"/>
      <c r="NKG727" s="423" t="s">
        <v>2795</v>
      </c>
      <c r="NKH727" s="424"/>
      <c r="NKI727" s="424"/>
      <c r="NKJ727" s="424"/>
      <c r="NKK727" s="423" t="s">
        <v>2795</v>
      </c>
      <c r="NKL727" s="424"/>
      <c r="NKM727" s="424"/>
      <c r="NKN727" s="424"/>
      <c r="NKO727" s="423" t="s">
        <v>2795</v>
      </c>
      <c r="NKP727" s="424"/>
      <c r="NKQ727" s="424"/>
      <c r="NKR727" s="424"/>
      <c r="NKS727" s="423" t="s">
        <v>2795</v>
      </c>
      <c r="NKT727" s="424"/>
      <c r="NKU727" s="424"/>
      <c r="NKV727" s="424"/>
      <c r="NKW727" s="423" t="s">
        <v>2795</v>
      </c>
      <c r="NKX727" s="424"/>
      <c r="NKY727" s="424"/>
      <c r="NKZ727" s="424"/>
      <c r="NLA727" s="423" t="s">
        <v>2795</v>
      </c>
      <c r="NLB727" s="424"/>
      <c r="NLC727" s="424"/>
      <c r="NLD727" s="424"/>
      <c r="NLE727" s="423" t="s">
        <v>2795</v>
      </c>
      <c r="NLF727" s="424"/>
      <c r="NLG727" s="424"/>
      <c r="NLH727" s="424"/>
      <c r="NLI727" s="423" t="s">
        <v>2795</v>
      </c>
      <c r="NLJ727" s="424"/>
      <c r="NLK727" s="424"/>
      <c r="NLL727" s="424"/>
      <c r="NLM727" s="423" t="s">
        <v>2795</v>
      </c>
      <c r="NLN727" s="424"/>
      <c r="NLO727" s="424"/>
      <c r="NLP727" s="424"/>
      <c r="NLQ727" s="423" t="s">
        <v>2795</v>
      </c>
      <c r="NLR727" s="424"/>
      <c r="NLS727" s="424"/>
      <c r="NLT727" s="424"/>
      <c r="NLU727" s="423" t="s">
        <v>2795</v>
      </c>
      <c r="NLV727" s="424"/>
      <c r="NLW727" s="424"/>
      <c r="NLX727" s="424"/>
      <c r="NLY727" s="423" t="s">
        <v>2795</v>
      </c>
      <c r="NLZ727" s="424"/>
      <c r="NMA727" s="424"/>
      <c r="NMB727" s="424"/>
      <c r="NMC727" s="423" t="s">
        <v>2795</v>
      </c>
      <c r="NMD727" s="424"/>
      <c r="NME727" s="424"/>
      <c r="NMF727" s="424"/>
      <c r="NMG727" s="423" t="s">
        <v>2795</v>
      </c>
      <c r="NMH727" s="424"/>
      <c r="NMI727" s="424"/>
      <c r="NMJ727" s="424"/>
      <c r="NMK727" s="423" t="s">
        <v>2795</v>
      </c>
      <c r="NML727" s="424"/>
      <c r="NMM727" s="424"/>
      <c r="NMN727" s="424"/>
      <c r="NMO727" s="423" t="s">
        <v>2795</v>
      </c>
      <c r="NMP727" s="424"/>
      <c r="NMQ727" s="424"/>
      <c r="NMR727" s="424"/>
      <c r="NMS727" s="423" t="s">
        <v>2795</v>
      </c>
      <c r="NMT727" s="424"/>
      <c r="NMU727" s="424"/>
      <c r="NMV727" s="424"/>
      <c r="NMW727" s="423" t="s">
        <v>2795</v>
      </c>
      <c r="NMX727" s="424"/>
      <c r="NMY727" s="424"/>
      <c r="NMZ727" s="424"/>
      <c r="NNA727" s="423" t="s">
        <v>2795</v>
      </c>
      <c r="NNB727" s="424"/>
      <c r="NNC727" s="424"/>
      <c r="NND727" s="424"/>
      <c r="NNE727" s="423" t="s">
        <v>2795</v>
      </c>
      <c r="NNF727" s="424"/>
      <c r="NNG727" s="424"/>
      <c r="NNH727" s="424"/>
      <c r="NNI727" s="423" t="s">
        <v>2795</v>
      </c>
      <c r="NNJ727" s="424"/>
      <c r="NNK727" s="424"/>
      <c r="NNL727" s="424"/>
      <c r="NNM727" s="423" t="s">
        <v>2795</v>
      </c>
      <c r="NNN727" s="424"/>
      <c r="NNO727" s="424"/>
      <c r="NNP727" s="424"/>
      <c r="NNQ727" s="423" t="s">
        <v>2795</v>
      </c>
      <c r="NNR727" s="424"/>
      <c r="NNS727" s="424"/>
      <c r="NNT727" s="424"/>
      <c r="NNU727" s="423" t="s">
        <v>2795</v>
      </c>
      <c r="NNV727" s="424"/>
      <c r="NNW727" s="424"/>
      <c r="NNX727" s="424"/>
      <c r="NNY727" s="423" t="s">
        <v>2795</v>
      </c>
      <c r="NNZ727" s="424"/>
      <c r="NOA727" s="424"/>
      <c r="NOB727" s="424"/>
      <c r="NOC727" s="423" t="s">
        <v>2795</v>
      </c>
      <c r="NOD727" s="424"/>
      <c r="NOE727" s="424"/>
      <c r="NOF727" s="424"/>
      <c r="NOG727" s="423" t="s">
        <v>2795</v>
      </c>
      <c r="NOH727" s="424"/>
      <c r="NOI727" s="424"/>
      <c r="NOJ727" s="424"/>
      <c r="NOK727" s="423" t="s">
        <v>2795</v>
      </c>
      <c r="NOL727" s="424"/>
      <c r="NOM727" s="424"/>
      <c r="NON727" s="424"/>
      <c r="NOO727" s="423" t="s">
        <v>2795</v>
      </c>
      <c r="NOP727" s="424"/>
      <c r="NOQ727" s="424"/>
      <c r="NOR727" s="424"/>
      <c r="NOS727" s="423" t="s">
        <v>2795</v>
      </c>
      <c r="NOT727" s="424"/>
      <c r="NOU727" s="424"/>
      <c r="NOV727" s="424"/>
      <c r="NOW727" s="423" t="s">
        <v>2795</v>
      </c>
      <c r="NOX727" s="424"/>
      <c r="NOY727" s="424"/>
      <c r="NOZ727" s="424"/>
      <c r="NPA727" s="423" t="s">
        <v>2795</v>
      </c>
      <c r="NPB727" s="424"/>
      <c r="NPC727" s="424"/>
      <c r="NPD727" s="424"/>
      <c r="NPE727" s="423" t="s">
        <v>2795</v>
      </c>
      <c r="NPF727" s="424"/>
      <c r="NPG727" s="424"/>
      <c r="NPH727" s="424"/>
      <c r="NPI727" s="423" t="s">
        <v>2795</v>
      </c>
      <c r="NPJ727" s="424"/>
      <c r="NPK727" s="424"/>
      <c r="NPL727" s="424"/>
      <c r="NPM727" s="423" t="s">
        <v>2795</v>
      </c>
      <c r="NPN727" s="424"/>
      <c r="NPO727" s="424"/>
      <c r="NPP727" s="424"/>
      <c r="NPQ727" s="423" t="s">
        <v>2795</v>
      </c>
      <c r="NPR727" s="424"/>
      <c r="NPS727" s="424"/>
      <c r="NPT727" s="424"/>
      <c r="NPU727" s="423" t="s">
        <v>2795</v>
      </c>
      <c r="NPV727" s="424"/>
      <c r="NPW727" s="424"/>
      <c r="NPX727" s="424"/>
      <c r="NPY727" s="423" t="s">
        <v>2795</v>
      </c>
      <c r="NPZ727" s="424"/>
      <c r="NQA727" s="424"/>
      <c r="NQB727" s="424"/>
      <c r="NQC727" s="423" t="s">
        <v>2795</v>
      </c>
      <c r="NQD727" s="424"/>
      <c r="NQE727" s="424"/>
      <c r="NQF727" s="424"/>
      <c r="NQG727" s="423" t="s">
        <v>2795</v>
      </c>
      <c r="NQH727" s="424"/>
      <c r="NQI727" s="424"/>
      <c r="NQJ727" s="424"/>
      <c r="NQK727" s="423" t="s">
        <v>2795</v>
      </c>
      <c r="NQL727" s="424"/>
      <c r="NQM727" s="424"/>
      <c r="NQN727" s="424"/>
      <c r="NQO727" s="423" t="s">
        <v>2795</v>
      </c>
      <c r="NQP727" s="424"/>
      <c r="NQQ727" s="424"/>
      <c r="NQR727" s="424"/>
      <c r="NQS727" s="423" t="s">
        <v>2795</v>
      </c>
      <c r="NQT727" s="424"/>
      <c r="NQU727" s="424"/>
      <c r="NQV727" s="424"/>
      <c r="NQW727" s="423" t="s">
        <v>2795</v>
      </c>
      <c r="NQX727" s="424"/>
      <c r="NQY727" s="424"/>
      <c r="NQZ727" s="424"/>
      <c r="NRA727" s="423" t="s">
        <v>2795</v>
      </c>
      <c r="NRB727" s="424"/>
      <c r="NRC727" s="424"/>
      <c r="NRD727" s="424"/>
      <c r="NRE727" s="423" t="s">
        <v>2795</v>
      </c>
      <c r="NRF727" s="424"/>
      <c r="NRG727" s="424"/>
      <c r="NRH727" s="424"/>
      <c r="NRI727" s="423" t="s">
        <v>2795</v>
      </c>
      <c r="NRJ727" s="424"/>
      <c r="NRK727" s="424"/>
      <c r="NRL727" s="424"/>
      <c r="NRM727" s="423" t="s">
        <v>2795</v>
      </c>
      <c r="NRN727" s="424"/>
      <c r="NRO727" s="424"/>
      <c r="NRP727" s="424"/>
      <c r="NRQ727" s="423" t="s">
        <v>2795</v>
      </c>
      <c r="NRR727" s="424"/>
      <c r="NRS727" s="424"/>
      <c r="NRT727" s="424"/>
      <c r="NRU727" s="423" t="s">
        <v>2795</v>
      </c>
      <c r="NRV727" s="424"/>
      <c r="NRW727" s="424"/>
      <c r="NRX727" s="424"/>
      <c r="NRY727" s="423" t="s">
        <v>2795</v>
      </c>
      <c r="NRZ727" s="424"/>
      <c r="NSA727" s="424"/>
      <c r="NSB727" s="424"/>
      <c r="NSC727" s="423" t="s">
        <v>2795</v>
      </c>
      <c r="NSD727" s="424"/>
      <c r="NSE727" s="424"/>
      <c r="NSF727" s="424"/>
      <c r="NSG727" s="423" t="s">
        <v>2795</v>
      </c>
      <c r="NSH727" s="424"/>
      <c r="NSI727" s="424"/>
      <c r="NSJ727" s="424"/>
      <c r="NSK727" s="423" t="s">
        <v>2795</v>
      </c>
      <c r="NSL727" s="424"/>
      <c r="NSM727" s="424"/>
      <c r="NSN727" s="424"/>
      <c r="NSO727" s="423" t="s">
        <v>2795</v>
      </c>
      <c r="NSP727" s="424"/>
      <c r="NSQ727" s="424"/>
      <c r="NSR727" s="424"/>
      <c r="NSS727" s="423" t="s">
        <v>2795</v>
      </c>
      <c r="NST727" s="424"/>
      <c r="NSU727" s="424"/>
      <c r="NSV727" s="424"/>
      <c r="NSW727" s="423" t="s">
        <v>2795</v>
      </c>
      <c r="NSX727" s="424"/>
      <c r="NSY727" s="424"/>
      <c r="NSZ727" s="424"/>
      <c r="NTA727" s="423" t="s">
        <v>2795</v>
      </c>
      <c r="NTB727" s="424"/>
      <c r="NTC727" s="424"/>
      <c r="NTD727" s="424"/>
      <c r="NTE727" s="423" t="s">
        <v>2795</v>
      </c>
      <c r="NTF727" s="424"/>
      <c r="NTG727" s="424"/>
      <c r="NTH727" s="424"/>
      <c r="NTI727" s="423" t="s">
        <v>2795</v>
      </c>
      <c r="NTJ727" s="424"/>
      <c r="NTK727" s="424"/>
      <c r="NTL727" s="424"/>
      <c r="NTM727" s="423" t="s">
        <v>2795</v>
      </c>
      <c r="NTN727" s="424"/>
      <c r="NTO727" s="424"/>
      <c r="NTP727" s="424"/>
      <c r="NTQ727" s="423" t="s">
        <v>2795</v>
      </c>
      <c r="NTR727" s="424"/>
      <c r="NTS727" s="424"/>
      <c r="NTT727" s="424"/>
      <c r="NTU727" s="423" t="s">
        <v>2795</v>
      </c>
      <c r="NTV727" s="424"/>
      <c r="NTW727" s="424"/>
      <c r="NTX727" s="424"/>
      <c r="NTY727" s="423" t="s">
        <v>2795</v>
      </c>
      <c r="NTZ727" s="424"/>
      <c r="NUA727" s="424"/>
      <c r="NUB727" s="424"/>
      <c r="NUC727" s="423" t="s">
        <v>2795</v>
      </c>
      <c r="NUD727" s="424"/>
      <c r="NUE727" s="424"/>
      <c r="NUF727" s="424"/>
      <c r="NUG727" s="423" t="s">
        <v>2795</v>
      </c>
      <c r="NUH727" s="424"/>
      <c r="NUI727" s="424"/>
      <c r="NUJ727" s="424"/>
      <c r="NUK727" s="423" t="s">
        <v>2795</v>
      </c>
      <c r="NUL727" s="424"/>
      <c r="NUM727" s="424"/>
      <c r="NUN727" s="424"/>
      <c r="NUO727" s="423" t="s">
        <v>2795</v>
      </c>
      <c r="NUP727" s="424"/>
      <c r="NUQ727" s="424"/>
      <c r="NUR727" s="424"/>
      <c r="NUS727" s="423" t="s">
        <v>2795</v>
      </c>
      <c r="NUT727" s="424"/>
      <c r="NUU727" s="424"/>
      <c r="NUV727" s="424"/>
      <c r="NUW727" s="423" t="s">
        <v>2795</v>
      </c>
      <c r="NUX727" s="424"/>
      <c r="NUY727" s="424"/>
      <c r="NUZ727" s="424"/>
      <c r="NVA727" s="423" t="s">
        <v>2795</v>
      </c>
      <c r="NVB727" s="424"/>
      <c r="NVC727" s="424"/>
      <c r="NVD727" s="424"/>
      <c r="NVE727" s="423" t="s">
        <v>2795</v>
      </c>
      <c r="NVF727" s="424"/>
      <c r="NVG727" s="424"/>
      <c r="NVH727" s="424"/>
      <c r="NVI727" s="423" t="s">
        <v>2795</v>
      </c>
      <c r="NVJ727" s="424"/>
      <c r="NVK727" s="424"/>
      <c r="NVL727" s="424"/>
      <c r="NVM727" s="423" t="s">
        <v>2795</v>
      </c>
      <c r="NVN727" s="424"/>
      <c r="NVO727" s="424"/>
      <c r="NVP727" s="424"/>
      <c r="NVQ727" s="423" t="s">
        <v>2795</v>
      </c>
      <c r="NVR727" s="424"/>
      <c r="NVS727" s="424"/>
      <c r="NVT727" s="424"/>
      <c r="NVU727" s="423" t="s">
        <v>2795</v>
      </c>
      <c r="NVV727" s="424"/>
      <c r="NVW727" s="424"/>
      <c r="NVX727" s="424"/>
      <c r="NVY727" s="423" t="s">
        <v>2795</v>
      </c>
      <c r="NVZ727" s="424"/>
      <c r="NWA727" s="424"/>
      <c r="NWB727" s="424"/>
      <c r="NWC727" s="423" t="s">
        <v>2795</v>
      </c>
      <c r="NWD727" s="424"/>
      <c r="NWE727" s="424"/>
      <c r="NWF727" s="424"/>
      <c r="NWG727" s="423" t="s">
        <v>2795</v>
      </c>
      <c r="NWH727" s="424"/>
      <c r="NWI727" s="424"/>
      <c r="NWJ727" s="424"/>
      <c r="NWK727" s="423" t="s">
        <v>2795</v>
      </c>
      <c r="NWL727" s="424"/>
      <c r="NWM727" s="424"/>
      <c r="NWN727" s="424"/>
      <c r="NWO727" s="423" t="s">
        <v>2795</v>
      </c>
      <c r="NWP727" s="424"/>
      <c r="NWQ727" s="424"/>
      <c r="NWR727" s="424"/>
      <c r="NWS727" s="423" t="s">
        <v>2795</v>
      </c>
      <c r="NWT727" s="424"/>
      <c r="NWU727" s="424"/>
      <c r="NWV727" s="424"/>
      <c r="NWW727" s="423" t="s">
        <v>2795</v>
      </c>
      <c r="NWX727" s="424"/>
      <c r="NWY727" s="424"/>
      <c r="NWZ727" s="424"/>
      <c r="NXA727" s="423" t="s">
        <v>2795</v>
      </c>
      <c r="NXB727" s="424"/>
      <c r="NXC727" s="424"/>
      <c r="NXD727" s="424"/>
      <c r="NXE727" s="423" t="s">
        <v>2795</v>
      </c>
      <c r="NXF727" s="424"/>
      <c r="NXG727" s="424"/>
      <c r="NXH727" s="424"/>
      <c r="NXI727" s="423" t="s">
        <v>2795</v>
      </c>
      <c r="NXJ727" s="424"/>
      <c r="NXK727" s="424"/>
      <c r="NXL727" s="424"/>
      <c r="NXM727" s="423" t="s">
        <v>2795</v>
      </c>
      <c r="NXN727" s="424"/>
      <c r="NXO727" s="424"/>
      <c r="NXP727" s="424"/>
      <c r="NXQ727" s="423" t="s">
        <v>2795</v>
      </c>
      <c r="NXR727" s="424"/>
      <c r="NXS727" s="424"/>
      <c r="NXT727" s="424"/>
      <c r="NXU727" s="423" t="s">
        <v>2795</v>
      </c>
      <c r="NXV727" s="424"/>
      <c r="NXW727" s="424"/>
      <c r="NXX727" s="424"/>
      <c r="NXY727" s="423" t="s">
        <v>2795</v>
      </c>
      <c r="NXZ727" s="424"/>
      <c r="NYA727" s="424"/>
      <c r="NYB727" s="424"/>
      <c r="NYC727" s="423" t="s">
        <v>2795</v>
      </c>
      <c r="NYD727" s="424"/>
      <c r="NYE727" s="424"/>
      <c r="NYF727" s="424"/>
      <c r="NYG727" s="423" t="s">
        <v>2795</v>
      </c>
      <c r="NYH727" s="424"/>
      <c r="NYI727" s="424"/>
      <c r="NYJ727" s="424"/>
      <c r="NYK727" s="423" t="s">
        <v>2795</v>
      </c>
      <c r="NYL727" s="424"/>
      <c r="NYM727" s="424"/>
      <c r="NYN727" s="424"/>
      <c r="NYO727" s="423" t="s">
        <v>2795</v>
      </c>
      <c r="NYP727" s="424"/>
      <c r="NYQ727" s="424"/>
      <c r="NYR727" s="424"/>
      <c r="NYS727" s="423" t="s">
        <v>2795</v>
      </c>
      <c r="NYT727" s="424"/>
      <c r="NYU727" s="424"/>
      <c r="NYV727" s="424"/>
      <c r="NYW727" s="423" t="s">
        <v>2795</v>
      </c>
      <c r="NYX727" s="424"/>
      <c r="NYY727" s="424"/>
      <c r="NYZ727" s="424"/>
      <c r="NZA727" s="423" t="s">
        <v>2795</v>
      </c>
      <c r="NZB727" s="424"/>
      <c r="NZC727" s="424"/>
      <c r="NZD727" s="424"/>
      <c r="NZE727" s="423" t="s">
        <v>2795</v>
      </c>
      <c r="NZF727" s="424"/>
      <c r="NZG727" s="424"/>
      <c r="NZH727" s="424"/>
      <c r="NZI727" s="423" t="s">
        <v>2795</v>
      </c>
      <c r="NZJ727" s="424"/>
      <c r="NZK727" s="424"/>
      <c r="NZL727" s="424"/>
      <c r="NZM727" s="423" t="s">
        <v>2795</v>
      </c>
      <c r="NZN727" s="424"/>
      <c r="NZO727" s="424"/>
      <c r="NZP727" s="424"/>
      <c r="NZQ727" s="423" t="s">
        <v>2795</v>
      </c>
      <c r="NZR727" s="424"/>
      <c r="NZS727" s="424"/>
      <c r="NZT727" s="424"/>
      <c r="NZU727" s="423" t="s">
        <v>2795</v>
      </c>
      <c r="NZV727" s="424"/>
      <c r="NZW727" s="424"/>
      <c r="NZX727" s="424"/>
      <c r="NZY727" s="423" t="s">
        <v>2795</v>
      </c>
      <c r="NZZ727" s="424"/>
      <c r="OAA727" s="424"/>
      <c r="OAB727" s="424"/>
      <c r="OAC727" s="423" t="s">
        <v>2795</v>
      </c>
      <c r="OAD727" s="424"/>
      <c r="OAE727" s="424"/>
      <c r="OAF727" s="424"/>
      <c r="OAG727" s="423" t="s">
        <v>2795</v>
      </c>
      <c r="OAH727" s="424"/>
      <c r="OAI727" s="424"/>
      <c r="OAJ727" s="424"/>
      <c r="OAK727" s="423" t="s">
        <v>2795</v>
      </c>
      <c r="OAL727" s="424"/>
      <c r="OAM727" s="424"/>
      <c r="OAN727" s="424"/>
      <c r="OAO727" s="423" t="s">
        <v>2795</v>
      </c>
      <c r="OAP727" s="424"/>
      <c r="OAQ727" s="424"/>
      <c r="OAR727" s="424"/>
      <c r="OAS727" s="423" t="s">
        <v>2795</v>
      </c>
      <c r="OAT727" s="424"/>
      <c r="OAU727" s="424"/>
      <c r="OAV727" s="424"/>
      <c r="OAW727" s="423" t="s">
        <v>2795</v>
      </c>
      <c r="OAX727" s="424"/>
      <c r="OAY727" s="424"/>
      <c r="OAZ727" s="424"/>
      <c r="OBA727" s="423" t="s">
        <v>2795</v>
      </c>
      <c r="OBB727" s="424"/>
      <c r="OBC727" s="424"/>
      <c r="OBD727" s="424"/>
      <c r="OBE727" s="423" t="s">
        <v>2795</v>
      </c>
      <c r="OBF727" s="424"/>
      <c r="OBG727" s="424"/>
      <c r="OBH727" s="424"/>
      <c r="OBI727" s="423" t="s">
        <v>2795</v>
      </c>
      <c r="OBJ727" s="424"/>
      <c r="OBK727" s="424"/>
      <c r="OBL727" s="424"/>
      <c r="OBM727" s="423" t="s">
        <v>2795</v>
      </c>
      <c r="OBN727" s="424"/>
      <c r="OBO727" s="424"/>
      <c r="OBP727" s="424"/>
      <c r="OBQ727" s="423" t="s">
        <v>2795</v>
      </c>
      <c r="OBR727" s="424"/>
      <c r="OBS727" s="424"/>
      <c r="OBT727" s="424"/>
      <c r="OBU727" s="423" t="s">
        <v>2795</v>
      </c>
      <c r="OBV727" s="424"/>
      <c r="OBW727" s="424"/>
      <c r="OBX727" s="424"/>
      <c r="OBY727" s="423" t="s">
        <v>2795</v>
      </c>
      <c r="OBZ727" s="424"/>
      <c r="OCA727" s="424"/>
      <c r="OCB727" s="424"/>
      <c r="OCC727" s="423" t="s">
        <v>2795</v>
      </c>
      <c r="OCD727" s="424"/>
      <c r="OCE727" s="424"/>
      <c r="OCF727" s="424"/>
      <c r="OCG727" s="423" t="s">
        <v>2795</v>
      </c>
      <c r="OCH727" s="424"/>
      <c r="OCI727" s="424"/>
      <c r="OCJ727" s="424"/>
      <c r="OCK727" s="423" t="s">
        <v>2795</v>
      </c>
      <c r="OCL727" s="424"/>
      <c r="OCM727" s="424"/>
      <c r="OCN727" s="424"/>
      <c r="OCO727" s="423" t="s">
        <v>2795</v>
      </c>
      <c r="OCP727" s="424"/>
      <c r="OCQ727" s="424"/>
      <c r="OCR727" s="424"/>
      <c r="OCS727" s="423" t="s">
        <v>2795</v>
      </c>
      <c r="OCT727" s="424"/>
      <c r="OCU727" s="424"/>
      <c r="OCV727" s="424"/>
      <c r="OCW727" s="423" t="s">
        <v>2795</v>
      </c>
      <c r="OCX727" s="424"/>
      <c r="OCY727" s="424"/>
      <c r="OCZ727" s="424"/>
      <c r="ODA727" s="423" t="s">
        <v>2795</v>
      </c>
      <c r="ODB727" s="424"/>
      <c r="ODC727" s="424"/>
      <c r="ODD727" s="424"/>
      <c r="ODE727" s="423" t="s">
        <v>2795</v>
      </c>
      <c r="ODF727" s="424"/>
      <c r="ODG727" s="424"/>
      <c r="ODH727" s="424"/>
      <c r="ODI727" s="423" t="s">
        <v>2795</v>
      </c>
      <c r="ODJ727" s="424"/>
      <c r="ODK727" s="424"/>
      <c r="ODL727" s="424"/>
      <c r="ODM727" s="423" t="s">
        <v>2795</v>
      </c>
      <c r="ODN727" s="424"/>
      <c r="ODO727" s="424"/>
      <c r="ODP727" s="424"/>
      <c r="ODQ727" s="423" t="s">
        <v>2795</v>
      </c>
      <c r="ODR727" s="424"/>
      <c r="ODS727" s="424"/>
      <c r="ODT727" s="424"/>
      <c r="ODU727" s="423" t="s">
        <v>2795</v>
      </c>
      <c r="ODV727" s="424"/>
      <c r="ODW727" s="424"/>
      <c r="ODX727" s="424"/>
      <c r="ODY727" s="423" t="s">
        <v>2795</v>
      </c>
      <c r="ODZ727" s="424"/>
      <c r="OEA727" s="424"/>
      <c r="OEB727" s="424"/>
      <c r="OEC727" s="423" t="s">
        <v>2795</v>
      </c>
      <c r="OED727" s="424"/>
      <c r="OEE727" s="424"/>
      <c r="OEF727" s="424"/>
      <c r="OEG727" s="423" t="s">
        <v>2795</v>
      </c>
      <c r="OEH727" s="424"/>
      <c r="OEI727" s="424"/>
      <c r="OEJ727" s="424"/>
      <c r="OEK727" s="423" t="s">
        <v>2795</v>
      </c>
      <c r="OEL727" s="424"/>
      <c r="OEM727" s="424"/>
      <c r="OEN727" s="424"/>
      <c r="OEO727" s="423" t="s">
        <v>2795</v>
      </c>
      <c r="OEP727" s="424"/>
      <c r="OEQ727" s="424"/>
      <c r="OER727" s="424"/>
      <c r="OES727" s="423" t="s">
        <v>2795</v>
      </c>
      <c r="OET727" s="424"/>
      <c r="OEU727" s="424"/>
      <c r="OEV727" s="424"/>
      <c r="OEW727" s="423" t="s">
        <v>2795</v>
      </c>
      <c r="OEX727" s="424"/>
      <c r="OEY727" s="424"/>
      <c r="OEZ727" s="424"/>
      <c r="OFA727" s="423" t="s">
        <v>2795</v>
      </c>
      <c r="OFB727" s="424"/>
      <c r="OFC727" s="424"/>
      <c r="OFD727" s="424"/>
      <c r="OFE727" s="423" t="s">
        <v>2795</v>
      </c>
      <c r="OFF727" s="424"/>
      <c r="OFG727" s="424"/>
      <c r="OFH727" s="424"/>
      <c r="OFI727" s="423" t="s">
        <v>2795</v>
      </c>
      <c r="OFJ727" s="424"/>
      <c r="OFK727" s="424"/>
      <c r="OFL727" s="424"/>
      <c r="OFM727" s="423" t="s">
        <v>2795</v>
      </c>
      <c r="OFN727" s="424"/>
      <c r="OFO727" s="424"/>
      <c r="OFP727" s="424"/>
      <c r="OFQ727" s="423" t="s">
        <v>2795</v>
      </c>
      <c r="OFR727" s="424"/>
      <c r="OFS727" s="424"/>
      <c r="OFT727" s="424"/>
      <c r="OFU727" s="423" t="s">
        <v>2795</v>
      </c>
      <c r="OFV727" s="424"/>
      <c r="OFW727" s="424"/>
      <c r="OFX727" s="424"/>
      <c r="OFY727" s="423" t="s">
        <v>2795</v>
      </c>
      <c r="OFZ727" s="424"/>
      <c r="OGA727" s="424"/>
      <c r="OGB727" s="424"/>
      <c r="OGC727" s="423" t="s">
        <v>2795</v>
      </c>
      <c r="OGD727" s="424"/>
      <c r="OGE727" s="424"/>
      <c r="OGF727" s="424"/>
      <c r="OGG727" s="423" t="s">
        <v>2795</v>
      </c>
      <c r="OGH727" s="424"/>
      <c r="OGI727" s="424"/>
      <c r="OGJ727" s="424"/>
      <c r="OGK727" s="423" t="s">
        <v>2795</v>
      </c>
      <c r="OGL727" s="424"/>
      <c r="OGM727" s="424"/>
      <c r="OGN727" s="424"/>
      <c r="OGO727" s="423" t="s">
        <v>2795</v>
      </c>
      <c r="OGP727" s="424"/>
      <c r="OGQ727" s="424"/>
      <c r="OGR727" s="424"/>
      <c r="OGS727" s="423" t="s">
        <v>2795</v>
      </c>
      <c r="OGT727" s="424"/>
      <c r="OGU727" s="424"/>
      <c r="OGV727" s="424"/>
      <c r="OGW727" s="423" t="s">
        <v>2795</v>
      </c>
      <c r="OGX727" s="424"/>
      <c r="OGY727" s="424"/>
      <c r="OGZ727" s="424"/>
      <c r="OHA727" s="423" t="s">
        <v>2795</v>
      </c>
      <c r="OHB727" s="424"/>
      <c r="OHC727" s="424"/>
      <c r="OHD727" s="424"/>
      <c r="OHE727" s="423" t="s">
        <v>2795</v>
      </c>
      <c r="OHF727" s="424"/>
      <c r="OHG727" s="424"/>
      <c r="OHH727" s="424"/>
      <c r="OHI727" s="423" t="s">
        <v>2795</v>
      </c>
      <c r="OHJ727" s="424"/>
      <c r="OHK727" s="424"/>
      <c r="OHL727" s="424"/>
      <c r="OHM727" s="423" t="s">
        <v>2795</v>
      </c>
      <c r="OHN727" s="424"/>
      <c r="OHO727" s="424"/>
      <c r="OHP727" s="424"/>
      <c r="OHQ727" s="423" t="s">
        <v>2795</v>
      </c>
      <c r="OHR727" s="424"/>
      <c r="OHS727" s="424"/>
      <c r="OHT727" s="424"/>
      <c r="OHU727" s="423" t="s">
        <v>2795</v>
      </c>
      <c r="OHV727" s="424"/>
      <c r="OHW727" s="424"/>
      <c r="OHX727" s="424"/>
      <c r="OHY727" s="423" t="s">
        <v>2795</v>
      </c>
      <c r="OHZ727" s="424"/>
      <c r="OIA727" s="424"/>
      <c r="OIB727" s="424"/>
      <c r="OIC727" s="423" t="s">
        <v>2795</v>
      </c>
      <c r="OID727" s="424"/>
      <c r="OIE727" s="424"/>
      <c r="OIF727" s="424"/>
      <c r="OIG727" s="423" t="s">
        <v>2795</v>
      </c>
      <c r="OIH727" s="424"/>
      <c r="OII727" s="424"/>
      <c r="OIJ727" s="424"/>
      <c r="OIK727" s="423" t="s">
        <v>2795</v>
      </c>
      <c r="OIL727" s="424"/>
      <c r="OIM727" s="424"/>
      <c r="OIN727" s="424"/>
      <c r="OIO727" s="423" t="s">
        <v>2795</v>
      </c>
      <c r="OIP727" s="424"/>
      <c r="OIQ727" s="424"/>
      <c r="OIR727" s="424"/>
      <c r="OIS727" s="423" t="s">
        <v>2795</v>
      </c>
      <c r="OIT727" s="424"/>
      <c r="OIU727" s="424"/>
      <c r="OIV727" s="424"/>
      <c r="OIW727" s="423" t="s">
        <v>2795</v>
      </c>
      <c r="OIX727" s="424"/>
      <c r="OIY727" s="424"/>
      <c r="OIZ727" s="424"/>
      <c r="OJA727" s="423" t="s">
        <v>2795</v>
      </c>
      <c r="OJB727" s="424"/>
      <c r="OJC727" s="424"/>
      <c r="OJD727" s="424"/>
      <c r="OJE727" s="423" t="s">
        <v>2795</v>
      </c>
      <c r="OJF727" s="424"/>
      <c r="OJG727" s="424"/>
      <c r="OJH727" s="424"/>
      <c r="OJI727" s="423" t="s">
        <v>2795</v>
      </c>
      <c r="OJJ727" s="424"/>
      <c r="OJK727" s="424"/>
      <c r="OJL727" s="424"/>
      <c r="OJM727" s="423" t="s">
        <v>2795</v>
      </c>
      <c r="OJN727" s="424"/>
      <c r="OJO727" s="424"/>
      <c r="OJP727" s="424"/>
      <c r="OJQ727" s="423" t="s">
        <v>2795</v>
      </c>
      <c r="OJR727" s="424"/>
      <c r="OJS727" s="424"/>
      <c r="OJT727" s="424"/>
      <c r="OJU727" s="423" t="s">
        <v>2795</v>
      </c>
      <c r="OJV727" s="424"/>
      <c r="OJW727" s="424"/>
      <c r="OJX727" s="424"/>
      <c r="OJY727" s="423" t="s">
        <v>2795</v>
      </c>
      <c r="OJZ727" s="424"/>
      <c r="OKA727" s="424"/>
      <c r="OKB727" s="424"/>
      <c r="OKC727" s="423" t="s">
        <v>2795</v>
      </c>
      <c r="OKD727" s="424"/>
      <c r="OKE727" s="424"/>
      <c r="OKF727" s="424"/>
      <c r="OKG727" s="423" t="s">
        <v>2795</v>
      </c>
      <c r="OKH727" s="424"/>
      <c r="OKI727" s="424"/>
      <c r="OKJ727" s="424"/>
      <c r="OKK727" s="423" t="s">
        <v>2795</v>
      </c>
      <c r="OKL727" s="424"/>
      <c r="OKM727" s="424"/>
      <c r="OKN727" s="424"/>
      <c r="OKO727" s="423" t="s">
        <v>2795</v>
      </c>
      <c r="OKP727" s="424"/>
      <c r="OKQ727" s="424"/>
      <c r="OKR727" s="424"/>
      <c r="OKS727" s="423" t="s">
        <v>2795</v>
      </c>
      <c r="OKT727" s="424"/>
      <c r="OKU727" s="424"/>
      <c r="OKV727" s="424"/>
      <c r="OKW727" s="423" t="s">
        <v>2795</v>
      </c>
      <c r="OKX727" s="424"/>
      <c r="OKY727" s="424"/>
      <c r="OKZ727" s="424"/>
      <c r="OLA727" s="423" t="s">
        <v>2795</v>
      </c>
      <c r="OLB727" s="424"/>
      <c r="OLC727" s="424"/>
      <c r="OLD727" s="424"/>
      <c r="OLE727" s="423" t="s">
        <v>2795</v>
      </c>
      <c r="OLF727" s="424"/>
      <c r="OLG727" s="424"/>
      <c r="OLH727" s="424"/>
      <c r="OLI727" s="423" t="s">
        <v>2795</v>
      </c>
      <c r="OLJ727" s="424"/>
      <c r="OLK727" s="424"/>
      <c r="OLL727" s="424"/>
      <c r="OLM727" s="423" t="s">
        <v>2795</v>
      </c>
      <c r="OLN727" s="424"/>
      <c r="OLO727" s="424"/>
      <c r="OLP727" s="424"/>
      <c r="OLQ727" s="423" t="s">
        <v>2795</v>
      </c>
      <c r="OLR727" s="424"/>
      <c r="OLS727" s="424"/>
      <c r="OLT727" s="424"/>
      <c r="OLU727" s="423" t="s">
        <v>2795</v>
      </c>
      <c r="OLV727" s="424"/>
      <c r="OLW727" s="424"/>
      <c r="OLX727" s="424"/>
      <c r="OLY727" s="423" t="s">
        <v>2795</v>
      </c>
      <c r="OLZ727" s="424"/>
      <c r="OMA727" s="424"/>
      <c r="OMB727" s="424"/>
      <c r="OMC727" s="423" t="s">
        <v>2795</v>
      </c>
      <c r="OMD727" s="424"/>
      <c r="OME727" s="424"/>
      <c r="OMF727" s="424"/>
      <c r="OMG727" s="423" t="s">
        <v>2795</v>
      </c>
      <c r="OMH727" s="424"/>
      <c r="OMI727" s="424"/>
      <c r="OMJ727" s="424"/>
      <c r="OMK727" s="423" t="s">
        <v>2795</v>
      </c>
      <c r="OML727" s="424"/>
      <c r="OMM727" s="424"/>
      <c r="OMN727" s="424"/>
      <c r="OMO727" s="423" t="s">
        <v>2795</v>
      </c>
      <c r="OMP727" s="424"/>
      <c r="OMQ727" s="424"/>
      <c r="OMR727" s="424"/>
      <c r="OMS727" s="423" t="s">
        <v>2795</v>
      </c>
      <c r="OMT727" s="424"/>
      <c r="OMU727" s="424"/>
      <c r="OMV727" s="424"/>
      <c r="OMW727" s="423" t="s">
        <v>2795</v>
      </c>
      <c r="OMX727" s="424"/>
      <c r="OMY727" s="424"/>
      <c r="OMZ727" s="424"/>
      <c r="ONA727" s="423" t="s">
        <v>2795</v>
      </c>
      <c r="ONB727" s="424"/>
      <c r="ONC727" s="424"/>
      <c r="OND727" s="424"/>
      <c r="ONE727" s="423" t="s">
        <v>2795</v>
      </c>
      <c r="ONF727" s="424"/>
      <c r="ONG727" s="424"/>
      <c r="ONH727" s="424"/>
      <c r="ONI727" s="423" t="s">
        <v>2795</v>
      </c>
      <c r="ONJ727" s="424"/>
      <c r="ONK727" s="424"/>
      <c r="ONL727" s="424"/>
      <c r="ONM727" s="423" t="s">
        <v>2795</v>
      </c>
      <c r="ONN727" s="424"/>
      <c r="ONO727" s="424"/>
      <c r="ONP727" s="424"/>
      <c r="ONQ727" s="423" t="s">
        <v>2795</v>
      </c>
      <c r="ONR727" s="424"/>
      <c r="ONS727" s="424"/>
      <c r="ONT727" s="424"/>
      <c r="ONU727" s="423" t="s">
        <v>2795</v>
      </c>
      <c r="ONV727" s="424"/>
      <c r="ONW727" s="424"/>
      <c r="ONX727" s="424"/>
      <c r="ONY727" s="423" t="s">
        <v>2795</v>
      </c>
      <c r="ONZ727" s="424"/>
      <c r="OOA727" s="424"/>
      <c r="OOB727" s="424"/>
      <c r="OOC727" s="423" t="s">
        <v>2795</v>
      </c>
      <c r="OOD727" s="424"/>
      <c r="OOE727" s="424"/>
      <c r="OOF727" s="424"/>
      <c r="OOG727" s="423" t="s">
        <v>2795</v>
      </c>
      <c r="OOH727" s="424"/>
      <c r="OOI727" s="424"/>
      <c r="OOJ727" s="424"/>
      <c r="OOK727" s="423" t="s">
        <v>2795</v>
      </c>
      <c r="OOL727" s="424"/>
      <c r="OOM727" s="424"/>
      <c r="OON727" s="424"/>
      <c r="OOO727" s="423" t="s">
        <v>2795</v>
      </c>
      <c r="OOP727" s="424"/>
      <c r="OOQ727" s="424"/>
      <c r="OOR727" s="424"/>
      <c r="OOS727" s="423" t="s">
        <v>2795</v>
      </c>
      <c r="OOT727" s="424"/>
      <c r="OOU727" s="424"/>
      <c r="OOV727" s="424"/>
      <c r="OOW727" s="423" t="s">
        <v>2795</v>
      </c>
      <c r="OOX727" s="424"/>
      <c r="OOY727" s="424"/>
      <c r="OOZ727" s="424"/>
      <c r="OPA727" s="423" t="s">
        <v>2795</v>
      </c>
      <c r="OPB727" s="424"/>
      <c r="OPC727" s="424"/>
      <c r="OPD727" s="424"/>
      <c r="OPE727" s="423" t="s">
        <v>2795</v>
      </c>
      <c r="OPF727" s="424"/>
      <c r="OPG727" s="424"/>
      <c r="OPH727" s="424"/>
      <c r="OPI727" s="423" t="s">
        <v>2795</v>
      </c>
      <c r="OPJ727" s="424"/>
      <c r="OPK727" s="424"/>
      <c r="OPL727" s="424"/>
      <c r="OPM727" s="423" t="s">
        <v>2795</v>
      </c>
      <c r="OPN727" s="424"/>
      <c r="OPO727" s="424"/>
      <c r="OPP727" s="424"/>
      <c r="OPQ727" s="423" t="s">
        <v>2795</v>
      </c>
      <c r="OPR727" s="424"/>
      <c r="OPS727" s="424"/>
      <c r="OPT727" s="424"/>
      <c r="OPU727" s="423" t="s">
        <v>2795</v>
      </c>
      <c r="OPV727" s="424"/>
      <c r="OPW727" s="424"/>
      <c r="OPX727" s="424"/>
      <c r="OPY727" s="423" t="s">
        <v>2795</v>
      </c>
      <c r="OPZ727" s="424"/>
      <c r="OQA727" s="424"/>
      <c r="OQB727" s="424"/>
      <c r="OQC727" s="423" t="s">
        <v>2795</v>
      </c>
      <c r="OQD727" s="424"/>
      <c r="OQE727" s="424"/>
      <c r="OQF727" s="424"/>
      <c r="OQG727" s="423" t="s">
        <v>2795</v>
      </c>
      <c r="OQH727" s="424"/>
      <c r="OQI727" s="424"/>
      <c r="OQJ727" s="424"/>
      <c r="OQK727" s="423" t="s">
        <v>2795</v>
      </c>
      <c r="OQL727" s="424"/>
      <c r="OQM727" s="424"/>
      <c r="OQN727" s="424"/>
      <c r="OQO727" s="423" t="s">
        <v>2795</v>
      </c>
      <c r="OQP727" s="424"/>
      <c r="OQQ727" s="424"/>
      <c r="OQR727" s="424"/>
      <c r="OQS727" s="423" t="s">
        <v>2795</v>
      </c>
      <c r="OQT727" s="424"/>
      <c r="OQU727" s="424"/>
      <c r="OQV727" s="424"/>
      <c r="OQW727" s="423" t="s">
        <v>2795</v>
      </c>
      <c r="OQX727" s="424"/>
      <c r="OQY727" s="424"/>
      <c r="OQZ727" s="424"/>
      <c r="ORA727" s="423" t="s">
        <v>2795</v>
      </c>
      <c r="ORB727" s="424"/>
      <c r="ORC727" s="424"/>
      <c r="ORD727" s="424"/>
      <c r="ORE727" s="423" t="s">
        <v>2795</v>
      </c>
      <c r="ORF727" s="424"/>
      <c r="ORG727" s="424"/>
      <c r="ORH727" s="424"/>
      <c r="ORI727" s="423" t="s">
        <v>2795</v>
      </c>
      <c r="ORJ727" s="424"/>
      <c r="ORK727" s="424"/>
      <c r="ORL727" s="424"/>
      <c r="ORM727" s="423" t="s">
        <v>2795</v>
      </c>
      <c r="ORN727" s="424"/>
      <c r="ORO727" s="424"/>
      <c r="ORP727" s="424"/>
      <c r="ORQ727" s="423" t="s">
        <v>2795</v>
      </c>
      <c r="ORR727" s="424"/>
      <c r="ORS727" s="424"/>
      <c r="ORT727" s="424"/>
      <c r="ORU727" s="423" t="s">
        <v>2795</v>
      </c>
      <c r="ORV727" s="424"/>
      <c r="ORW727" s="424"/>
      <c r="ORX727" s="424"/>
      <c r="ORY727" s="423" t="s">
        <v>2795</v>
      </c>
      <c r="ORZ727" s="424"/>
      <c r="OSA727" s="424"/>
      <c r="OSB727" s="424"/>
      <c r="OSC727" s="423" t="s">
        <v>2795</v>
      </c>
      <c r="OSD727" s="424"/>
      <c r="OSE727" s="424"/>
      <c r="OSF727" s="424"/>
      <c r="OSG727" s="423" t="s">
        <v>2795</v>
      </c>
      <c r="OSH727" s="424"/>
      <c r="OSI727" s="424"/>
      <c r="OSJ727" s="424"/>
      <c r="OSK727" s="423" t="s">
        <v>2795</v>
      </c>
      <c r="OSL727" s="424"/>
      <c r="OSM727" s="424"/>
      <c r="OSN727" s="424"/>
      <c r="OSO727" s="423" t="s">
        <v>2795</v>
      </c>
      <c r="OSP727" s="424"/>
      <c r="OSQ727" s="424"/>
      <c r="OSR727" s="424"/>
      <c r="OSS727" s="423" t="s">
        <v>2795</v>
      </c>
      <c r="OST727" s="424"/>
      <c r="OSU727" s="424"/>
      <c r="OSV727" s="424"/>
      <c r="OSW727" s="423" t="s">
        <v>2795</v>
      </c>
      <c r="OSX727" s="424"/>
      <c r="OSY727" s="424"/>
      <c r="OSZ727" s="424"/>
      <c r="OTA727" s="423" t="s">
        <v>2795</v>
      </c>
      <c r="OTB727" s="424"/>
      <c r="OTC727" s="424"/>
      <c r="OTD727" s="424"/>
      <c r="OTE727" s="423" t="s">
        <v>2795</v>
      </c>
      <c r="OTF727" s="424"/>
      <c r="OTG727" s="424"/>
      <c r="OTH727" s="424"/>
      <c r="OTI727" s="423" t="s">
        <v>2795</v>
      </c>
      <c r="OTJ727" s="424"/>
      <c r="OTK727" s="424"/>
      <c r="OTL727" s="424"/>
      <c r="OTM727" s="423" t="s">
        <v>2795</v>
      </c>
      <c r="OTN727" s="424"/>
      <c r="OTO727" s="424"/>
      <c r="OTP727" s="424"/>
      <c r="OTQ727" s="423" t="s">
        <v>2795</v>
      </c>
      <c r="OTR727" s="424"/>
      <c r="OTS727" s="424"/>
      <c r="OTT727" s="424"/>
      <c r="OTU727" s="423" t="s">
        <v>2795</v>
      </c>
      <c r="OTV727" s="424"/>
      <c r="OTW727" s="424"/>
      <c r="OTX727" s="424"/>
      <c r="OTY727" s="423" t="s">
        <v>2795</v>
      </c>
      <c r="OTZ727" s="424"/>
      <c r="OUA727" s="424"/>
      <c r="OUB727" s="424"/>
      <c r="OUC727" s="423" t="s">
        <v>2795</v>
      </c>
      <c r="OUD727" s="424"/>
      <c r="OUE727" s="424"/>
      <c r="OUF727" s="424"/>
      <c r="OUG727" s="423" t="s">
        <v>2795</v>
      </c>
      <c r="OUH727" s="424"/>
      <c r="OUI727" s="424"/>
      <c r="OUJ727" s="424"/>
      <c r="OUK727" s="423" t="s">
        <v>2795</v>
      </c>
      <c r="OUL727" s="424"/>
      <c r="OUM727" s="424"/>
      <c r="OUN727" s="424"/>
      <c r="OUO727" s="423" t="s">
        <v>2795</v>
      </c>
      <c r="OUP727" s="424"/>
      <c r="OUQ727" s="424"/>
      <c r="OUR727" s="424"/>
      <c r="OUS727" s="423" t="s">
        <v>2795</v>
      </c>
      <c r="OUT727" s="424"/>
      <c r="OUU727" s="424"/>
      <c r="OUV727" s="424"/>
      <c r="OUW727" s="423" t="s">
        <v>2795</v>
      </c>
      <c r="OUX727" s="424"/>
      <c r="OUY727" s="424"/>
      <c r="OUZ727" s="424"/>
      <c r="OVA727" s="423" t="s">
        <v>2795</v>
      </c>
      <c r="OVB727" s="424"/>
      <c r="OVC727" s="424"/>
      <c r="OVD727" s="424"/>
      <c r="OVE727" s="423" t="s">
        <v>2795</v>
      </c>
      <c r="OVF727" s="424"/>
      <c r="OVG727" s="424"/>
      <c r="OVH727" s="424"/>
      <c r="OVI727" s="423" t="s">
        <v>2795</v>
      </c>
      <c r="OVJ727" s="424"/>
      <c r="OVK727" s="424"/>
      <c r="OVL727" s="424"/>
      <c r="OVM727" s="423" t="s">
        <v>2795</v>
      </c>
      <c r="OVN727" s="424"/>
      <c r="OVO727" s="424"/>
      <c r="OVP727" s="424"/>
      <c r="OVQ727" s="423" t="s">
        <v>2795</v>
      </c>
      <c r="OVR727" s="424"/>
      <c r="OVS727" s="424"/>
      <c r="OVT727" s="424"/>
      <c r="OVU727" s="423" t="s">
        <v>2795</v>
      </c>
      <c r="OVV727" s="424"/>
      <c r="OVW727" s="424"/>
      <c r="OVX727" s="424"/>
      <c r="OVY727" s="423" t="s">
        <v>2795</v>
      </c>
      <c r="OVZ727" s="424"/>
      <c r="OWA727" s="424"/>
      <c r="OWB727" s="424"/>
      <c r="OWC727" s="423" t="s">
        <v>2795</v>
      </c>
      <c r="OWD727" s="424"/>
      <c r="OWE727" s="424"/>
      <c r="OWF727" s="424"/>
      <c r="OWG727" s="423" t="s">
        <v>2795</v>
      </c>
      <c r="OWH727" s="424"/>
      <c r="OWI727" s="424"/>
      <c r="OWJ727" s="424"/>
      <c r="OWK727" s="423" t="s">
        <v>2795</v>
      </c>
      <c r="OWL727" s="424"/>
      <c r="OWM727" s="424"/>
      <c r="OWN727" s="424"/>
      <c r="OWO727" s="423" t="s">
        <v>2795</v>
      </c>
      <c r="OWP727" s="424"/>
      <c r="OWQ727" s="424"/>
      <c r="OWR727" s="424"/>
      <c r="OWS727" s="423" t="s">
        <v>2795</v>
      </c>
      <c r="OWT727" s="424"/>
      <c r="OWU727" s="424"/>
      <c r="OWV727" s="424"/>
      <c r="OWW727" s="423" t="s">
        <v>2795</v>
      </c>
      <c r="OWX727" s="424"/>
      <c r="OWY727" s="424"/>
      <c r="OWZ727" s="424"/>
      <c r="OXA727" s="423" t="s">
        <v>2795</v>
      </c>
      <c r="OXB727" s="424"/>
      <c r="OXC727" s="424"/>
      <c r="OXD727" s="424"/>
      <c r="OXE727" s="423" t="s">
        <v>2795</v>
      </c>
      <c r="OXF727" s="424"/>
      <c r="OXG727" s="424"/>
      <c r="OXH727" s="424"/>
      <c r="OXI727" s="423" t="s">
        <v>2795</v>
      </c>
      <c r="OXJ727" s="424"/>
      <c r="OXK727" s="424"/>
      <c r="OXL727" s="424"/>
      <c r="OXM727" s="423" t="s">
        <v>2795</v>
      </c>
      <c r="OXN727" s="424"/>
      <c r="OXO727" s="424"/>
      <c r="OXP727" s="424"/>
      <c r="OXQ727" s="423" t="s">
        <v>2795</v>
      </c>
      <c r="OXR727" s="424"/>
      <c r="OXS727" s="424"/>
      <c r="OXT727" s="424"/>
      <c r="OXU727" s="423" t="s">
        <v>2795</v>
      </c>
      <c r="OXV727" s="424"/>
      <c r="OXW727" s="424"/>
      <c r="OXX727" s="424"/>
      <c r="OXY727" s="423" t="s">
        <v>2795</v>
      </c>
      <c r="OXZ727" s="424"/>
      <c r="OYA727" s="424"/>
      <c r="OYB727" s="424"/>
      <c r="OYC727" s="423" t="s">
        <v>2795</v>
      </c>
      <c r="OYD727" s="424"/>
      <c r="OYE727" s="424"/>
      <c r="OYF727" s="424"/>
      <c r="OYG727" s="423" t="s">
        <v>2795</v>
      </c>
      <c r="OYH727" s="424"/>
      <c r="OYI727" s="424"/>
      <c r="OYJ727" s="424"/>
      <c r="OYK727" s="423" t="s">
        <v>2795</v>
      </c>
      <c r="OYL727" s="424"/>
      <c r="OYM727" s="424"/>
      <c r="OYN727" s="424"/>
      <c r="OYO727" s="423" t="s">
        <v>2795</v>
      </c>
      <c r="OYP727" s="424"/>
      <c r="OYQ727" s="424"/>
      <c r="OYR727" s="424"/>
      <c r="OYS727" s="423" t="s">
        <v>2795</v>
      </c>
      <c r="OYT727" s="424"/>
      <c r="OYU727" s="424"/>
      <c r="OYV727" s="424"/>
      <c r="OYW727" s="423" t="s">
        <v>2795</v>
      </c>
      <c r="OYX727" s="424"/>
      <c r="OYY727" s="424"/>
      <c r="OYZ727" s="424"/>
      <c r="OZA727" s="423" t="s">
        <v>2795</v>
      </c>
      <c r="OZB727" s="424"/>
      <c r="OZC727" s="424"/>
      <c r="OZD727" s="424"/>
      <c r="OZE727" s="423" t="s">
        <v>2795</v>
      </c>
      <c r="OZF727" s="424"/>
      <c r="OZG727" s="424"/>
      <c r="OZH727" s="424"/>
      <c r="OZI727" s="423" t="s">
        <v>2795</v>
      </c>
      <c r="OZJ727" s="424"/>
      <c r="OZK727" s="424"/>
      <c r="OZL727" s="424"/>
      <c r="OZM727" s="423" t="s">
        <v>2795</v>
      </c>
      <c r="OZN727" s="424"/>
      <c r="OZO727" s="424"/>
      <c r="OZP727" s="424"/>
      <c r="OZQ727" s="423" t="s">
        <v>2795</v>
      </c>
      <c r="OZR727" s="424"/>
      <c r="OZS727" s="424"/>
      <c r="OZT727" s="424"/>
      <c r="OZU727" s="423" t="s">
        <v>2795</v>
      </c>
      <c r="OZV727" s="424"/>
      <c r="OZW727" s="424"/>
      <c r="OZX727" s="424"/>
      <c r="OZY727" s="423" t="s">
        <v>2795</v>
      </c>
      <c r="OZZ727" s="424"/>
      <c r="PAA727" s="424"/>
      <c r="PAB727" s="424"/>
      <c r="PAC727" s="423" t="s">
        <v>2795</v>
      </c>
      <c r="PAD727" s="424"/>
      <c r="PAE727" s="424"/>
      <c r="PAF727" s="424"/>
      <c r="PAG727" s="423" t="s">
        <v>2795</v>
      </c>
      <c r="PAH727" s="424"/>
      <c r="PAI727" s="424"/>
      <c r="PAJ727" s="424"/>
      <c r="PAK727" s="423" t="s">
        <v>2795</v>
      </c>
      <c r="PAL727" s="424"/>
      <c r="PAM727" s="424"/>
      <c r="PAN727" s="424"/>
      <c r="PAO727" s="423" t="s">
        <v>2795</v>
      </c>
      <c r="PAP727" s="424"/>
      <c r="PAQ727" s="424"/>
      <c r="PAR727" s="424"/>
      <c r="PAS727" s="423" t="s">
        <v>2795</v>
      </c>
      <c r="PAT727" s="424"/>
      <c r="PAU727" s="424"/>
      <c r="PAV727" s="424"/>
      <c r="PAW727" s="423" t="s">
        <v>2795</v>
      </c>
      <c r="PAX727" s="424"/>
      <c r="PAY727" s="424"/>
      <c r="PAZ727" s="424"/>
      <c r="PBA727" s="423" t="s">
        <v>2795</v>
      </c>
      <c r="PBB727" s="424"/>
      <c r="PBC727" s="424"/>
      <c r="PBD727" s="424"/>
      <c r="PBE727" s="423" t="s">
        <v>2795</v>
      </c>
      <c r="PBF727" s="424"/>
      <c r="PBG727" s="424"/>
      <c r="PBH727" s="424"/>
      <c r="PBI727" s="423" t="s">
        <v>2795</v>
      </c>
      <c r="PBJ727" s="424"/>
      <c r="PBK727" s="424"/>
      <c r="PBL727" s="424"/>
      <c r="PBM727" s="423" t="s">
        <v>2795</v>
      </c>
      <c r="PBN727" s="424"/>
      <c r="PBO727" s="424"/>
      <c r="PBP727" s="424"/>
      <c r="PBQ727" s="423" t="s">
        <v>2795</v>
      </c>
      <c r="PBR727" s="424"/>
      <c r="PBS727" s="424"/>
      <c r="PBT727" s="424"/>
      <c r="PBU727" s="423" t="s">
        <v>2795</v>
      </c>
      <c r="PBV727" s="424"/>
      <c r="PBW727" s="424"/>
      <c r="PBX727" s="424"/>
      <c r="PBY727" s="423" t="s">
        <v>2795</v>
      </c>
      <c r="PBZ727" s="424"/>
      <c r="PCA727" s="424"/>
      <c r="PCB727" s="424"/>
      <c r="PCC727" s="423" t="s">
        <v>2795</v>
      </c>
      <c r="PCD727" s="424"/>
      <c r="PCE727" s="424"/>
      <c r="PCF727" s="424"/>
      <c r="PCG727" s="423" t="s">
        <v>2795</v>
      </c>
      <c r="PCH727" s="424"/>
      <c r="PCI727" s="424"/>
      <c r="PCJ727" s="424"/>
      <c r="PCK727" s="423" t="s">
        <v>2795</v>
      </c>
      <c r="PCL727" s="424"/>
      <c r="PCM727" s="424"/>
      <c r="PCN727" s="424"/>
      <c r="PCO727" s="423" t="s">
        <v>2795</v>
      </c>
      <c r="PCP727" s="424"/>
      <c r="PCQ727" s="424"/>
      <c r="PCR727" s="424"/>
      <c r="PCS727" s="423" t="s">
        <v>2795</v>
      </c>
      <c r="PCT727" s="424"/>
      <c r="PCU727" s="424"/>
      <c r="PCV727" s="424"/>
      <c r="PCW727" s="423" t="s">
        <v>2795</v>
      </c>
      <c r="PCX727" s="424"/>
      <c r="PCY727" s="424"/>
      <c r="PCZ727" s="424"/>
      <c r="PDA727" s="423" t="s">
        <v>2795</v>
      </c>
      <c r="PDB727" s="424"/>
      <c r="PDC727" s="424"/>
      <c r="PDD727" s="424"/>
      <c r="PDE727" s="423" t="s">
        <v>2795</v>
      </c>
      <c r="PDF727" s="424"/>
      <c r="PDG727" s="424"/>
      <c r="PDH727" s="424"/>
      <c r="PDI727" s="423" t="s">
        <v>2795</v>
      </c>
      <c r="PDJ727" s="424"/>
      <c r="PDK727" s="424"/>
      <c r="PDL727" s="424"/>
      <c r="PDM727" s="423" t="s">
        <v>2795</v>
      </c>
      <c r="PDN727" s="424"/>
      <c r="PDO727" s="424"/>
      <c r="PDP727" s="424"/>
      <c r="PDQ727" s="423" t="s">
        <v>2795</v>
      </c>
      <c r="PDR727" s="424"/>
      <c r="PDS727" s="424"/>
      <c r="PDT727" s="424"/>
      <c r="PDU727" s="423" t="s">
        <v>2795</v>
      </c>
      <c r="PDV727" s="424"/>
      <c r="PDW727" s="424"/>
      <c r="PDX727" s="424"/>
      <c r="PDY727" s="423" t="s">
        <v>2795</v>
      </c>
      <c r="PDZ727" s="424"/>
      <c r="PEA727" s="424"/>
      <c r="PEB727" s="424"/>
      <c r="PEC727" s="423" t="s">
        <v>2795</v>
      </c>
      <c r="PED727" s="424"/>
      <c r="PEE727" s="424"/>
      <c r="PEF727" s="424"/>
      <c r="PEG727" s="423" t="s">
        <v>2795</v>
      </c>
      <c r="PEH727" s="424"/>
      <c r="PEI727" s="424"/>
      <c r="PEJ727" s="424"/>
      <c r="PEK727" s="423" t="s">
        <v>2795</v>
      </c>
      <c r="PEL727" s="424"/>
      <c r="PEM727" s="424"/>
      <c r="PEN727" s="424"/>
      <c r="PEO727" s="423" t="s">
        <v>2795</v>
      </c>
      <c r="PEP727" s="424"/>
      <c r="PEQ727" s="424"/>
      <c r="PER727" s="424"/>
      <c r="PES727" s="423" t="s">
        <v>2795</v>
      </c>
      <c r="PET727" s="424"/>
      <c r="PEU727" s="424"/>
      <c r="PEV727" s="424"/>
      <c r="PEW727" s="423" t="s">
        <v>2795</v>
      </c>
      <c r="PEX727" s="424"/>
      <c r="PEY727" s="424"/>
      <c r="PEZ727" s="424"/>
      <c r="PFA727" s="423" t="s">
        <v>2795</v>
      </c>
      <c r="PFB727" s="424"/>
      <c r="PFC727" s="424"/>
      <c r="PFD727" s="424"/>
      <c r="PFE727" s="423" t="s">
        <v>2795</v>
      </c>
      <c r="PFF727" s="424"/>
      <c r="PFG727" s="424"/>
      <c r="PFH727" s="424"/>
      <c r="PFI727" s="423" t="s">
        <v>2795</v>
      </c>
      <c r="PFJ727" s="424"/>
      <c r="PFK727" s="424"/>
      <c r="PFL727" s="424"/>
      <c r="PFM727" s="423" t="s">
        <v>2795</v>
      </c>
      <c r="PFN727" s="424"/>
      <c r="PFO727" s="424"/>
      <c r="PFP727" s="424"/>
      <c r="PFQ727" s="423" t="s">
        <v>2795</v>
      </c>
      <c r="PFR727" s="424"/>
      <c r="PFS727" s="424"/>
      <c r="PFT727" s="424"/>
      <c r="PFU727" s="423" t="s">
        <v>2795</v>
      </c>
      <c r="PFV727" s="424"/>
      <c r="PFW727" s="424"/>
      <c r="PFX727" s="424"/>
      <c r="PFY727" s="423" t="s">
        <v>2795</v>
      </c>
      <c r="PFZ727" s="424"/>
      <c r="PGA727" s="424"/>
      <c r="PGB727" s="424"/>
      <c r="PGC727" s="423" t="s">
        <v>2795</v>
      </c>
      <c r="PGD727" s="424"/>
      <c r="PGE727" s="424"/>
      <c r="PGF727" s="424"/>
      <c r="PGG727" s="423" t="s">
        <v>2795</v>
      </c>
      <c r="PGH727" s="424"/>
      <c r="PGI727" s="424"/>
      <c r="PGJ727" s="424"/>
      <c r="PGK727" s="423" t="s">
        <v>2795</v>
      </c>
      <c r="PGL727" s="424"/>
      <c r="PGM727" s="424"/>
      <c r="PGN727" s="424"/>
      <c r="PGO727" s="423" t="s">
        <v>2795</v>
      </c>
      <c r="PGP727" s="424"/>
      <c r="PGQ727" s="424"/>
      <c r="PGR727" s="424"/>
      <c r="PGS727" s="423" t="s">
        <v>2795</v>
      </c>
      <c r="PGT727" s="424"/>
      <c r="PGU727" s="424"/>
      <c r="PGV727" s="424"/>
      <c r="PGW727" s="423" t="s">
        <v>2795</v>
      </c>
      <c r="PGX727" s="424"/>
      <c r="PGY727" s="424"/>
      <c r="PGZ727" s="424"/>
      <c r="PHA727" s="423" t="s">
        <v>2795</v>
      </c>
      <c r="PHB727" s="424"/>
      <c r="PHC727" s="424"/>
      <c r="PHD727" s="424"/>
      <c r="PHE727" s="423" t="s">
        <v>2795</v>
      </c>
      <c r="PHF727" s="424"/>
      <c r="PHG727" s="424"/>
      <c r="PHH727" s="424"/>
      <c r="PHI727" s="423" t="s">
        <v>2795</v>
      </c>
      <c r="PHJ727" s="424"/>
      <c r="PHK727" s="424"/>
      <c r="PHL727" s="424"/>
      <c r="PHM727" s="423" t="s">
        <v>2795</v>
      </c>
      <c r="PHN727" s="424"/>
      <c r="PHO727" s="424"/>
      <c r="PHP727" s="424"/>
      <c r="PHQ727" s="423" t="s">
        <v>2795</v>
      </c>
      <c r="PHR727" s="424"/>
      <c r="PHS727" s="424"/>
      <c r="PHT727" s="424"/>
      <c r="PHU727" s="423" t="s">
        <v>2795</v>
      </c>
      <c r="PHV727" s="424"/>
      <c r="PHW727" s="424"/>
      <c r="PHX727" s="424"/>
      <c r="PHY727" s="423" t="s">
        <v>2795</v>
      </c>
      <c r="PHZ727" s="424"/>
      <c r="PIA727" s="424"/>
      <c r="PIB727" s="424"/>
      <c r="PIC727" s="423" t="s">
        <v>2795</v>
      </c>
      <c r="PID727" s="424"/>
      <c r="PIE727" s="424"/>
      <c r="PIF727" s="424"/>
      <c r="PIG727" s="423" t="s">
        <v>2795</v>
      </c>
      <c r="PIH727" s="424"/>
      <c r="PII727" s="424"/>
      <c r="PIJ727" s="424"/>
      <c r="PIK727" s="423" t="s">
        <v>2795</v>
      </c>
      <c r="PIL727" s="424"/>
      <c r="PIM727" s="424"/>
      <c r="PIN727" s="424"/>
      <c r="PIO727" s="423" t="s">
        <v>2795</v>
      </c>
      <c r="PIP727" s="424"/>
      <c r="PIQ727" s="424"/>
      <c r="PIR727" s="424"/>
      <c r="PIS727" s="423" t="s">
        <v>2795</v>
      </c>
      <c r="PIT727" s="424"/>
      <c r="PIU727" s="424"/>
      <c r="PIV727" s="424"/>
      <c r="PIW727" s="423" t="s">
        <v>2795</v>
      </c>
      <c r="PIX727" s="424"/>
      <c r="PIY727" s="424"/>
      <c r="PIZ727" s="424"/>
      <c r="PJA727" s="423" t="s">
        <v>2795</v>
      </c>
      <c r="PJB727" s="424"/>
      <c r="PJC727" s="424"/>
      <c r="PJD727" s="424"/>
      <c r="PJE727" s="423" t="s">
        <v>2795</v>
      </c>
      <c r="PJF727" s="424"/>
      <c r="PJG727" s="424"/>
      <c r="PJH727" s="424"/>
      <c r="PJI727" s="423" t="s">
        <v>2795</v>
      </c>
      <c r="PJJ727" s="424"/>
      <c r="PJK727" s="424"/>
      <c r="PJL727" s="424"/>
      <c r="PJM727" s="423" t="s">
        <v>2795</v>
      </c>
      <c r="PJN727" s="424"/>
      <c r="PJO727" s="424"/>
      <c r="PJP727" s="424"/>
      <c r="PJQ727" s="423" t="s">
        <v>2795</v>
      </c>
      <c r="PJR727" s="424"/>
      <c r="PJS727" s="424"/>
      <c r="PJT727" s="424"/>
      <c r="PJU727" s="423" t="s">
        <v>2795</v>
      </c>
      <c r="PJV727" s="424"/>
      <c r="PJW727" s="424"/>
      <c r="PJX727" s="424"/>
      <c r="PJY727" s="423" t="s">
        <v>2795</v>
      </c>
      <c r="PJZ727" s="424"/>
      <c r="PKA727" s="424"/>
      <c r="PKB727" s="424"/>
      <c r="PKC727" s="423" t="s">
        <v>2795</v>
      </c>
      <c r="PKD727" s="424"/>
      <c r="PKE727" s="424"/>
      <c r="PKF727" s="424"/>
      <c r="PKG727" s="423" t="s">
        <v>2795</v>
      </c>
      <c r="PKH727" s="424"/>
      <c r="PKI727" s="424"/>
      <c r="PKJ727" s="424"/>
      <c r="PKK727" s="423" t="s">
        <v>2795</v>
      </c>
      <c r="PKL727" s="424"/>
      <c r="PKM727" s="424"/>
      <c r="PKN727" s="424"/>
      <c r="PKO727" s="423" t="s">
        <v>2795</v>
      </c>
      <c r="PKP727" s="424"/>
      <c r="PKQ727" s="424"/>
      <c r="PKR727" s="424"/>
      <c r="PKS727" s="423" t="s">
        <v>2795</v>
      </c>
      <c r="PKT727" s="424"/>
      <c r="PKU727" s="424"/>
      <c r="PKV727" s="424"/>
      <c r="PKW727" s="423" t="s">
        <v>2795</v>
      </c>
      <c r="PKX727" s="424"/>
      <c r="PKY727" s="424"/>
      <c r="PKZ727" s="424"/>
      <c r="PLA727" s="423" t="s">
        <v>2795</v>
      </c>
      <c r="PLB727" s="424"/>
      <c r="PLC727" s="424"/>
      <c r="PLD727" s="424"/>
      <c r="PLE727" s="423" t="s">
        <v>2795</v>
      </c>
      <c r="PLF727" s="424"/>
      <c r="PLG727" s="424"/>
      <c r="PLH727" s="424"/>
      <c r="PLI727" s="423" t="s">
        <v>2795</v>
      </c>
      <c r="PLJ727" s="424"/>
      <c r="PLK727" s="424"/>
      <c r="PLL727" s="424"/>
      <c r="PLM727" s="423" t="s">
        <v>2795</v>
      </c>
      <c r="PLN727" s="424"/>
      <c r="PLO727" s="424"/>
      <c r="PLP727" s="424"/>
      <c r="PLQ727" s="423" t="s">
        <v>2795</v>
      </c>
      <c r="PLR727" s="424"/>
      <c r="PLS727" s="424"/>
      <c r="PLT727" s="424"/>
      <c r="PLU727" s="423" t="s">
        <v>2795</v>
      </c>
      <c r="PLV727" s="424"/>
      <c r="PLW727" s="424"/>
      <c r="PLX727" s="424"/>
      <c r="PLY727" s="423" t="s">
        <v>2795</v>
      </c>
      <c r="PLZ727" s="424"/>
      <c r="PMA727" s="424"/>
      <c r="PMB727" s="424"/>
      <c r="PMC727" s="423" t="s">
        <v>2795</v>
      </c>
      <c r="PMD727" s="424"/>
      <c r="PME727" s="424"/>
      <c r="PMF727" s="424"/>
      <c r="PMG727" s="423" t="s">
        <v>2795</v>
      </c>
      <c r="PMH727" s="424"/>
      <c r="PMI727" s="424"/>
      <c r="PMJ727" s="424"/>
      <c r="PMK727" s="423" t="s">
        <v>2795</v>
      </c>
      <c r="PML727" s="424"/>
      <c r="PMM727" s="424"/>
      <c r="PMN727" s="424"/>
      <c r="PMO727" s="423" t="s">
        <v>2795</v>
      </c>
      <c r="PMP727" s="424"/>
      <c r="PMQ727" s="424"/>
      <c r="PMR727" s="424"/>
      <c r="PMS727" s="423" t="s">
        <v>2795</v>
      </c>
      <c r="PMT727" s="424"/>
      <c r="PMU727" s="424"/>
      <c r="PMV727" s="424"/>
      <c r="PMW727" s="423" t="s">
        <v>2795</v>
      </c>
      <c r="PMX727" s="424"/>
      <c r="PMY727" s="424"/>
      <c r="PMZ727" s="424"/>
      <c r="PNA727" s="423" t="s">
        <v>2795</v>
      </c>
      <c r="PNB727" s="424"/>
      <c r="PNC727" s="424"/>
      <c r="PND727" s="424"/>
      <c r="PNE727" s="423" t="s">
        <v>2795</v>
      </c>
      <c r="PNF727" s="424"/>
      <c r="PNG727" s="424"/>
      <c r="PNH727" s="424"/>
      <c r="PNI727" s="423" t="s">
        <v>2795</v>
      </c>
      <c r="PNJ727" s="424"/>
      <c r="PNK727" s="424"/>
      <c r="PNL727" s="424"/>
      <c r="PNM727" s="423" t="s">
        <v>2795</v>
      </c>
      <c r="PNN727" s="424"/>
      <c r="PNO727" s="424"/>
      <c r="PNP727" s="424"/>
      <c r="PNQ727" s="423" t="s">
        <v>2795</v>
      </c>
      <c r="PNR727" s="424"/>
      <c r="PNS727" s="424"/>
      <c r="PNT727" s="424"/>
      <c r="PNU727" s="423" t="s">
        <v>2795</v>
      </c>
      <c r="PNV727" s="424"/>
      <c r="PNW727" s="424"/>
      <c r="PNX727" s="424"/>
      <c r="PNY727" s="423" t="s">
        <v>2795</v>
      </c>
      <c r="PNZ727" s="424"/>
      <c r="POA727" s="424"/>
      <c r="POB727" s="424"/>
      <c r="POC727" s="423" t="s">
        <v>2795</v>
      </c>
      <c r="POD727" s="424"/>
      <c r="POE727" s="424"/>
      <c r="POF727" s="424"/>
      <c r="POG727" s="423" t="s">
        <v>2795</v>
      </c>
      <c r="POH727" s="424"/>
      <c r="POI727" s="424"/>
      <c r="POJ727" s="424"/>
      <c r="POK727" s="423" t="s">
        <v>2795</v>
      </c>
      <c r="POL727" s="424"/>
      <c r="POM727" s="424"/>
      <c r="PON727" s="424"/>
      <c r="POO727" s="423" t="s">
        <v>2795</v>
      </c>
      <c r="POP727" s="424"/>
      <c r="POQ727" s="424"/>
      <c r="POR727" s="424"/>
      <c r="POS727" s="423" t="s">
        <v>2795</v>
      </c>
      <c r="POT727" s="424"/>
      <c r="POU727" s="424"/>
      <c r="POV727" s="424"/>
      <c r="POW727" s="423" t="s">
        <v>2795</v>
      </c>
      <c r="POX727" s="424"/>
      <c r="POY727" s="424"/>
      <c r="POZ727" s="424"/>
      <c r="PPA727" s="423" t="s">
        <v>2795</v>
      </c>
      <c r="PPB727" s="424"/>
      <c r="PPC727" s="424"/>
      <c r="PPD727" s="424"/>
      <c r="PPE727" s="423" t="s">
        <v>2795</v>
      </c>
      <c r="PPF727" s="424"/>
      <c r="PPG727" s="424"/>
      <c r="PPH727" s="424"/>
      <c r="PPI727" s="423" t="s">
        <v>2795</v>
      </c>
      <c r="PPJ727" s="424"/>
      <c r="PPK727" s="424"/>
      <c r="PPL727" s="424"/>
      <c r="PPM727" s="423" t="s">
        <v>2795</v>
      </c>
      <c r="PPN727" s="424"/>
      <c r="PPO727" s="424"/>
      <c r="PPP727" s="424"/>
      <c r="PPQ727" s="423" t="s">
        <v>2795</v>
      </c>
      <c r="PPR727" s="424"/>
      <c r="PPS727" s="424"/>
      <c r="PPT727" s="424"/>
      <c r="PPU727" s="423" t="s">
        <v>2795</v>
      </c>
      <c r="PPV727" s="424"/>
      <c r="PPW727" s="424"/>
      <c r="PPX727" s="424"/>
      <c r="PPY727" s="423" t="s">
        <v>2795</v>
      </c>
      <c r="PPZ727" s="424"/>
      <c r="PQA727" s="424"/>
      <c r="PQB727" s="424"/>
      <c r="PQC727" s="423" t="s">
        <v>2795</v>
      </c>
      <c r="PQD727" s="424"/>
      <c r="PQE727" s="424"/>
      <c r="PQF727" s="424"/>
      <c r="PQG727" s="423" t="s">
        <v>2795</v>
      </c>
      <c r="PQH727" s="424"/>
      <c r="PQI727" s="424"/>
      <c r="PQJ727" s="424"/>
      <c r="PQK727" s="423" t="s">
        <v>2795</v>
      </c>
      <c r="PQL727" s="424"/>
      <c r="PQM727" s="424"/>
      <c r="PQN727" s="424"/>
      <c r="PQO727" s="423" t="s">
        <v>2795</v>
      </c>
      <c r="PQP727" s="424"/>
      <c r="PQQ727" s="424"/>
      <c r="PQR727" s="424"/>
      <c r="PQS727" s="423" t="s">
        <v>2795</v>
      </c>
      <c r="PQT727" s="424"/>
      <c r="PQU727" s="424"/>
      <c r="PQV727" s="424"/>
      <c r="PQW727" s="423" t="s">
        <v>2795</v>
      </c>
      <c r="PQX727" s="424"/>
      <c r="PQY727" s="424"/>
      <c r="PQZ727" s="424"/>
      <c r="PRA727" s="423" t="s">
        <v>2795</v>
      </c>
      <c r="PRB727" s="424"/>
      <c r="PRC727" s="424"/>
      <c r="PRD727" s="424"/>
      <c r="PRE727" s="423" t="s">
        <v>2795</v>
      </c>
      <c r="PRF727" s="424"/>
      <c r="PRG727" s="424"/>
      <c r="PRH727" s="424"/>
      <c r="PRI727" s="423" t="s">
        <v>2795</v>
      </c>
      <c r="PRJ727" s="424"/>
      <c r="PRK727" s="424"/>
      <c r="PRL727" s="424"/>
      <c r="PRM727" s="423" t="s">
        <v>2795</v>
      </c>
      <c r="PRN727" s="424"/>
      <c r="PRO727" s="424"/>
      <c r="PRP727" s="424"/>
      <c r="PRQ727" s="423" t="s">
        <v>2795</v>
      </c>
      <c r="PRR727" s="424"/>
      <c r="PRS727" s="424"/>
      <c r="PRT727" s="424"/>
      <c r="PRU727" s="423" t="s">
        <v>2795</v>
      </c>
      <c r="PRV727" s="424"/>
      <c r="PRW727" s="424"/>
      <c r="PRX727" s="424"/>
      <c r="PRY727" s="423" t="s">
        <v>2795</v>
      </c>
      <c r="PRZ727" s="424"/>
      <c r="PSA727" s="424"/>
      <c r="PSB727" s="424"/>
      <c r="PSC727" s="423" t="s">
        <v>2795</v>
      </c>
      <c r="PSD727" s="424"/>
      <c r="PSE727" s="424"/>
      <c r="PSF727" s="424"/>
      <c r="PSG727" s="423" t="s">
        <v>2795</v>
      </c>
      <c r="PSH727" s="424"/>
      <c r="PSI727" s="424"/>
      <c r="PSJ727" s="424"/>
      <c r="PSK727" s="423" t="s">
        <v>2795</v>
      </c>
      <c r="PSL727" s="424"/>
      <c r="PSM727" s="424"/>
      <c r="PSN727" s="424"/>
      <c r="PSO727" s="423" t="s">
        <v>2795</v>
      </c>
      <c r="PSP727" s="424"/>
      <c r="PSQ727" s="424"/>
      <c r="PSR727" s="424"/>
      <c r="PSS727" s="423" t="s">
        <v>2795</v>
      </c>
      <c r="PST727" s="424"/>
      <c r="PSU727" s="424"/>
      <c r="PSV727" s="424"/>
      <c r="PSW727" s="423" t="s">
        <v>2795</v>
      </c>
      <c r="PSX727" s="424"/>
      <c r="PSY727" s="424"/>
      <c r="PSZ727" s="424"/>
      <c r="PTA727" s="423" t="s">
        <v>2795</v>
      </c>
      <c r="PTB727" s="424"/>
      <c r="PTC727" s="424"/>
      <c r="PTD727" s="424"/>
      <c r="PTE727" s="423" t="s">
        <v>2795</v>
      </c>
      <c r="PTF727" s="424"/>
      <c r="PTG727" s="424"/>
      <c r="PTH727" s="424"/>
      <c r="PTI727" s="423" t="s">
        <v>2795</v>
      </c>
      <c r="PTJ727" s="424"/>
      <c r="PTK727" s="424"/>
      <c r="PTL727" s="424"/>
      <c r="PTM727" s="423" t="s">
        <v>2795</v>
      </c>
      <c r="PTN727" s="424"/>
      <c r="PTO727" s="424"/>
      <c r="PTP727" s="424"/>
      <c r="PTQ727" s="423" t="s">
        <v>2795</v>
      </c>
      <c r="PTR727" s="424"/>
      <c r="PTS727" s="424"/>
      <c r="PTT727" s="424"/>
      <c r="PTU727" s="423" t="s">
        <v>2795</v>
      </c>
      <c r="PTV727" s="424"/>
      <c r="PTW727" s="424"/>
      <c r="PTX727" s="424"/>
      <c r="PTY727" s="423" t="s">
        <v>2795</v>
      </c>
      <c r="PTZ727" s="424"/>
      <c r="PUA727" s="424"/>
      <c r="PUB727" s="424"/>
      <c r="PUC727" s="423" t="s">
        <v>2795</v>
      </c>
      <c r="PUD727" s="424"/>
      <c r="PUE727" s="424"/>
      <c r="PUF727" s="424"/>
      <c r="PUG727" s="423" t="s">
        <v>2795</v>
      </c>
      <c r="PUH727" s="424"/>
      <c r="PUI727" s="424"/>
      <c r="PUJ727" s="424"/>
      <c r="PUK727" s="423" t="s">
        <v>2795</v>
      </c>
      <c r="PUL727" s="424"/>
      <c r="PUM727" s="424"/>
      <c r="PUN727" s="424"/>
      <c r="PUO727" s="423" t="s">
        <v>2795</v>
      </c>
      <c r="PUP727" s="424"/>
      <c r="PUQ727" s="424"/>
      <c r="PUR727" s="424"/>
      <c r="PUS727" s="423" t="s">
        <v>2795</v>
      </c>
      <c r="PUT727" s="424"/>
      <c r="PUU727" s="424"/>
      <c r="PUV727" s="424"/>
      <c r="PUW727" s="423" t="s">
        <v>2795</v>
      </c>
      <c r="PUX727" s="424"/>
      <c r="PUY727" s="424"/>
      <c r="PUZ727" s="424"/>
      <c r="PVA727" s="423" t="s">
        <v>2795</v>
      </c>
      <c r="PVB727" s="424"/>
      <c r="PVC727" s="424"/>
      <c r="PVD727" s="424"/>
      <c r="PVE727" s="423" t="s">
        <v>2795</v>
      </c>
      <c r="PVF727" s="424"/>
      <c r="PVG727" s="424"/>
      <c r="PVH727" s="424"/>
      <c r="PVI727" s="423" t="s">
        <v>2795</v>
      </c>
      <c r="PVJ727" s="424"/>
      <c r="PVK727" s="424"/>
      <c r="PVL727" s="424"/>
      <c r="PVM727" s="423" t="s">
        <v>2795</v>
      </c>
      <c r="PVN727" s="424"/>
      <c r="PVO727" s="424"/>
      <c r="PVP727" s="424"/>
      <c r="PVQ727" s="423" t="s">
        <v>2795</v>
      </c>
      <c r="PVR727" s="424"/>
      <c r="PVS727" s="424"/>
      <c r="PVT727" s="424"/>
      <c r="PVU727" s="423" t="s">
        <v>2795</v>
      </c>
      <c r="PVV727" s="424"/>
      <c r="PVW727" s="424"/>
      <c r="PVX727" s="424"/>
      <c r="PVY727" s="423" t="s">
        <v>2795</v>
      </c>
      <c r="PVZ727" s="424"/>
      <c r="PWA727" s="424"/>
      <c r="PWB727" s="424"/>
      <c r="PWC727" s="423" t="s">
        <v>2795</v>
      </c>
      <c r="PWD727" s="424"/>
      <c r="PWE727" s="424"/>
      <c r="PWF727" s="424"/>
      <c r="PWG727" s="423" t="s">
        <v>2795</v>
      </c>
      <c r="PWH727" s="424"/>
      <c r="PWI727" s="424"/>
      <c r="PWJ727" s="424"/>
      <c r="PWK727" s="423" t="s">
        <v>2795</v>
      </c>
      <c r="PWL727" s="424"/>
      <c r="PWM727" s="424"/>
      <c r="PWN727" s="424"/>
      <c r="PWO727" s="423" t="s">
        <v>2795</v>
      </c>
      <c r="PWP727" s="424"/>
      <c r="PWQ727" s="424"/>
      <c r="PWR727" s="424"/>
      <c r="PWS727" s="423" t="s">
        <v>2795</v>
      </c>
      <c r="PWT727" s="424"/>
      <c r="PWU727" s="424"/>
      <c r="PWV727" s="424"/>
      <c r="PWW727" s="423" t="s">
        <v>2795</v>
      </c>
      <c r="PWX727" s="424"/>
      <c r="PWY727" s="424"/>
      <c r="PWZ727" s="424"/>
      <c r="PXA727" s="423" t="s">
        <v>2795</v>
      </c>
      <c r="PXB727" s="424"/>
      <c r="PXC727" s="424"/>
      <c r="PXD727" s="424"/>
      <c r="PXE727" s="423" t="s">
        <v>2795</v>
      </c>
      <c r="PXF727" s="424"/>
      <c r="PXG727" s="424"/>
      <c r="PXH727" s="424"/>
      <c r="PXI727" s="423" t="s">
        <v>2795</v>
      </c>
      <c r="PXJ727" s="424"/>
      <c r="PXK727" s="424"/>
      <c r="PXL727" s="424"/>
      <c r="PXM727" s="423" t="s">
        <v>2795</v>
      </c>
      <c r="PXN727" s="424"/>
      <c r="PXO727" s="424"/>
      <c r="PXP727" s="424"/>
      <c r="PXQ727" s="423" t="s">
        <v>2795</v>
      </c>
      <c r="PXR727" s="424"/>
      <c r="PXS727" s="424"/>
      <c r="PXT727" s="424"/>
      <c r="PXU727" s="423" t="s">
        <v>2795</v>
      </c>
      <c r="PXV727" s="424"/>
      <c r="PXW727" s="424"/>
      <c r="PXX727" s="424"/>
      <c r="PXY727" s="423" t="s">
        <v>2795</v>
      </c>
      <c r="PXZ727" s="424"/>
      <c r="PYA727" s="424"/>
      <c r="PYB727" s="424"/>
      <c r="PYC727" s="423" t="s">
        <v>2795</v>
      </c>
      <c r="PYD727" s="424"/>
      <c r="PYE727" s="424"/>
      <c r="PYF727" s="424"/>
      <c r="PYG727" s="423" t="s">
        <v>2795</v>
      </c>
      <c r="PYH727" s="424"/>
      <c r="PYI727" s="424"/>
      <c r="PYJ727" s="424"/>
      <c r="PYK727" s="423" t="s">
        <v>2795</v>
      </c>
      <c r="PYL727" s="424"/>
      <c r="PYM727" s="424"/>
      <c r="PYN727" s="424"/>
      <c r="PYO727" s="423" t="s">
        <v>2795</v>
      </c>
      <c r="PYP727" s="424"/>
      <c r="PYQ727" s="424"/>
      <c r="PYR727" s="424"/>
      <c r="PYS727" s="423" t="s">
        <v>2795</v>
      </c>
      <c r="PYT727" s="424"/>
      <c r="PYU727" s="424"/>
      <c r="PYV727" s="424"/>
      <c r="PYW727" s="423" t="s">
        <v>2795</v>
      </c>
      <c r="PYX727" s="424"/>
      <c r="PYY727" s="424"/>
      <c r="PYZ727" s="424"/>
      <c r="PZA727" s="423" t="s">
        <v>2795</v>
      </c>
      <c r="PZB727" s="424"/>
      <c r="PZC727" s="424"/>
      <c r="PZD727" s="424"/>
      <c r="PZE727" s="423" t="s">
        <v>2795</v>
      </c>
      <c r="PZF727" s="424"/>
      <c r="PZG727" s="424"/>
      <c r="PZH727" s="424"/>
      <c r="PZI727" s="423" t="s">
        <v>2795</v>
      </c>
      <c r="PZJ727" s="424"/>
      <c r="PZK727" s="424"/>
      <c r="PZL727" s="424"/>
      <c r="PZM727" s="423" t="s">
        <v>2795</v>
      </c>
      <c r="PZN727" s="424"/>
      <c r="PZO727" s="424"/>
      <c r="PZP727" s="424"/>
      <c r="PZQ727" s="423" t="s">
        <v>2795</v>
      </c>
      <c r="PZR727" s="424"/>
      <c r="PZS727" s="424"/>
      <c r="PZT727" s="424"/>
      <c r="PZU727" s="423" t="s">
        <v>2795</v>
      </c>
      <c r="PZV727" s="424"/>
      <c r="PZW727" s="424"/>
      <c r="PZX727" s="424"/>
      <c r="PZY727" s="423" t="s">
        <v>2795</v>
      </c>
      <c r="PZZ727" s="424"/>
      <c r="QAA727" s="424"/>
      <c r="QAB727" s="424"/>
      <c r="QAC727" s="423" t="s">
        <v>2795</v>
      </c>
      <c r="QAD727" s="424"/>
      <c r="QAE727" s="424"/>
      <c r="QAF727" s="424"/>
      <c r="QAG727" s="423" t="s">
        <v>2795</v>
      </c>
      <c r="QAH727" s="424"/>
      <c r="QAI727" s="424"/>
      <c r="QAJ727" s="424"/>
      <c r="QAK727" s="423" t="s">
        <v>2795</v>
      </c>
      <c r="QAL727" s="424"/>
      <c r="QAM727" s="424"/>
      <c r="QAN727" s="424"/>
      <c r="QAO727" s="423" t="s">
        <v>2795</v>
      </c>
      <c r="QAP727" s="424"/>
      <c r="QAQ727" s="424"/>
      <c r="QAR727" s="424"/>
      <c r="QAS727" s="423" t="s">
        <v>2795</v>
      </c>
      <c r="QAT727" s="424"/>
      <c r="QAU727" s="424"/>
      <c r="QAV727" s="424"/>
      <c r="QAW727" s="423" t="s">
        <v>2795</v>
      </c>
      <c r="QAX727" s="424"/>
      <c r="QAY727" s="424"/>
      <c r="QAZ727" s="424"/>
      <c r="QBA727" s="423" t="s">
        <v>2795</v>
      </c>
      <c r="QBB727" s="424"/>
      <c r="QBC727" s="424"/>
      <c r="QBD727" s="424"/>
      <c r="QBE727" s="423" t="s">
        <v>2795</v>
      </c>
      <c r="QBF727" s="424"/>
      <c r="QBG727" s="424"/>
      <c r="QBH727" s="424"/>
      <c r="QBI727" s="423" t="s">
        <v>2795</v>
      </c>
      <c r="QBJ727" s="424"/>
      <c r="QBK727" s="424"/>
      <c r="QBL727" s="424"/>
      <c r="QBM727" s="423" t="s">
        <v>2795</v>
      </c>
      <c r="QBN727" s="424"/>
      <c r="QBO727" s="424"/>
      <c r="QBP727" s="424"/>
      <c r="QBQ727" s="423" t="s">
        <v>2795</v>
      </c>
      <c r="QBR727" s="424"/>
      <c r="QBS727" s="424"/>
      <c r="QBT727" s="424"/>
      <c r="QBU727" s="423" t="s">
        <v>2795</v>
      </c>
      <c r="QBV727" s="424"/>
      <c r="QBW727" s="424"/>
      <c r="QBX727" s="424"/>
      <c r="QBY727" s="423" t="s">
        <v>2795</v>
      </c>
      <c r="QBZ727" s="424"/>
      <c r="QCA727" s="424"/>
      <c r="QCB727" s="424"/>
      <c r="QCC727" s="423" t="s">
        <v>2795</v>
      </c>
      <c r="QCD727" s="424"/>
      <c r="QCE727" s="424"/>
      <c r="QCF727" s="424"/>
      <c r="QCG727" s="423" t="s">
        <v>2795</v>
      </c>
      <c r="QCH727" s="424"/>
      <c r="QCI727" s="424"/>
      <c r="QCJ727" s="424"/>
      <c r="QCK727" s="423" t="s">
        <v>2795</v>
      </c>
      <c r="QCL727" s="424"/>
      <c r="QCM727" s="424"/>
      <c r="QCN727" s="424"/>
      <c r="QCO727" s="423" t="s">
        <v>2795</v>
      </c>
      <c r="QCP727" s="424"/>
      <c r="QCQ727" s="424"/>
      <c r="QCR727" s="424"/>
      <c r="QCS727" s="423" t="s">
        <v>2795</v>
      </c>
      <c r="QCT727" s="424"/>
      <c r="QCU727" s="424"/>
      <c r="QCV727" s="424"/>
      <c r="QCW727" s="423" t="s">
        <v>2795</v>
      </c>
      <c r="QCX727" s="424"/>
      <c r="QCY727" s="424"/>
      <c r="QCZ727" s="424"/>
      <c r="QDA727" s="423" t="s">
        <v>2795</v>
      </c>
      <c r="QDB727" s="424"/>
      <c r="QDC727" s="424"/>
      <c r="QDD727" s="424"/>
      <c r="QDE727" s="423" t="s">
        <v>2795</v>
      </c>
      <c r="QDF727" s="424"/>
      <c r="QDG727" s="424"/>
      <c r="QDH727" s="424"/>
      <c r="QDI727" s="423" t="s">
        <v>2795</v>
      </c>
      <c r="QDJ727" s="424"/>
      <c r="QDK727" s="424"/>
      <c r="QDL727" s="424"/>
      <c r="QDM727" s="423" t="s">
        <v>2795</v>
      </c>
      <c r="QDN727" s="424"/>
      <c r="QDO727" s="424"/>
      <c r="QDP727" s="424"/>
      <c r="QDQ727" s="423" t="s">
        <v>2795</v>
      </c>
      <c r="QDR727" s="424"/>
      <c r="QDS727" s="424"/>
      <c r="QDT727" s="424"/>
      <c r="QDU727" s="423" t="s">
        <v>2795</v>
      </c>
      <c r="QDV727" s="424"/>
      <c r="QDW727" s="424"/>
      <c r="QDX727" s="424"/>
      <c r="QDY727" s="423" t="s">
        <v>2795</v>
      </c>
      <c r="QDZ727" s="424"/>
      <c r="QEA727" s="424"/>
      <c r="QEB727" s="424"/>
      <c r="QEC727" s="423" t="s">
        <v>2795</v>
      </c>
      <c r="QED727" s="424"/>
      <c r="QEE727" s="424"/>
      <c r="QEF727" s="424"/>
      <c r="QEG727" s="423" t="s">
        <v>2795</v>
      </c>
      <c r="QEH727" s="424"/>
      <c r="QEI727" s="424"/>
      <c r="QEJ727" s="424"/>
      <c r="QEK727" s="423" t="s">
        <v>2795</v>
      </c>
      <c r="QEL727" s="424"/>
      <c r="QEM727" s="424"/>
      <c r="QEN727" s="424"/>
      <c r="QEO727" s="423" t="s">
        <v>2795</v>
      </c>
      <c r="QEP727" s="424"/>
      <c r="QEQ727" s="424"/>
      <c r="QER727" s="424"/>
      <c r="QES727" s="423" t="s">
        <v>2795</v>
      </c>
      <c r="QET727" s="424"/>
      <c r="QEU727" s="424"/>
      <c r="QEV727" s="424"/>
      <c r="QEW727" s="423" t="s">
        <v>2795</v>
      </c>
      <c r="QEX727" s="424"/>
      <c r="QEY727" s="424"/>
      <c r="QEZ727" s="424"/>
      <c r="QFA727" s="423" t="s">
        <v>2795</v>
      </c>
      <c r="QFB727" s="424"/>
      <c r="QFC727" s="424"/>
      <c r="QFD727" s="424"/>
      <c r="QFE727" s="423" t="s">
        <v>2795</v>
      </c>
      <c r="QFF727" s="424"/>
      <c r="QFG727" s="424"/>
      <c r="QFH727" s="424"/>
      <c r="QFI727" s="423" t="s">
        <v>2795</v>
      </c>
      <c r="QFJ727" s="424"/>
      <c r="QFK727" s="424"/>
      <c r="QFL727" s="424"/>
      <c r="QFM727" s="423" t="s">
        <v>2795</v>
      </c>
      <c r="QFN727" s="424"/>
      <c r="QFO727" s="424"/>
      <c r="QFP727" s="424"/>
      <c r="QFQ727" s="423" t="s">
        <v>2795</v>
      </c>
      <c r="QFR727" s="424"/>
      <c r="QFS727" s="424"/>
      <c r="QFT727" s="424"/>
      <c r="QFU727" s="423" t="s">
        <v>2795</v>
      </c>
      <c r="QFV727" s="424"/>
      <c r="QFW727" s="424"/>
      <c r="QFX727" s="424"/>
      <c r="QFY727" s="423" t="s">
        <v>2795</v>
      </c>
      <c r="QFZ727" s="424"/>
      <c r="QGA727" s="424"/>
      <c r="QGB727" s="424"/>
      <c r="QGC727" s="423" t="s">
        <v>2795</v>
      </c>
      <c r="QGD727" s="424"/>
      <c r="QGE727" s="424"/>
      <c r="QGF727" s="424"/>
      <c r="QGG727" s="423" t="s">
        <v>2795</v>
      </c>
      <c r="QGH727" s="424"/>
      <c r="QGI727" s="424"/>
      <c r="QGJ727" s="424"/>
      <c r="QGK727" s="423" t="s">
        <v>2795</v>
      </c>
      <c r="QGL727" s="424"/>
      <c r="QGM727" s="424"/>
      <c r="QGN727" s="424"/>
      <c r="QGO727" s="423" t="s">
        <v>2795</v>
      </c>
      <c r="QGP727" s="424"/>
      <c r="QGQ727" s="424"/>
      <c r="QGR727" s="424"/>
      <c r="QGS727" s="423" t="s">
        <v>2795</v>
      </c>
      <c r="QGT727" s="424"/>
      <c r="QGU727" s="424"/>
      <c r="QGV727" s="424"/>
      <c r="QGW727" s="423" t="s">
        <v>2795</v>
      </c>
      <c r="QGX727" s="424"/>
      <c r="QGY727" s="424"/>
      <c r="QGZ727" s="424"/>
      <c r="QHA727" s="423" t="s">
        <v>2795</v>
      </c>
      <c r="QHB727" s="424"/>
      <c r="QHC727" s="424"/>
      <c r="QHD727" s="424"/>
      <c r="QHE727" s="423" t="s">
        <v>2795</v>
      </c>
      <c r="QHF727" s="424"/>
      <c r="QHG727" s="424"/>
      <c r="QHH727" s="424"/>
      <c r="QHI727" s="423" t="s">
        <v>2795</v>
      </c>
      <c r="QHJ727" s="424"/>
      <c r="QHK727" s="424"/>
      <c r="QHL727" s="424"/>
      <c r="QHM727" s="423" t="s">
        <v>2795</v>
      </c>
      <c r="QHN727" s="424"/>
      <c r="QHO727" s="424"/>
      <c r="QHP727" s="424"/>
      <c r="QHQ727" s="423" t="s">
        <v>2795</v>
      </c>
      <c r="QHR727" s="424"/>
      <c r="QHS727" s="424"/>
      <c r="QHT727" s="424"/>
      <c r="QHU727" s="423" t="s">
        <v>2795</v>
      </c>
      <c r="QHV727" s="424"/>
      <c r="QHW727" s="424"/>
      <c r="QHX727" s="424"/>
      <c r="QHY727" s="423" t="s">
        <v>2795</v>
      </c>
      <c r="QHZ727" s="424"/>
      <c r="QIA727" s="424"/>
      <c r="QIB727" s="424"/>
      <c r="QIC727" s="423" t="s">
        <v>2795</v>
      </c>
      <c r="QID727" s="424"/>
      <c r="QIE727" s="424"/>
      <c r="QIF727" s="424"/>
      <c r="QIG727" s="423" t="s">
        <v>2795</v>
      </c>
      <c r="QIH727" s="424"/>
      <c r="QII727" s="424"/>
      <c r="QIJ727" s="424"/>
      <c r="QIK727" s="423" t="s">
        <v>2795</v>
      </c>
      <c r="QIL727" s="424"/>
      <c r="QIM727" s="424"/>
      <c r="QIN727" s="424"/>
      <c r="QIO727" s="423" t="s">
        <v>2795</v>
      </c>
      <c r="QIP727" s="424"/>
      <c r="QIQ727" s="424"/>
      <c r="QIR727" s="424"/>
      <c r="QIS727" s="423" t="s">
        <v>2795</v>
      </c>
      <c r="QIT727" s="424"/>
      <c r="QIU727" s="424"/>
      <c r="QIV727" s="424"/>
      <c r="QIW727" s="423" t="s">
        <v>2795</v>
      </c>
      <c r="QIX727" s="424"/>
      <c r="QIY727" s="424"/>
      <c r="QIZ727" s="424"/>
      <c r="QJA727" s="423" t="s">
        <v>2795</v>
      </c>
      <c r="QJB727" s="424"/>
      <c r="QJC727" s="424"/>
      <c r="QJD727" s="424"/>
      <c r="QJE727" s="423" t="s">
        <v>2795</v>
      </c>
      <c r="QJF727" s="424"/>
      <c r="QJG727" s="424"/>
      <c r="QJH727" s="424"/>
      <c r="QJI727" s="423" t="s">
        <v>2795</v>
      </c>
      <c r="QJJ727" s="424"/>
      <c r="QJK727" s="424"/>
      <c r="QJL727" s="424"/>
      <c r="QJM727" s="423" t="s">
        <v>2795</v>
      </c>
      <c r="QJN727" s="424"/>
      <c r="QJO727" s="424"/>
      <c r="QJP727" s="424"/>
      <c r="QJQ727" s="423" t="s">
        <v>2795</v>
      </c>
      <c r="QJR727" s="424"/>
      <c r="QJS727" s="424"/>
      <c r="QJT727" s="424"/>
      <c r="QJU727" s="423" t="s">
        <v>2795</v>
      </c>
      <c r="QJV727" s="424"/>
      <c r="QJW727" s="424"/>
      <c r="QJX727" s="424"/>
      <c r="QJY727" s="423" t="s">
        <v>2795</v>
      </c>
      <c r="QJZ727" s="424"/>
      <c r="QKA727" s="424"/>
      <c r="QKB727" s="424"/>
      <c r="QKC727" s="423" t="s">
        <v>2795</v>
      </c>
      <c r="QKD727" s="424"/>
      <c r="QKE727" s="424"/>
      <c r="QKF727" s="424"/>
      <c r="QKG727" s="423" t="s">
        <v>2795</v>
      </c>
      <c r="QKH727" s="424"/>
      <c r="QKI727" s="424"/>
      <c r="QKJ727" s="424"/>
      <c r="QKK727" s="423" t="s">
        <v>2795</v>
      </c>
      <c r="QKL727" s="424"/>
      <c r="QKM727" s="424"/>
      <c r="QKN727" s="424"/>
      <c r="QKO727" s="423" t="s">
        <v>2795</v>
      </c>
      <c r="QKP727" s="424"/>
      <c r="QKQ727" s="424"/>
      <c r="QKR727" s="424"/>
      <c r="QKS727" s="423" t="s">
        <v>2795</v>
      </c>
      <c r="QKT727" s="424"/>
      <c r="QKU727" s="424"/>
      <c r="QKV727" s="424"/>
      <c r="QKW727" s="423" t="s">
        <v>2795</v>
      </c>
      <c r="QKX727" s="424"/>
      <c r="QKY727" s="424"/>
      <c r="QKZ727" s="424"/>
      <c r="QLA727" s="423" t="s">
        <v>2795</v>
      </c>
      <c r="QLB727" s="424"/>
      <c r="QLC727" s="424"/>
      <c r="QLD727" s="424"/>
      <c r="QLE727" s="423" t="s">
        <v>2795</v>
      </c>
      <c r="QLF727" s="424"/>
      <c r="QLG727" s="424"/>
      <c r="QLH727" s="424"/>
      <c r="QLI727" s="423" t="s">
        <v>2795</v>
      </c>
      <c r="QLJ727" s="424"/>
      <c r="QLK727" s="424"/>
      <c r="QLL727" s="424"/>
      <c r="QLM727" s="423" t="s">
        <v>2795</v>
      </c>
      <c r="QLN727" s="424"/>
      <c r="QLO727" s="424"/>
      <c r="QLP727" s="424"/>
      <c r="QLQ727" s="423" t="s">
        <v>2795</v>
      </c>
      <c r="QLR727" s="424"/>
      <c r="QLS727" s="424"/>
      <c r="QLT727" s="424"/>
      <c r="QLU727" s="423" t="s">
        <v>2795</v>
      </c>
      <c r="QLV727" s="424"/>
      <c r="QLW727" s="424"/>
      <c r="QLX727" s="424"/>
      <c r="QLY727" s="423" t="s">
        <v>2795</v>
      </c>
      <c r="QLZ727" s="424"/>
      <c r="QMA727" s="424"/>
      <c r="QMB727" s="424"/>
      <c r="QMC727" s="423" t="s">
        <v>2795</v>
      </c>
      <c r="QMD727" s="424"/>
      <c r="QME727" s="424"/>
      <c r="QMF727" s="424"/>
      <c r="QMG727" s="423" t="s">
        <v>2795</v>
      </c>
      <c r="QMH727" s="424"/>
      <c r="QMI727" s="424"/>
      <c r="QMJ727" s="424"/>
      <c r="QMK727" s="423" t="s">
        <v>2795</v>
      </c>
      <c r="QML727" s="424"/>
      <c r="QMM727" s="424"/>
      <c r="QMN727" s="424"/>
      <c r="QMO727" s="423" t="s">
        <v>2795</v>
      </c>
      <c r="QMP727" s="424"/>
      <c r="QMQ727" s="424"/>
      <c r="QMR727" s="424"/>
      <c r="QMS727" s="423" t="s">
        <v>2795</v>
      </c>
      <c r="QMT727" s="424"/>
      <c r="QMU727" s="424"/>
      <c r="QMV727" s="424"/>
      <c r="QMW727" s="423" t="s">
        <v>2795</v>
      </c>
      <c r="QMX727" s="424"/>
      <c r="QMY727" s="424"/>
      <c r="QMZ727" s="424"/>
      <c r="QNA727" s="423" t="s">
        <v>2795</v>
      </c>
      <c r="QNB727" s="424"/>
      <c r="QNC727" s="424"/>
      <c r="QND727" s="424"/>
      <c r="QNE727" s="423" t="s">
        <v>2795</v>
      </c>
      <c r="QNF727" s="424"/>
      <c r="QNG727" s="424"/>
      <c r="QNH727" s="424"/>
      <c r="QNI727" s="423" t="s">
        <v>2795</v>
      </c>
      <c r="QNJ727" s="424"/>
      <c r="QNK727" s="424"/>
      <c r="QNL727" s="424"/>
      <c r="QNM727" s="423" t="s">
        <v>2795</v>
      </c>
      <c r="QNN727" s="424"/>
      <c r="QNO727" s="424"/>
      <c r="QNP727" s="424"/>
      <c r="QNQ727" s="423" t="s">
        <v>2795</v>
      </c>
      <c r="QNR727" s="424"/>
      <c r="QNS727" s="424"/>
      <c r="QNT727" s="424"/>
      <c r="QNU727" s="423" t="s">
        <v>2795</v>
      </c>
      <c r="QNV727" s="424"/>
      <c r="QNW727" s="424"/>
      <c r="QNX727" s="424"/>
      <c r="QNY727" s="423" t="s">
        <v>2795</v>
      </c>
      <c r="QNZ727" s="424"/>
      <c r="QOA727" s="424"/>
      <c r="QOB727" s="424"/>
      <c r="QOC727" s="423" t="s">
        <v>2795</v>
      </c>
      <c r="QOD727" s="424"/>
      <c r="QOE727" s="424"/>
      <c r="QOF727" s="424"/>
      <c r="QOG727" s="423" t="s">
        <v>2795</v>
      </c>
      <c r="QOH727" s="424"/>
      <c r="QOI727" s="424"/>
      <c r="QOJ727" s="424"/>
      <c r="QOK727" s="423" t="s">
        <v>2795</v>
      </c>
      <c r="QOL727" s="424"/>
      <c r="QOM727" s="424"/>
      <c r="QON727" s="424"/>
      <c r="QOO727" s="423" t="s">
        <v>2795</v>
      </c>
      <c r="QOP727" s="424"/>
      <c r="QOQ727" s="424"/>
      <c r="QOR727" s="424"/>
      <c r="QOS727" s="423" t="s">
        <v>2795</v>
      </c>
      <c r="QOT727" s="424"/>
      <c r="QOU727" s="424"/>
      <c r="QOV727" s="424"/>
      <c r="QOW727" s="423" t="s">
        <v>2795</v>
      </c>
      <c r="QOX727" s="424"/>
      <c r="QOY727" s="424"/>
      <c r="QOZ727" s="424"/>
      <c r="QPA727" s="423" t="s">
        <v>2795</v>
      </c>
      <c r="QPB727" s="424"/>
      <c r="QPC727" s="424"/>
      <c r="QPD727" s="424"/>
      <c r="QPE727" s="423" t="s">
        <v>2795</v>
      </c>
      <c r="QPF727" s="424"/>
      <c r="QPG727" s="424"/>
      <c r="QPH727" s="424"/>
      <c r="QPI727" s="423" t="s">
        <v>2795</v>
      </c>
      <c r="QPJ727" s="424"/>
      <c r="QPK727" s="424"/>
      <c r="QPL727" s="424"/>
      <c r="QPM727" s="423" t="s">
        <v>2795</v>
      </c>
      <c r="QPN727" s="424"/>
      <c r="QPO727" s="424"/>
      <c r="QPP727" s="424"/>
      <c r="QPQ727" s="423" t="s">
        <v>2795</v>
      </c>
      <c r="QPR727" s="424"/>
      <c r="QPS727" s="424"/>
      <c r="QPT727" s="424"/>
      <c r="QPU727" s="423" t="s">
        <v>2795</v>
      </c>
      <c r="QPV727" s="424"/>
      <c r="QPW727" s="424"/>
      <c r="QPX727" s="424"/>
      <c r="QPY727" s="423" t="s">
        <v>2795</v>
      </c>
      <c r="QPZ727" s="424"/>
      <c r="QQA727" s="424"/>
      <c r="QQB727" s="424"/>
      <c r="QQC727" s="423" t="s">
        <v>2795</v>
      </c>
      <c r="QQD727" s="424"/>
      <c r="QQE727" s="424"/>
      <c r="QQF727" s="424"/>
      <c r="QQG727" s="423" t="s">
        <v>2795</v>
      </c>
      <c r="QQH727" s="424"/>
      <c r="QQI727" s="424"/>
      <c r="QQJ727" s="424"/>
      <c r="QQK727" s="423" t="s">
        <v>2795</v>
      </c>
      <c r="QQL727" s="424"/>
      <c r="QQM727" s="424"/>
      <c r="QQN727" s="424"/>
      <c r="QQO727" s="423" t="s">
        <v>2795</v>
      </c>
      <c r="QQP727" s="424"/>
      <c r="QQQ727" s="424"/>
      <c r="QQR727" s="424"/>
      <c r="QQS727" s="423" t="s">
        <v>2795</v>
      </c>
      <c r="QQT727" s="424"/>
      <c r="QQU727" s="424"/>
      <c r="QQV727" s="424"/>
      <c r="QQW727" s="423" t="s">
        <v>2795</v>
      </c>
      <c r="QQX727" s="424"/>
      <c r="QQY727" s="424"/>
      <c r="QQZ727" s="424"/>
      <c r="QRA727" s="423" t="s">
        <v>2795</v>
      </c>
      <c r="QRB727" s="424"/>
      <c r="QRC727" s="424"/>
      <c r="QRD727" s="424"/>
      <c r="QRE727" s="423" t="s">
        <v>2795</v>
      </c>
      <c r="QRF727" s="424"/>
      <c r="QRG727" s="424"/>
      <c r="QRH727" s="424"/>
      <c r="QRI727" s="423" t="s">
        <v>2795</v>
      </c>
      <c r="QRJ727" s="424"/>
      <c r="QRK727" s="424"/>
      <c r="QRL727" s="424"/>
      <c r="QRM727" s="423" t="s">
        <v>2795</v>
      </c>
      <c r="QRN727" s="424"/>
      <c r="QRO727" s="424"/>
      <c r="QRP727" s="424"/>
      <c r="QRQ727" s="423" t="s">
        <v>2795</v>
      </c>
      <c r="QRR727" s="424"/>
      <c r="QRS727" s="424"/>
      <c r="QRT727" s="424"/>
      <c r="QRU727" s="423" t="s">
        <v>2795</v>
      </c>
      <c r="QRV727" s="424"/>
      <c r="QRW727" s="424"/>
      <c r="QRX727" s="424"/>
      <c r="QRY727" s="423" t="s">
        <v>2795</v>
      </c>
      <c r="QRZ727" s="424"/>
      <c r="QSA727" s="424"/>
      <c r="QSB727" s="424"/>
      <c r="QSC727" s="423" t="s">
        <v>2795</v>
      </c>
      <c r="QSD727" s="424"/>
      <c r="QSE727" s="424"/>
      <c r="QSF727" s="424"/>
      <c r="QSG727" s="423" t="s">
        <v>2795</v>
      </c>
      <c r="QSH727" s="424"/>
      <c r="QSI727" s="424"/>
      <c r="QSJ727" s="424"/>
      <c r="QSK727" s="423" t="s">
        <v>2795</v>
      </c>
      <c r="QSL727" s="424"/>
      <c r="QSM727" s="424"/>
      <c r="QSN727" s="424"/>
      <c r="QSO727" s="423" t="s">
        <v>2795</v>
      </c>
      <c r="QSP727" s="424"/>
      <c r="QSQ727" s="424"/>
      <c r="QSR727" s="424"/>
      <c r="QSS727" s="423" t="s">
        <v>2795</v>
      </c>
      <c r="QST727" s="424"/>
      <c r="QSU727" s="424"/>
      <c r="QSV727" s="424"/>
      <c r="QSW727" s="423" t="s">
        <v>2795</v>
      </c>
      <c r="QSX727" s="424"/>
      <c r="QSY727" s="424"/>
      <c r="QSZ727" s="424"/>
      <c r="QTA727" s="423" t="s">
        <v>2795</v>
      </c>
      <c r="QTB727" s="424"/>
      <c r="QTC727" s="424"/>
      <c r="QTD727" s="424"/>
      <c r="QTE727" s="423" t="s">
        <v>2795</v>
      </c>
      <c r="QTF727" s="424"/>
      <c r="QTG727" s="424"/>
      <c r="QTH727" s="424"/>
      <c r="QTI727" s="423" t="s">
        <v>2795</v>
      </c>
      <c r="QTJ727" s="424"/>
      <c r="QTK727" s="424"/>
      <c r="QTL727" s="424"/>
      <c r="QTM727" s="423" t="s">
        <v>2795</v>
      </c>
      <c r="QTN727" s="424"/>
      <c r="QTO727" s="424"/>
      <c r="QTP727" s="424"/>
      <c r="QTQ727" s="423" t="s">
        <v>2795</v>
      </c>
      <c r="QTR727" s="424"/>
      <c r="QTS727" s="424"/>
      <c r="QTT727" s="424"/>
      <c r="QTU727" s="423" t="s">
        <v>2795</v>
      </c>
      <c r="QTV727" s="424"/>
      <c r="QTW727" s="424"/>
      <c r="QTX727" s="424"/>
      <c r="QTY727" s="423" t="s">
        <v>2795</v>
      </c>
      <c r="QTZ727" s="424"/>
      <c r="QUA727" s="424"/>
      <c r="QUB727" s="424"/>
      <c r="QUC727" s="423" t="s">
        <v>2795</v>
      </c>
      <c r="QUD727" s="424"/>
      <c r="QUE727" s="424"/>
      <c r="QUF727" s="424"/>
      <c r="QUG727" s="423" t="s">
        <v>2795</v>
      </c>
      <c r="QUH727" s="424"/>
      <c r="QUI727" s="424"/>
      <c r="QUJ727" s="424"/>
      <c r="QUK727" s="423" t="s">
        <v>2795</v>
      </c>
      <c r="QUL727" s="424"/>
      <c r="QUM727" s="424"/>
      <c r="QUN727" s="424"/>
      <c r="QUO727" s="423" t="s">
        <v>2795</v>
      </c>
      <c r="QUP727" s="424"/>
      <c r="QUQ727" s="424"/>
      <c r="QUR727" s="424"/>
      <c r="QUS727" s="423" t="s">
        <v>2795</v>
      </c>
      <c r="QUT727" s="424"/>
      <c r="QUU727" s="424"/>
      <c r="QUV727" s="424"/>
      <c r="QUW727" s="423" t="s">
        <v>2795</v>
      </c>
      <c r="QUX727" s="424"/>
      <c r="QUY727" s="424"/>
      <c r="QUZ727" s="424"/>
      <c r="QVA727" s="423" t="s">
        <v>2795</v>
      </c>
      <c r="QVB727" s="424"/>
      <c r="QVC727" s="424"/>
      <c r="QVD727" s="424"/>
      <c r="QVE727" s="423" t="s">
        <v>2795</v>
      </c>
      <c r="QVF727" s="424"/>
      <c r="QVG727" s="424"/>
      <c r="QVH727" s="424"/>
      <c r="QVI727" s="423" t="s">
        <v>2795</v>
      </c>
      <c r="QVJ727" s="424"/>
      <c r="QVK727" s="424"/>
      <c r="QVL727" s="424"/>
      <c r="QVM727" s="423" t="s">
        <v>2795</v>
      </c>
      <c r="QVN727" s="424"/>
      <c r="QVO727" s="424"/>
      <c r="QVP727" s="424"/>
      <c r="QVQ727" s="423" t="s">
        <v>2795</v>
      </c>
      <c r="QVR727" s="424"/>
      <c r="QVS727" s="424"/>
      <c r="QVT727" s="424"/>
      <c r="QVU727" s="423" t="s">
        <v>2795</v>
      </c>
      <c r="QVV727" s="424"/>
      <c r="QVW727" s="424"/>
      <c r="QVX727" s="424"/>
      <c r="QVY727" s="423" t="s">
        <v>2795</v>
      </c>
      <c r="QVZ727" s="424"/>
      <c r="QWA727" s="424"/>
      <c r="QWB727" s="424"/>
      <c r="QWC727" s="423" t="s">
        <v>2795</v>
      </c>
      <c r="QWD727" s="424"/>
      <c r="QWE727" s="424"/>
      <c r="QWF727" s="424"/>
      <c r="QWG727" s="423" t="s">
        <v>2795</v>
      </c>
      <c r="QWH727" s="424"/>
      <c r="QWI727" s="424"/>
      <c r="QWJ727" s="424"/>
      <c r="QWK727" s="423" t="s">
        <v>2795</v>
      </c>
      <c r="QWL727" s="424"/>
      <c r="QWM727" s="424"/>
      <c r="QWN727" s="424"/>
      <c r="QWO727" s="423" t="s">
        <v>2795</v>
      </c>
      <c r="QWP727" s="424"/>
      <c r="QWQ727" s="424"/>
      <c r="QWR727" s="424"/>
      <c r="QWS727" s="423" t="s">
        <v>2795</v>
      </c>
      <c r="QWT727" s="424"/>
      <c r="QWU727" s="424"/>
      <c r="QWV727" s="424"/>
      <c r="QWW727" s="423" t="s">
        <v>2795</v>
      </c>
      <c r="QWX727" s="424"/>
      <c r="QWY727" s="424"/>
      <c r="QWZ727" s="424"/>
      <c r="QXA727" s="423" t="s">
        <v>2795</v>
      </c>
      <c r="QXB727" s="424"/>
      <c r="QXC727" s="424"/>
      <c r="QXD727" s="424"/>
      <c r="QXE727" s="423" t="s">
        <v>2795</v>
      </c>
      <c r="QXF727" s="424"/>
      <c r="QXG727" s="424"/>
      <c r="QXH727" s="424"/>
      <c r="QXI727" s="423" t="s">
        <v>2795</v>
      </c>
      <c r="QXJ727" s="424"/>
      <c r="QXK727" s="424"/>
      <c r="QXL727" s="424"/>
      <c r="QXM727" s="423" t="s">
        <v>2795</v>
      </c>
      <c r="QXN727" s="424"/>
      <c r="QXO727" s="424"/>
      <c r="QXP727" s="424"/>
      <c r="QXQ727" s="423" t="s">
        <v>2795</v>
      </c>
      <c r="QXR727" s="424"/>
      <c r="QXS727" s="424"/>
      <c r="QXT727" s="424"/>
      <c r="QXU727" s="423" t="s">
        <v>2795</v>
      </c>
      <c r="QXV727" s="424"/>
      <c r="QXW727" s="424"/>
      <c r="QXX727" s="424"/>
      <c r="QXY727" s="423" t="s">
        <v>2795</v>
      </c>
      <c r="QXZ727" s="424"/>
      <c r="QYA727" s="424"/>
      <c r="QYB727" s="424"/>
      <c r="QYC727" s="423" t="s">
        <v>2795</v>
      </c>
      <c r="QYD727" s="424"/>
      <c r="QYE727" s="424"/>
      <c r="QYF727" s="424"/>
      <c r="QYG727" s="423" t="s">
        <v>2795</v>
      </c>
      <c r="QYH727" s="424"/>
      <c r="QYI727" s="424"/>
      <c r="QYJ727" s="424"/>
      <c r="QYK727" s="423" t="s">
        <v>2795</v>
      </c>
      <c r="QYL727" s="424"/>
      <c r="QYM727" s="424"/>
      <c r="QYN727" s="424"/>
      <c r="QYO727" s="423" t="s">
        <v>2795</v>
      </c>
      <c r="QYP727" s="424"/>
      <c r="QYQ727" s="424"/>
      <c r="QYR727" s="424"/>
      <c r="QYS727" s="423" t="s">
        <v>2795</v>
      </c>
      <c r="QYT727" s="424"/>
      <c r="QYU727" s="424"/>
      <c r="QYV727" s="424"/>
      <c r="QYW727" s="423" t="s">
        <v>2795</v>
      </c>
      <c r="QYX727" s="424"/>
      <c r="QYY727" s="424"/>
      <c r="QYZ727" s="424"/>
      <c r="QZA727" s="423" t="s">
        <v>2795</v>
      </c>
      <c r="QZB727" s="424"/>
      <c r="QZC727" s="424"/>
      <c r="QZD727" s="424"/>
      <c r="QZE727" s="423" t="s">
        <v>2795</v>
      </c>
      <c r="QZF727" s="424"/>
      <c r="QZG727" s="424"/>
      <c r="QZH727" s="424"/>
      <c r="QZI727" s="423" t="s">
        <v>2795</v>
      </c>
      <c r="QZJ727" s="424"/>
      <c r="QZK727" s="424"/>
      <c r="QZL727" s="424"/>
      <c r="QZM727" s="423" t="s">
        <v>2795</v>
      </c>
      <c r="QZN727" s="424"/>
      <c r="QZO727" s="424"/>
      <c r="QZP727" s="424"/>
      <c r="QZQ727" s="423" t="s">
        <v>2795</v>
      </c>
      <c r="QZR727" s="424"/>
      <c r="QZS727" s="424"/>
      <c r="QZT727" s="424"/>
      <c r="QZU727" s="423" t="s">
        <v>2795</v>
      </c>
      <c r="QZV727" s="424"/>
      <c r="QZW727" s="424"/>
      <c r="QZX727" s="424"/>
      <c r="QZY727" s="423" t="s">
        <v>2795</v>
      </c>
      <c r="QZZ727" s="424"/>
      <c r="RAA727" s="424"/>
      <c r="RAB727" s="424"/>
      <c r="RAC727" s="423" t="s">
        <v>2795</v>
      </c>
      <c r="RAD727" s="424"/>
      <c r="RAE727" s="424"/>
      <c r="RAF727" s="424"/>
      <c r="RAG727" s="423" t="s">
        <v>2795</v>
      </c>
      <c r="RAH727" s="424"/>
      <c r="RAI727" s="424"/>
      <c r="RAJ727" s="424"/>
      <c r="RAK727" s="423" t="s">
        <v>2795</v>
      </c>
      <c r="RAL727" s="424"/>
      <c r="RAM727" s="424"/>
      <c r="RAN727" s="424"/>
      <c r="RAO727" s="423" t="s">
        <v>2795</v>
      </c>
      <c r="RAP727" s="424"/>
      <c r="RAQ727" s="424"/>
      <c r="RAR727" s="424"/>
      <c r="RAS727" s="423" t="s">
        <v>2795</v>
      </c>
      <c r="RAT727" s="424"/>
      <c r="RAU727" s="424"/>
      <c r="RAV727" s="424"/>
      <c r="RAW727" s="423" t="s">
        <v>2795</v>
      </c>
      <c r="RAX727" s="424"/>
      <c r="RAY727" s="424"/>
      <c r="RAZ727" s="424"/>
      <c r="RBA727" s="423" t="s">
        <v>2795</v>
      </c>
      <c r="RBB727" s="424"/>
      <c r="RBC727" s="424"/>
      <c r="RBD727" s="424"/>
      <c r="RBE727" s="423" t="s">
        <v>2795</v>
      </c>
      <c r="RBF727" s="424"/>
      <c r="RBG727" s="424"/>
      <c r="RBH727" s="424"/>
      <c r="RBI727" s="423" t="s">
        <v>2795</v>
      </c>
      <c r="RBJ727" s="424"/>
      <c r="RBK727" s="424"/>
      <c r="RBL727" s="424"/>
      <c r="RBM727" s="423" t="s">
        <v>2795</v>
      </c>
      <c r="RBN727" s="424"/>
      <c r="RBO727" s="424"/>
      <c r="RBP727" s="424"/>
      <c r="RBQ727" s="423" t="s">
        <v>2795</v>
      </c>
      <c r="RBR727" s="424"/>
      <c r="RBS727" s="424"/>
      <c r="RBT727" s="424"/>
      <c r="RBU727" s="423" t="s">
        <v>2795</v>
      </c>
      <c r="RBV727" s="424"/>
      <c r="RBW727" s="424"/>
      <c r="RBX727" s="424"/>
      <c r="RBY727" s="423" t="s">
        <v>2795</v>
      </c>
      <c r="RBZ727" s="424"/>
      <c r="RCA727" s="424"/>
      <c r="RCB727" s="424"/>
      <c r="RCC727" s="423" t="s">
        <v>2795</v>
      </c>
      <c r="RCD727" s="424"/>
      <c r="RCE727" s="424"/>
      <c r="RCF727" s="424"/>
      <c r="RCG727" s="423" t="s">
        <v>2795</v>
      </c>
      <c r="RCH727" s="424"/>
      <c r="RCI727" s="424"/>
      <c r="RCJ727" s="424"/>
      <c r="RCK727" s="423" t="s">
        <v>2795</v>
      </c>
      <c r="RCL727" s="424"/>
      <c r="RCM727" s="424"/>
      <c r="RCN727" s="424"/>
      <c r="RCO727" s="423" t="s">
        <v>2795</v>
      </c>
      <c r="RCP727" s="424"/>
      <c r="RCQ727" s="424"/>
      <c r="RCR727" s="424"/>
      <c r="RCS727" s="423" t="s">
        <v>2795</v>
      </c>
      <c r="RCT727" s="424"/>
      <c r="RCU727" s="424"/>
      <c r="RCV727" s="424"/>
      <c r="RCW727" s="423" t="s">
        <v>2795</v>
      </c>
      <c r="RCX727" s="424"/>
      <c r="RCY727" s="424"/>
      <c r="RCZ727" s="424"/>
      <c r="RDA727" s="423" t="s">
        <v>2795</v>
      </c>
      <c r="RDB727" s="424"/>
      <c r="RDC727" s="424"/>
      <c r="RDD727" s="424"/>
      <c r="RDE727" s="423" t="s">
        <v>2795</v>
      </c>
      <c r="RDF727" s="424"/>
      <c r="RDG727" s="424"/>
      <c r="RDH727" s="424"/>
      <c r="RDI727" s="423" t="s">
        <v>2795</v>
      </c>
      <c r="RDJ727" s="424"/>
      <c r="RDK727" s="424"/>
      <c r="RDL727" s="424"/>
      <c r="RDM727" s="423" t="s">
        <v>2795</v>
      </c>
      <c r="RDN727" s="424"/>
      <c r="RDO727" s="424"/>
      <c r="RDP727" s="424"/>
      <c r="RDQ727" s="423" t="s">
        <v>2795</v>
      </c>
      <c r="RDR727" s="424"/>
      <c r="RDS727" s="424"/>
      <c r="RDT727" s="424"/>
      <c r="RDU727" s="423" t="s">
        <v>2795</v>
      </c>
      <c r="RDV727" s="424"/>
      <c r="RDW727" s="424"/>
      <c r="RDX727" s="424"/>
      <c r="RDY727" s="423" t="s">
        <v>2795</v>
      </c>
      <c r="RDZ727" s="424"/>
      <c r="REA727" s="424"/>
      <c r="REB727" s="424"/>
      <c r="REC727" s="423" t="s">
        <v>2795</v>
      </c>
      <c r="RED727" s="424"/>
      <c r="REE727" s="424"/>
      <c r="REF727" s="424"/>
      <c r="REG727" s="423" t="s">
        <v>2795</v>
      </c>
      <c r="REH727" s="424"/>
      <c r="REI727" s="424"/>
      <c r="REJ727" s="424"/>
      <c r="REK727" s="423" t="s">
        <v>2795</v>
      </c>
      <c r="REL727" s="424"/>
      <c r="REM727" s="424"/>
      <c r="REN727" s="424"/>
      <c r="REO727" s="423" t="s">
        <v>2795</v>
      </c>
      <c r="REP727" s="424"/>
      <c r="REQ727" s="424"/>
      <c r="RER727" s="424"/>
      <c r="RES727" s="423" t="s">
        <v>2795</v>
      </c>
      <c r="RET727" s="424"/>
      <c r="REU727" s="424"/>
      <c r="REV727" s="424"/>
      <c r="REW727" s="423" t="s">
        <v>2795</v>
      </c>
      <c r="REX727" s="424"/>
      <c r="REY727" s="424"/>
      <c r="REZ727" s="424"/>
      <c r="RFA727" s="423" t="s">
        <v>2795</v>
      </c>
      <c r="RFB727" s="424"/>
      <c r="RFC727" s="424"/>
      <c r="RFD727" s="424"/>
      <c r="RFE727" s="423" t="s">
        <v>2795</v>
      </c>
      <c r="RFF727" s="424"/>
      <c r="RFG727" s="424"/>
      <c r="RFH727" s="424"/>
      <c r="RFI727" s="423" t="s">
        <v>2795</v>
      </c>
      <c r="RFJ727" s="424"/>
      <c r="RFK727" s="424"/>
      <c r="RFL727" s="424"/>
      <c r="RFM727" s="423" t="s">
        <v>2795</v>
      </c>
      <c r="RFN727" s="424"/>
      <c r="RFO727" s="424"/>
      <c r="RFP727" s="424"/>
      <c r="RFQ727" s="423" t="s">
        <v>2795</v>
      </c>
      <c r="RFR727" s="424"/>
      <c r="RFS727" s="424"/>
      <c r="RFT727" s="424"/>
      <c r="RFU727" s="423" t="s">
        <v>2795</v>
      </c>
      <c r="RFV727" s="424"/>
      <c r="RFW727" s="424"/>
      <c r="RFX727" s="424"/>
      <c r="RFY727" s="423" t="s">
        <v>2795</v>
      </c>
      <c r="RFZ727" s="424"/>
      <c r="RGA727" s="424"/>
      <c r="RGB727" s="424"/>
      <c r="RGC727" s="423" t="s">
        <v>2795</v>
      </c>
      <c r="RGD727" s="424"/>
      <c r="RGE727" s="424"/>
      <c r="RGF727" s="424"/>
      <c r="RGG727" s="423" t="s">
        <v>2795</v>
      </c>
      <c r="RGH727" s="424"/>
      <c r="RGI727" s="424"/>
      <c r="RGJ727" s="424"/>
      <c r="RGK727" s="423" t="s">
        <v>2795</v>
      </c>
      <c r="RGL727" s="424"/>
      <c r="RGM727" s="424"/>
      <c r="RGN727" s="424"/>
      <c r="RGO727" s="423" t="s">
        <v>2795</v>
      </c>
      <c r="RGP727" s="424"/>
      <c r="RGQ727" s="424"/>
      <c r="RGR727" s="424"/>
      <c r="RGS727" s="423" t="s">
        <v>2795</v>
      </c>
      <c r="RGT727" s="424"/>
      <c r="RGU727" s="424"/>
      <c r="RGV727" s="424"/>
      <c r="RGW727" s="423" t="s">
        <v>2795</v>
      </c>
      <c r="RGX727" s="424"/>
      <c r="RGY727" s="424"/>
      <c r="RGZ727" s="424"/>
      <c r="RHA727" s="423" t="s">
        <v>2795</v>
      </c>
      <c r="RHB727" s="424"/>
      <c r="RHC727" s="424"/>
      <c r="RHD727" s="424"/>
      <c r="RHE727" s="423" t="s">
        <v>2795</v>
      </c>
      <c r="RHF727" s="424"/>
      <c r="RHG727" s="424"/>
      <c r="RHH727" s="424"/>
      <c r="RHI727" s="423" t="s">
        <v>2795</v>
      </c>
      <c r="RHJ727" s="424"/>
      <c r="RHK727" s="424"/>
      <c r="RHL727" s="424"/>
      <c r="RHM727" s="423" t="s">
        <v>2795</v>
      </c>
      <c r="RHN727" s="424"/>
      <c r="RHO727" s="424"/>
      <c r="RHP727" s="424"/>
      <c r="RHQ727" s="423" t="s">
        <v>2795</v>
      </c>
      <c r="RHR727" s="424"/>
      <c r="RHS727" s="424"/>
      <c r="RHT727" s="424"/>
      <c r="RHU727" s="423" t="s">
        <v>2795</v>
      </c>
      <c r="RHV727" s="424"/>
      <c r="RHW727" s="424"/>
      <c r="RHX727" s="424"/>
      <c r="RHY727" s="423" t="s">
        <v>2795</v>
      </c>
      <c r="RHZ727" s="424"/>
      <c r="RIA727" s="424"/>
      <c r="RIB727" s="424"/>
      <c r="RIC727" s="423" t="s">
        <v>2795</v>
      </c>
      <c r="RID727" s="424"/>
      <c r="RIE727" s="424"/>
      <c r="RIF727" s="424"/>
      <c r="RIG727" s="423" t="s">
        <v>2795</v>
      </c>
      <c r="RIH727" s="424"/>
      <c r="RII727" s="424"/>
      <c r="RIJ727" s="424"/>
      <c r="RIK727" s="423" t="s">
        <v>2795</v>
      </c>
      <c r="RIL727" s="424"/>
      <c r="RIM727" s="424"/>
      <c r="RIN727" s="424"/>
      <c r="RIO727" s="423" t="s">
        <v>2795</v>
      </c>
      <c r="RIP727" s="424"/>
      <c r="RIQ727" s="424"/>
      <c r="RIR727" s="424"/>
      <c r="RIS727" s="423" t="s">
        <v>2795</v>
      </c>
      <c r="RIT727" s="424"/>
      <c r="RIU727" s="424"/>
      <c r="RIV727" s="424"/>
      <c r="RIW727" s="423" t="s">
        <v>2795</v>
      </c>
      <c r="RIX727" s="424"/>
      <c r="RIY727" s="424"/>
      <c r="RIZ727" s="424"/>
      <c r="RJA727" s="423" t="s">
        <v>2795</v>
      </c>
      <c r="RJB727" s="424"/>
      <c r="RJC727" s="424"/>
      <c r="RJD727" s="424"/>
      <c r="RJE727" s="423" t="s">
        <v>2795</v>
      </c>
      <c r="RJF727" s="424"/>
      <c r="RJG727" s="424"/>
      <c r="RJH727" s="424"/>
      <c r="RJI727" s="423" t="s">
        <v>2795</v>
      </c>
      <c r="RJJ727" s="424"/>
      <c r="RJK727" s="424"/>
      <c r="RJL727" s="424"/>
      <c r="RJM727" s="423" t="s">
        <v>2795</v>
      </c>
      <c r="RJN727" s="424"/>
      <c r="RJO727" s="424"/>
      <c r="RJP727" s="424"/>
      <c r="RJQ727" s="423" t="s">
        <v>2795</v>
      </c>
      <c r="RJR727" s="424"/>
      <c r="RJS727" s="424"/>
      <c r="RJT727" s="424"/>
      <c r="RJU727" s="423" t="s">
        <v>2795</v>
      </c>
      <c r="RJV727" s="424"/>
      <c r="RJW727" s="424"/>
      <c r="RJX727" s="424"/>
      <c r="RJY727" s="423" t="s">
        <v>2795</v>
      </c>
      <c r="RJZ727" s="424"/>
      <c r="RKA727" s="424"/>
      <c r="RKB727" s="424"/>
      <c r="RKC727" s="423" t="s">
        <v>2795</v>
      </c>
      <c r="RKD727" s="424"/>
      <c r="RKE727" s="424"/>
      <c r="RKF727" s="424"/>
      <c r="RKG727" s="423" t="s">
        <v>2795</v>
      </c>
      <c r="RKH727" s="424"/>
      <c r="RKI727" s="424"/>
      <c r="RKJ727" s="424"/>
      <c r="RKK727" s="423" t="s">
        <v>2795</v>
      </c>
      <c r="RKL727" s="424"/>
      <c r="RKM727" s="424"/>
      <c r="RKN727" s="424"/>
      <c r="RKO727" s="423" t="s">
        <v>2795</v>
      </c>
      <c r="RKP727" s="424"/>
      <c r="RKQ727" s="424"/>
      <c r="RKR727" s="424"/>
      <c r="RKS727" s="423" t="s">
        <v>2795</v>
      </c>
      <c r="RKT727" s="424"/>
      <c r="RKU727" s="424"/>
      <c r="RKV727" s="424"/>
      <c r="RKW727" s="423" t="s">
        <v>2795</v>
      </c>
      <c r="RKX727" s="424"/>
      <c r="RKY727" s="424"/>
      <c r="RKZ727" s="424"/>
      <c r="RLA727" s="423" t="s">
        <v>2795</v>
      </c>
      <c r="RLB727" s="424"/>
      <c r="RLC727" s="424"/>
      <c r="RLD727" s="424"/>
      <c r="RLE727" s="423" t="s">
        <v>2795</v>
      </c>
      <c r="RLF727" s="424"/>
      <c r="RLG727" s="424"/>
      <c r="RLH727" s="424"/>
      <c r="RLI727" s="423" t="s">
        <v>2795</v>
      </c>
      <c r="RLJ727" s="424"/>
      <c r="RLK727" s="424"/>
      <c r="RLL727" s="424"/>
      <c r="RLM727" s="423" t="s">
        <v>2795</v>
      </c>
      <c r="RLN727" s="424"/>
      <c r="RLO727" s="424"/>
      <c r="RLP727" s="424"/>
      <c r="RLQ727" s="423" t="s">
        <v>2795</v>
      </c>
      <c r="RLR727" s="424"/>
      <c r="RLS727" s="424"/>
      <c r="RLT727" s="424"/>
      <c r="RLU727" s="423" t="s">
        <v>2795</v>
      </c>
      <c r="RLV727" s="424"/>
      <c r="RLW727" s="424"/>
      <c r="RLX727" s="424"/>
      <c r="RLY727" s="423" t="s">
        <v>2795</v>
      </c>
      <c r="RLZ727" s="424"/>
      <c r="RMA727" s="424"/>
      <c r="RMB727" s="424"/>
      <c r="RMC727" s="423" t="s">
        <v>2795</v>
      </c>
      <c r="RMD727" s="424"/>
      <c r="RME727" s="424"/>
      <c r="RMF727" s="424"/>
      <c r="RMG727" s="423" t="s">
        <v>2795</v>
      </c>
      <c r="RMH727" s="424"/>
      <c r="RMI727" s="424"/>
      <c r="RMJ727" s="424"/>
      <c r="RMK727" s="423" t="s">
        <v>2795</v>
      </c>
      <c r="RML727" s="424"/>
      <c r="RMM727" s="424"/>
      <c r="RMN727" s="424"/>
      <c r="RMO727" s="423" t="s">
        <v>2795</v>
      </c>
      <c r="RMP727" s="424"/>
      <c r="RMQ727" s="424"/>
      <c r="RMR727" s="424"/>
      <c r="RMS727" s="423" t="s">
        <v>2795</v>
      </c>
      <c r="RMT727" s="424"/>
      <c r="RMU727" s="424"/>
      <c r="RMV727" s="424"/>
      <c r="RMW727" s="423" t="s">
        <v>2795</v>
      </c>
      <c r="RMX727" s="424"/>
      <c r="RMY727" s="424"/>
      <c r="RMZ727" s="424"/>
      <c r="RNA727" s="423" t="s">
        <v>2795</v>
      </c>
      <c r="RNB727" s="424"/>
      <c r="RNC727" s="424"/>
      <c r="RND727" s="424"/>
      <c r="RNE727" s="423" t="s">
        <v>2795</v>
      </c>
      <c r="RNF727" s="424"/>
      <c r="RNG727" s="424"/>
      <c r="RNH727" s="424"/>
      <c r="RNI727" s="423" t="s">
        <v>2795</v>
      </c>
      <c r="RNJ727" s="424"/>
      <c r="RNK727" s="424"/>
      <c r="RNL727" s="424"/>
      <c r="RNM727" s="423" t="s">
        <v>2795</v>
      </c>
      <c r="RNN727" s="424"/>
      <c r="RNO727" s="424"/>
      <c r="RNP727" s="424"/>
      <c r="RNQ727" s="423" t="s">
        <v>2795</v>
      </c>
      <c r="RNR727" s="424"/>
      <c r="RNS727" s="424"/>
      <c r="RNT727" s="424"/>
      <c r="RNU727" s="423" t="s">
        <v>2795</v>
      </c>
      <c r="RNV727" s="424"/>
      <c r="RNW727" s="424"/>
      <c r="RNX727" s="424"/>
      <c r="RNY727" s="423" t="s">
        <v>2795</v>
      </c>
      <c r="RNZ727" s="424"/>
      <c r="ROA727" s="424"/>
      <c r="ROB727" s="424"/>
      <c r="ROC727" s="423" t="s">
        <v>2795</v>
      </c>
      <c r="ROD727" s="424"/>
      <c r="ROE727" s="424"/>
      <c r="ROF727" s="424"/>
      <c r="ROG727" s="423" t="s">
        <v>2795</v>
      </c>
      <c r="ROH727" s="424"/>
      <c r="ROI727" s="424"/>
      <c r="ROJ727" s="424"/>
      <c r="ROK727" s="423" t="s">
        <v>2795</v>
      </c>
      <c r="ROL727" s="424"/>
      <c r="ROM727" s="424"/>
      <c r="RON727" s="424"/>
      <c r="ROO727" s="423" t="s">
        <v>2795</v>
      </c>
      <c r="ROP727" s="424"/>
      <c r="ROQ727" s="424"/>
      <c r="ROR727" s="424"/>
      <c r="ROS727" s="423" t="s">
        <v>2795</v>
      </c>
      <c r="ROT727" s="424"/>
      <c r="ROU727" s="424"/>
      <c r="ROV727" s="424"/>
      <c r="ROW727" s="423" t="s">
        <v>2795</v>
      </c>
      <c r="ROX727" s="424"/>
      <c r="ROY727" s="424"/>
      <c r="ROZ727" s="424"/>
      <c r="RPA727" s="423" t="s">
        <v>2795</v>
      </c>
      <c r="RPB727" s="424"/>
      <c r="RPC727" s="424"/>
      <c r="RPD727" s="424"/>
      <c r="RPE727" s="423" t="s">
        <v>2795</v>
      </c>
      <c r="RPF727" s="424"/>
      <c r="RPG727" s="424"/>
      <c r="RPH727" s="424"/>
      <c r="RPI727" s="423" t="s">
        <v>2795</v>
      </c>
      <c r="RPJ727" s="424"/>
      <c r="RPK727" s="424"/>
      <c r="RPL727" s="424"/>
      <c r="RPM727" s="423" t="s">
        <v>2795</v>
      </c>
      <c r="RPN727" s="424"/>
      <c r="RPO727" s="424"/>
      <c r="RPP727" s="424"/>
      <c r="RPQ727" s="423" t="s">
        <v>2795</v>
      </c>
      <c r="RPR727" s="424"/>
      <c r="RPS727" s="424"/>
      <c r="RPT727" s="424"/>
      <c r="RPU727" s="423" t="s">
        <v>2795</v>
      </c>
      <c r="RPV727" s="424"/>
      <c r="RPW727" s="424"/>
      <c r="RPX727" s="424"/>
      <c r="RPY727" s="423" t="s">
        <v>2795</v>
      </c>
      <c r="RPZ727" s="424"/>
      <c r="RQA727" s="424"/>
      <c r="RQB727" s="424"/>
      <c r="RQC727" s="423" t="s">
        <v>2795</v>
      </c>
      <c r="RQD727" s="424"/>
      <c r="RQE727" s="424"/>
      <c r="RQF727" s="424"/>
      <c r="RQG727" s="423" t="s">
        <v>2795</v>
      </c>
      <c r="RQH727" s="424"/>
      <c r="RQI727" s="424"/>
      <c r="RQJ727" s="424"/>
      <c r="RQK727" s="423" t="s">
        <v>2795</v>
      </c>
      <c r="RQL727" s="424"/>
      <c r="RQM727" s="424"/>
      <c r="RQN727" s="424"/>
      <c r="RQO727" s="423" t="s">
        <v>2795</v>
      </c>
      <c r="RQP727" s="424"/>
      <c r="RQQ727" s="424"/>
      <c r="RQR727" s="424"/>
      <c r="RQS727" s="423" t="s">
        <v>2795</v>
      </c>
      <c r="RQT727" s="424"/>
      <c r="RQU727" s="424"/>
      <c r="RQV727" s="424"/>
      <c r="RQW727" s="423" t="s">
        <v>2795</v>
      </c>
      <c r="RQX727" s="424"/>
      <c r="RQY727" s="424"/>
      <c r="RQZ727" s="424"/>
      <c r="RRA727" s="423" t="s">
        <v>2795</v>
      </c>
      <c r="RRB727" s="424"/>
      <c r="RRC727" s="424"/>
      <c r="RRD727" s="424"/>
      <c r="RRE727" s="423" t="s">
        <v>2795</v>
      </c>
      <c r="RRF727" s="424"/>
      <c r="RRG727" s="424"/>
      <c r="RRH727" s="424"/>
      <c r="RRI727" s="423" t="s">
        <v>2795</v>
      </c>
      <c r="RRJ727" s="424"/>
      <c r="RRK727" s="424"/>
      <c r="RRL727" s="424"/>
      <c r="RRM727" s="423" t="s">
        <v>2795</v>
      </c>
      <c r="RRN727" s="424"/>
      <c r="RRO727" s="424"/>
      <c r="RRP727" s="424"/>
      <c r="RRQ727" s="423" t="s">
        <v>2795</v>
      </c>
      <c r="RRR727" s="424"/>
      <c r="RRS727" s="424"/>
      <c r="RRT727" s="424"/>
      <c r="RRU727" s="423" t="s">
        <v>2795</v>
      </c>
      <c r="RRV727" s="424"/>
      <c r="RRW727" s="424"/>
      <c r="RRX727" s="424"/>
      <c r="RRY727" s="423" t="s">
        <v>2795</v>
      </c>
      <c r="RRZ727" s="424"/>
      <c r="RSA727" s="424"/>
      <c r="RSB727" s="424"/>
      <c r="RSC727" s="423" t="s">
        <v>2795</v>
      </c>
      <c r="RSD727" s="424"/>
      <c r="RSE727" s="424"/>
      <c r="RSF727" s="424"/>
      <c r="RSG727" s="423" t="s">
        <v>2795</v>
      </c>
      <c r="RSH727" s="424"/>
      <c r="RSI727" s="424"/>
      <c r="RSJ727" s="424"/>
      <c r="RSK727" s="423" t="s">
        <v>2795</v>
      </c>
      <c r="RSL727" s="424"/>
      <c r="RSM727" s="424"/>
      <c r="RSN727" s="424"/>
      <c r="RSO727" s="423" t="s">
        <v>2795</v>
      </c>
      <c r="RSP727" s="424"/>
      <c r="RSQ727" s="424"/>
      <c r="RSR727" s="424"/>
      <c r="RSS727" s="423" t="s">
        <v>2795</v>
      </c>
      <c r="RST727" s="424"/>
      <c r="RSU727" s="424"/>
      <c r="RSV727" s="424"/>
      <c r="RSW727" s="423" t="s">
        <v>2795</v>
      </c>
      <c r="RSX727" s="424"/>
      <c r="RSY727" s="424"/>
      <c r="RSZ727" s="424"/>
      <c r="RTA727" s="423" t="s">
        <v>2795</v>
      </c>
      <c r="RTB727" s="424"/>
      <c r="RTC727" s="424"/>
      <c r="RTD727" s="424"/>
      <c r="RTE727" s="423" t="s">
        <v>2795</v>
      </c>
      <c r="RTF727" s="424"/>
      <c r="RTG727" s="424"/>
      <c r="RTH727" s="424"/>
      <c r="RTI727" s="423" t="s">
        <v>2795</v>
      </c>
      <c r="RTJ727" s="424"/>
      <c r="RTK727" s="424"/>
      <c r="RTL727" s="424"/>
      <c r="RTM727" s="423" t="s">
        <v>2795</v>
      </c>
      <c r="RTN727" s="424"/>
      <c r="RTO727" s="424"/>
      <c r="RTP727" s="424"/>
      <c r="RTQ727" s="423" t="s">
        <v>2795</v>
      </c>
      <c r="RTR727" s="424"/>
      <c r="RTS727" s="424"/>
      <c r="RTT727" s="424"/>
      <c r="RTU727" s="423" t="s">
        <v>2795</v>
      </c>
      <c r="RTV727" s="424"/>
      <c r="RTW727" s="424"/>
      <c r="RTX727" s="424"/>
      <c r="RTY727" s="423" t="s">
        <v>2795</v>
      </c>
      <c r="RTZ727" s="424"/>
      <c r="RUA727" s="424"/>
      <c r="RUB727" s="424"/>
      <c r="RUC727" s="423" t="s">
        <v>2795</v>
      </c>
      <c r="RUD727" s="424"/>
      <c r="RUE727" s="424"/>
      <c r="RUF727" s="424"/>
      <c r="RUG727" s="423" t="s">
        <v>2795</v>
      </c>
      <c r="RUH727" s="424"/>
      <c r="RUI727" s="424"/>
      <c r="RUJ727" s="424"/>
      <c r="RUK727" s="423" t="s">
        <v>2795</v>
      </c>
      <c r="RUL727" s="424"/>
      <c r="RUM727" s="424"/>
      <c r="RUN727" s="424"/>
      <c r="RUO727" s="423" t="s">
        <v>2795</v>
      </c>
      <c r="RUP727" s="424"/>
      <c r="RUQ727" s="424"/>
      <c r="RUR727" s="424"/>
      <c r="RUS727" s="423" t="s">
        <v>2795</v>
      </c>
      <c r="RUT727" s="424"/>
      <c r="RUU727" s="424"/>
      <c r="RUV727" s="424"/>
      <c r="RUW727" s="423" t="s">
        <v>2795</v>
      </c>
      <c r="RUX727" s="424"/>
      <c r="RUY727" s="424"/>
      <c r="RUZ727" s="424"/>
      <c r="RVA727" s="423" t="s">
        <v>2795</v>
      </c>
      <c r="RVB727" s="424"/>
      <c r="RVC727" s="424"/>
      <c r="RVD727" s="424"/>
      <c r="RVE727" s="423" t="s">
        <v>2795</v>
      </c>
      <c r="RVF727" s="424"/>
      <c r="RVG727" s="424"/>
      <c r="RVH727" s="424"/>
      <c r="RVI727" s="423" t="s">
        <v>2795</v>
      </c>
      <c r="RVJ727" s="424"/>
      <c r="RVK727" s="424"/>
      <c r="RVL727" s="424"/>
      <c r="RVM727" s="423" t="s">
        <v>2795</v>
      </c>
      <c r="RVN727" s="424"/>
      <c r="RVO727" s="424"/>
      <c r="RVP727" s="424"/>
      <c r="RVQ727" s="423" t="s">
        <v>2795</v>
      </c>
      <c r="RVR727" s="424"/>
      <c r="RVS727" s="424"/>
      <c r="RVT727" s="424"/>
      <c r="RVU727" s="423" t="s">
        <v>2795</v>
      </c>
      <c r="RVV727" s="424"/>
      <c r="RVW727" s="424"/>
      <c r="RVX727" s="424"/>
      <c r="RVY727" s="423" t="s">
        <v>2795</v>
      </c>
      <c r="RVZ727" s="424"/>
      <c r="RWA727" s="424"/>
      <c r="RWB727" s="424"/>
      <c r="RWC727" s="423" t="s">
        <v>2795</v>
      </c>
      <c r="RWD727" s="424"/>
      <c r="RWE727" s="424"/>
      <c r="RWF727" s="424"/>
      <c r="RWG727" s="423" t="s">
        <v>2795</v>
      </c>
      <c r="RWH727" s="424"/>
      <c r="RWI727" s="424"/>
      <c r="RWJ727" s="424"/>
      <c r="RWK727" s="423" t="s">
        <v>2795</v>
      </c>
      <c r="RWL727" s="424"/>
      <c r="RWM727" s="424"/>
      <c r="RWN727" s="424"/>
      <c r="RWO727" s="423" t="s">
        <v>2795</v>
      </c>
      <c r="RWP727" s="424"/>
      <c r="RWQ727" s="424"/>
      <c r="RWR727" s="424"/>
      <c r="RWS727" s="423" t="s">
        <v>2795</v>
      </c>
      <c r="RWT727" s="424"/>
      <c r="RWU727" s="424"/>
      <c r="RWV727" s="424"/>
      <c r="RWW727" s="423" t="s">
        <v>2795</v>
      </c>
      <c r="RWX727" s="424"/>
      <c r="RWY727" s="424"/>
      <c r="RWZ727" s="424"/>
      <c r="RXA727" s="423" t="s">
        <v>2795</v>
      </c>
      <c r="RXB727" s="424"/>
      <c r="RXC727" s="424"/>
      <c r="RXD727" s="424"/>
      <c r="RXE727" s="423" t="s">
        <v>2795</v>
      </c>
      <c r="RXF727" s="424"/>
      <c r="RXG727" s="424"/>
      <c r="RXH727" s="424"/>
      <c r="RXI727" s="423" t="s">
        <v>2795</v>
      </c>
      <c r="RXJ727" s="424"/>
      <c r="RXK727" s="424"/>
      <c r="RXL727" s="424"/>
      <c r="RXM727" s="423" t="s">
        <v>2795</v>
      </c>
      <c r="RXN727" s="424"/>
      <c r="RXO727" s="424"/>
      <c r="RXP727" s="424"/>
      <c r="RXQ727" s="423" t="s">
        <v>2795</v>
      </c>
      <c r="RXR727" s="424"/>
      <c r="RXS727" s="424"/>
      <c r="RXT727" s="424"/>
      <c r="RXU727" s="423" t="s">
        <v>2795</v>
      </c>
      <c r="RXV727" s="424"/>
      <c r="RXW727" s="424"/>
      <c r="RXX727" s="424"/>
      <c r="RXY727" s="423" t="s">
        <v>2795</v>
      </c>
      <c r="RXZ727" s="424"/>
      <c r="RYA727" s="424"/>
      <c r="RYB727" s="424"/>
      <c r="RYC727" s="423" t="s">
        <v>2795</v>
      </c>
      <c r="RYD727" s="424"/>
      <c r="RYE727" s="424"/>
      <c r="RYF727" s="424"/>
      <c r="RYG727" s="423" t="s">
        <v>2795</v>
      </c>
      <c r="RYH727" s="424"/>
      <c r="RYI727" s="424"/>
      <c r="RYJ727" s="424"/>
      <c r="RYK727" s="423" t="s">
        <v>2795</v>
      </c>
      <c r="RYL727" s="424"/>
      <c r="RYM727" s="424"/>
      <c r="RYN727" s="424"/>
      <c r="RYO727" s="423" t="s">
        <v>2795</v>
      </c>
      <c r="RYP727" s="424"/>
      <c r="RYQ727" s="424"/>
      <c r="RYR727" s="424"/>
      <c r="RYS727" s="423" t="s">
        <v>2795</v>
      </c>
      <c r="RYT727" s="424"/>
      <c r="RYU727" s="424"/>
      <c r="RYV727" s="424"/>
      <c r="RYW727" s="423" t="s">
        <v>2795</v>
      </c>
      <c r="RYX727" s="424"/>
      <c r="RYY727" s="424"/>
      <c r="RYZ727" s="424"/>
      <c r="RZA727" s="423" t="s">
        <v>2795</v>
      </c>
      <c r="RZB727" s="424"/>
      <c r="RZC727" s="424"/>
      <c r="RZD727" s="424"/>
      <c r="RZE727" s="423" t="s">
        <v>2795</v>
      </c>
      <c r="RZF727" s="424"/>
      <c r="RZG727" s="424"/>
      <c r="RZH727" s="424"/>
      <c r="RZI727" s="423" t="s">
        <v>2795</v>
      </c>
      <c r="RZJ727" s="424"/>
      <c r="RZK727" s="424"/>
      <c r="RZL727" s="424"/>
      <c r="RZM727" s="423" t="s">
        <v>2795</v>
      </c>
      <c r="RZN727" s="424"/>
      <c r="RZO727" s="424"/>
      <c r="RZP727" s="424"/>
      <c r="RZQ727" s="423" t="s">
        <v>2795</v>
      </c>
      <c r="RZR727" s="424"/>
      <c r="RZS727" s="424"/>
      <c r="RZT727" s="424"/>
      <c r="RZU727" s="423" t="s">
        <v>2795</v>
      </c>
      <c r="RZV727" s="424"/>
      <c r="RZW727" s="424"/>
      <c r="RZX727" s="424"/>
      <c r="RZY727" s="423" t="s">
        <v>2795</v>
      </c>
      <c r="RZZ727" s="424"/>
      <c r="SAA727" s="424"/>
      <c r="SAB727" s="424"/>
      <c r="SAC727" s="423" t="s">
        <v>2795</v>
      </c>
      <c r="SAD727" s="424"/>
      <c r="SAE727" s="424"/>
      <c r="SAF727" s="424"/>
      <c r="SAG727" s="423" t="s">
        <v>2795</v>
      </c>
      <c r="SAH727" s="424"/>
      <c r="SAI727" s="424"/>
      <c r="SAJ727" s="424"/>
      <c r="SAK727" s="423" t="s">
        <v>2795</v>
      </c>
      <c r="SAL727" s="424"/>
      <c r="SAM727" s="424"/>
      <c r="SAN727" s="424"/>
      <c r="SAO727" s="423" t="s">
        <v>2795</v>
      </c>
      <c r="SAP727" s="424"/>
      <c r="SAQ727" s="424"/>
      <c r="SAR727" s="424"/>
      <c r="SAS727" s="423" t="s">
        <v>2795</v>
      </c>
      <c r="SAT727" s="424"/>
      <c r="SAU727" s="424"/>
      <c r="SAV727" s="424"/>
      <c r="SAW727" s="423" t="s">
        <v>2795</v>
      </c>
      <c r="SAX727" s="424"/>
      <c r="SAY727" s="424"/>
      <c r="SAZ727" s="424"/>
      <c r="SBA727" s="423" t="s">
        <v>2795</v>
      </c>
      <c r="SBB727" s="424"/>
      <c r="SBC727" s="424"/>
      <c r="SBD727" s="424"/>
      <c r="SBE727" s="423" t="s">
        <v>2795</v>
      </c>
      <c r="SBF727" s="424"/>
      <c r="SBG727" s="424"/>
      <c r="SBH727" s="424"/>
      <c r="SBI727" s="423" t="s">
        <v>2795</v>
      </c>
      <c r="SBJ727" s="424"/>
      <c r="SBK727" s="424"/>
      <c r="SBL727" s="424"/>
      <c r="SBM727" s="423" t="s">
        <v>2795</v>
      </c>
      <c r="SBN727" s="424"/>
      <c r="SBO727" s="424"/>
      <c r="SBP727" s="424"/>
      <c r="SBQ727" s="423" t="s">
        <v>2795</v>
      </c>
      <c r="SBR727" s="424"/>
      <c r="SBS727" s="424"/>
      <c r="SBT727" s="424"/>
      <c r="SBU727" s="423" t="s">
        <v>2795</v>
      </c>
      <c r="SBV727" s="424"/>
      <c r="SBW727" s="424"/>
      <c r="SBX727" s="424"/>
      <c r="SBY727" s="423" t="s">
        <v>2795</v>
      </c>
      <c r="SBZ727" s="424"/>
      <c r="SCA727" s="424"/>
      <c r="SCB727" s="424"/>
      <c r="SCC727" s="423" t="s">
        <v>2795</v>
      </c>
      <c r="SCD727" s="424"/>
      <c r="SCE727" s="424"/>
      <c r="SCF727" s="424"/>
      <c r="SCG727" s="423" t="s">
        <v>2795</v>
      </c>
      <c r="SCH727" s="424"/>
      <c r="SCI727" s="424"/>
      <c r="SCJ727" s="424"/>
      <c r="SCK727" s="423" t="s">
        <v>2795</v>
      </c>
      <c r="SCL727" s="424"/>
      <c r="SCM727" s="424"/>
      <c r="SCN727" s="424"/>
      <c r="SCO727" s="423" t="s">
        <v>2795</v>
      </c>
      <c r="SCP727" s="424"/>
      <c r="SCQ727" s="424"/>
      <c r="SCR727" s="424"/>
      <c r="SCS727" s="423" t="s">
        <v>2795</v>
      </c>
      <c r="SCT727" s="424"/>
      <c r="SCU727" s="424"/>
      <c r="SCV727" s="424"/>
      <c r="SCW727" s="423" t="s">
        <v>2795</v>
      </c>
      <c r="SCX727" s="424"/>
      <c r="SCY727" s="424"/>
      <c r="SCZ727" s="424"/>
      <c r="SDA727" s="423" t="s">
        <v>2795</v>
      </c>
      <c r="SDB727" s="424"/>
      <c r="SDC727" s="424"/>
      <c r="SDD727" s="424"/>
      <c r="SDE727" s="423" t="s">
        <v>2795</v>
      </c>
      <c r="SDF727" s="424"/>
      <c r="SDG727" s="424"/>
      <c r="SDH727" s="424"/>
      <c r="SDI727" s="423" t="s">
        <v>2795</v>
      </c>
      <c r="SDJ727" s="424"/>
      <c r="SDK727" s="424"/>
      <c r="SDL727" s="424"/>
      <c r="SDM727" s="423" t="s">
        <v>2795</v>
      </c>
      <c r="SDN727" s="424"/>
      <c r="SDO727" s="424"/>
      <c r="SDP727" s="424"/>
      <c r="SDQ727" s="423" t="s">
        <v>2795</v>
      </c>
      <c r="SDR727" s="424"/>
      <c r="SDS727" s="424"/>
      <c r="SDT727" s="424"/>
      <c r="SDU727" s="423" t="s">
        <v>2795</v>
      </c>
      <c r="SDV727" s="424"/>
      <c r="SDW727" s="424"/>
      <c r="SDX727" s="424"/>
      <c r="SDY727" s="423" t="s">
        <v>2795</v>
      </c>
      <c r="SDZ727" s="424"/>
      <c r="SEA727" s="424"/>
      <c r="SEB727" s="424"/>
      <c r="SEC727" s="423" t="s">
        <v>2795</v>
      </c>
      <c r="SED727" s="424"/>
      <c r="SEE727" s="424"/>
      <c r="SEF727" s="424"/>
      <c r="SEG727" s="423" t="s">
        <v>2795</v>
      </c>
      <c r="SEH727" s="424"/>
      <c r="SEI727" s="424"/>
      <c r="SEJ727" s="424"/>
      <c r="SEK727" s="423" t="s">
        <v>2795</v>
      </c>
      <c r="SEL727" s="424"/>
      <c r="SEM727" s="424"/>
      <c r="SEN727" s="424"/>
      <c r="SEO727" s="423" t="s">
        <v>2795</v>
      </c>
      <c r="SEP727" s="424"/>
      <c r="SEQ727" s="424"/>
      <c r="SER727" s="424"/>
      <c r="SES727" s="423" t="s">
        <v>2795</v>
      </c>
      <c r="SET727" s="424"/>
      <c r="SEU727" s="424"/>
      <c r="SEV727" s="424"/>
      <c r="SEW727" s="423" t="s">
        <v>2795</v>
      </c>
      <c r="SEX727" s="424"/>
      <c r="SEY727" s="424"/>
      <c r="SEZ727" s="424"/>
      <c r="SFA727" s="423" t="s">
        <v>2795</v>
      </c>
      <c r="SFB727" s="424"/>
      <c r="SFC727" s="424"/>
      <c r="SFD727" s="424"/>
      <c r="SFE727" s="423" t="s">
        <v>2795</v>
      </c>
      <c r="SFF727" s="424"/>
      <c r="SFG727" s="424"/>
      <c r="SFH727" s="424"/>
      <c r="SFI727" s="423" t="s">
        <v>2795</v>
      </c>
      <c r="SFJ727" s="424"/>
      <c r="SFK727" s="424"/>
      <c r="SFL727" s="424"/>
      <c r="SFM727" s="423" t="s">
        <v>2795</v>
      </c>
      <c r="SFN727" s="424"/>
      <c r="SFO727" s="424"/>
      <c r="SFP727" s="424"/>
      <c r="SFQ727" s="423" t="s">
        <v>2795</v>
      </c>
      <c r="SFR727" s="424"/>
      <c r="SFS727" s="424"/>
      <c r="SFT727" s="424"/>
      <c r="SFU727" s="423" t="s">
        <v>2795</v>
      </c>
      <c r="SFV727" s="424"/>
      <c r="SFW727" s="424"/>
      <c r="SFX727" s="424"/>
      <c r="SFY727" s="423" t="s">
        <v>2795</v>
      </c>
      <c r="SFZ727" s="424"/>
      <c r="SGA727" s="424"/>
      <c r="SGB727" s="424"/>
      <c r="SGC727" s="423" t="s">
        <v>2795</v>
      </c>
      <c r="SGD727" s="424"/>
      <c r="SGE727" s="424"/>
      <c r="SGF727" s="424"/>
      <c r="SGG727" s="423" t="s">
        <v>2795</v>
      </c>
      <c r="SGH727" s="424"/>
      <c r="SGI727" s="424"/>
      <c r="SGJ727" s="424"/>
      <c r="SGK727" s="423" t="s">
        <v>2795</v>
      </c>
      <c r="SGL727" s="424"/>
      <c r="SGM727" s="424"/>
      <c r="SGN727" s="424"/>
      <c r="SGO727" s="423" t="s">
        <v>2795</v>
      </c>
      <c r="SGP727" s="424"/>
      <c r="SGQ727" s="424"/>
      <c r="SGR727" s="424"/>
      <c r="SGS727" s="423" t="s">
        <v>2795</v>
      </c>
      <c r="SGT727" s="424"/>
      <c r="SGU727" s="424"/>
      <c r="SGV727" s="424"/>
      <c r="SGW727" s="423" t="s">
        <v>2795</v>
      </c>
      <c r="SGX727" s="424"/>
      <c r="SGY727" s="424"/>
      <c r="SGZ727" s="424"/>
      <c r="SHA727" s="423" t="s">
        <v>2795</v>
      </c>
      <c r="SHB727" s="424"/>
      <c r="SHC727" s="424"/>
      <c r="SHD727" s="424"/>
      <c r="SHE727" s="423" t="s">
        <v>2795</v>
      </c>
      <c r="SHF727" s="424"/>
      <c r="SHG727" s="424"/>
      <c r="SHH727" s="424"/>
      <c r="SHI727" s="423" t="s">
        <v>2795</v>
      </c>
      <c r="SHJ727" s="424"/>
      <c r="SHK727" s="424"/>
      <c r="SHL727" s="424"/>
      <c r="SHM727" s="423" t="s">
        <v>2795</v>
      </c>
      <c r="SHN727" s="424"/>
      <c r="SHO727" s="424"/>
      <c r="SHP727" s="424"/>
      <c r="SHQ727" s="423" t="s">
        <v>2795</v>
      </c>
      <c r="SHR727" s="424"/>
      <c r="SHS727" s="424"/>
      <c r="SHT727" s="424"/>
      <c r="SHU727" s="423" t="s">
        <v>2795</v>
      </c>
      <c r="SHV727" s="424"/>
      <c r="SHW727" s="424"/>
      <c r="SHX727" s="424"/>
      <c r="SHY727" s="423" t="s">
        <v>2795</v>
      </c>
      <c r="SHZ727" s="424"/>
      <c r="SIA727" s="424"/>
      <c r="SIB727" s="424"/>
      <c r="SIC727" s="423" t="s">
        <v>2795</v>
      </c>
      <c r="SID727" s="424"/>
      <c r="SIE727" s="424"/>
      <c r="SIF727" s="424"/>
      <c r="SIG727" s="423" t="s">
        <v>2795</v>
      </c>
      <c r="SIH727" s="424"/>
      <c r="SII727" s="424"/>
      <c r="SIJ727" s="424"/>
      <c r="SIK727" s="423" t="s">
        <v>2795</v>
      </c>
      <c r="SIL727" s="424"/>
      <c r="SIM727" s="424"/>
      <c r="SIN727" s="424"/>
      <c r="SIO727" s="423" t="s">
        <v>2795</v>
      </c>
      <c r="SIP727" s="424"/>
      <c r="SIQ727" s="424"/>
      <c r="SIR727" s="424"/>
      <c r="SIS727" s="423" t="s">
        <v>2795</v>
      </c>
      <c r="SIT727" s="424"/>
      <c r="SIU727" s="424"/>
      <c r="SIV727" s="424"/>
      <c r="SIW727" s="423" t="s">
        <v>2795</v>
      </c>
      <c r="SIX727" s="424"/>
      <c r="SIY727" s="424"/>
      <c r="SIZ727" s="424"/>
      <c r="SJA727" s="423" t="s">
        <v>2795</v>
      </c>
      <c r="SJB727" s="424"/>
      <c r="SJC727" s="424"/>
      <c r="SJD727" s="424"/>
      <c r="SJE727" s="423" t="s">
        <v>2795</v>
      </c>
      <c r="SJF727" s="424"/>
      <c r="SJG727" s="424"/>
      <c r="SJH727" s="424"/>
      <c r="SJI727" s="423" t="s">
        <v>2795</v>
      </c>
      <c r="SJJ727" s="424"/>
      <c r="SJK727" s="424"/>
      <c r="SJL727" s="424"/>
      <c r="SJM727" s="423" t="s">
        <v>2795</v>
      </c>
      <c r="SJN727" s="424"/>
      <c r="SJO727" s="424"/>
      <c r="SJP727" s="424"/>
      <c r="SJQ727" s="423" t="s">
        <v>2795</v>
      </c>
      <c r="SJR727" s="424"/>
      <c r="SJS727" s="424"/>
      <c r="SJT727" s="424"/>
      <c r="SJU727" s="423" t="s">
        <v>2795</v>
      </c>
      <c r="SJV727" s="424"/>
      <c r="SJW727" s="424"/>
      <c r="SJX727" s="424"/>
      <c r="SJY727" s="423" t="s">
        <v>2795</v>
      </c>
      <c r="SJZ727" s="424"/>
      <c r="SKA727" s="424"/>
      <c r="SKB727" s="424"/>
      <c r="SKC727" s="423" t="s">
        <v>2795</v>
      </c>
      <c r="SKD727" s="424"/>
      <c r="SKE727" s="424"/>
      <c r="SKF727" s="424"/>
      <c r="SKG727" s="423" t="s">
        <v>2795</v>
      </c>
      <c r="SKH727" s="424"/>
      <c r="SKI727" s="424"/>
      <c r="SKJ727" s="424"/>
      <c r="SKK727" s="423" t="s">
        <v>2795</v>
      </c>
      <c r="SKL727" s="424"/>
      <c r="SKM727" s="424"/>
      <c r="SKN727" s="424"/>
      <c r="SKO727" s="423" t="s">
        <v>2795</v>
      </c>
      <c r="SKP727" s="424"/>
      <c r="SKQ727" s="424"/>
      <c r="SKR727" s="424"/>
      <c r="SKS727" s="423" t="s">
        <v>2795</v>
      </c>
      <c r="SKT727" s="424"/>
      <c r="SKU727" s="424"/>
      <c r="SKV727" s="424"/>
      <c r="SKW727" s="423" t="s">
        <v>2795</v>
      </c>
      <c r="SKX727" s="424"/>
      <c r="SKY727" s="424"/>
      <c r="SKZ727" s="424"/>
      <c r="SLA727" s="423" t="s">
        <v>2795</v>
      </c>
      <c r="SLB727" s="424"/>
      <c r="SLC727" s="424"/>
      <c r="SLD727" s="424"/>
      <c r="SLE727" s="423" t="s">
        <v>2795</v>
      </c>
      <c r="SLF727" s="424"/>
      <c r="SLG727" s="424"/>
      <c r="SLH727" s="424"/>
      <c r="SLI727" s="423" t="s">
        <v>2795</v>
      </c>
      <c r="SLJ727" s="424"/>
      <c r="SLK727" s="424"/>
      <c r="SLL727" s="424"/>
      <c r="SLM727" s="423" t="s">
        <v>2795</v>
      </c>
      <c r="SLN727" s="424"/>
      <c r="SLO727" s="424"/>
      <c r="SLP727" s="424"/>
      <c r="SLQ727" s="423" t="s">
        <v>2795</v>
      </c>
      <c r="SLR727" s="424"/>
      <c r="SLS727" s="424"/>
      <c r="SLT727" s="424"/>
      <c r="SLU727" s="423" t="s">
        <v>2795</v>
      </c>
      <c r="SLV727" s="424"/>
      <c r="SLW727" s="424"/>
      <c r="SLX727" s="424"/>
      <c r="SLY727" s="423" t="s">
        <v>2795</v>
      </c>
      <c r="SLZ727" s="424"/>
      <c r="SMA727" s="424"/>
      <c r="SMB727" s="424"/>
      <c r="SMC727" s="423" t="s">
        <v>2795</v>
      </c>
      <c r="SMD727" s="424"/>
      <c r="SME727" s="424"/>
      <c r="SMF727" s="424"/>
      <c r="SMG727" s="423" t="s">
        <v>2795</v>
      </c>
      <c r="SMH727" s="424"/>
      <c r="SMI727" s="424"/>
      <c r="SMJ727" s="424"/>
      <c r="SMK727" s="423" t="s">
        <v>2795</v>
      </c>
      <c r="SML727" s="424"/>
      <c r="SMM727" s="424"/>
      <c r="SMN727" s="424"/>
      <c r="SMO727" s="423" t="s">
        <v>2795</v>
      </c>
      <c r="SMP727" s="424"/>
      <c r="SMQ727" s="424"/>
      <c r="SMR727" s="424"/>
      <c r="SMS727" s="423" t="s">
        <v>2795</v>
      </c>
      <c r="SMT727" s="424"/>
      <c r="SMU727" s="424"/>
      <c r="SMV727" s="424"/>
      <c r="SMW727" s="423" t="s">
        <v>2795</v>
      </c>
      <c r="SMX727" s="424"/>
      <c r="SMY727" s="424"/>
      <c r="SMZ727" s="424"/>
      <c r="SNA727" s="423" t="s">
        <v>2795</v>
      </c>
      <c r="SNB727" s="424"/>
      <c r="SNC727" s="424"/>
      <c r="SND727" s="424"/>
      <c r="SNE727" s="423" t="s">
        <v>2795</v>
      </c>
      <c r="SNF727" s="424"/>
      <c r="SNG727" s="424"/>
      <c r="SNH727" s="424"/>
      <c r="SNI727" s="423" t="s">
        <v>2795</v>
      </c>
      <c r="SNJ727" s="424"/>
      <c r="SNK727" s="424"/>
      <c r="SNL727" s="424"/>
      <c r="SNM727" s="423" t="s">
        <v>2795</v>
      </c>
      <c r="SNN727" s="424"/>
      <c r="SNO727" s="424"/>
      <c r="SNP727" s="424"/>
      <c r="SNQ727" s="423" t="s">
        <v>2795</v>
      </c>
      <c r="SNR727" s="424"/>
      <c r="SNS727" s="424"/>
      <c r="SNT727" s="424"/>
      <c r="SNU727" s="423" t="s">
        <v>2795</v>
      </c>
      <c r="SNV727" s="424"/>
      <c r="SNW727" s="424"/>
      <c r="SNX727" s="424"/>
      <c r="SNY727" s="423" t="s">
        <v>2795</v>
      </c>
      <c r="SNZ727" s="424"/>
      <c r="SOA727" s="424"/>
      <c r="SOB727" s="424"/>
      <c r="SOC727" s="423" t="s">
        <v>2795</v>
      </c>
      <c r="SOD727" s="424"/>
      <c r="SOE727" s="424"/>
      <c r="SOF727" s="424"/>
      <c r="SOG727" s="423" t="s">
        <v>2795</v>
      </c>
      <c r="SOH727" s="424"/>
      <c r="SOI727" s="424"/>
      <c r="SOJ727" s="424"/>
      <c r="SOK727" s="423" t="s">
        <v>2795</v>
      </c>
      <c r="SOL727" s="424"/>
      <c r="SOM727" s="424"/>
      <c r="SON727" s="424"/>
      <c r="SOO727" s="423" t="s">
        <v>2795</v>
      </c>
      <c r="SOP727" s="424"/>
      <c r="SOQ727" s="424"/>
      <c r="SOR727" s="424"/>
      <c r="SOS727" s="423" t="s">
        <v>2795</v>
      </c>
      <c r="SOT727" s="424"/>
      <c r="SOU727" s="424"/>
      <c r="SOV727" s="424"/>
      <c r="SOW727" s="423" t="s">
        <v>2795</v>
      </c>
      <c r="SOX727" s="424"/>
      <c r="SOY727" s="424"/>
      <c r="SOZ727" s="424"/>
      <c r="SPA727" s="423" t="s">
        <v>2795</v>
      </c>
      <c r="SPB727" s="424"/>
      <c r="SPC727" s="424"/>
      <c r="SPD727" s="424"/>
      <c r="SPE727" s="423" t="s">
        <v>2795</v>
      </c>
      <c r="SPF727" s="424"/>
      <c r="SPG727" s="424"/>
      <c r="SPH727" s="424"/>
      <c r="SPI727" s="423" t="s">
        <v>2795</v>
      </c>
      <c r="SPJ727" s="424"/>
      <c r="SPK727" s="424"/>
      <c r="SPL727" s="424"/>
      <c r="SPM727" s="423" t="s">
        <v>2795</v>
      </c>
      <c r="SPN727" s="424"/>
      <c r="SPO727" s="424"/>
      <c r="SPP727" s="424"/>
      <c r="SPQ727" s="423" t="s">
        <v>2795</v>
      </c>
      <c r="SPR727" s="424"/>
      <c r="SPS727" s="424"/>
      <c r="SPT727" s="424"/>
      <c r="SPU727" s="423" t="s">
        <v>2795</v>
      </c>
      <c r="SPV727" s="424"/>
      <c r="SPW727" s="424"/>
      <c r="SPX727" s="424"/>
      <c r="SPY727" s="423" t="s">
        <v>2795</v>
      </c>
      <c r="SPZ727" s="424"/>
      <c r="SQA727" s="424"/>
      <c r="SQB727" s="424"/>
      <c r="SQC727" s="423" t="s">
        <v>2795</v>
      </c>
      <c r="SQD727" s="424"/>
      <c r="SQE727" s="424"/>
      <c r="SQF727" s="424"/>
      <c r="SQG727" s="423" t="s">
        <v>2795</v>
      </c>
      <c r="SQH727" s="424"/>
      <c r="SQI727" s="424"/>
      <c r="SQJ727" s="424"/>
      <c r="SQK727" s="423" t="s">
        <v>2795</v>
      </c>
      <c r="SQL727" s="424"/>
      <c r="SQM727" s="424"/>
      <c r="SQN727" s="424"/>
      <c r="SQO727" s="423" t="s">
        <v>2795</v>
      </c>
      <c r="SQP727" s="424"/>
      <c r="SQQ727" s="424"/>
      <c r="SQR727" s="424"/>
      <c r="SQS727" s="423" t="s">
        <v>2795</v>
      </c>
      <c r="SQT727" s="424"/>
      <c r="SQU727" s="424"/>
      <c r="SQV727" s="424"/>
      <c r="SQW727" s="423" t="s">
        <v>2795</v>
      </c>
      <c r="SQX727" s="424"/>
      <c r="SQY727" s="424"/>
      <c r="SQZ727" s="424"/>
      <c r="SRA727" s="423" t="s">
        <v>2795</v>
      </c>
      <c r="SRB727" s="424"/>
      <c r="SRC727" s="424"/>
      <c r="SRD727" s="424"/>
      <c r="SRE727" s="423" t="s">
        <v>2795</v>
      </c>
      <c r="SRF727" s="424"/>
      <c r="SRG727" s="424"/>
      <c r="SRH727" s="424"/>
      <c r="SRI727" s="423" t="s">
        <v>2795</v>
      </c>
      <c r="SRJ727" s="424"/>
      <c r="SRK727" s="424"/>
      <c r="SRL727" s="424"/>
      <c r="SRM727" s="423" t="s">
        <v>2795</v>
      </c>
      <c r="SRN727" s="424"/>
      <c r="SRO727" s="424"/>
      <c r="SRP727" s="424"/>
      <c r="SRQ727" s="423" t="s">
        <v>2795</v>
      </c>
      <c r="SRR727" s="424"/>
      <c r="SRS727" s="424"/>
      <c r="SRT727" s="424"/>
      <c r="SRU727" s="423" t="s">
        <v>2795</v>
      </c>
      <c r="SRV727" s="424"/>
      <c r="SRW727" s="424"/>
      <c r="SRX727" s="424"/>
      <c r="SRY727" s="423" t="s">
        <v>2795</v>
      </c>
      <c r="SRZ727" s="424"/>
      <c r="SSA727" s="424"/>
      <c r="SSB727" s="424"/>
      <c r="SSC727" s="423" t="s">
        <v>2795</v>
      </c>
      <c r="SSD727" s="424"/>
      <c r="SSE727" s="424"/>
      <c r="SSF727" s="424"/>
      <c r="SSG727" s="423" t="s">
        <v>2795</v>
      </c>
      <c r="SSH727" s="424"/>
      <c r="SSI727" s="424"/>
      <c r="SSJ727" s="424"/>
      <c r="SSK727" s="423" t="s">
        <v>2795</v>
      </c>
      <c r="SSL727" s="424"/>
      <c r="SSM727" s="424"/>
      <c r="SSN727" s="424"/>
      <c r="SSO727" s="423" t="s">
        <v>2795</v>
      </c>
      <c r="SSP727" s="424"/>
      <c r="SSQ727" s="424"/>
      <c r="SSR727" s="424"/>
      <c r="SSS727" s="423" t="s">
        <v>2795</v>
      </c>
      <c r="SST727" s="424"/>
      <c r="SSU727" s="424"/>
      <c r="SSV727" s="424"/>
      <c r="SSW727" s="423" t="s">
        <v>2795</v>
      </c>
      <c r="SSX727" s="424"/>
      <c r="SSY727" s="424"/>
      <c r="SSZ727" s="424"/>
      <c r="STA727" s="423" t="s">
        <v>2795</v>
      </c>
      <c r="STB727" s="424"/>
      <c r="STC727" s="424"/>
      <c r="STD727" s="424"/>
      <c r="STE727" s="423" t="s">
        <v>2795</v>
      </c>
      <c r="STF727" s="424"/>
      <c r="STG727" s="424"/>
      <c r="STH727" s="424"/>
      <c r="STI727" s="423" t="s">
        <v>2795</v>
      </c>
      <c r="STJ727" s="424"/>
      <c r="STK727" s="424"/>
      <c r="STL727" s="424"/>
      <c r="STM727" s="423" t="s">
        <v>2795</v>
      </c>
      <c r="STN727" s="424"/>
      <c r="STO727" s="424"/>
      <c r="STP727" s="424"/>
      <c r="STQ727" s="423" t="s">
        <v>2795</v>
      </c>
      <c r="STR727" s="424"/>
      <c r="STS727" s="424"/>
      <c r="STT727" s="424"/>
      <c r="STU727" s="423" t="s">
        <v>2795</v>
      </c>
      <c r="STV727" s="424"/>
      <c r="STW727" s="424"/>
      <c r="STX727" s="424"/>
      <c r="STY727" s="423" t="s">
        <v>2795</v>
      </c>
      <c r="STZ727" s="424"/>
      <c r="SUA727" s="424"/>
      <c r="SUB727" s="424"/>
      <c r="SUC727" s="423" t="s">
        <v>2795</v>
      </c>
      <c r="SUD727" s="424"/>
      <c r="SUE727" s="424"/>
      <c r="SUF727" s="424"/>
      <c r="SUG727" s="423" t="s">
        <v>2795</v>
      </c>
      <c r="SUH727" s="424"/>
      <c r="SUI727" s="424"/>
      <c r="SUJ727" s="424"/>
      <c r="SUK727" s="423" t="s">
        <v>2795</v>
      </c>
      <c r="SUL727" s="424"/>
      <c r="SUM727" s="424"/>
      <c r="SUN727" s="424"/>
      <c r="SUO727" s="423" t="s">
        <v>2795</v>
      </c>
      <c r="SUP727" s="424"/>
      <c r="SUQ727" s="424"/>
      <c r="SUR727" s="424"/>
      <c r="SUS727" s="423" t="s">
        <v>2795</v>
      </c>
      <c r="SUT727" s="424"/>
      <c r="SUU727" s="424"/>
      <c r="SUV727" s="424"/>
      <c r="SUW727" s="423" t="s">
        <v>2795</v>
      </c>
      <c r="SUX727" s="424"/>
      <c r="SUY727" s="424"/>
      <c r="SUZ727" s="424"/>
      <c r="SVA727" s="423" t="s">
        <v>2795</v>
      </c>
      <c r="SVB727" s="424"/>
      <c r="SVC727" s="424"/>
      <c r="SVD727" s="424"/>
      <c r="SVE727" s="423" t="s">
        <v>2795</v>
      </c>
      <c r="SVF727" s="424"/>
      <c r="SVG727" s="424"/>
      <c r="SVH727" s="424"/>
      <c r="SVI727" s="423" t="s">
        <v>2795</v>
      </c>
      <c r="SVJ727" s="424"/>
      <c r="SVK727" s="424"/>
      <c r="SVL727" s="424"/>
      <c r="SVM727" s="423" t="s">
        <v>2795</v>
      </c>
      <c r="SVN727" s="424"/>
      <c r="SVO727" s="424"/>
      <c r="SVP727" s="424"/>
      <c r="SVQ727" s="423" t="s">
        <v>2795</v>
      </c>
      <c r="SVR727" s="424"/>
      <c r="SVS727" s="424"/>
      <c r="SVT727" s="424"/>
      <c r="SVU727" s="423" t="s">
        <v>2795</v>
      </c>
      <c r="SVV727" s="424"/>
      <c r="SVW727" s="424"/>
      <c r="SVX727" s="424"/>
      <c r="SVY727" s="423" t="s">
        <v>2795</v>
      </c>
      <c r="SVZ727" s="424"/>
      <c r="SWA727" s="424"/>
      <c r="SWB727" s="424"/>
      <c r="SWC727" s="423" t="s">
        <v>2795</v>
      </c>
      <c r="SWD727" s="424"/>
      <c r="SWE727" s="424"/>
      <c r="SWF727" s="424"/>
      <c r="SWG727" s="423" t="s">
        <v>2795</v>
      </c>
      <c r="SWH727" s="424"/>
      <c r="SWI727" s="424"/>
      <c r="SWJ727" s="424"/>
      <c r="SWK727" s="423" t="s">
        <v>2795</v>
      </c>
      <c r="SWL727" s="424"/>
      <c r="SWM727" s="424"/>
      <c r="SWN727" s="424"/>
      <c r="SWO727" s="423" t="s">
        <v>2795</v>
      </c>
      <c r="SWP727" s="424"/>
      <c r="SWQ727" s="424"/>
      <c r="SWR727" s="424"/>
      <c r="SWS727" s="423" t="s">
        <v>2795</v>
      </c>
      <c r="SWT727" s="424"/>
      <c r="SWU727" s="424"/>
      <c r="SWV727" s="424"/>
      <c r="SWW727" s="423" t="s">
        <v>2795</v>
      </c>
      <c r="SWX727" s="424"/>
      <c r="SWY727" s="424"/>
      <c r="SWZ727" s="424"/>
      <c r="SXA727" s="423" t="s">
        <v>2795</v>
      </c>
      <c r="SXB727" s="424"/>
      <c r="SXC727" s="424"/>
      <c r="SXD727" s="424"/>
      <c r="SXE727" s="423" t="s">
        <v>2795</v>
      </c>
      <c r="SXF727" s="424"/>
      <c r="SXG727" s="424"/>
      <c r="SXH727" s="424"/>
      <c r="SXI727" s="423" t="s">
        <v>2795</v>
      </c>
      <c r="SXJ727" s="424"/>
      <c r="SXK727" s="424"/>
      <c r="SXL727" s="424"/>
      <c r="SXM727" s="423" t="s">
        <v>2795</v>
      </c>
      <c r="SXN727" s="424"/>
      <c r="SXO727" s="424"/>
      <c r="SXP727" s="424"/>
      <c r="SXQ727" s="423" t="s">
        <v>2795</v>
      </c>
      <c r="SXR727" s="424"/>
      <c r="SXS727" s="424"/>
      <c r="SXT727" s="424"/>
      <c r="SXU727" s="423" t="s">
        <v>2795</v>
      </c>
      <c r="SXV727" s="424"/>
      <c r="SXW727" s="424"/>
      <c r="SXX727" s="424"/>
      <c r="SXY727" s="423" t="s">
        <v>2795</v>
      </c>
      <c r="SXZ727" s="424"/>
      <c r="SYA727" s="424"/>
      <c r="SYB727" s="424"/>
      <c r="SYC727" s="423" t="s">
        <v>2795</v>
      </c>
      <c r="SYD727" s="424"/>
      <c r="SYE727" s="424"/>
      <c r="SYF727" s="424"/>
      <c r="SYG727" s="423" t="s">
        <v>2795</v>
      </c>
      <c r="SYH727" s="424"/>
      <c r="SYI727" s="424"/>
      <c r="SYJ727" s="424"/>
      <c r="SYK727" s="423" t="s">
        <v>2795</v>
      </c>
      <c r="SYL727" s="424"/>
      <c r="SYM727" s="424"/>
      <c r="SYN727" s="424"/>
      <c r="SYO727" s="423" t="s">
        <v>2795</v>
      </c>
      <c r="SYP727" s="424"/>
      <c r="SYQ727" s="424"/>
      <c r="SYR727" s="424"/>
      <c r="SYS727" s="423" t="s">
        <v>2795</v>
      </c>
      <c r="SYT727" s="424"/>
      <c r="SYU727" s="424"/>
      <c r="SYV727" s="424"/>
      <c r="SYW727" s="423" t="s">
        <v>2795</v>
      </c>
      <c r="SYX727" s="424"/>
      <c r="SYY727" s="424"/>
      <c r="SYZ727" s="424"/>
      <c r="SZA727" s="423" t="s">
        <v>2795</v>
      </c>
      <c r="SZB727" s="424"/>
      <c r="SZC727" s="424"/>
      <c r="SZD727" s="424"/>
      <c r="SZE727" s="423" t="s">
        <v>2795</v>
      </c>
      <c r="SZF727" s="424"/>
      <c r="SZG727" s="424"/>
      <c r="SZH727" s="424"/>
      <c r="SZI727" s="423" t="s">
        <v>2795</v>
      </c>
      <c r="SZJ727" s="424"/>
      <c r="SZK727" s="424"/>
      <c r="SZL727" s="424"/>
      <c r="SZM727" s="423" t="s">
        <v>2795</v>
      </c>
      <c r="SZN727" s="424"/>
      <c r="SZO727" s="424"/>
      <c r="SZP727" s="424"/>
      <c r="SZQ727" s="423" t="s">
        <v>2795</v>
      </c>
      <c r="SZR727" s="424"/>
      <c r="SZS727" s="424"/>
      <c r="SZT727" s="424"/>
      <c r="SZU727" s="423" t="s">
        <v>2795</v>
      </c>
      <c r="SZV727" s="424"/>
      <c r="SZW727" s="424"/>
      <c r="SZX727" s="424"/>
      <c r="SZY727" s="423" t="s">
        <v>2795</v>
      </c>
      <c r="SZZ727" s="424"/>
      <c r="TAA727" s="424"/>
      <c r="TAB727" s="424"/>
      <c r="TAC727" s="423" t="s">
        <v>2795</v>
      </c>
      <c r="TAD727" s="424"/>
      <c r="TAE727" s="424"/>
      <c r="TAF727" s="424"/>
      <c r="TAG727" s="423" t="s">
        <v>2795</v>
      </c>
      <c r="TAH727" s="424"/>
      <c r="TAI727" s="424"/>
      <c r="TAJ727" s="424"/>
      <c r="TAK727" s="423" t="s">
        <v>2795</v>
      </c>
      <c r="TAL727" s="424"/>
      <c r="TAM727" s="424"/>
      <c r="TAN727" s="424"/>
      <c r="TAO727" s="423" t="s">
        <v>2795</v>
      </c>
      <c r="TAP727" s="424"/>
      <c r="TAQ727" s="424"/>
      <c r="TAR727" s="424"/>
      <c r="TAS727" s="423" t="s">
        <v>2795</v>
      </c>
      <c r="TAT727" s="424"/>
      <c r="TAU727" s="424"/>
      <c r="TAV727" s="424"/>
      <c r="TAW727" s="423" t="s">
        <v>2795</v>
      </c>
      <c r="TAX727" s="424"/>
      <c r="TAY727" s="424"/>
      <c r="TAZ727" s="424"/>
      <c r="TBA727" s="423" t="s">
        <v>2795</v>
      </c>
      <c r="TBB727" s="424"/>
      <c r="TBC727" s="424"/>
      <c r="TBD727" s="424"/>
      <c r="TBE727" s="423" t="s">
        <v>2795</v>
      </c>
      <c r="TBF727" s="424"/>
      <c r="TBG727" s="424"/>
      <c r="TBH727" s="424"/>
      <c r="TBI727" s="423" t="s">
        <v>2795</v>
      </c>
      <c r="TBJ727" s="424"/>
      <c r="TBK727" s="424"/>
      <c r="TBL727" s="424"/>
      <c r="TBM727" s="423" t="s">
        <v>2795</v>
      </c>
      <c r="TBN727" s="424"/>
      <c r="TBO727" s="424"/>
      <c r="TBP727" s="424"/>
      <c r="TBQ727" s="423" t="s">
        <v>2795</v>
      </c>
      <c r="TBR727" s="424"/>
      <c r="TBS727" s="424"/>
      <c r="TBT727" s="424"/>
      <c r="TBU727" s="423" t="s">
        <v>2795</v>
      </c>
      <c r="TBV727" s="424"/>
      <c r="TBW727" s="424"/>
      <c r="TBX727" s="424"/>
      <c r="TBY727" s="423" t="s">
        <v>2795</v>
      </c>
      <c r="TBZ727" s="424"/>
      <c r="TCA727" s="424"/>
      <c r="TCB727" s="424"/>
      <c r="TCC727" s="423" t="s">
        <v>2795</v>
      </c>
      <c r="TCD727" s="424"/>
      <c r="TCE727" s="424"/>
      <c r="TCF727" s="424"/>
      <c r="TCG727" s="423" t="s">
        <v>2795</v>
      </c>
      <c r="TCH727" s="424"/>
      <c r="TCI727" s="424"/>
      <c r="TCJ727" s="424"/>
      <c r="TCK727" s="423" t="s">
        <v>2795</v>
      </c>
      <c r="TCL727" s="424"/>
      <c r="TCM727" s="424"/>
      <c r="TCN727" s="424"/>
      <c r="TCO727" s="423" t="s">
        <v>2795</v>
      </c>
      <c r="TCP727" s="424"/>
      <c r="TCQ727" s="424"/>
      <c r="TCR727" s="424"/>
      <c r="TCS727" s="423" t="s">
        <v>2795</v>
      </c>
      <c r="TCT727" s="424"/>
      <c r="TCU727" s="424"/>
      <c r="TCV727" s="424"/>
      <c r="TCW727" s="423" t="s">
        <v>2795</v>
      </c>
      <c r="TCX727" s="424"/>
      <c r="TCY727" s="424"/>
      <c r="TCZ727" s="424"/>
      <c r="TDA727" s="423" t="s">
        <v>2795</v>
      </c>
      <c r="TDB727" s="424"/>
      <c r="TDC727" s="424"/>
      <c r="TDD727" s="424"/>
      <c r="TDE727" s="423" t="s">
        <v>2795</v>
      </c>
      <c r="TDF727" s="424"/>
      <c r="TDG727" s="424"/>
      <c r="TDH727" s="424"/>
      <c r="TDI727" s="423" t="s">
        <v>2795</v>
      </c>
      <c r="TDJ727" s="424"/>
      <c r="TDK727" s="424"/>
      <c r="TDL727" s="424"/>
      <c r="TDM727" s="423" t="s">
        <v>2795</v>
      </c>
      <c r="TDN727" s="424"/>
      <c r="TDO727" s="424"/>
      <c r="TDP727" s="424"/>
      <c r="TDQ727" s="423" t="s">
        <v>2795</v>
      </c>
      <c r="TDR727" s="424"/>
      <c r="TDS727" s="424"/>
      <c r="TDT727" s="424"/>
      <c r="TDU727" s="423" t="s">
        <v>2795</v>
      </c>
      <c r="TDV727" s="424"/>
      <c r="TDW727" s="424"/>
      <c r="TDX727" s="424"/>
      <c r="TDY727" s="423" t="s">
        <v>2795</v>
      </c>
      <c r="TDZ727" s="424"/>
      <c r="TEA727" s="424"/>
      <c r="TEB727" s="424"/>
      <c r="TEC727" s="423" t="s">
        <v>2795</v>
      </c>
      <c r="TED727" s="424"/>
      <c r="TEE727" s="424"/>
      <c r="TEF727" s="424"/>
      <c r="TEG727" s="423" t="s">
        <v>2795</v>
      </c>
      <c r="TEH727" s="424"/>
      <c r="TEI727" s="424"/>
      <c r="TEJ727" s="424"/>
      <c r="TEK727" s="423" t="s">
        <v>2795</v>
      </c>
      <c r="TEL727" s="424"/>
      <c r="TEM727" s="424"/>
      <c r="TEN727" s="424"/>
      <c r="TEO727" s="423" t="s">
        <v>2795</v>
      </c>
      <c r="TEP727" s="424"/>
      <c r="TEQ727" s="424"/>
      <c r="TER727" s="424"/>
      <c r="TES727" s="423" t="s">
        <v>2795</v>
      </c>
      <c r="TET727" s="424"/>
      <c r="TEU727" s="424"/>
      <c r="TEV727" s="424"/>
      <c r="TEW727" s="423" t="s">
        <v>2795</v>
      </c>
      <c r="TEX727" s="424"/>
      <c r="TEY727" s="424"/>
      <c r="TEZ727" s="424"/>
      <c r="TFA727" s="423" t="s">
        <v>2795</v>
      </c>
      <c r="TFB727" s="424"/>
      <c r="TFC727" s="424"/>
      <c r="TFD727" s="424"/>
      <c r="TFE727" s="423" t="s">
        <v>2795</v>
      </c>
      <c r="TFF727" s="424"/>
      <c r="TFG727" s="424"/>
      <c r="TFH727" s="424"/>
      <c r="TFI727" s="423" t="s">
        <v>2795</v>
      </c>
      <c r="TFJ727" s="424"/>
      <c r="TFK727" s="424"/>
      <c r="TFL727" s="424"/>
      <c r="TFM727" s="423" t="s">
        <v>2795</v>
      </c>
      <c r="TFN727" s="424"/>
      <c r="TFO727" s="424"/>
      <c r="TFP727" s="424"/>
      <c r="TFQ727" s="423" t="s">
        <v>2795</v>
      </c>
      <c r="TFR727" s="424"/>
      <c r="TFS727" s="424"/>
      <c r="TFT727" s="424"/>
      <c r="TFU727" s="423" t="s">
        <v>2795</v>
      </c>
      <c r="TFV727" s="424"/>
      <c r="TFW727" s="424"/>
      <c r="TFX727" s="424"/>
      <c r="TFY727" s="423" t="s">
        <v>2795</v>
      </c>
      <c r="TFZ727" s="424"/>
      <c r="TGA727" s="424"/>
      <c r="TGB727" s="424"/>
      <c r="TGC727" s="423" t="s">
        <v>2795</v>
      </c>
      <c r="TGD727" s="424"/>
      <c r="TGE727" s="424"/>
      <c r="TGF727" s="424"/>
      <c r="TGG727" s="423" t="s">
        <v>2795</v>
      </c>
      <c r="TGH727" s="424"/>
      <c r="TGI727" s="424"/>
      <c r="TGJ727" s="424"/>
      <c r="TGK727" s="423" t="s">
        <v>2795</v>
      </c>
      <c r="TGL727" s="424"/>
      <c r="TGM727" s="424"/>
      <c r="TGN727" s="424"/>
      <c r="TGO727" s="423" t="s">
        <v>2795</v>
      </c>
      <c r="TGP727" s="424"/>
      <c r="TGQ727" s="424"/>
      <c r="TGR727" s="424"/>
      <c r="TGS727" s="423" t="s">
        <v>2795</v>
      </c>
      <c r="TGT727" s="424"/>
      <c r="TGU727" s="424"/>
      <c r="TGV727" s="424"/>
      <c r="TGW727" s="423" t="s">
        <v>2795</v>
      </c>
      <c r="TGX727" s="424"/>
      <c r="TGY727" s="424"/>
      <c r="TGZ727" s="424"/>
      <c r="THA727" s="423" t="s">
        <v>2795</v>
      </c>
      <c r="THB727" s="424"/>
      <c r="THC727" s="424"/>
      <c r="THD727" s="424"/>
      <c r="THE727" s="423" t="s">
        <v>2795</v>
      </c>
      <c r="THF727" s="424"/>
      <c r="THG727" s="424"/>
      <c r="THH727" s="424"/>
      <c r="THI727" s="423" t="s">
        <v>2795</v>
      </c>
      <c r="THJ727" s="424"/>
      <c r="THK727" s="424"/>
      <c r="THL727" s="424"/>
      <c r="THM727" s="423" t="s">
        <v>2795</v>
      </c>
      <c r="THN727" s="424"/>
      <c r="THO727" s="424"/>
      <c r="THP727" s="424"/>
      <c r="THQ727" s="423" t="s">
        <v>2795</v>
      </c>
      <c r="THR727" s="424"/>
      <c r="THS727" s="424"/>
      <c r="THT727" s="424"/>
      <c r="THU727" s="423" t="s">
        <v>2795</v>
      </c>
      <c r="THV727" s="424"/>
      <c r="THW727" s="424"/>
      <c r="THX727" s="424"/>
      <c r="THY727" s="423" t="s">
        <v>2795</v>
      </c>
      <c r="THZ727" s="424"/>
      <c r="TIA727" s="424"/>
      <c r="TIB727" s="424"/>
      <c r="TIC727" s="423" t="s">
        <v>2795</v>
      </c>
      <c r="TID727" s="424"/>
      <c r="TIE727" s="424"/>
      <c r="TIF727" s="424"/>
      <c r="TIG727" s="423" t="s">
        <v>2795</v>
      </c>
      <c r="TIH727" s="424"/>
      <c r="TII727" s="424"/>
      <c r="TIJ727" s="424"/>
      <c r="TIK727" s="423" t="s">
        <v>2795</v>
      </c>
      <c r="TIL727" s="424"/>
      <c r="TIM727" s="424"/>
      <c r="TIN727" s="424"/>
      <c r="TIO727" s="423" t="s">
        <v>2795</v>
      </c>
      <c r="TIP727" s="424"/>
      <c r="TIQ727" s="424"/>
      <c r="TIR727" s="424"/>
      <c r="TIS727" s="423" t="s">
        <v>2795</v>
      </c>
      <c r="TIT727" s="424"/>
      <c r="TIU727" s="424"/>
      <c r="TIV727" s="424"/>
      <c r="TIW727" s="423" t="s">
        <v>2795</v>
      </c>
      <c r="TIX727" s="424"/>
      <c r="TIY727" s="424"/>
      <c r="TIZ727" s="424"/>
      <c r="TJA727" s="423" t="s">
        <v>2795</v>
      </c>
      <c r="TJB727" s="424"/>
      <c r="TJC727" s="424"/>
      <c r="TJD727" s="424"/>
      <c r="TJE727" s="423" t="s">
        <v>2795</v>
      </c>
      <c r="TJF727" s="424"/>
      <c r="TJG727" s="424"/>
      <c r="TJH727" s="424"/>
      <c r="TJI727" s="423" t="s">
        <v>2795</v>
      </c>
      <c r="TJJ727" s="424"/>
      <c r="TJK727" s="424"/>
      <c r="TJL727" s="424"/>
      <c r="TJM727" s="423" t="s">
        <v>2795</v>
      </c>
      <c r="TJN727" s="424"/>
      <c r="TJO727" s="424"/>
      <c r="TJP727" s="424"/>
      <c r="TJQ727" s="423" t="s">
        <v>2795</v>
      </c>
      <c r="TJR727" s="424"/>
      <c r="TJS727" s="424"/>
      <c r="TJT727" s="424"/>
      <c r="TJU727" s="423" t="s">
        <v>2795</v>
      </c>
      <c r="TJV727" s="424"/>
      <c r="TJW727" s="424"/>
      <c r="TJX727" s="424"/>
      <c r="TJY727" s="423" t="s">
        <v>2795</v>
      </c>
      <c r="TJZ727" s="424"/>
      <c r="TKA727" s="424"/>
      <c r="TKB727" s="424"/>
      <c r="TKC727" s="423" t="s">
        <v>2795</v>
      </c>
      <c r="TKD727" s="424"/>
      <c r="TKE727" s="424"/>
      <c r="TKF727" s="424"/>
      <c r="TKG727" s="423" t="s">
        <v>2795</v>
      </c>
      <c r="TKH727" s="424"/>
      <c r="TKI727" s="424"/>
      <c r="TKJ727" s="424"/>
      <c r="TKK727" s="423" t="s">
        <v>2795</v>
      </c>
      <c r="TKL727" s="424"/>
      <c r="TKM727" s="424"/>
      <c r="TKN727" s="424"/>
      <c r="TKO727" s="423" t="s">
        <v>2795</v>
      </c>
      <c r="TKP727" s="424"/>
      <c r="TKQ727" s="424"/>
      <c r="TKR727" s="424"/>
      <c r="TKS727" s="423" t="s">
        <v>2795</v>
      </c>
      <c r="TKT727" s="424"/>
      <c r="TKU727" s="424"/>
      <c r="TKV727" s="424"/>
      <c r="TKW727" s="423" t="s">
        <v>2795</v>
      </c>
      <c r="TKX727" s="424"/>
      <c r="TKY727" s="424"/>
      <c r="TKZ727" s="424"/>
      <c r="TLA727" s="423" t="s">
        <v>2795</v>
      </c>
      <c r="TLB727" s="424"/>
      <c r="TLC727" s="424"/>
      <c r="TLD727" s="424"/>
      <c r="TLE727" s="423" t="s">
        <v>2795</v>
      </c>
      <c r="TLF727" s="424"/>
      <c r="TLG727" s="424"/>
      <c r="TLH727" s="424"/>
      <c r="TLI727" s="423" t="s">
        <v>2795</v>
      </c>
      <c r="TLJ727" s="424"/>
      <c r="TLK727" s="424"/>
      <c r="TLL727" s="424"/>
      <c r="TLM727" s="423" t="s">
        <v>2795</v>
      </c>
      <c r="TLN727" s="424"/>
      <c r="TLO727" s="424"/>
      <c r="TLP727" s="424"/>
      <c r="TLQ727" s="423" t="s">
        <v>2795</v>
      </c>
      <c r="TLR727" s="424"/>
      <c r="TLS727" s="424"/>
      <c r="TLT727" s="424"/>
      <c r="TLU727" s="423" t="s">
        <v>2795</v>
      </c>
      <c r="TLV727" s="424"/>
      <c r="TLW727" s="424"/>
      <c r="TLX727" s="424"/>
      <c r="TLY727" s="423" t="s">
        <v>2795</v>
      </c>
      <c r="TLZ727" s="424"/>
      <c r="TMA727" s="424"/>
      <c r="TMB727" s="424"/>
      <c r="TMC727" s="423" t="s">
        <v>2795</v>
      </c>
      <c r="TMD727" s="424"/>
      <c r="TME727" s="424"/>
      <c r="TMF727" s="424"/>
      <c r="TMG727" s="423" t="s">
        <v>2795</v>
      </c>
      <c r="TMH727" s="424"/>
      <c r="TMI727" s="424"/>
      <c r="TMJ727" s="424"/>
      <c r="TMK727" s="423" t="s">
        <v>2795</v>
      </c>
      <c r="TML727" s="424"/>
      <c r="TMM727" s="424"/>
      <c r="TMN727" s="424"/>
      <c r="TMO727" s="423" t="s">
        <v>2795</v>
      </c>
      <c r="TMP727" s="424"/>
      <c r="TMQ727" s="424"/>
      <c r="TMR727" s="424"/>
      <c r="TMS727" s="423" t="s">
        <v>2795</v>
      </c>
      <c r="TMT727" s="424"/>
      <c r="TMU727" s="424"/>
      <c r="TMV727" s="424"/>
      <c r="TMW727" s="423" t="s">
        <v>2795</v>
      </c>
      <c r="TMX727" s="424"/>
      <c r="TMY727" s="424"/>
      <c r="TMZ727" s="424"/>
      <c r="TNA727" s="423" t="s">
        <v>2795</v>
      </c>
      <c r="TNB727" s="424"/>
      <c r="TNC727" s="424"/>
      <c r="TND727" s="424"/>
      <c r="TNE727" s="423" t="s">
        <v>2795</v>
      </c>
      <c r="TNF727" s="424"/>
      <c r="TNG727" s="424"/>
      <c r="TNH727" s="424"/>
      <c r="TNI727" s="423" t="s">
        <v>2795</v>
      </c>
      <c r="TNJ727" s="424"/>
      <c r="TNK727" s="424"/>
      <c r="TNL727" s="424"/>
      <c r="TNM727" s="423" t="s">
        <v>2795</v>
      </c>
      <c r="TNN727" s="424"/>
      <c r="TNO727" s="424"/>
      <c r="TNP727" s="424"/>
      <c r="TNQ727" s="423" t="s">
        <v>2795</v>
      </c>
      <c r="TNR727" s="424"/>
      <c r="TNS727" s="424"/>
      <c r="TNT727" s="424"/>
      <c r="TNU727" s="423" t="s">
        <v>2795</v>
      </c>
      <c r="TNV727" s="424"/>
      <c r="TNW727" s="424"/>
      <c r="TNX727" s="424"/>
      <c r="TNY727" s="423" t="s">
        <v>2795</v>
      </c>
      <c r="TNZ727" s="424"/>
      <c r="TOA727" s="424"/>
      <c r="TOB727" s="424"/>
      <c r="TOC727" s="423" t="s">
        <v>2795</v>
      </c>
      <c r="TOD727" s="424"/>
      <c r="TOE727" s="424"/>
      <c r="TOF727" s="424"/>
      <c r="TOG727" s="423" t="s">
        <v>2795</v>
      </c>
      <c r="TOH727" s="424"/>
      <c r="TOI727" s="424"/>
      <c r="TOJ727" s="424"/>
      <c r="TOK727" s="423" t="s">
        <v>2795</v>
      </c>
      <c r="TOL727" s="424"/>
      <c r="TOM727" s="424"/>
      <c r="TON727" s="424"/>
      <c r="TOO727" s="423" t="s">
        <v>2795</v>
      </c>
      <c r="TOP727" s="424"/>
      <c r="TOQ727" s="424"/>
      <c r="TOR727" s="424"/>
      <c r="TOS727" s="423" t="s">
        <v>2795</v>
      </c>
      <c r="TOT727" s="424"/>
      <c r="TOU727" s="424"/>
      <c r="TOV727" s="424"/>
      <c r="TOW727" s="423" t="s">
        <v>2795</v>
      </c>
      <c r="TOX727" s="424"/>
      <c r="TOY727" s="424"/>
      <c r="TOZ727" s="424"/>
      <c r="TPA727" s="423" t="s">
        <v>2795</v>
      </c>
      <c r="TPB727" s="424"/>
      <c r="TPC727" s="424"/>
      <c r="TPD727" s="424"/>
      <c r="TPE727" s="423" t="s">
        <v>2795</v>
      </c>
      <c r="TPF727" s="424"/>
      <c r="TPG727" s="424"/>
      <c r="TPH727" s="424"/>
      <c r="TPI727" s="423" t="s">
        <v>2795</v>
      </c>
      <c r="TPJ727" s="424"/>
      <c r="TPK727" s="424"/>
      <c r="TPL727" s="424"/>
      <c r="TPM727" s="423" t="s">
        <v>2795</v>
      </c>
      <c r="TPN727" s="424"/>
      <c r="TPO727" s="424"/>
      <c r="TPP727" s="424"/>
      <c r="TPQ727" s="423" t="s">
        <v>2795</v>
      </c>
      <c r="TPR727" s="424"/>
      <c r="TPS727" s="424"/>
      <c r="TPT727" s="424"/>
      <c r="TPU727" s="423" t="s">
        <v>2795</v>
      </c>
      <c r="TPV727" s="424"/>
      <c r="TPW727" s="424"/>
      <c r="TPX727" s="424"/>
      <c r="TPY727" s="423" t="s">
        <v>2795</v>
      </c>
      <c r="TPZ727" s="424"/>
      <c r="TQA727" s="424"/>
      <c r="TQB727" s="424"/>
      <c r="TQC727" s="423" t="s">
        <v>2795</v>
      </c>
      <c r="TQD727" s="424"/>
      <c r="TQE727" s="424"/>
      <c r="TQF727" s="424"/>
      <c r="TQG727" s="423" t="s">
        <v>2795</v>
      </c>
      <c r="TQH727" s="424"/>
      <c r="TQI727" s="424"/>
      <c r="TQJ727" s="424"/>
      <c r="TQK727" s="423" t="s">
        <v>2795</v>
      </c>
      <c r="TQL727" s="424"/>
      <c r="TQM727" s="424"/>
      <c r="TQN727" s="424"/>
      <c r="TQO727" s="423" t="s">
        <v>2795</v>
      </c>
      <c r="TQP727" s="424"/>
      <c r="TQQ727" s="424"/>
      <c r="TQR727" s="424"/>
      <c r="TQS727" s="423" t="s">
        <v>2795</v>
      </c>
      <c r="TQT727" s="424"/>
      <c r="TQU727" s="424"/>
      <c r="TQV727" s="424"/>
      <c r="TQW727" s="423" t="s">
        <v>2795</v>
      </c>
      <c r="TQX727" s="424"/>
      <c r="TQY727" s="424"/>
      <c r="TQZ727" s="424"/>
      <c r="TRA727" s="423" t="s">
        <v>2795</v>
      </c>
      <c r="TRB727" s="424"/>
      <c r="TRC727" s="424"/>
      <c r="TRD727" s="424"/>
      <c r="TRE727" s="423" t="s">
        <v>2795</v>
      </c>
      <c r="TRF727" s="424"/>
      <c r="TRG727" s="424"/>
      <c r="TRH727" s="424"/>
      <c r="TRI727" s="423" t="s">
        <v>2795</v>
      </c>
      <c r="TRJ727" s="424"/>
      <c r="TRK727" s="424"/>
      <c r="TRL727" s="424"/>
      <c r="TRM727" s="423" t="s">
        <v>2795</v>
      </c>
      <c r="TRN727" s="424"/>
      <c r="TRO727" s="424"/>
      <c r="TRP727" s="424"/>
      <c r="TRQ727" s="423" t="s">
        <v>2795</v>
      </c>
      <c r="TRR727" s="424"/>
      <c r="TRS727" s="424"/>
      <c r="TRT727" s="424"/>
      <c r="TRU727" s="423" t="s">
        <v>2795</v>
      </c>
      <c r="TRV727" s="424"/>
      <c r="TRW727" s="424"/>
      <c r="TRX727" s="424"/>
      <c r="TRY727" s="423" t="s">
        <v>2795</v>
      </c>
      <c r="TRZ727" s="424"/>
      <c r="TSA727" s="424"/>
      <c r="TSB727" s="424"/>
      <c r="TSC727" s="423" t="s">
        <v>2795</v>
      </c>
      <c r="TSD727" s="424"/>
      <c r="TSE727" s="424"/>
      <c r="TSF727" s="424"/>
      <c r="TSG727" s="423" t="s">
        <v>2795</v>
      </c>
      <c r="TSH727" s="424"/>
      <c r="TSI727" s="424"/>
      <c r="TSJ727" s="424"/>
      <c r="TSK727" s="423" t="s">
        <v>2795</v>
      </c>
      <c r="TSL727" s="424"/>
      <c r="TSM727" s="424"/>
      <c r="TSN727" s="424"/>
      <c r="TSO727" s="423" t="s">
        <v>2795</v>
      </c>
      <c r="TSP727" s="424"/>
      <c r="TSQ727" s="424"/>
      <c r="TSR727" s="424"/>
      <c r="TSS727" s="423" t="s">
        <v>2795</v>
      </c>
      <c r="TST727" s="424"/>
      <c r="TSU727" s="424"/>
      <c r="TSV727" s="424"/>
      <c r="TSW727" s="423" t="s">
        <v>2795</v>
      </c>
      <c r="TSX727" s="424"/>
      <c r="TSY727" s="424"/>
      <c r="TSZ727" s="424"/>
      <c r="TTA727" s="423" t="s">
        <v>2795</v>
      </c>
      <c r="TTB727" s="424"/>
      <c r="TTC727" s="424"/>
      <c r="TTD727" s="424"/>
      <c r="TTE727" s="423" t="s">
        <v>2795</v>
      </c>
      <c r="TTF727" s="424"/>
      <c r="TTG727" s="424"/>
      <c r="TTH727" s="424"/>
      <c r="TTI727" s="423" t="s">
        <v>2795</v>
      </c>
      <c r="TTJ727" s="424"/>
      <c r="TTK727" s="424"/>
      <c r="TTL727" s="424"/>
      <c r="TTM727" s="423" t="s">
        <v>2795</v>
      </c>
      <c r="TTN727" s="424"/>
      <c r="TTO727" s="424"/>
      <c r="TTP727" s="424"/>
      <c r="TTQ727" s="423" t="s">
        <v>2795</v>
      </c>
      <c r="TTR727" s="424"/>
      <c r="TTS727" s="424"/>
      <c r="TTT727" s="424"/>
      <c r="TTU727" s="423" t="s">
        <v>2795</v>
      </c>
      <c r="TTV727" s="424"/>
      <c r="TTW727" s="424"/>
      <c r="TTX727" s="424"/>
      <c r="TTY727" s="423" t="s">
        <v>2795</v>
      </c>
      <c r="TTZ727" s="424"/>
      <c r="TUA727" s="424"/>
      <c r="TUB727" s="424"/>
      <c r="TUC727" s="423" t="s">
        <v>2795</v>
      </c>
      <c r="TUD727" s="424"/>
      <c r="TUE727" s="424"/>
      <c r="TUF727" s="424"/>
      <c r="TUG727" s="423" t="s">
        <v>2795</v>
      </c>
      <c r="TUH727" s="424"/>
      <c r="TUI727" s="424"/>
      <c r="TUJ727" s="424"/>
      <c r="TUK727" s="423" t="s">
        <v>2795</v>
      </c>
      <c r="TUL727" s="424"/>
      <c r="TUM727" s="424"/>
      <c r="TUN727" s="424"/>
      <c r="TUO727" s="423" t="s">
        <v>2795</v>
      </c>
      <c r="TUP727" s="424"/>
      <c r="TUQ727" s="424"/>
      <c r="TUR727" s="424"/>
      <c r="TUS727" s="423" t="s">
        <v>2795</v>
      </c>
      <c r="TUT727" s="424"/>
      <c r="TUU727" s="424"/>
      <c r="TUV727" s="424"/>
      <c r="TUW727" s="423" t="s">
        <v>2795</v>
      </c>
      <c r="TUX727" s="424"/>
      <c r="TUY727" s="424"/>
      <c r="TUZ727" s="424"/>
      <c r="TVA727" s="423" t="s">
        <v>2795</v>
      </c>
      <c r="TVB727" s="424"/>
      <c r="TVC727" s="424"/>
      <c r="TVD727" s="424"/>
      <c r="TVE727" s="423" t="s">
        <v>2795</v>
      </c>
      <c r="TVF727" s="424"/>
      <c r="TVG727" s="424"/>
      <c r="TVH727" s="424"/>
      <c r="TVI727" s="423" t="s">
        <v>2795</v>
      </c>
      <c r="TVJ727" s="424"/>
      <c r="TVK727" s="424"/>
      <c r="TVL727" s="424"/>
      <c r="TVM727" s="423" t="s">
        <v>2795</v>
      </c>
      <c r="TVN727" s="424"/>
      <c r="TVO727" s="424"/>
      <c r="TVP727" s="424"/>
      <c r="TVQ727" s="423" t="s">
        <v>2795</v>
      </c>
      <c r="TVR727" s="424"/>
      <c r="TVS727" s="424"/>
      <c r="TVT727" s="424"/>
      <c r="TVU727" s="423" t="s">
        <v>2795</v>
      </c>
      <c r="TVV727" s="424"/>
      <c r="TVW727" s="424"/>
      <c r="TVX727" s="424"/>
      <c r="TVY727" s="423" t="s">
        <v>2795</v>
      </c>
      <c r="TVZ727" s="424"/>
      <c r="TWA727" s="424"/>
      <c r="TWB727" s="424"/>
      <c r="TWC727" s="423" t="s">
        <v>2795</v>
      </c>
      <c r="TWD727" s="424"/>
      <c r="TWE727" s="424"/>
      <c r="TWF727" s="424"/>
      <c r="TWG727" s="423" t="s">
        <v>2795</v>
      </c>
      <c r="TWH727" s="424"/>
      <c r="TWI727" s="424"/>
      <c r="TWJ727" s="424"/>
      <c r="TWK727" s="423" t="s">
        <v>2795</v>
      </c>
      <c r="TWL727" s="424"/>
      <c r="TWM727" s="424"/>
      <c r="TWN727" s="424"/>
      <c r="TWO727" s="423" t="s">
        <v>2795</v>
      </c>
      <c r="TWP727" s="424"/>
      <c r="TWQ727" s="424"/>
      <c r="TWR727" s="424"/>
      <c r="TWS727" s="423" t="s">
        <v>2795</v>
      </c>
      <c r="TWT727" s="424"/>
      <c r="TWU727" s="424"/>
      <c r="TWV727" s="424"/>
      <c r="TWW727" s="423" t="s">
        <v>2795</v>
      </c>
      <c r="TWX727" s="424"/>
      <c r="TWY727" s="424"/>
      <c r="TWZ727" s="424"/>
      <c r="TXA727" s="423" t="s">
        <v>2795</v>
      </c>
      <c r="TXB727" s="424"/>
      <c r="TXC727" s="424"/>
      <c r="TXD727" s="424"/>
      <c r="TXE727" s="423" t="s">
        <v>2795</v>
      </c>
      <c r="TXF727" s="424"/>
      <c r="TXG727" s="424"/>
      <c r="TXH727" s="424"/>
      <c r="TXI727" s="423" t="s">
        <v>2795</v>
      </c>
      <c r="TXJ727" s="424"/>
      <c r="TXK727" s="424"/>
      <c r="TXL727" s="424"/>
      <c r="TXM727" s="423" t="s">
        <v>2795</v>
      </c>
      <c r="TXN727" s="424"/>
      <c r="TXO727" s="424"/>
      <c r="TXP727" s="424"/>
      <c r="TXQ727" s="423" t="s">
        <v>2795</v>
      </c>
      <c r="TXR727" s="424"/>
      <c r="TXS727" s="424"/>
      <c r="TXT727" s="424"/>
      <c r="TXU727" s="423" t="s">
        <v>2795</v>
      </c>
      <c r="TXV727" s="424"/>
      <c r="TXW727" s="424"/>
      <c r="TXX727" s="424"/>
      <c r="TXY727" s="423" t="s">
        <v>2795</v>
      </c>
      <c r="TXZ727" s="424"/>
      <c r="TYA727" s="424"/>
      <c r="TYB727" s="424"/>
      <c r="TYC727" s="423" t="s">
        <v>2795</v>
      </c>
      <c r="TYD727" s="424"/>
      <c r="TYE727" s="424"/>
      <c r="TYF727" s="424"/>
      <c r="TYG727" s="423" t="s">
        <v>2795</v>
      </c>
      <c r="TYH727" s="424"/>
      <c r="TYI727" s="424"/>
      <c r="TYJ727" s="424"/>
      <c r="TYK727" s="423" t="s">
        <v>2795</v>
      </c>
      <c r="TYL727" s="424"/>
      <c r="TYM727" s="424"/>
      <c r="TYN727" s="424"/>
      <c r="TYO727" s="423" t="s">
        <v>2795</v>
      </c>
      <c r="TYP727" s="424"/>
      <c r="TYQ727" s="424"/>
      <c r="TYR727" s="424"/>
      <c r="TYS727" s="423" t="s">
        <v>2795</v>
      </c>
      <c r="TYT727" s="424"/>
      <c r="TYU727" s="424"/>
      <c r="TYV727" s="424"/>
      <c r="TYW727" s="423" t="s">
        <v>2795</v>
      </c>
      <c r="TYX727" s="424"/>
      <c r="TYY727" s="424"/>
      <c r="TYZ727" s="424"/>
      <c r="TZA727" s="423" t="s">
        <v>2795</v>
      </c>
      <c r="TZB727" s="424"/>
      <c r="TZC727" s="424"/>
      <c r="TZD727" s="424"/>
      <c r="TZE727" s="423" t="s">
        <v>2795</v>
      </c>
      <c r="TZF727" s="424"/>
      <c r="TZG727" s="424"/>
      <c r="TZH727" s="424"/>
      <c r="TZI727" s="423" t="s">
        <v>2795</v>
      </c>
      <c r="TZJ727" s="424"/>
      <c r="TZK727" s="424"/>
      <c r="TZL727" s="424"/>
      <c r="TZM727" s="423" t="s">
        <v>2795</v>
      </c>
      <c r="TZN727" s="424"/>
      <c r="TZO727" s="424"/>
      <c r="TZP727" s="424"/>
      <c r="TZQ727" s="423" t="s">
        <v>2795</v>
      </c>
      <c r="TZR727" s="424"/>
      <c r="TZS727" s="424"/>
      <c r="TZT727" s="424"/>
      <c r="TZU727" s="423" t="s">
        <v>2795</v>
      </c>
      <c r="TZV727" s="424"/>
      <c r="TZW727" s="424"/>
      <c r="TZX727" s="424"/>
      <c r="TZY727" s="423" t="s">
        <v>2795</v>
      </c>
      <c r="TZZ727" s="424"/>
      <c r="UAA727" s="424"/>
      <c r="UAB727" s="424"/>
      <c r="UAC727" s="423" t="s">
        <v>2795</v>
      </c>
      <c r="UAD727" s="424"/>
      <c r="UAE727" s="424"/>
      <c r="UAF727" s="424"/>
      <c r="UAG727" s="423" t="s">
        <v>2795</v>
      </c>
      <c r="UAH727" s="424"/>
      <c r="UAI727" s="424"/>
      <c r="UAJ727" s="424"/>
      <c r="UAK727" s="423" t="s">
        <v>2795</v>
      </c>
      <c r="UAL727" s="424"/>
      <c r="UAM727" s="424"/>
      <c r="UAN727" s="424"/>
      <c r="UAO727" s="423" t="s">
        <v>2795</v>
      </c>
      <c r="UAP727" s="424"/>
      <c r="UAQ727" s="424"/>
      <c r="UAR727" s="424"/>
      <c r="UAS727" s="423" t="s">
        <v>2795</v>
      </c>
      <c r="UAT727" s="424"/>
      <c r="UAU727" s="424"/>
      <c r="UAV727" s="424"/>
      <c r="UAW727" s="423" t="s">
        <v>2795</v>
      </c>
      <c r="UAX727" s="424"/>
      <c r="UAY727" s="424"/>
      <c r="UAZ727" s="424"/>
      <c r="UBA727" s="423" t="s">
        <v>2795</v>
      </c>
      <c r="UBB727" s="424"/>
      <c r="UBC727" s="424"/>
      <c r="UBD727" s="424"/>
      <c r="UBE727" s="423" t="s">
        <v>2795</v>
      </c>
      <c r="UBF727" s="424"/>
      <c r="UBG727" s="424"/>
      <c r="UBH727" s="424"/>
      <c r="UBI727" s="423" t="s">
        <v>2795</v>
      </c>
      <c r="UBJ727" s="424"/>
      <c r="UBK727" s="424"/>
      <c r="UBL727" s="424"/>
      <c r="UBM727" s="423" t="s">
        <v>2795</v>
      </c>
      <c r="UBN727" s="424"/>
      <c r="UBO727" s="424"/>
      <c r="UBP727" s="424"/>
      <c r="UBQ727" s="423" t="s">
        <v>2795</v>
      </c>
      <c r="UBR727" s="424"/>
      <c r="UBS727" s="424"/>
      <c r="UBT727" s="424"/>
      <c r="UBU727" s="423" t="s">
        <v>2795</v>
      </c>
      <c r="UBV727" s="424"/>
      <c r="UBW727" s="424"/>
      <c r="UBX727" s="424"/>
      <c r="UBY727" s="423" t="s">
        <v>2795</v>
      </c>
      <c r="UBZ727" s="424"/>
      <c r="UCA727" s="424"/>
      <c r="UCB727" s="424"/>
      <c r="UCC727" s="423" t="s">
        <v>2795</v>
      </c>
      <c r="UCD727" s="424"/>
      <c r="UCE727" s="424"/>
      <c r="UCF727" s="424"/>
      <c r="UCG727" s="423" t="s">
        <v>2795</v>
      </c>
      <c r="UCH727" s="424"/>
      <c r="UCI727" s="424"/>
      <c r="UCJ727" s="424"/>
      <c r="UCK727" s="423" t="s">
        <v>2795</v>
      </c>
      <c r="UCL727" s="424"/>
      <c r="UCM727" s="424"/>
      <c r="UCN727" s="424"/>
      <c r="UCO727" s="423" t="s">
        <v>2795</v>
      </c>
      <c r="UCP727" s="424"/>
      <c r="UCQ727" s="424"/>
      <c r="UCR727" s="424"/>
      <c r="UCS727" s="423" t="s">
        <v>2795</v>
      </c>
      <c r="UCT727" s="424"/>
      <c r="UCU727" s="424"/>
      <c r="UCV727" s="424"/>
      <c r="UCW727" s="423" t="s">
        <v>2795</v>
      </c>
      <c r="UCX727" s="424"/>
      <c r="UCY727" s="424"/>
      <c r="UCZ727" s="424"/>
      <c r="UDA727" s="423" t="s">
        <v>2795</v>
      </c>
      <c r="UDB727" s="424"/>
      <c r="UDC727" s="424"/>
      <c r="UDD727" s="424"/>
      <c r="UDE727" s="423" t="s">
        <v>2795</v>
      </c>
      <c r="UDF727" s="424"/>
      <c r="UDG727" s="424"/>
      <c r="UDH727" s="424"/>
      <c r="UDI727" s="423" t="s">
        <v>2795</v>
      </c>
      <c r="UDJ727" s="424"/>
      <c r="UDK727" s="424"/>
      <c r="UDL727" s="424"/>
      <c r="UDM727" s="423" t="s">
        <v>2795</v>
      </c>
      <c r="UDN727" s="424"/>
      <c r="UDO727" s="424"/>
      <c r="UDP727" s="424"/>
      <c r="UDQ727" s="423" t="s">
        <v>2795</v>
      </c>
      <c r="UDR727" s="424"/>
      <c r="UDS727" s="424"/>
      <c r="UDT727" s="424"/>
      <c r="UDU727" s="423" t="s">
        <v>2795</v>
      </c>
      <c r="UDV727" s="424"/>
      <c r="UDW727" s="424"/>
      <c r="UDX727" s="424"/>
      <c r="UDY727" s="423" t="s">
        <v>2795</v>
      </c>
      <c r="UDZ727" s="424"/>
      <c r="UEA727" s="424"/>
      <c r="UEB727" s="424"/>
      <c r="UEC727" s="423" t="s">
        <v>2795</v>
      </c>
      <c r="UED727" s="424"/>
      <c r="UEE727" s="424"/>
      <c r="UEF727" s="424"/>
      <c r="UEG727" s="423" t="s">
        <v>2795</v>
      </c>
      <c r="UEH727" s="424"/>
      <c r="UEI727" s="424"/>
      <c r="UEJ727" s="424"/>
      <c r="UEK727" s="423" t="s">
        <v>2795</v>
      </c>
      <c r="UEL727" s="424"/>
      <c r="UEM727" s="424"/>
      <c r="UEN727" s="424"/>
      <c r="UEO727" s="423" t="s">
        <v>2795</v>
      </c>
      <c r="UEP727" s="424"/>
      <c r="UEQ727" s="424"/>
      <c r="UER727" s="424"/>
      <c r="UES727" s="423" t="s">
        <v>2795</v>
      </c>
      <c r="UET727" s="424"/>
      <c r="UEU727" s="424"/>
      <c r="UEV727" s="424"/>
      <c r="UEW727" s="423" t="s">
        <v>2795</v>
      </c>
      <c r="UEX727" s="424"/>
      <c r="UEY727" s="424"/>
      <c r="UEZ727" s="424"/>
      <c r="UFA727" s="423" t="s">
        <v>2795</v>
      </c>
      <c r="UFB727" s="424"/>
      <c r="UFC727" s="424"/>
      <c r="UFD727" s="424"/>
      <c r="UFE727" s="423" t="s">
        <v>2795</v>
      </c>
      <c r="UFF727" s="424"/>
      <c r="UFG727" s="424"/>
      <c r="UFH727" s="424"/>
      <c r="UFI727" s="423" t="s">
        <v>2795</v>
      </c>
      <c r="UFJ727" s="424"/>
      <c r="UFK727" s="424"/>
      <c r="UFL727" s="424"/>
      <c r="UFM727" s="423" t="s">
        <v>2795</v>
      </c>
      <c r="UFN727" s="424"/>
      <c r="UFO727" s="424"/>
      <c r="UFP727" s="424"/>
      <c r="UFQ727" s="423" t="s">
        <v>2795</v>
      </c>
      <c r="UFR727" s="424"/>
      <c r="UFS727" s="424"/>
      <c r="UFT727" s="424"/>
      <c r="UFU727" s="423" t="s">
        <v>2795</v>
      </c>
      <c r="UFV727" s="424"/>
      <c r="UFW727" s="424"/>
      <c r="UFX727" s="424"/>
      <c r="UFY727" s="423" t="s">
        <v>2795</v>
      </c>
      <c r="UFZ727" s="424"/>
      <c r="UGA727" s="424"/>
      <c r="UGB727" s="424"/>
      <c r="UGC727" s="423" t="s">
        <v>2795</v>
      </c>
      <c r="UGD727" s="424"/>
      <c r="UGE727" s="424"/>
      <c r="UGF727" s="424"/>
      <c r="UGG727" s="423" t="s">
        <v>2795</v>
      </c>
      <c r="UGH727" s="424"/>
      <c r="UGI727" s="424"/>
      <c r="UGJ727" s="424"/>
      <c r="UGK727" s="423" t="s">
        <v>2795</v>
      </c>
      <c r="UGL727" s="424"/>
      <c r="UGM727" s="424"/>
      <c r="UGN727" s="424"/>
      <c r="UGO727" s="423" t="s">
        <v>2795</v>
      </c>
      <c r="UGP727" s="424"/>
      <c r="UGQ727" s="424"/>
      <c r="UGR727" s="424"/>
      <c r="UGS727" s="423" t="s">
        <v>2795</v>
      </c>
      <c r="UGT727" s="424"/>
      <c r="UGU727" s="424"/>
      <c r="UGV727" s="424"/>
      <c r="UGW727" s="423" t="s">
        <v>2795</v>
      </c>
      <c r="UGX727" s="424"/>
      <c r="UGY727" s="424"/>
      <c r="UGZ727" s="424"/>
      <c r="UHA727" s="423" t="s">
        <v>2795</v>
      </c>
      <c r="UHB727" s="424"/>
      <c r="UHC727" s="424"/>
      <c r="UHD727" s="424"/>
      <c r="UHE727" s="423" t="s">
        <v>2795</v>
      </c>
      <c r="UHF727" s="424"/>
      <c r="UHG727" s="424"/>
      <c r="UHH727" s="424"/>
      <c r="UHI727" s="423" t="s">
        <v>2795</v>
      </c>
      <c r="UHJ727" s="424"/>
      <c r="UHK727" s="424"/>
      <c r="UHL727" s="424"/>
      <c r="UHM727" s="423" t="s">
        <v>2795</v>
      </c>
      <c r="UHN727" s="424"/>
      <c r="UHO727" s="424"/>
      <c r="UHP727" s="424"/>
      <c r="UHQ727" s="423" t="s">
        <v>2795</v>
      </c>
      <c r="UHR727" s="424"/>
      <c r="UHS727" s="424"/>
      <c r="UHT727" s="424"/>
      <c r="UHU727" s="423" t="s">
        <v>2795</v>
      </c>
      <c r="UHV727" s="424"/>
      <c r="UHW727" s="424"/>
      <c r="UHX727" s="424"/>
      <c r="UHY727" s="423" t="s">
        <v>2795</v>
      </c>
      <c r="UHZ727" s="424"/>
      <c r="UIA727" s="424"/>
      <c r="UIB727" s="424"/>
      <c r="UIC727" s="423" t="s">
        <v>2795</v>
      </c>
      <c r="UID727" s="424"/>
      <c r="UIE727" s="424"/>
      <c r="UIF727" s="424"/>
      <c r="UIG727" s="423" t="s">
        <v>2795</v>
      </c>
      <c r="UIH727" s="424"/>
      <c r="UII727" s="424"/>
      <c r="UIJ727" s="424"/>
      <c r="UIK727" s="423" t="s">
        <v>2795</v>
      </c>
      <c r="UIL727" s="424"/>
      <c r="UIM727" s="424"/>
      <c r="UIN727" s="424"/>
      <c r="UIO727" s="423" t="s">
        <v>2795</v>
      </c>
      <c r="UIP727" s="424"/>
      <c r="UIQ727" s="424"/>
      <c r="UIR727" s="424"/>
      <c r="UIS727" s="423" t="s">
        <v>2795</v>
      </c>
      <c r="UIT727" s="424"/>
      <c r="UIU727" s="424"/>
      <c r="UIV727" s="424"/>
      <c r="UIW727" s="423" t="s">
        <v>2795</v>
      </c>
      <c r="UIX727" s="424"/>
      <c r="UIY727" s="424"/>
      <c r="UIZ727" s="424"/>
      <c r="UJA727" s="423" t="s">
        <v>2795</v>
      </c>
      <c r="UJB727" s="424"/>
      <c r="UJC727" s="424"/>
      <c r="UJD727" s="424"/>
      <c r="UJE727" s="423" t="s">
        <v>2795</v>
      </c>
      <c r="UJF727" s="424"/>
      <c r="UJG727" s="424"/>
      <c r="UJH727" s="424"/>
      <c r="UJI727" s="423" t="s">
        <v>2795</v>
      </c>
      <c r="UJJ727" s="424"/>
      <c r="UJK727" s="424"/>
      <c r="UJL727" s="424"/>
      <c r="UJM727" s="423" t="s">
        <v>2795</v>
      </c>
      <c r="UJN727" s="424"/>
      <c r="UJO727" s="424"/>
      <c r="UJP727" s="424"/>
      <c r="UJQ727" s="423" t="s">
        <v>2795</v>
      </c>
      <c r="UJR727" s="424"/>
      <c r="UJS727" s="424"/>
      <c r="UJT727" s="424"/>
      <c r="UJU727" s="423" t="s">
        <v>2795</v>
      </c>
      <c r="UJV727" s="424"/>
      <c r="UJW727" s="424"/>
      <c r="UJX727" s="424"/>
      <c r="UJY727" s="423" t="s">
        <v>2795</v>
      </c>
      <c r="UJZ727" s="424"/>
      <c r="UKA727" s="424"/>
      <c r="UKB727" s="424"/>
      <c r="UKC727" s="423" t="s">
        <v>2795</v>
      </c>
      <c r="UKD727" s="424"/>
      <c r="UKE727" s="424"/>
      <c r="UKF727" s="424"/>
      <c r="UKG727" s="423" t="s">
        <v>2795</v>
      </c>
      <c r="UKH727" s="424"/>
      <c r="UKI727" s="424"/>
      <c r="UKJ727" s="424"/>
      <c r="UKK727" s="423" t="s">
        <v>2795</v>
      </c>
      <c r="UKL727" s="424"/>
      <c r="UKM727" s="424"/>
      <c r="UKN727" s="424"/>
      <c r="UKO727" s="423" t="s">
        <v>2795</v>
      </c>
      <c r="UKP727" s="424"/>
      <c r="UKQ727" s="424"/>
      <c r="UKR727" s="424"/>
      <c r="UKS727" s="423" t="s">
        <v>2795</v>
      </c>
      <c r="UKT727" s="424"/>
      <c r="UKU727" s="424"/>
      <c r="UKV727" s="424"/>
      <c r="UKW727" s="423" t="s">
        <v>2795</v>
      </c>
      <c r="UKX727" s="424"/>
      <c r="UKY727" s="424"/>
      <c r="UKZ727" s="424"/>
      <c r="ULA727" s="423" t="s">
        <v>2795</v>
      </c>
      <c r="ULB727" s="424"/>
      <c r="ULC727" s="424"/>
      <c r="ULD727" s="424"/>
      <c r="ULE727" s="423" t="s">
        <v>2795</v>
      </c>
      <c r="ULF727" s="424"/>
      <c r="ULG727" s="424"/>
      <c r="ULH727" s="424"/>
      <c r="ULI727" s="423" t="s">
        <v>2795</v>
      </c>
      <c r="ULJ727" s="424"/>
      <c r="ULK727" s="424"/>
      <c r="ULL727" s="424"/>
      <c r="ULM727" s="423" t="s">
        <v>2795</v>
      </c>
      <c r="ULN727" s="424"/>
      <c r="ULO727" s="424"/>
      <c r="ULP727" s="424"/>
      <c r="ULQ727" s="423" t="s">
        <v>2795</v>
      </c>
      <c r="ULR727" s="424"/>
      <c r="ULS727" s="424"/>
      <c r="ULT727" s="424"/>
      <c r="ULU727" s="423" t="s">
        <v>2795</v>
      </c>
      <c r="ULV727" s="424"/>
      <c r="ULW727" s="424"/>
      <c r="ULX727" s="424"/>
      <c r="ULY727" s="423" t="s">
        <v>2795</v>
      </c>
      <c r="ULZ727" s="424"/>
      <c r="UMA727" s="424"/>
      <c r="UMB727" s="424"/>
      <c r="UMC727" s="423" t="s">
        <v>2795</v>
      </c>
      <c r="UMD727" s="424"/>
      <c r="UME727" s="424"/>
      <c r="UMF727" s="424"/>
      <c r="UMG727" s="423" t="s">
        <v>2795</v>
      </c>
      <c r="UMH727" s="424"/>
      <c r="UMI727" s="424"/>
      <c r="UMJ727" s="424"/>
      <c r="UMK727" s="423" t="s">
        <v>2795</v>
      </c>
      <c r="UML727" s="424"/>
      <c r="UMM727" s="424"/>
      <c r="UMN727" s="424"/>
      <c r="UMO727" s="423" t="s">
        <v>2795</v>
      </c>
      <c r="UMP727" s="424"/>
      <c r="UMQ727" s="424"/>
      <c r="UMR727" s="424"/>
      <c r="UMS727" s="423" t="s">
        <v>2795</v>
      </c>
      <c r="UMT727" s="424"/>
      <c r="UMU727" s="424"/>
      <c r="UMV727" s="424"/>
      <c r="UMW727" s="423" t="s">
        <v>2795</v>
      </c>
      <c r="UMX727" s="424"/>
      <c r="UMY727" s="424"/>
      <c r="UMZ727" s="424"/>
      <c r="UNA727" s="423" t="s">
        <v>2795</v>
      </c>
      <c r="UNB727" s="424"/>
      <c r="UNC727" s="424"/>
      <c r="UND727" s="424"/>
      <c r="UNE727" s="423" t="s">
        <v>2795</v>
      </c>
      <c r="UNF727" s="424"/>
      <c r="UNG727" s="424"/>
      <c r="UNH727" s="424"/>
      <c r="UNI727" s="423" t="s">
        <v>2795</v>
      </c>
      <c r="UNJ727" s="424"/>
      <c r="UNK727" s="424"/>
      <c r="UNL727" s="424"/>
      <c r="UNM727" s="423" t="s">
        <v>2795</v>
      </c>
      <c r="UNN727" s="424"/>
      <c r="UNO727" s="424"/>
      <c r="UNP727" s="424"/>
      <c r="UNQ727" s="423" t="s">
        <v>2795</v>
      </c>
      <c r="UNR727" s="424"/>
      <c r="UNS727" s="424"/>
      <c r="UNT727" s="424"/>
      <c r="UNU727" s="423" t="s">
        <v>2795</v>
      </c>
      <c r="UNV727" s="424"/>
      <c r="UNW727" s="424"/>
      <c r="UNX727" s="424"/>
      <c r="UNY727" s="423" t="s">
        <v>2795</v>
      </c>
      <c r="UNZ727" s="424"/>
      <c r="UOA727" s="424"/>
      <c r="UOB727" s="424"/>
      <c r="UOC727" s="423" t="s">
        <v>2795</v>
      </c>
      <c r="UOD727" s="424"/>
      <c r="UOE727" s="424"/>
      <c r="UOF727" s="424"/>
      <c r="UOG727" s="423" t="s">
        <v>2795</v>
      </c>
      <c r="UOH727" s="424"/>
      <c r="UOI727" s="424"/>
      <c r="UOJ727" s="424"/>
      <c r="UOK727" s="423" t="s">
        <v>2795</v>
      </c>
      <c r="UOL727" s="424"/>
      <c r="UOM727" s="424"/>
      <c r="UON727" s="424"/>
      <c r="UOO727" s="423" t="s">
        <v>2795</v>
      </c>
      <c r="UOP727" s="424"/>
      <c r="UOQ727" s="424"/>
      <c r="UOR727" s="424"/>
      <c r="UOS727" s="423" t="s">
        <v>2795</v>
      </c>
      <c r="UOT727" s="424"/>
      <c r="UOU727" s="424"/>
      <c r="UOV727" s="424"/>
      <c r="UOW727" s="423" t="s">
        <v>2795</v>
      </c>
      <c r="UOX727" s="424"/>
      <c r="UOY727" s="424"/>
      <c r="UOZ727" s="424"/>
      <c r="UPA727" s="423" t="s">
        <v>2795</v>
      </c>
      <c r="UPB727" s="424"/>
      <c r="UPC727" s="424"/>
      <c r="UPD727" s="424"/>
      <c r="UPE727" s="423" t="s">
        <v>2795</v>
      </c>
      <c r="UPF727" s="424"/>
      <c r="UPG727" s="424"/>
      <c r="UPH727" s="424"/>
      <c r="UPI727" s="423" t="s">
        <v>2795</v>
      </c>
      <c r="UPJ727" s="424"/>
      <c r="UPK727" s="424"/>
      <c r="UPL727" s="424"/>
      <c r="UPM727" s="423" t="s">
        <v>2795</v>
      </c>
      <c r="UPN727" s="424"/>
      <c r="UPO727" s="424"/>
      <c r="UPP727" s="424"/>
      <c r="UPQ727" s="423" t="s">
        <v>2795</v>
      </c>
      <c r="UPR727" s="424"/>
      <c r="UPS727" s="424"/>
      <c r="UPT727" s="424"/>
      <c r="UPU727" s="423" t="s">
        <v>2795</v>
      </c>
      <c r="UPV727" s="424"/>
      <c r="UPW727" s="424"/>
      <c r="UPX727" s="424"/>
      <c r="UPY727" s="423" t="s">
        <v>2795</v>
      </c>
      <c r="UPZ727" s="424"/>
      <c r="UQA727" s="424"/>
      <c r="UQB727" s="424"/>
      <c r="UQC727" s="423" t="s">
        <v>2795</v>
      </c>
      <c r="UQD727" s="424"/>
      <c r="UQE727" s="424"/>
      <c r="UQF727" s="424"/>
      <c r="UQG727" s="423" t="s">
        <v>2795</v>
      </c>
      <c r="UQH727" s="424"/>
      <c r="UQI727" s="424"/>
      <c r="UQJ727" s="424"/>
      <c r="UQK727" s="423" t="s">
        <v>2795</v>
      </c>
      <c r="UQL727" s="424"/>
      <c r="UQM727" s="424"/>
      <c r="UQN727" s="424"/>
      <c r="UQO727" s="423" t="s">
        <v>2795</v>
      </c>
      <c r="UQP727" s="424"/>
      <c r="UQQ727" s="424"/>
      <c r="UQR727" s="424"/>
      <c r="UQS727" s="423" t="s">
        <v>2795</v>
      </c>
      <c r="UQT727" s="424"/>
      <c r="UQU727" s="424"/>
      <c r="UQV727" s="424"/>
      <c r="UQW727" s="423" t="s">
        <v>2795</v>
      </c>
      <c r="UQX727" s="424"/>
      <c r="UQY727" s="424"/>
      <c r="UQZ727" s="424"/>
      <c r="URA727" s="423" t="s">
        <v>2795</v>
      </c>
      <c r="URB727" s="424"/>
      <c r="URC727" s="424"/>
      <c r="URD727" s="424"/>
      <c r="URE727" s="423" t="s">
        <v>2795</v>
      </c>
      <c r="URF727" s="424"/>
      <c r="URG727" s="424"/>
      <c r="URH727" s="424"/>
      <c r="URI727" s="423" t="s">
        <v>2795</v>
      </c>
      <c r="URJ727" s="424"/>
      <c r="URK727" s="424"/>
      <c r="URL727" s="424"/>
      <c r="URM727" s="423" t="s">
        <v>2795</v>
      </c>
      <c r="URN727" s="424"/>
      <c r="URO727" s="424"/>
      <c r="URP727" s="424"/>
      <c r="URQ727" s="423" t="s">
        <v>2795</v>
      </c>
      <c r="URR727" s="424"/>
      <c r="URS727" s="424"/>
      <c r="URT727" s="424"/>
      <c r="URU727" s="423" t="s">
        <v>2795</v>
      </c>
      <c r="URV727" s="424"/>
      <c r="URW727" s="424"/>
      <c r="URX727" s="424"/>
      <c r="URY727" s="423" t="s">
        <v>2795</v>
      </c>
      <c r="URZ727" s="424"/>
      <c r="USA727" s="424"/>
      <c r="USB727" s="424"/>
      <c r="USC727" s="423" t="s">
        <v>2795</v>
      </c>
      <c r="USD727" s="424"/>
      <c r="USE727" s="424"/>
      <c r="USF727" s="424"/>
      <c r="USG727" s="423" t="s">
        <v>2795</v>
      </c>
      <c r="USH727" s="424"/>
      <c r="USI727" s="424"/>
      <c r="USJ727" s="424"/>
      <c r="USK727" s="423" t="s">
        <v>2795</v>
      </c>
      <c r="USL727" s="424"/>
      <c r="USM727" s="424"/>
      <c r="USN727" s="424"/>
      <c r="USO727" s="423" t="s">
        <v>2795</v>
      </c>
      <c r="USP727" s="424"/>
      <c r="USQ727" s="424"/>
      <c r="USR727" s="424"/>
      <c r="USS727" s="423" t="s">
        <v>2795</v>
      </c>
      <c r="UST727" s="424"/>
      <c r="USU727" s="424"/>
      <c r="USV727" s="424"/>
      <c r="USW727" s="423" t="s">
        <v>2795</v>
      </c>
      <c r="USX727" s="424"/>
      <c r="USY727" s="424"/>
      <c r="USZ727" s="424"/>
      <c r="UTA727" s="423" t="s">
        <v>2795</v>
      </c>
      <c r="UTB727" s="424"/>
      <c r="UTC727" s="424"/>
      <c r="UTD727" s="424"/>
      <c r="UTE727" s="423" t="s">
        <v>2795</v>
      </c>
      <c r="UTF727" s="424"/>
      <c r="UTG727" s="424"/>
      <c r="UTH727" s="424"/>
      <c r="UTI727" s="423" t="s">
        <v>2795</v>
      </c>
      <c r="UTJ727" s="424"/>
      <c r="UTK727" s="424"/>
      <c r="UTL727" s="424"/>
      <c r="UTM727" s="423" t="s">
        <v>2795</v>
      </c>
      <c r="UTN727" s="424"/>
      <c r="UTO727" s="424"/>
      <c r="UTP727" s="424"/>
      <c r="UTQ727" s="423" t="s">
        <v>2795</v>
      </c>
      <c r="UTR727" s="424"/>
      <c r="UTS727" s="424"/>
      <c r="UTT727" s="424"/>
      <c r="UTU727" s="423" t="s">
        <v>2795</v>
      </c>
      <c r="UTV727" s="424"/>
      <c r="UTW727" s="424"/>
      <c r="UTX727" s="424"/>
      <c r="UTY727" s="423" t="s">
        <v>2795</v>
      </c>
      <c r="UTZ727" s="424"/>
      <c r="UUA727" s="424"/>
      <c r="UUB727" s="424"/>
      <c r="UUC727" s="423" t="s">
        <v>2795</v>
      </c>
      <c r="UUD727" s="424"/>
      <c r="UUE727" s="424"/>
      <c r="UUF727" s="424"/>
      <c r="UUG727" s="423" t="s">
        <v>2795</v>
      </c>
      <c r="UUH727" s="424"/>
      <c r="UUI727" s="424"/>
      <c r="UUJ727" s="424"/>
      <c r="UUK727" s="423" t="s">
        <v>2795</v>
      </c>
      <c r="UUL727" s="424"/>
      <c r="UUM727" s="424"/>
      <c r="UUN727" s="424"/>
      <c r="UUO727" s="423" t="s">
        <v>2795</v>
      </c>
      <c r="UUP727" s="424"/>
      <c r="UUQ727" s="424"/>
      <c r="UUR727" s="424"/>
      <c r="UUS727" s="423" t="s">
        <v>2795</v>
      </c>
      <c r="UUT727" s="424"/>
      <c r="UUU727" s="424"/>
      <c r="UUV727" s="424"/>
      <c r="UUW727" s="423" t="s">
        <v>2795</v>
      </c>
      <c r="UUX727" s="424"/>
      <c r="UUY727" s="424"/>
      <c r="UUZ727" s="424"/>
      <c r="UVA727" s="423" t="s">
        <v>2795</v>
      </c>
      <c r="UVB727" s="424"/>
      <c r="UVC727" s="424"/>
      <c r="UVD727" s="424"/>
      <c r="UVE727" s="423" t="s">
        <v>2795</v>
      </c>
      <c r="UVF727" s="424"/>
      <c r="UVG727" s="424"/>
      <c r="UVH727" s="424"/>
      <c r="UVI727" s="423" t="s">
        <v>2795</v>
      </c>
      <c r="UVJ727" s="424"/>
      <c r="UVK727" s="424"/>
      <c r="UVL727" s="424"/>
      <c r="UVM727" s="423" t="s">
        <v>2795</v>
      </c>
      <c r="UVN727" s="424"/>
      <c r="UVO727" s="424"/>
      <c r="UVP727" s="424"/>
      <c r="UVQ727" s="423" t="s">
        <v>2795</v>
      </c>
      <c r="UVR727" s="424"/>
      <c r="UVS727" s="424"/>
      <c r="UVT727" s="424"/>
      <c r="UVU727" s="423" t="s">
        <v>2795</v>
      </c>
      <c r="UVV727" s="424"/>
      <c r="UVW727" s="424"/>
      <c r="UVX727" s="424"/>
      <c r="UVY727" s="423" t="s">
        <v>2795</v>
      </c>
      <c r="UVZ727" s="424"/>
      <c r="UWA727" s="424"/>
      <c r="UWB727" s="424"/>
      <c r="UWC727" s="423" t="s">
        <v>2795</v>
      </c>
      <c r="UWD727" s="424"/>
      <c r="UWE727" s="424"/>
      <c r="UWF727" s="424"/>
      <c r="UWG727" s="423" t="s">
        <v>2795</v>
      </c>
      <c r="UWH727" s="424"/>
      <c r="UWI727" s="424"/>
      <c r="UWJ727" s="424"/>
      <c r="UWK727" s="423" t="s">
        <v>2795</v>
      </c>
      <c r="UWL727" s="424"/>
      <c r="UWM727" s="424"/>
      <c r="UWN727" s="424"/>
      <c r="UWO727" s="423" t="s">
        <v>2795</v>
      </c>
      <c r="UWP727" s="424"/>
      <c r="UWQ727" s="424"/>
      <c r="UWR727" s="424"/>
      <c r="UWS727" s="423" t="s">
        <v>2795</v>
      </c>
      <c r="UWT727" s="424"/>
      <c r="UWU727" s="424"/>
      <c r="UWV727" s="424"/>
      <c r="UWW727" s="423" t="s">
        <v>2795</v>
      </c>
      <c r="UWX727" s="424"/>
      <c r="UWY727" s="424"/>
      <c r="UWZ727" s="424"/>
      <c r="UXA727" s="423" t="s">
        <v>2795</v>
      </c>
      <c r="UXB727" s="424"/>
      <c r="UXC727" s="424"/>
      <c r="UXD727" s="424"/>
      <c r="UXE727" s="423" t="s">
        <v>2795</v>
      </c>
      <c r="UXF727" s="424"/>
      <c r="UXG727" s="424"/>
      <c r="UXH727" s="424"/>
      <c r="UXI727" s="423" t="s">
        <v>2795</v>
      </c>
      <c r="UXJ727" s="424"/>
      <c r="UXK727" s="424"/>
      <c r="UXL727" s="424"/>
      <c r="UXM727" s="423" t="s">
        <v>2795</v>
      </c>
      <c r="UXN727" s="424"/>
      <c r="UXO727" s="424"/>
      <c r="UXP727" s="424"/>
      <c r="UXQ727" s="423" t="s">
        <v>2795</v>
      </c>
      <c r="UXR727" s="424"/>
      <c r="UXS727" s="424"/>
      <c r="UXT727" s="424"/>
      <c r="UXU727" s="423" t="s">
        <v>2795</v>
      </c>
      <c r="UXV727" s="424"/>
      <c r="UXW727" s="424"/>
      <c r="UXX727" s="424"/>
      <c r="UXY727" s="423" t="s">
        <v>2795</v>
      </c>
      <c r="UXZ727" s="424"/>
      <c r="UYA727" s="424"/>
      <c r="UYB727" s="424"/>
      <c r="UYC727" s="423" t="s">
        <v>2795</v>
      </c>
      <c r="UYD727" s="424"/>
      <c r="UYE727" s="424"/>
      <c r="UYF727" s="424"/>
      <c r="UYG727" s="423" t="s">
        <v>2795</v>
      </c>
      <c r="UYH727" s="424"/>
      <c r="UYI727" s="424"/>
      <c r="UYJ727" s="424"/>
      <c r="UYK727" s="423" t="s">
        <v>2795</v>
      </c>
      <c r="UYL727" s="424"/>
      <c r="UYM727" s="424"/>
      <c r="UYN727" s="424"/>
      <c r="UYO727" s="423" t="s">
        <v>2795</v>
      </c>
      <c r="UYP727" s="424"/>
      <c r="UYQ727" s="424"/>
      <c r="UYR727" s="424"/>
      <c r="UYS727" s="423" t="s">
        <v>2795</v>
      </c>
      <c r="UYT727" s="424"/>
      <c r="UYU727" s="424"/>
      <c r="UYV727" s="424"/>
      <c r="UYW727" s="423" t="s">
        <v>2795</v>
      </c>
      <c r="UYX727" s="424"/>
      <c r="UYY727" s="424"/>
      <c r="UYZ727" s="424"/>
      <c r="UZA727" s="423" t="s">
        <v>2795</v>
      </c>
      <c r="UZB727" s="424"/>
      <c r="UZC727" s="424"/>
      <c r="UZD727" s="424"/>
      <c r="UZE727" s="423" t="s">
        <v>2795</v>
      </c>
      <c r="UZF727" s="424"/>
      <c r="UZG727" s="424"/>
      <c r="UZH727" s="424"/>
      <c r="UZI727" s="423" t="s">
        <v>2795</v>
      </c>
      <c r="UZJ727" s="424"/>
      <c r="UZK727" s="424"/>
      <c r="UZL727" s="424"/>
      <c r="UZM727" s="423" t="s">
        <v>2795</v>
      </c>
      <c r="UZN727" s="424"/>
      <c r="UZO727" s="424"/>
      <c r="UZP727" s="424"/>
      <c r="UZQ727" s="423" t="s">
        <v>2795</v>
      </c>
      <c r="UZR727" s="424"/>
      <c r="UZS727" s="424"/>
      <c r="UZT727" s="424"/>
      <c r="UZU727" s="423" t="s">
        <v>2795</v>
      </c>
      <c r="UZV727" s="424"/>
      <c r="UZW727" s="424"/>
      <c r="UZX727" s="424"/>
      <c r="UZY727" s="423" t="s">
        <v>2795</v>
      </c>
      <c r="UZZ727" s="424"/>
      <c r="VAA727" s="424"/>
      <c r="VAB727" s="424"/>
      <c r="VAC727" s="423" t="s">
        <v>2795</v>
      </c>
      <c r="VAD727" s="424"/>
      <c r="VAE727" s="424"/>
      <c r="VAF727" s="424"/>
      <c r="VAG727" s="423" t="s">
        <v>2795</v>
      </c>
      <c r="VAH727" s="424"/>
      <c r="VAI727" s="424"/>
      <c r="VAJ727" s="424"/>
      <c r="VAK727" s="423" t="s">
        <v>2795</v>
      </c>
      <c r="VAL727" s="424"/>
      <c r="VAM727" s="424"/>
      <c r="VAN727" s="424"/>
      <c r="VAO727" s="423" t="s">
        <v>2795</v>
      </c>
      <c r="VAP727" s="424"/>
      <c r="VAQ727" s="424"/>
      <c r="VAR727" s="424"/>
      <c r="VAS727" s="423" t="s">
        <v>2795</v>
      </c>
      <c r="VAT727" s="424"/>
      <c r="VAU727" s="424"/>
      <c r="VAV727" s="424"/>
      <c r="VAW727" s="423" t="s">
        <v>2795</v>
      </c>
      <c r="VAX727" s="424"/>
      <c r="VAY727" s="424"/>
      <c r="VAZ727" s="424"/>
      <c r="VBA727" s="423" t="s">
        <v>2795</v>
      </c>
      <c r="VBB727" s="424"/>
      <c r="VBC727" s="424"/>
      <c r="VBD727" s="424"/>
      <c r="VBE727" s="423" t="s">
        <v>2795</v>
      </c>
      <c r="VBF727" s="424"/>
      <c r="VBG727" s="424"/>
      <c r="VBH727" s="424"/>
      <c r="VBI727" s="423" t="s">
        <v>2795</v>
      </c>
      <c r="VBJ727" s="424"/>
      <c r="VBK727" s="424"/>
      <c r="VBL727" s="424"/>
      <c r="VBM727" s="423" t="s">
        <v>2795</v>
      </c>
      <c r="VBN727" s="424"/>
      <c r="VBO727" s="424"/>
      <c r="VBP727" s="424"/>
      <c r="VBQ727" s="423" t="s">
        <v>2795</v>
      </c>
      <c r="VBR727" s="424"/>
      <c r="VBS727" s="424"/>
      <c r="VBT727" s="424"/>
      <c r="VBU727" s="423" t="s">
        <v>2795</v>
      </c>
      <c r="VBV727" s="424"/>
      <c r="VBW727" s="424"/>
      <c r="VBX727" s="424"/>
      <c r="VBY727" s="423" t="s">
        <v>2795</v>
      </c>
      <c r="VBZ727" s="424"/>
      <c r="VCA727" s="424"/>
      <c r="VCB727" s="424"/>
      <c r="VCC727" s="423" t="s">
        <v>2795</v>
      </c>
      <c r="VCD727" s="424"/>
      <c r="VCE727" s="424"/>
      <c r="VCF727" s="424"/>
      <c r="VCG727" s="423" t="s">
        <v>2795</v>
      </c>
      <c r="VCH727" s="424"/>
      <c r="VCI727" s="424"/>
      <c r="VCJ727" s="424"/>
      <c r="VCK727" s="423" t="s">
        <v>2795</v>
      </c>
      <c r="VCL727" s="424"/>
      <c r="VCM727" s="424"/>
      <c r="VCN727" s="424"/>
      <c r="VCO727" s="423" t="s">
        <v>2795</v>
      </c>
      <c r="VCP727" s="424"/>
      <c r="VCQ727" s="424"/>
      <c r="VCR727" s="424"/>
      <c r="VCS727" s="423" t="s">
        <v>2795</v>
      </c>
      <c r="VCT727" s="424"/>
      <c r="VCU727" s="424"/>
      <c r="VCV727" s="424"/>
      <c r="VCW727" s="423" t="s">
        <v>2795</v>
      </c>
      <c r="VCX727" s="424"/>
      <c r="VCY727" s="424"/>
      <c r="VCZ727" s="424"/>
      <c r="VDA727" s="423" t="s">
        <v>2795</v>
      </c>
      <c r="VDB727" s="424"/>
      <c r="VDC727" s="424"/>
      <c r="VDD727" s="424"/>
      <c r="VDE727" s="423" t="s">
        <v>2795</v>
      </c>
      <c r="VDF727" s="424"/>
      <c r="VDG727" s="424"/>
      <c r="VDH727" s="424"/>
      <c r="VDI727" s="423" t="s">
        <v>2795</v>
      </c>
      <c r="VDJ727" s="424"/>
      <c r="VDK727" s="424"/>
      <c r="VDL727" s="424"/>
      <c r="VDM727" s="423" t="s">
        <v>2795</v>
      </c>
      <c r="VDN727" s="424"/>
      <c r="VDO727" s="424"/>
      <c r="VDP727" s="424"/>
      <c r="VDQ727" s="423" t="s">
        <v>2795</v>
      </c>
      <c r="VDR727" s="424"/>
      <c r="VDS727" s="424"/>
      <c r="VDT727" s="424"/>
      <c r="VDU727" s="423" t="s">
        <v>2795</v>
      </c>
      <c r="VDV727" s="424"/>
      <c r="VDW727" s="424"/>
      <c r="VDX727" s="424"/>
      <c r="VDY727" s="423" t="s">
        <v>2795</v>
      </c>
      <c r="VDZ727" s="424"/>
      <c r="VEA727" s="424"/>
      <c r="VEB727" s="424"/>
      <c r="VEC727" s="423" t="s">
        <v>2795</v>
      </c>
      <c r="VED727" s="424"/>
      <c r="VEE727" s="424"/>
      <c r="VEF727" s="424"/>
      <c r="VEG727" s="423" t="s">
        <v>2795</v>
      </c>
      <c r="VEH727" s="424"/>
      <c r="VEI727" s="424"/>
      <c r="VEJ727" s="424"/>
      <c r="VEK727" s="423" t="s">
        <v>2795</v>
      </c>
      <c r="VEL727" s="424"/>
      <c r="VEM727" s="424"/>
      <c r="VEN727" s="424"/>
      <c r="VEO727" s="423" t="s">
        <v>2795</v>
      </c>
      <c r="VEP727" s="424"/>
      <c r="VEQ727" s="424"/>
      <c r="VER727" s="424"/>
      <c r="VES727" s="423" t="s">
        <v>2795</v>
      </c>
      <c r="VET727" s="424"/>
      <c r="VEU727" s="424"/>
      <c r="VEV727" s="424"/>
      <c r="VEW727" s="423" t="s">
        <v>2795</v>
      </c>
      <c r="VEX727" s="424"/>
      <c r="VEY727" s="424"/>
      <c r="VEZ727" s="424"/>
      <c r="VFA727" s="423" t="s">
        <v>2795</v>
      </c>
      <c r="VFB727" s="424"/>
      <c r="VFC727" s="424"/>
      <c r="VFD727" s="424"/>
      <c r="VFE727" s="423" t="s">
        <v>2795</v>
      </c>
      <c r="VFF727" s="424"/>
      <c r="VFG727" s="424"/>
      <c r="VFH727" s="424"/>
      <c r="VFI727" s="423" t="s">
        <v>2795</v>
      </c>
      <c r="VFJ727" s="424"/>
      <c r="VFK727" s="424"/>
      <c r="VFL727" s="424"/>
      <c r="VFM727" s="423" t="s">
        <v>2795</v>
      </c>
      <c r="VFN727" s="424"/>
      <c r="VFO727" s="424"/>
      <c r="VFP727" s="424"/>
      <c r="VFQ727" s="423" t="s">
        <v>2795</v>
      </c>
      <c r="VFR727" s="424"/>
      <c r="VFS727" s="424"/>
      <c r="VFT727" s="424"/>
      <c r="VFU727" s="423" t="s">
        <v>2795</v>
      </c>
      <c r="VFV727" s="424"/>
      <c r="VFW727" s="424"/>
      <c r="VFX727" s="424"/>
      <c r="VFY727" s="423" t="s">
        <v>2795</v>
      </c>
      <c r="VFZ727" s="424"/>
      <c r="VGA727" s="424"/>
      <c r="VGB727" s="424"/>
      <c r="VGC727" s="423" t="s">
        <v>2795</v>
      </c>
      <c r="VGD727" s="424"/>
      <c r="VGE727" s="424"/>
      <c r="VGF727" s="424"/>
      <c r="VGG727" s="423" t="s">
        <v>2795</v>
      </c>
      <c r="VGH727" s="424"/>
      <c r="VGI727" s="424"/>
      <c r="VGJ727" s="424"/>
      <c r="VGK727" s="423" t="s">
        <v>2795</v>
      </c>
      <c r="VGL727" s="424"/>
      <c r="VGM727" s="424"/>
      <c r="VGN727" s="424"/>
      <c r="VGO727" s="423" t="s">
        <v>2795</v>
      </c>
      <c r="VGP727" s="424"/>
      <c r="VGQ727" s="424"/>
      <c r="VGR727" s="424"/>
      <c r="VGS727" s="423" t="s">
        <v>2795</v>
      </c>
      <c r="VGT727" s="424"/>
      <c r="VGU727" s="424"/>
      <c r="VGV727" s="424"/>
      <c r="VGW727" s="423" t="s">
        <v>2795</v>
      </c>
      <c r="VGX727" s="424"/>
      <c r="VGY727" s="424"/>
      <c r="VGZ727" s="424"/>
      <c r="VHA727" s="423" t="s">
        <v>2795</v>
      </c>
      <c r="VHB727" s="424"/>
      <c r="VHC727" s="424"/>
      <c r="VHD727" s="424"/>
      <c r="VHE727" s="423" t="s">
        <v>2795</v>
      </c>
      <c r="VHF727" s="424"/>
      <c r="VHG727" s="424"/>
      <c r="VHH727" s="424"/>
      <c r="VHI727" s="423" t="s">
        <v>2795</v>
      </c>
      <c r="VHJ727" s="424"/>
      <c r="VHK727" s="424"/>
      <c r="VHL727" s="424"/>
      <c r="VHM727" s="423" t="s">
        <v>2795</v>
      </c>
      <c r="VHN727" s="424"/>
      <c r="VHO727" s="424"/>
      <c r="VHP727" s="424"/>
      <c r="VHQ727" s="423" t="s">
        <v>2795</v>
      </c>
      <c r="VHR727" s="424"/>
      <c r="VHS727" s="424"/>
      <c r="VHT727" s="424"/>
      <c r="VHU727" s="423" t="s">
        <v>2795</v>
      </c>
      <c r="VHV727" s="424"/>
      <c r="VHW727" s="424"/>
      <c r="VHX727" s="424"/>
      <c r="VHY727" s="423" t="s">
        <v>2795</v>
      </c>
      <c r="VHZ727" s="424"/>
      <c r="VIA727" s="424"/>
      <c r="VIB727" s="424"/>
      <c r="VIC727" s="423" t="s">
        <v>2795</v>
      </c>
      <c r="VID727" s="424"/>
      <c r="VIE727" s="424"/>
      <c r="VIF727" s="424"/>
      <c r="VIG727" s="423" t="s">
        <v>2795</v>
      </c>
      <c r="VIH727" s="424"/>
      <c r="VII727" s="424"/>
      <c r="VIJ727" s="424"/>
      <c r="VIK727" s="423" t="s">
        <v>2795</v>
      </c>
      <c r="VIL727" s="424"/>
      <c r="VIM727" s="424"/>
      <c r="VIN727" s="424"/>
      <c r="VIO727" s="423" t="s">
        <v>2795</v>
      </c>
      <c r="VIP727" s="424"/>
      <c r="VIQ727" s="424"/>
      <c r="VIR727" s="424"/>
      <c r="VIS727" s="423" t="s">
        <v>2795</v>
      </c>
      <c r="VIT727" s="424"/>
      <c r="VIU727" s="424"/>
      <c r="VIV727" s="424"/>
      <c r="VIW727" s="423" t="s">
        <v>2795</v>
      </c>
      <c r="VIX727" s="424"/>
      <c r="VIY727" s="424"/>
      <c r="VIZ727" s="424"/>
      <c r="VJA727" s="423" t="s">
        <v>2795</v>
      </c>
      <c r="VJB727" s="424"/>
      <c r="VJC727" s="424"/>
      <c r="VJD727" s="424"/>
      <c r="VJE727" s="423" t="s">
        <v>2795</v>
      </c>
      <c r="VJF727" s="424"/>
      <c r="VJG727" s="424"/>
      <c r="VJH727" s="424"/>
      <c r="VJI727" s="423" t="s">
        <v>2795</v>
      </c>
      <c r="VJJ727" s="424"/>
      <c r="VJK727" s="424"/>
      <c r="VJL727" s="424"/>
      <c r="VJM727" s="423" t="s">
        <v>2795</v>
      </c>
      <c r="VJN727" s="424"/>
      <c r="VJO727" s="424"/>
      <c r="VJP727" s="424"/>
      <c r="VJQ727" s="423" t="s">
        <v>2795</v>
      </c>
      <c r="VJR727" s="424"/>
      <c r="VJS727" s="424"/>
      <c r="VJT727" s="424"/>
      <c r="VJU727" s="423" t="s">
        <v>2795</v>
      </c>
      <c r="VJV727" s="424"/>
      <c r="VJW727" s="424"/>
      <c r="VJX727" s="424"/>
      <c r="VJY727" s="423" t="s">
        <v>2795</v>
      </c>
      <c r="VJZ727" s="424"/>
      <c r="VKA727" s="424"/>
      <c r="VKB727" s="424"/>
      <c r="VKC727" s="423" t="s">
        <v>2795</v>
      </c>
      <c r="VKD727" s="424"/>
      <c r="VKE727" s="424"/>
      <c r="VKF727" s="424"/>
      <c r="VKG727" s="423" t="s">
        <v>2795</v>
      </c>
      <c r="VKH727" s="424"/>
      <c r="VKI727" s="424"/>
      <c r="VKJ727" s="424"/>
      <c r="VKK727" s="423" t="s">
        <v>2795</v>
      </c>
      <c r="VKL727" s="424"/>
      <c r="VKM727" s="424"/>
      <c r="VKN727" s="424"/>
      <c r="VKO727" s="423" t="s">
        <v>2795</v>
      </c>
      <c r="VKP727" s="424"/>
      <c r="VKQ727" s="424"/>
      <c r="VKR727" s="424"/>
      <c r="VKS727" s="423" t="s">
        <v>2795</v>
      </c>
      <c r="VKT727" s="424"/>
      <c r="VKU727" s="424"/>
      <c r="VKV727" s="424"/>
      <c r="VKW727" s="423" t="s">
        <v>2795</v>
      </c>
      <c r="VKX727" s="424"/>
      <c r="VKY727" s="424"/>
      <c r="VKZ727" s="424"/>
      <c r="VLA727" s="423" t="s">
        <v>2795</v>
      </c>
      <c r="VLB727" s="424"/>
      <c r="VLC727" s="424"/>
      <c r="VLD727" s="424"/>
      <c r="VLE727" s="423" t="s">
        <v>2795</v>
      </c>
      <c r="VLF727" s="424"/>
      <c r="VLG727" s="424"/>
      <c r="VLH727" s="424"/>
      <c r="VLI727" s="423" t="s">
        <v>2795</v>
      </c>
      <c r="VLJ727" s="424"/>
      <c r="VLK727" s="424"/>
      <c r="VLL727" s="424"/>
      <c r="VLM727" s="423" t="s">
        <v>2795</v>
      </c>
      <c r="VLN727" s="424"/>
      <c r="VLO727" s="424"/>
      <c r="VLP727" s="424"/>
      <c r="VLQ727" s="423" t="s">
        <v>2795</v>
      </c>
      <c r="VLR727" s="424"/>
      <c r="VLS727" s="424"/>
      <c r="VLT727" s="424"/>
      <c r="VLU727" s="423" t="s">
        <v>2795</v>
      </c>
      <c r="VLV727" s="424"/>
      <c r="VLW727" s="424"/>
      <c r="VLX727" s="424"/>
      <c r="VLY727" s="423" t="s">
        <v>2795</v>
      </c>
      <c r="VLZ727" s="424"/>
      <c r="VMA727" s="424"/>
      <c r="VMB727" s="424"/>
      <c r="VMC727" s="423" t="s">
        <v>2795</v>
      </c>
      <c r="VMD727" s="424"/>
      <c r="VME727" s="424"/>
      <c r="VMF727" s="424"/>
      <c r="VMG727" s="423" t="s">
        <v>2795</v>
      </c>
      <c r="VMH727" s="424"/>
      <c r="VMI727" s="424"/>
      <c r="VMJ727" s="424"/>
      <c r="VMK727" s="423" t="s">
        <v>2795</v>
      </c>
      <c r="VML727" s="424"/>
      <c r="VMM727" s="424"/>
      <c r="VMN727" s="424"/>
      <c r="VMO727" s="423" t="s">
        <v>2795</v>
      </c>
      <c r="VMP727" s="424"/>
      <c r="VMQ727" s="424"/>
      <c r="VMR727" s="424"/>
      <c r="VMS727" s="423" t="s">
        <v>2795</v>
      </c>
      <c r="VMT727" s="424"/>
      <c r="VMU727" s="424"/>
      <c r="VMV727" s="424"/>
      <c r="VMW727" s="423" t="s">
        <v>2795</v>
      </c>
      <c r="VMX727" s="424"/>
      <c r="VMY727" s="424"/>
      <c r="VMZ727" s="424"/>
      <c r="VNA727" s="423" t="s">
        <v>2795</v>
      </c>
      <c r="VNB727" s="424"/>
      <c r="VNC727" s="424"/>
      <c r="VND727" s="424"/>
      <c r="VNE727" s="423" t="s">
        <v>2795</v>
      </c>
      <c r="VNF727" s="424"/>
      <c r="VNG727" s="424"/>
      <c r="VNH727" s="424"/>
      <c r="VNI727" s="423" t="s">
        <v>2795</v>
      </c>
      <c r="VNJ727" s="424"/>
      <c r="VNK727" s="424"/>
      <c r="VNL727" s="424"/>
      <c r="VNM727" s="423" t="s">
        <v>2795</v>
      </c>
      <c r="VNN727" s="424"/>
      <c r="VNO727" s="424"/>
      <c r="VNP727" s="424"/>
      <c r="VNQ727" s="423" t="s">
        <v>2795</v>
      </c>
      <c r="VNR727" s="424"/>
      <c r="VNS727" s="424"/>
      <c r="VNT727" s="424"/>
      <c r="VNU727" s="423" t="s">
        <v>2795</v>
      </c>
      <c r="VNV727" s="424"/>
      <c r="VNW727" s="424"/>
      <c r="VNX727" s="424"/>
      <c r="VNY727" s="423" t="s">
        <v>2795</v>
      </c>
      <c r="VNZ727" s="424"/>
      <c r="VOA727" s="424"/>
      <c r="VOB727" s="424"/>
      <c r="VOC727" s="423" t="s">
        <v>2795</v>
      </c>
      <c r="VOD727" s="424"/>
      <c r="VOE727" s="424"/>
      <c r="VOF727" s="424"/>
      <c r="VOG727" s="423" t="s">
        <v>2795</v>
      </c>
      <c r="VOH727" s="424"/>
      <c r="VOI727" s="424"/>
      <c r="VOJ727" s="424"/>
      <c r="VOK727" s="423" t="s">
        <v>2795</v>
      </c>
      <c r="VOL727" s="424"/>
      <c r="VOM727" s="424"/>
      <c r="VON727" s="424"/>
      <c r="VOO727" s="423" t="s">
        <v>2795</v>
      </c>
      <c r="VOP727" s="424"/>
      <c r="VOQ727" s="424"/>
      <c r="VOR727" s="424"/>
      <c r="VOS727" s="423" t="s">
        <v>2795</v>
      </c>
      <c r="VOT727" s="424"/>
      <c r="VOU727" s="424"/>
      <c r="VOV727" s="424"/>
      <c r="VOW727" s="423" t="s">
        <v>2795</v>
      </c>
      <c r="VOX727" s="424"/>
      <c r="VOY727" s="424"/>
      <c r="VOZ727" s="424"/>
      <c r="VPA727" s="423" t="s">
        <v>2795</v>
      </c>
      <c r="VPB727" s="424"/>
      <c r="VPC727" s="424"/>
      <c r="VPD727" s="424"/>
      <c r="VPE727" s="423" t="s">
        <v>2795</v>
      </c>
      <c r="VPF727" s="424"/>
      <c r="VPG727" s="424"/>
      <c r="VPH727" s="424"/>
      <c r="VPI727" s="423" t="s">
        <v>2795</v>
      </c>
      <c r="VPJ727" s="424"/>
      <c r="VPK727" s="424"/>
      <c r="VPL727" s="424"/>
      <c r="VPM727" s="423" t="s">
        <v>2795</v>
      </c>
      <c r="VPN727" s="424"/>
      <c r="VPO727" s="424"/>
      <c r="VPP727" s="424"/>
      <c r="VPQ727" s="423" t="s">
        <v>2795</v>
      </c>
      <c r="VPR727" s="424"/>
      <c r="VPS727" s="424"/>
      <c r="VPT727" s="424"/>
      <c r="VPU727" s="423" t="s">
        <v>2795</v>
      </c>
      <c r="VPV727" s="424"/>
      <c r="VPW727" s="424"/>
      <c r="VPX727" s="424"/>
      <c r="VPY727" s="423" t="s">
        <v>2795</v>
      </c>
      <c r="VPZ727" s="424"/>
      <c r="VQA727" s="424"/>
      <c r="VQB727" s="424"/>
      <c r="VQC727" s="423" t="s">
        <v>2795</v>
      </c>
      <c r="VQD727" s="424"/>
      <c r="VQE727" s="424"/>
      <c r="VQF727" s="424"/>
      <c r="VQG727" s="423" t="s">
        <v>2795</v>
      </c>
      <c r="VQH727" s="424"/>
      <c r="VQI727" s="424"/>
      <c r="VQJ727" s="424"/>
      <c r="VQK727" s="423" t="s">
        <v>2795</v>
      </c>
      <c r="VQL727" s="424"/>
      <c r="VQM727" s="424"/>
      <c r="VQN727" s="424"/>
      <c r="VQO727" s="423" t="s">
        <v>2795</v>
      </c>
      <c r="VQP727" s="424"/>
      <c r="VQQ727" s="424"/>
      <c r="VQR727" s="424"/>
      <c r="VQS727" s="423" t="s">
        <v>2795</v>
      </c>
      <c r="VQT727" s="424"/>
      <c r="VQU727" s="424"/>
      <c r="VQV727" s="424"/>
      <c r="VQW727" s="423" t="s">
        <v>2795</v>
      </c>
      <c r="VQX727" s="424"/>
      <c r="VQY727" s="424"/>
      <c r="VQZ727" s="424"/>
      <c r="VRA727" s="423" t="s">
        <v>2795</v>
      </c>
      <c r="VRB727" s="424"/>
      <c r="VRC727" s="424"/>
      <c r="VRD727" s="424"/>
      <c r="VRE727" s="423" t="s">
        <v>2795</v>
      </c>
      <c r="VRF727" s="424"/>
      <c r="VRG727" s="424"/>
      <c r="VRH727" s="424"/>
      <c r="VRI727" s="423" t="s">
        <v>2795</v>
      </c>
      <c r="VRJ727" s="424"/>
      <c r="VRK727" s="424"/>
      <c r="VRL727" s="424"/>
      <c r="VRM727" s="423" t="s">
        <v>2795</v>
      </c>
      <c r="VRN727" s="424"/>
      <c r="VRO727" s="424"/>
      <c r="VRP727" s="424"/>
      <c r="VRQ727" s="423" t="s">
        <v>2795</v>
      </c>
      <c r="VRR727" s="424"/>
      <c r="VRS727" s="424"/>
      <c r="VRT727" s="424"/>
      <c r="VRU727" s="423" t="s">
        <v>2795</v>
      </c>
      <c r="VRV727" s="424"/>
      <c r="VRW727" s="424"/>
      <c r="VRX727" s="424"/>
      <c r="VRY727" s="423" t="s">
        <v>2795</v>
      </c>
      <c r="VRZ727" s="424"/>
      <c r="VSA727" s="424"/>
      <c r="VSB727" s="424"/>
      <c r="VSC727" s="423" t="s">
        <v>2795</v>
      </c>
      <c r="VSD727" s="424"/>
      <c r="VSE727" s="424"/>
      <c r="VSF727" s="424"/>
      <c r="VSG727" s="423" t="s">
        <v>2795</v>
      </c>
      <c r="VSH727" s="424"/>
      <c r="VSI727" s="424"/>
      <c r="VSJ727" s="424"/>
      <c r="VSK727" s="423" t="s">
        <v>2795</v>
      </c>
      <c r="VSL727" s="424"/>
      <c r="VSM727" s="424"/>
      <c r="VSN727" s="424"/>
      <c r="VSO727" s="423" t="s">
        <v>2795</v>
      </c>
      <c r="VSP727" s="424"/>
      <c r="VSQ727" s="424"/>
      <c r="VSR727" s="424"/>
      <c r="VSS727" s="423" t="s">
        <v>2795</v>
      </c>
      <c r="VST727" s="424"/>
      <c r="VSU727" s="424"/>
      <c r="VSV727" s="424"/>
      <c r="VSW727" s="423" t="s">
        <v>2795</v>
      </c>
      <c r="VSX727" s="424"/>
      <c r="VSY727" s="424"/>
      <c r="VSZ727" s="424"/>
      <c r="VTA727" s="423" t="s">
        <v>2795</v>
      </c>
      <c r="VTB727" s="424"/>
      <c r="VTC727" s="424"/>
      <c r="VTD727" s="424"/>
      <c r="VTE727" s="423" t="s">
        <v>2795</v>
      </c>
      <c r="VTF727" s="424"/>
      <c r="VTG727" s="424"/>
      <c r="VTH727" s="424"/>
      <c r="VTI727" s="423" t="s">
        <v>2795</v>
      </c>
      <c r="VTJ727" s="424"/>
      <c r="VTK727" s="424"/>
      <c r="VTL727" s="424"/>
      <c r="VTM727" s="423" t="s">
        <v>2795</v>
      </c>
      <c r="VTN727" s="424"/>
      <c r="VTO727" s="424"/>
      <c r="VTP727" s="424"/>
      <c r="VTQ727" s="423" t="s">
        <v>2795</v>
      </c>
      <c r="VTR727" s="424"/>
      <c r="VTS727" s="424"/>
      <c r="VTT727" s="424"/>
      <c r="VTU727" s="423" t="s">
        <v>2795</v>
      </c>
      <c r="VTV727" s="424"/>
      <c r="VTW727" s="424"/>
      <c r="VTX727" s="424"/>
      <c r="VTY727" s="423" t="s">
        <v>2795</v>
      </c>
      <c r="VTZ727" s="424"/>
      <c r="VUA727" s="424"/>
      <c r="VUB727" s="424"/>
      <c r="VUC727" s="423" t="s">
        <v>2795</v>
      </c>
      <c r="VUD727" s="424"/>
      <c r="VUE727" s="424"/>
      <c r="VUF727" s="424"/>
      <c r="VUG727" s="423" t="s">
        <v>2795</v>
      </c>
      <c r="VUH727" s="424"/>
      <c r="VUI727" s="424"/>
      <c r="VUJ727" s="424"/>
      <c r="VUK727" s="423" t="s">
        <v>2795</v>
      </c>
      <c r="VUL727" s="424"/>
      <c r="VUM727" s="424"/>
      <c r="VUN727" s="424"/>
      <c r="VUO727" s="423" t="s">
        <v>2795</v>
      </c>
      <c r="VUP727" s="424"/>
      <c r="VUQ727" s="424"/>
      <c r="VUR727" s="424"/>
      <c r="VUS727" s="423" t="s">
        <v>2795</v>
      </c>
      <c r="VUT727" s="424"/>
      <c r="VUU727" s="424"/>
      <c r="VUV727" s="424"/>
      <c r="VUW727" s="423" t="s">
        <v>2795</v>
      </c>
      <c r="VUX727" s="424"/>
      <c r="VUY727" s="424"/>
      <c r="VUZ727" s="424"/>
      <c r="VVA727" s="423" t="s">
        <v>2795</v>
      </c>
      <c r="VVB727" s="424"/>
      <c r="VVC727" s="424"/>
      <c r="VVD727" s="424"/>
      <c r="VVE727" s="423" t="s">
        <v>2795</v>
      </c>
      <c r="VVF727" s="424"/>
      <c r="VVG727" s="424"/>
      <c r="VVH727" s="424"/>
      <c r="VVI727" s="423" t="s">
        <v>2795</v>
      </c>
      <c r="VVJ727" s="424"/>
      <c r="VVK727" s="424"/>
      <c r="VVL727" s="424"/>
      <c r="VVM727" s="423" t="s">
        <v>2795</v>
      </c>
      <c r="VVN727" s="424"/>
      <c r="VVO727" s="424"/>
      <c r="VVP727" s="424"/>
      <c r="VVQ727" s="423" t="s">
        <v>2795</v>
      </c>
      <c r="VVR727" s="424"/>
      <c r="VVS727" s="424"/>
      <c r="VVT727" s="424"/>
      <c r="VVU727" s="423" t="s">
        <v>2795</v>
      </c>
      <c r="VVV727" s="424"/>
      <c r="VVW727" s="424"/>
      <c r="VVX727" s="424"/>
      <c r="VVY727" s="423" t="s">
        <v>2795</v>
      </c>
      <c r="VVZ727" s="424"/>
      <c r="VWA727" s="424"/>
      <c r="VWB727" s="424"/>
      <c r="VWC727" s="423" t="s">
        <v>2795</v>
      </c>
      <c r="VWD727" s="424"/>
      <c r="VWE727" s="424"/>
      <c r="VWF727" s="424"/>
      <c r="VWG727" s="423" t="s">
        <v>2795</v>
      </c>
      <c r="VWH727" s="424"/>
      <c r="VWI727" s="424"/>
      <c r="VWJ727" s="424"/>
      <c r="VWK727" s="423" t="s">
        <v>2795</v>
      </c>
      <c r="VWL727" s="424"/>
      <c r="VWM727" s="424"/>
      <c r="VWN727" s="424"/>
      <c r="VWO727" s="423" t="s">
        <v>2795</v>
      </c>
      <c r="VWP727" s="424"/>
      <c r="VWQ727" s="424"/>
      <c r="VWR727" s="424"/>
      <c r="VWS727" s="423" t="s">
        <v>2795</v>
      </c>
      <c r="VWT727" s="424"/>
      <c r="VWU727" s="424"/>
      <c r="VWV727" s="424"/>
      <c r="VWW727" s="423" t="s">
        <v>2795</v>
      </c>
      <c r="VWX727" s="424"/>
      <c r="VWY727" s="424"/>
      <c r="VWZ727" s="424"/>
      <c r="VXA727" s="423" t="s">
        <v>2795</v>
      </c>
      <c r="VXB727" s="424"/>
      <c r="VXC727" s="424"/>
      <c r="VXD727" s="424"/>
      <c r="VXE727" s="423" t="s">
        <v>2795</v>
      </c>
      <c r="VXF727" s="424"/>
      <c r="VXG727" s="424"/>
      <c r="VXH727" s="424"/>
      <c r="VXI727" s="423" t="s">
        <v>2795</v>
      </c>
      <c r="VXJ727" s="424"/>
      <c r="VXK727" s="424"/>
      <c r="VXL727" s="424"/>
      <c r="VXM727" s="423" t="s">
        <v>2795</v>
      </c>
      <c r="VXN727" s="424"/>
      <c r="VXO727" s="424"/>
      <c r="VXP727" s="424"/>
      <c r="VXQ727" s="423" t="s">
        <v>2795</v>
      </c>
      <c r="VXR727" s="424"/>
      <c r="VXS727" s="424"/>
      <c r="VXT727" s="424"/>
      <c r="VXU727" s="423" t="s">
        <v>2795</v>
      </c>
      <c r="VXV727" s="424"/>
      <c r="VXW727" s="424"/>
      <c r="VXX727" s="424"/>
      <c r="VXY727" s="423" t="s">
        <v>2795</v>
      </c>
      <c r="VXZ727" s="424"/>
      <c r="VYA727" s="424"/>
      <c r="VYB727" s="424"/>
      <c r="VYC727" s="423" t="s">
        <v>2795</v>
      </c>
      <c r="VYD727" s="424"/>
      <c r="VYE727" s="424"/>
      <c r="VYF727" s="424"/>
      <c r="VYG727" s="423" t="s">
        <v>2795</v>
      </c>
      <c r="VYH727" s="424"/>
      <c r="VYI727" s="424"/>
      <c r="VYJ727" s="424"/>
      <c r="VYK727" s="423" t="s">
        <v>2795</v>
      </c>
      <c r="VYL727" s="424"/>
      <c r="VYM727" s="424"/>
      <c r="VYN727" s="424"/>
      <c r="VYO727" s="423" t="s">
        <v>2795</v>
      </c>
      <c r="VYP727" s="424"/>
      <c r="VYQ727" s="424"/>
      <c r="VYR727" s="424"/>
      <c r="VYS727" s="423" t="s">
        <v>2795</v>
      </c>
      <c r="VYT727" s="424"/>
      <c r="VYU727" s="424"/>
      <c r="VYV727" s="424"/>
      <c r="VYW727" s="423" t="s">
        <v>2795</v>
      </c>
      <c r="VYX727" s="424"/>
      <c r="VYY727" s="424"/>
      <c r="VYZ727" s="424"/>
      <c r="VZA727" s="423" t="s">
        <v>2795</v>
      </c>
      <c r="VZB727" s="424"/>
      <c r="VZC727" s="424"/>
      <c r="VZD727" s="424"/>
      <c r="VZE727" s="423" t="s">
        <v>2795</v>
      </c>
      <c r="VZF727" s="424"/>
      <c r="VZG727" s="424"/>
      <c r="VZH727" s="424"/>
      <c r="VZI727" s="423" t="s">
        <v>2795</v>
      </c>
      <c r="VZJ727" s="424"/>
      <c r="VZK727" s="424"/>
      <c r="VZL727" s="424"/>
      <c r="VZM727" s="423" t="s">
        <v>2795</v>
      </c>
      <c r="VZN727" s="424"/>
      <c r="VZO727" s="424"/>
      <c r="VZP727" s="424"/>
      <c r="VZQ727" s="423" t="s">
        <v>2795</v>
      </c>
      <c r="VZR727" s="424"/>
      <c r="VZS727" s="424"/>
      <c r="VZT727" s="424"/>
      <c r="VZU727" s="423" t="s">
        <v>2795</v>
      </c>
      <c r="VZV727" s="424"/>
      <c r="VZW727" s="424"/>
      <c r="VZX727" s="424"/>
      <c r="VZY727" s="423" t="s">
        <v>2795</v>
      </c>
      <c r="VZZ727" s="424"/>
      <c r="WAA727" s="424"/>
      <c r="WAB727" s="424"/>
      <c r="WAC727" s="423" t="s">
        <v>2795</v>
      </c>
      <c r="WAD727" s="424"/>
      <c r="WAE727" s="424"/>
      <c r="WAF727" s="424"/>
      <c r="WAG727" s="423" t="s">
        <v>2795</v>
      </c>
      <c r="WAH727" s="424"/>
      <c r="WAI727" s="424"/>
      <c r="WAJ727" s="424"/>
      <c r="WAK727" s="423" t="s">
        <v>2795</v>
      </c>
      <c r="WAL727" s="424"/>
      <c r="WAM727" s="424"/>
      <c r="WAN727" s="424"/>
      <c r="WAO727" s="423" t="s">
        <v>2795</v>
      </c>
      <c r="WAP727" s="424"/>
      <c r="WAQ727" s="424"/>
      <c r="WAR727" s="424"/>
      <c r="WAS727" s="423" t="s">
        <v>2795</v>
      </c>
      <c r="WAT727" s="424"/>
      <c r="WAU727" s="424"/>
      <c r="WAV727" s="424"/>
      <c r="WAW727" s="423" t="s">
        <v>2795</v>
      </c>
      <c r="WAX727" s="424"/>
      <c r="WAY727" s="424"/>
      <c r="WAZ727" s="424"/>
      <c r="WBA727" s="423" t="s">
        <v>2795</v>
      </c>
      <c r="WBB727" s="424"/>
      <c r="WBC727" s="424"/>
      <c r="WBD727" s="424"/>
      <c r="WBE727" s="423" t="s">
        <v>2795</v>
      </c>
      <c r="WBF727" s="424"/>
      <c r="WBG727" s="424"/>
      <c r="WBH727" s="424"/>
      <c r="WBI727" s="423" t="s">
        <v>2795</v>
      </c>
      <c r="WBJ727" s="424"/>
      <c r="WBK727" s="424"/>
      <c r="WBL727" s="424"/>
      <c r="WBM727" s="423" t="s">
        <v>2795</v>
      </c>
      <c r="WBN727" s="424"/>
      <c r="WBO727" s="424"/>
      <c r="WBP727" s="424"/>
      <c r="WBQ727" s="423" t="s">
        <v>2795</v>
      </c>
      <c r="WBR727" s="424"/>
      <c r="WBS727" s="424"/>
      <c r="WBT727" s="424"/>
      <c r="WBU727" s="423" t="s">
        <v>2795</v>
      </c>
      <c r="WBV727" s="424"/>
      <c r="WBW727" s="424"/>
      <c r="WBX727" s="424"/>
      <c r="WBY727" s="423" t="s">
        <v>2795</v>
      </c>
      <c r="WBZ727" s="424"/>
      <c r="WCA727" s="424"/>
      <c r="WCB727" s="424"/>
      <c r="WCC727" s="423" t="s">
        <v>2795</v>
      </c>
      <c r="WCD727" s="424"/>
      <c r="WCE727" s="424"/>
      <c r="WCF727" s="424"/>
      <c r="WCG727" s="423" t="s">
        <v>2795</v>
      </c>
      <c r="WCH727" s="424"/>
      <c r="WCI727" s="424"/>
      <c r="WCJ727" s="424"/>
      <c r="WCK727" s="423" t="s">
        <v>2795</v>
      </c>
      <c r="WCL727" s="424"/>
      <c r="WCM727" s="424"/>
      <c r="WCN727" s="424"/>
      <c r="WCO727" s="423" t="s">
        <v>2795</v>
      </c>
      <c r="WCP727" s="424"/>
      <c r="WCQ727" s="424"/>
      <c r="WCR727" s="424"/>
      <c r="WCS727" s="423" t="s">
        <v>2795</v>
      </c>
      <c r="WCT727" s="424"/>
      <c r="WCU727" s="424"/>
      <c r="WCV727" s="424"/>
      <c r="WCW727" s="423" t="s">
        <v>2795</v>
      </c>
      <c r="WCX727" s="424"/>
      <c r="WCY727" s="424"/>
      <c r="WCZ727" s="424"/>
      <c r="WDA727" s="423" t="s">
        <v>2795</v>
      </c>
      <c r="WDB727" s="424"/>
      <c r="WDC727" s="424"/>
      <c r="WDD727" s="424"/>
      <c r="WDE727" s="423" t="s">
        <v>2795</v>
      </c>
      <c r="WDF727" s="424"/>
      <c r="WDG727" s="424"/>
      <c r="WDH727" s="424"/>
      <c r="WDI727" s="423" t="s">
        <v>2795</v>
      </c>
      <c r="WDJ727" s="424"/>
      <c r="WDK727" s="424"/>
      <c r="WDL727" s="424"/>
      <c r="WDM727" s="423" t="s">
        <v>2795</v>
      </c>
      <c r="WDN727" s="424"/>
      <c r="WDO727" s="424"/>
      <c r="WDP727" s="424"/>
      <c r="WDQ727" s="423" t="s">
        <v>2795</v>
      </c>
      <c r="WDR727" s="424"/>
      <c r="WDS727" s="424"/>
      <c r="WDT727" s="424"/>
      <c r="WDU727" s="423" t="s">
        <v>2795</v>
      </c>
      <c r="WDV727" s="424"/>
      <c r="WDW727" s="424"/>
      <c r="WDX727" s="424"/>
      <c r="WDY727" s="423" t="s">
        <v>2795</v>
      </c>
      <c r="WDZ727" s="424"/>
      <c r="WEA727" s="424"/>
      <c r="WEB727" s="424"/>
      <c r="WEC727" s="423" t="s">
        <v>2795</v>
      </c>
      <c r="WED727" s="424"/>
      <c r="WEE727" s="424"/>
      <c r="WEF727" s="424"/>
      <c r="WEG727" s="423" t="s">
        <v>2795</v>
      </c>
      <c r="WEH727" s="424"/>
      <c r="WEI727" s="424"/>
      <c r="WEJ727" s="424"/>
      <c r="WEK727" s="423" t="s">
        <v>2795</v>
      </c>
      <c r="WEL727" s="424"/>
      <c r="WEM727" s="424"/>
      <c r="WEN727" s="424"/>
      <c r="WEO727" s="423" t="s">
        <v>2795</v>
      </c>
      <c r="WEP727" s="424"/>
      <c r="WEQ727" s="424"/>
      <c r="WER727" s="424"/>
      <c r="WES727" s="423" t="s">
        <v>2795</v>
      </c>
      <c r="WET727" s="424"/>
      <c r="WEU727" s="424"/>
      <c r="WEV727" s="424"/>
      <c r="WEW727" s="423" t="s">
        <v>2795</v>
      </c>
      <c r="WEX727" s="424"/>
      <c r="WEY727" s="424"/>
      <c r="WEZ727" s="424"/>
      <c r="WFA727" s="423" t="s">
        <v>2795</v>
      </c>
      <c r="WFB727" s="424"/>
      <c r="WFC727" s="424"/>
      <c r="WFD727" s="424"/>
      <c r="WFE727" s="423" t="s">
        <v>2795</v>
      </c>
      <c r="WFF727" s="424"/>
      <c r="WFG727" s="424"/>
      <c r="WFH727" s="424"/>
      <c r="WFI727" s="423" t="s">
        <v>2795</v>
      </c>
      <c r="WFJ727" s="424"/>
      <c r="WFK727" s="424"/>
      <c r="WFL727" s="424"/>
      <c r="WFM727" s="423" t="s">
        <v>2795</v>
      </c>
      <c r="WFN727" s="424"/>
      <c r="WFO727" s="424"/>
      <c r="WFP727" s="424"/>
      <c r="WFQ727" s="423" t="s">
        <v>2795</v>
      </c>
      <c r="WFR727" s="424"/>
      <c r="WFS727" s="424"/>
      <c r="WFT727" s="424"/>
      <c r="WFU727" s="423" t="s">
        <v>2795</v>
      </c>
      <c r="WFV727" s="424"/>
      <c r="WFW727" s="424"/>
      <c r="WFX727" s="424"/>
      <c r="WFY727" s="423" t="s">
        <v>2795</v>
      </c>
      <c r="WFZ727" s="424"/>
      <c r="WGA727" s="424"/>
      <c r="WGB727" s="424"/>
      <c r="WGC727" s="423" t="s">
        <v>2795</v>
      </c>
      <c r="WGD727" s="424"/>
      <c r="WGE727" s="424"/>
      <c r="WGF727" s="424"/>
      <c r="WGG727" s="423" t="s">
        <v>2795</v>
      </c>
      <c r="WGH727" s="424"/>
      <c r="WGI727" s="424"/>
      <c r="WGJ727" s="424"/>
      <c r="WGK727" s="423" t="s">
        <v>2795</v>
      </c>
      <c r="WGL727" s="424"/>
      <c r="WGM727" s="424"/>
      <c r="WGN727" s="424"/>
      <c r="WGO727" s="423" t="s">
        <v>2795</v>
      </c>
      <c r="WGP727" s="424"/>
      <c r="WGQ727" s="424"/>
      <c r="WGR727" s="424"/>
      <c r="WGS727" s="423" t="s">
        <v>2795</v>
      </c>
      <c r="WGT727" s="424"/>
      <c r="WGU727" s="424"/>
      <c r="WGV727" s="424"/>
      <c r="WGW727" s="423" t="s">
        <v>2795</v>
      </c>
      <c r="WGX727" s="424"/>
      <c r="WGY727" s="424"/>
      <c r="WGZ727" s="424"/>
      <c r="WHA727" s="423" t="s">
        <v>2795</v>
      </c>
      <c r="WHB727" s="424"/>
      <c r="WHC727" s="424"/>
      <c r="WHD727" s="424"/>
      <c r="WHE727" s="423" t="s">
        <v>2795</v>
      </c>
      <c r="WHF727" s="424"/>
      <c r="WHG727" s="424"/>
      <c r="WHH727" s="424"/>
      <c r="WHI727" s="423" t="s">
        <v>2795</v>
      </c>
      <c r="WHJ727" s="424"/>
      <c r="WHK727" s="424"/>
      <c r="WHL727" s="424"/>
      <c r="WHM727" s="423" t="s">
        <v>2795</v>
      </c>
      <c r="WHN727" s="424"/>
      <c r="WHO727" s="424"/>
      <c r="WHP727" s="424"/>
      <c r="WHQ727" s="423" t="s">
        <v>2795</v>
      </c>
      <c r="WHR727" s="424"/>
      <c r="WHS727" s="424"/>
      <c r="WHT727" s="424"/>
      <c r="WHU727" s="423" t="s">
        <v>2795</v>
      </c>
      <c r="WHV727" s="424"/>
      <c r="WHW727" s="424"/>
      <c r="WHX727" s="424"/>
      <c r="WHY727" s="423" t="s">
        <v>2795</v>
      </c>
      <c r="WHZ727" s="424"/>
      <c r="WIA727" s="424"/>
      <c r="WIB727" s="424"/>
      <c r="WIC727" s="423" t="s">
        <v>2795</v>
      </c>
      <c r="WID727" s="424"/>
      <c r="WIE727" s="424"/>
      <c r="WIF727" s="424"/>
      <c r="WIG727" s="423" t="s">
        <v>2795</v>
      </c>
      <c r="WIH727" s="424"/>
      <c r="WII727" s="424"/>
      <c r="WIJ727" s="424"/>
      <c r="WIK727" s="423" t="s">
        <v>2795</v>
      </c>
      <c r="WIL727" s="424"/>
      <c r="WIM727" s="424"/>
      <c r="WIN727" s="424"/>
      <c r="WIO727" s="423" t="s">
        <v>2795</v>
      </c>
      <c r="WIP727" s="424"/>
      <c r="WIQ727" s="424"/>
      <c r="WIR727" s="424"/>
      <c r="WIS727" s="423" t="s">
        <v>2795</v>
      </c>
      <c r="WIT727" s="424"/>
      <c r="WIU727" s="424"/>
      <c r="WIV727" s="424"/>
      <c r="WIW727" s="423" t="s">
        <v>2795</v>
      </c>
      <c r="WIX727" s="424"/>
      <c r="WIY727" s="424"/>
      <c r="WIZ727" s="424"/>
      <c r="WJA727" s="423" t="s">
        <v>2795</v>
      </c>
      <c r="WJB727" s="424"/>
      <c r="WJC727" s="424"/>
      <c r="WJD727" s="424"/>
      <c r="WJE727" s="423" t="s">
        <v>2795</v>
      </c>
      <c r="WJF727" s="424"/>
      <c r="WJG727" s="424"/>
      <c r="WJH727" s="424"/>
      <c r="WJI727" s="423" t="s">
        <v>2795</v>
      </c>
      <c r="WJJ727" s="424"/>
      <c r="WJK727" s="424"/>
      <c r="WJL727" s="424"/>
      <c r="WJM727" s="423" t="s">
        <v>2795</v>
      </c>
      <c r="WJN727" s="424"/>
      <c r="WJO727" s="424"/>
      <c r="WJP727" s="424"/>
      <c r="WJQ727" s="423" t="s">
        <v>2795</v>
      </c>
      <c r="WJR727" s="424"/>
      <c r="WJS727" s="424"/>
      <c r="WJT727" s="424"/>
      <c r="WJU727" s="423" t="s">
        <v>2795</v>
      </c>
      <c r="WJV727" s="424"/>
      <c r="WJW727" s="424"/>
      <c r="WJX727" s="424"/>
      <c r="WJY727" s="423" t="s">
        <v>2795</v>
      </c>
      <c r="WJZ727" s="424"/>
      <c r="WKA727" s="424"/>
      <c r="WKB727" s="424"/>
      <c r="WKC727" s="423" t="s">
        <v>2795</v>
      </c>
      <c r="WKD727" s="424"/>
      <c r="WKE727" s="424"/>
      <c r="WKF727" s="424"/>
      <c r="WKG727" s="423" t="s">
        <v>2795</v>
      </c>
      <c r="WKH727" s="424"/>
      <c r="WKI727" s="424"/>
      <c r="WKJ727" s="424"/>
      <c r="WKK727" s="423" t="s">
        <v>2795</v>
      </c>
      <c r="WKL727" s="424"/>
      <c r="WKM727" s="424"/>
      <c r="WKN727" s="424"/>
      <c r="WKO727" s="423" t="s">
        <v>2795</v>
      </c>
      <c r="WKP727" s="424"/>
      <c r="WKQ727" s="424"/>
      <c r="WKR727" s="424"/>
      <c r="WKS727" s="423" t="s">
        <v>2795</v>
      </c>
      <c r="WKT727" s="424"/>
      <c r="WKU727" s="424"/>
      <c r="WKV727" s="424"/>
      <c r="WKW727" s="423" t="s">
        <v>2795</v>
      </c>
      <c r="WKX727" s="424"/>
      <c r="WKY727" s="424"/>
      <c r="WKZ727" s="424"/>
      <c r="WLA727" s="423" t="s">
        <v>2795</v>
      </c>
      <c r="WLB727" s="424"/>
      <c r="WLC727" s="424"/>
      <c r="WLD727" s="424"/>
      <c r="WLE727" s="423" t="s">
        <v>2795</v>
      </c>
      <c r="WLF727" s="424"/>
      <c r="WLG727" s="424"/>
      <c r="WLH727" s="424"/>
      <c r="WLI727" s="423" t="s">
        <v>2795</v>
      </c>
      <c r="WLJ727" s="424"/>
      <c r="WLK727" s="424"/>
      <c r="WLL727" s="424"/>
      <c r="WLM727" s="423" t="s">
        <v>2795</v>
      </c>
      <c r="WLN727" s="424"/>
      <c r="WLO727" s="424"/>
      <c r="WLP727" s="424"/>
      <c r="WLQ727" s="423" t="s">
        <v>2795</v>
      </c>
      <c r="WLR727" s="424"/>
      <c r="WLS727" s="424"/>
      <c r="WLT727" s="424"/>
      <c r="WLU727" s="423" t="s">
        <v>2795</v>
      </c>
      <c r="WLV727" s="424"/>
      <c r="WLW727" s="424"/>
      <c r="WLX727" s="424"/>
      <c r="WLY727" s="423" t="s">
        <v>2795</v>
      </c>
      <c r="WLZ727" s="424"/>
      <c r="WMA727" s="424"/>
      <c r="WMB727" s="424"/>
      <c r="WMC727" s="423" t="s">
        <v>2795</v>
      </c>
      <c r="WMD727" s="424"/>
      <c r="WME727" s="424"/>
      <c r="WMF727" s="424"/>
      <c r="WMG727" s="423" t="s">
        <v>2795</v>
      </c>
      <c r="WMH727" s="424"/>
      <c r="WMI727" s="424"/>
      <c r="WMJ727" s="424"/>
      <c r="WMK727" s="423" t="s">
        <v>2795</v>
      </c>
      <c r="WML727" s="424"/>
      <c r="WMM727" s="424"/>
      <c r="WMN727" s="424"/>
      <c r="WMO727" s="423" t="s">
        <v>2795</v>
      </c>
      <c r="WMP727" s="424"/>
      <c r="WMQ727" s="424"/>
      <c r="WMR727" s="424"/>
      <c r="WMS727" s="423" t="s">
        <v>2795</v>
      </c>
      <c r="WMT727" s="424"/>
      <c r="WMU727" s="424"/>
      <c r="WMV727" s="424"/>
      <c r="WMW727" s="423" t="s">
        <v>2795</v>
      </c>
      <c r="WMX727" s="424"/>
      <c r="WMY727" s="424"/>
      <c r="WMZ727" s="424"/>
      <c r="WNA727" s="423" t="s">
        <v>2795</v>
      </c>
      <c r="WNB727" s="424"/>
      <c r="WNC727" s="424"/>
      <c r="WND727" s="424"/>
      <c r="WNE727" s="423" t="s">
        <v>2795</v>
      </c>
      <c r="WNF727" s="424"/>
      <c r="WNG727" s="424"/>
      <c r="WNH727" s="424"/>
      <c r="WNI727" s="423" t="s">
        <v>2795</v>
      </c>
      <c r="WNJ727" s="424"/>
      <c r="WNK727" s="424"/>
      <c r="WNL727" s="424"/>
      <c r="WNM727" s="423" t="s">
        <v>2795</v>
      </c>
      <c r="WNN727" s="424"/>
      <c r="WNO727" s="424"/>
      <c r="WNP727" s="424"/>
      <c r="WNQ727" s="423" t="s">
        <v>2795</v>
      </c>
      <c r="WNR727" s="424"/>
      <c r="WNS727" s="424"/>
      <c r="WNT727" s="424"/>
      <c r="WNU727" s="423" t="s">
        <v>2795</v>
      </c>
      <c r="WNV727" s="424"/>
      <c r="WNW727" s="424"/>
      <c r="WNX727" s="424"/>
      <c r="WNY727" s="423" t="s">
        <v>2795</v>
      </c>
      <c r="WNZ727" s="424"/>
      <c r="WOA727" s="424"/>
      <c r="WOB727" s="424"/>
      <c r="WOC727" s="423" t="s">
        <v>2795</v>
      </c>
      <c r="WOD727" s="424"/>
      <c r="WOE727" s="424"/>
      <c r="WOF727" s="424"/>
      <c r="WOG727" s="423" t="s">
        <v>2795</v>
      </c>
      <c r="WOH727" s="424"/>
      <c r="WOI727" s="424"/>
      <c r="WOJ727" s="424"/>
      <c r="WOK727" s="423" t="s">
        <v>2795</v>
      </c>
      <c r="WOL727" s="424"/>
      <c r="WOM727" s="424"/>
      <c r="WON727" s="424"/>
      <c r="WOO727" s="423" t="s">
        <v>2795</v>
      </c>
      <c r="WOP727" s="424"/>
      <c r="WOQ727" s="424"/>
      <c r="WOR727" s="424"/>
      <c r="WOS727" s="423" t="s">
        <v>2795</v>
      </c>
      <c r="WOT727" s="424"/>
      <c r="WOU727" s="424"/>
      <c r="WOV727" s="424"/>
      <c r="WOW727" s="423" t="s">
        <v>2795</v>
      </c>
      <c r="WOX727" s="424"/>
      <c r="WOY727" s="424"/>
      <c r="WOZ727" s="424"/>
      <c r="WPA727" s="423" t="s">
        <v>2795</v>
      </c>
      <c r="WPB727" s="424"/>
      <c r="WPC727" s="424"/>
      <c r="WPD727" s="424"/>
      <c r="WPE727" s="423" t="s">
        <v>2795</v>
      </c>
      <c r="WPF727" s="424"/>
      <c r="WPG727" s="424"/>
      <c r="WPH727" s="424"/>
      <c r="WPI727" s="423" t="s">
        <v>2795</v>
      </c>
      <c r="WPJ727" s="424"/>
      <c r="WPK727" s="424"/>
      <c r="WPL727" s="424"/>
      <c r="WPM727" s="423" t="s">
        <v>2795</v>
      </c>
      <c r="WPN727" s="424"/>
      <c r="WPO727" s="424"/>
      <c r="WPP727" s="424"/>
      <c r="WPQ727" s="423" t="s">
        <v>2795</v>
      </c>
      <c r="WPR727" s="424"/>
      <c r="WPS727" s="424"/>
      <c r="WPT727" s="424"/>
      <c r="WPU727" s="423" t="s">
        <v>2795</v>
      </c>
      <c r="WPV727" s="424"/>
      <c r="WPW727" s="424"/>
      <c r="WPX727" s="424"/>
      <c r="WPY727" s="423" t="s">
        <v>2795</v>
      </c>
      <c r="WPZ727" s="424"/>
      <c r="WQA727" s="424"/>
      <c r="WQB727" s="424"/>
      <c r="WQC727" s="423" t="s">
        <v>2795</v>
      </c>
      <c r="WQD727" s="424"/>
      <c r="WQE727" s="424"/>
      <c r="WQF727" s="424"/>
      <c r="WQG727" s="423" t="s">
        <v>2795</v>
      </c>
      <c r="WQH727" s="424"/>
      <c r="WQI727" s="424"/>
      <c r="WQJ727" s="424"/>
      <c r="WQK727" s="423" t="s">
        <v>2795</v>
      </c>
      <c r="WQL727" s="424"/>
      <c r="WQM727" s="424"/>
      <c r="WQN727" s="424"/>
      <c r="WQO727" s="423" t="s">
        <v>2795</v>
      </c>
      <c r="WQP727" s="424"/>
      <c r="WQQ727" s="424"/>
      <c r="WQR727" s="424"/>
      <c r="WQS727" s="423" t="s">
        <v>2795</v>
      </c>
      <c r="WQT727" s="424"/>
      <c r="WQU727" s="424"/>
      <c r="WQV727" s="424"/>
      <c r="WQW727" s="423" t="s">
        <v>2795</v>
      </c>
      <c r="WQX727" s="424"/>
      <c r="WQY727" s="424"/>
      <c r="WQZ727" s="424"/>
      <c r="WRA727" s="423" t="s">
        <v>2795</v>
      </c>
      <c r="WRB727" s="424"/>
      <c r="WRC727" s="424"/>
      <c r="WRD727" s="424"/>
      <c r="WRE727" s="423" t="s">
        <v>2795</v>
      </c>
      <c r="WRF727" s="424"/>
      <c r="WRG727" s="424"/>
      <c r="WRH727" s="424"/>
      <c r="WRI727" s="423" t="s">
        <v>2795</v>
      </c>
      <c r="WRJ727" s="424"/>
      <c r="WRK727" s="424"/>
      <c r="WRL727" s="424"/>
      <c r="WRM727" s="423" t="s">
        <v>2795</v>
      </c>
      <c r="WRN727" s="424"/>
      <c r="WRO727" s="424"/>
      <c r="WRP727" s="424"/>
      <c r="WRQ727" s="423" t="s">
        <v>2795</v>
      </c>
      <c r="WRR727" s="424"/>
      <c r="WRS727" s="424"/>
      <c r="WRT727" s="424"/>
      <c r="WRU727" s="423" t="s">
        <v>2795</v>
      </c>
      <c r="WRV727" s="424"/>
      <c r="WRW727" s="424"/>
      <c r="WRX727" s="424"/>
      <c r="WRY727" s="423" t="s">
        <v>2795</v>
      </c>
      <c r="WRZ727" s="424"/>
      <c r="WSA727" s="424"/>
      <c r="WSB727" s="424"/>
      <c r="WSC727" s="423" t="s">
        <v>2795</v>
      </c>
      <c r="WSD727" s="424"/>
      <c r="WSE727" s="424"/>
      <c r="WSF727" s="424"/>
      <c r="WSG727" s="423" t="s">
        <v>2795</v>
      </c>
      <c r="WSH727" s="424"/>
      <c r="WSI727" s="424"/>
      <c r="WSJ727" s="424"/>
      <c r="WSK727" s="423" t="s">
        <v>2795</v>
      </c>
      <c r="WSL727" s="424"/>
      <c r="WSM727" s="424"/>
      <c r="WSN727" s="424"/>
      <c r="WSO727" s="423" t="s">
        <v>2795</v>
      </c>
      <c r="WSP727" s="424"/>
      <c r="WSQ727" s="424"/>
      <c r="WSR727" s="424"/>
      <c r="WSS727" s="423" t="s">
        <v>2795</v>
      </c>
      <c r="WST727" s="424"/>
      <c r="WSU727" s="424"/>
      <c r="WSV727" s="424"/>
      <c r="WSW727" s="423" t="s">
        <v>2795</v>
      </c>
      <c r="WSX727" s="424"/>
      <c r="WSY727" s="424"/>
      <c r="WSZ727" s="424"/>
      <c r="WTA727" s="423" t="s">
        <v>2795</v>
      </c>
      <c r="WTB727" s="424"/>
      <c r="WTC727" s="424"/>
      <c r="WTD727" s="424"/>
      <c r="WTE727" s="423" t="s">
        <v>2795</v>
      </c>
      <c r="WTF727" s="424"/>
      <c r="WTG727" s="424"/>
      <c r="WTH727" s="424"/>
      <c r="WTI727" s="423" t="s">
        <v>2795</v>
      </c>
      <c r="WTJ727" s="424"/>
      <c r="WTK727" s="424"/>
      <c r="WTL727" s="424"/>
      <c r="WTM727" s="423" t="s">
        <v>2795</v>
      </c>
      <c r="WTN727" s="424"/>
      <c r="WTO727" s="424"/>
      <c r="WTP727" s="424"/>
      <c r="WTQ727" s="423" t="s">
        <v>2795</v>
      </c>
      <c r="WTR727" s="424"/>
      <c r="WTS727" s="424"/>
      <c r="WTT727" s="424"/>
      <c r="WTU727" s="423" t="s">
        <v>2795</v>
      </c>
      <c r="WTV727" s="424"/>
      <c r="WTW727" s="424"/>
      <c r="WTX727" s="424"/>
      <c r="WTY727" s="423" t="s">
        <v>2795</v>
      </c>
      <c r="WTZ727" s="424"/>
      <c r="WUA727" s="424"/>
      <c r="WUB727" s="424"/>
      <c r="WUC727" s="423" t="s">
        <v>2795</v>
      </c>
      <c r="WUD727" s="424"/>
      <c r="WUE727" s="424"/>
      <c r="WUF727" s="424"/>
      <c r="WUG727" s="423" t="s">
        <v>2795</v>
      </c>
      <c r="WUH727" s="424"/>
      <c r="WUI727" s="424"/>
      <c r="WUJ727" s="424"/>
      <c r="WUK727" s="423" t="s">
        <v>2795</v>
      </c>
      <c r="WUL727" s="424"/>
      <c r="WUM727" s="424"/>
      <c r="WUN727" s="424"/>
      <c r="WUO727" s="423" t="s">
        <v>2795</v>
      </c>
      <c r="WUP727" s="424"/>
      <c r="WUQ727" s="424"/>
      <c r="WUR727" s="424"/>
      <c r="WUS727" s="423" t="s">
        <v>2795</v>
      </c>
      <c r="WUT727" s="424"/>
      <c r="WUU727" s="424"/>
      <c r="WUV727" s="424"/>
      <c r="WUW727" s="423" t="s">
        <v>2795</v>
      </c>
      <c r="WUX727" s="424"/>
      <c r="WUY727" s="424"/>
      <c r="WUZ727" s="424"/>
      <c r="WVA727" s="423" t="s">
        <v>2795</v>
      </c>
      <c r="WVB727" s="424"/>
      <c r="WVC727" s="424"/>
      <c r="WVD727" s="424"/>
      <c r="WVE727" s="423" t="s">
        <v>2795</v>
      </c>
      <c r="WVF727" s="424"/>
      <c r="WVG727" s="424"/>
      <c r="WVH727" s="424"/>
      <c r="WVI727" s="423" t="s">
        <v>2795</v>
      </c>
      <c r="WVJ727" s="424"/>
      <c r="WVK727" s="424"/>
      <c r="WVL727" s="424"/>
      <c r="WVM727" s="423" t="s">
        <v>2795</v>
      </c>
      <c r="WVN727" s="424"/>
      <c r="WVO727" s="424"/>
      <c r="WVP727" s="424"/>
      <c r="WVQ727" s="423" t="s">
        <v>2795</v>
      </c>
      <c r="WVR727" s="424"/>
      <c r="WVS727" s="424"/>
      <c r="WVT727" s="424"/>
      <c r="WVU727" s="423" t="s">
        <v>2795</v>
      </c>
      <c r="WVV727" s="424"/>
      <c r="WVW727" s="424"/>
      <c r="WVX727" s="424"/>
      <c r="WVY727" s="423" t="s">
        <v>2795</v>
      </c>
      <c r="WVZ727" s="424"/>
      <c r="WWA727" s="424"/>
      <c r="WWB727" s="424"/>
      <c r="WWC727" s="423" t="s">
        <v>2795</v>
      </c>
      <c r="WWD727" s="424"/>
      <c r="WWE727" s="424"/>
      <c r="WWF727" s="424"/>
      <c r="WWG727" s="423" t="s">
        <v>2795</v>
      </c>
      <c r="WWH727" s="424"/>
      <c r="WWI727" s="424"/>
      <c r="WWJ727" s="424"/>
      <c r="WWK727" s="423" t="s">
        <v>2795</v>
      </c>
      <c r="WWL727" s="424"/>
      <c r="WWM727" s="424"/>
      <c r="WWN727" s="424"/>
      <c r="WWO727" s="423" t="s">
        <v>2795</v>
      </c>
      <c r="WWP727" s="424"/>
      <c r="WWQ727" s="424"/>
      <c r="WWR727" s="424"/>
      <c r="WWS727" s="423" t="s">
        <v>2795</v>
      </c>
      <c r="WWT727" s="424"/>
      <c r="WWU727" s="424"/>
      <c r="WWV727" s="424"/>
      <c r="WWW727" s="423" t="s">
        <v>2795</v>
      </c>
      <c r="WWX727" s="424"/>
      <c r="WWY727" s="424"/>
      <c r="WWZ727" s="424"/>
      <c r="WXA727" s="423" t="s">
        <v>2795</v>
      </c>
      <c r="WXB727" s="424"/>
      <c r="WXC727" s="424"/>
      <c r="WXD727" s="424"/>
      <c r="WXE727" s="423" t="s">
        <v>2795</v>
      </c>
      <c r="WXF727" s="424"/>
      <c r="WXG727" s="424"/>
      <c r="WXH727" s="424"/>
      <c r="WXI727" s="423" t="s">
        <v>2795</v>
      </c>
      <c r="WXJ727" s="424"/>
      <c r="WXK727" s="424"/>
      <c r="WXL727" s="424"/>
      <c r="WXM727" s="423" t="s">
        <v>2795</v>
      </c>
      <c r="WXN727" s="424"/>
      <c r="WXO727" s="424"/>
      <c r="WXP727" s="424"/>
      <c r="WXQ727" s="423" t="s">
        <v>2795</v>
      </c>
      <c r="WXR727" s="424"/>
      <c r="WXS727" s="424"/>
      <c r="WXT727" s="424"/>
      <c r="WXU727" s="423" t="s">
        <v>2795</v>
      </c>
      <c r="WXV727" s="424"/>
      <c r="WXW727" s="424"/>
      <c r="WXX727" s="424"/>
      <c r="WXY727" s="423" t="s">
        <v>2795</v>
      </c>
      <c r="WXZ727" s="424"/>
      <c r="WYA727" s="424"/>
      <c r="WYB727" s="424"/>
      <c r="WYC727" s="423" t="s">
        <v>2795</v>
      </c>
      <c r="WYD727" s="424"/>
      <c r="WYE727" s="424"/>
      <c r="WYF727" s="424"/>
      <c r="WYG727" s="423" t="s">
        <v>2795</v>
      </c>
      <c r="WYH727" s="424"/>
      <c r="WYI727" s="424"/>
      <c r="WYJ727" s="424"/>
      <c r="WYK727" s="423" t="s">
        <v>2795</v>
      </c>
      <c r="WYL727" s="424"/>
      <c r="WYM727" s="424"/>
      <c r="WYN727" s="424"/>
      <c r="WYO727" s="423" t="s">
        <v>2795</v>
      </c>
      <c r="WYP727" s="424"/>
      <c r="WYQ727" s="424"/>
      <c r="WYR727" s="424"/>
      <c r="WYS727" s="423" t="s">
        <v>2795</v>
      </c>
      <c r="WYT727" s="424"/>
      <c r="WYU727" s="424"/>
      <c r="WYV727" s="424"/>
      <c r="WYW727" s="423" t="s">
        <v>2795</v>
      </c>
      <c r="WYX727" s="424"/>
      <c r="WYY727" s="424"/>
      <c r="WYZ727" s="424"/>
      <c r="WZA727" s="423" t="s">
        <v>2795</v>
      </c>
      <c r="WZB727" s="424"/>
      <c r="WZC727" s="424"/>
      <c r="WZD727" s="424"/>
      <c r="WZE727" s="423" t="s">
        <v>2795</v>
      </c>
      <c r="WZF727" s="424"/>
      <c r="WZG727" s="424"/>
      <c r="WZH727" s="424"/>
      <c r="WZI727" s="423" t="s">
        <v>2795</v>
      </c>
      <c r="WZJ727" s="424"/>
      <c r="WZK727" s="424"/>
      <c r="WZL727" s="424"/>
      <c r="WZM727" s="423" t="s">
        <v>2795</v>
      </c>
      <c r="WZN727" s="424"/>
      <c r="WZO727" s="424"/>
      <c r="WZP727" s="424"/>
      <c r="WZQ727" s="423" t="s">
        <v>2795</v>
      </c>
      <c r="WZR727" s="424"/>
      <c r="WZS727" s="424"/>
      <c r="WZT727" s="424"/>
      <c r="WZU727" s="423" t="s">
        <v>2795</v>
      </c>
      <c r="WZV727" s="424"/>
      <c r="WZW727" s="424"/>
      <c r="WZX727" s="424"/>
      <c r="WZY727" s="423" t="s">
        <v>2795</v>
      </c>
      <c r="WZZ727" s="424"/>
      <c r="XAA727" s="424"/>
      <c r="XAB727" s="424"/>
      <c r="XAC727" s="423" t="s">
        <v>2795</v>
      </c>
      <c r="XAD727" s="424"/>
      <c r="XAE727" s="424"/>
      <c r="XAF727" s="424"/>
      <c r="XAG727" s="423" t="s">
        <v>2795</v>
      </c>
      <c r="XAH727" s="424"/>
      <c r="XAI727" s="424"/>
      <c r="XAJ727" s="424"/>
      <c r="XAK727" s="423" t="s">
        <v>2795</v>
      </c>
      <c r="XAL727" s="424"/>
      <c r="XAM727" s="424"/>
      <c r="XAN727" s="424"/>
      <c r="XAO727" s="423" t="s">
        <v>2795</v>
      </c>
      <c r="XAP727" s="424"/>
      <c r="XAQ727" s="424"/>
      <c r="XAR727" s="424"/>
      <c r="XAS727" s="423" t="s">
        <v>2795</v>
      </c>
      <c r="XAT727" s="424"/>
      <c r="XAU727" s="424"/>
      <c r="XAV727" s="424"/>
      <c r="XAW727" s="423" t="s">
        <v>2795</v>
      </c>
      <c r="XAX727" s="424"/>
      <c r="XAY727" s="424"/>
      <c r="XAZ727" s="424"/>
      <c r="XBA727" s="423" t="s">
        <v>2795</v>
      </c>
      <c r="XBB727" s="424"/>
      <c r="XBC727" s="424"/>
      <c r="XBD727" s="424"/>
      <c r="XBE727" s="423" t="s">
        <v>2795</v>
      </c>
      <c r="XBF727" s="424"/>
      <c r="XBG727" s="424"/>
      <c r="XBH727" s="424"/>
      <c r="XBI727" s="423" t="s">
        <v>2795</v>
      </c>
      <c r="XBJ727" s="424"/>
      <c r="XBK727" s="424"/>
      <c r="XBL727" s="424"/>
      <c r="XBM727" s="423" t="s">
        <v>2795</v>
      </c>
      <c r="XBN727" s="424"/>
      <c r="XBO727" s="424"/>
      <c r="XBP727" s="424"/>
      <c r="XBQ727" s="423" t="s">
        <v>2795</v>
      </c>
      <c r="XBR727" s="424"/>
      <c r="XBS727" s="424"/>
      <c r="XBT727" s="424"/>
      <c r="XBU727" s="423" t="s">
        <v>2795</v>
      </c>
      <c r="XBV727" s="424"/>
      <c r="XBW727" s="424"/>
      <c r="XBX727" s="424"/>
      <c r="XBY727" s="423" t="s">
        <v>2795</v>
      </c>
      <c r="XBZ727" s="424"/>
      <c r="XCA727" s="424"/>
      <c r="XCB727" s="424"/>
      <c r="XCC727" s="423" t="s">
        <v>2795</v>
      </c>
      <c r="XCD727" s="424"/>
      <c r="XCE727" s="424"/>
      <c r="XCF727" s="424"/>
      <c r="XCG727" s="423" t="s">
        <v>2795</v>
      </c>
      <c r="XCH727" s="424"/>
      <c r="XCI727" s="424"/>
      <c r="XCJ727" s="424"/>
      <c r="XCK727" s="423" t="s">
        <v>2795</v>
      </c>
      <c r="XCL727" s="424"/>
      <c r="XCM727" s="424"/>
      <c r="XCN727" s="424"/>
      <c r="XCO727" s="423" t="s">
        <v>2795</v>
      </c>
      <c r="XCP727" s="424"/>
      <c r="XCQ727" s="424"/>
      <c r="XCR727" s="424"/>
      <c r="XCS727" s="423" t="s">
        <v>2795</v>
      </c>
      <c r="XCT727" s="424"/>
      <c r="XCU727" s="424"/>
      <c r="XCV727" s="424"/>
      <c r="XCW727" s="423" t="s">
        <v>2795</v>
      </c>
      <c r="XCX727" s="424"/>
      <c r="XCY727" s="424"/>
      <c r="XCZ727" s="424"/>
      <c r="XDA727" s="423" t="s">
        <v>2795</v>
      </c>
      <c r="XDB727" s="424"/>
      <c r="XDC727" s="424"/>
      <c r="XDD727" s="424"/>
      <c r="XDE727" s="423" t="s">
        <v>2795</v>
      </c>
      <c r="XDF727" s="424"/>
      <c r="XDG727" s="424"/>
      <c r="XDH727" s="424"/>
      <c r="XDI727" s="423" t="s">
        <v>2795</v>
      </c>
      <c r="XDJ727" s="424"/>
      <c r="XDK727" s="424"/>
      <c r="XDL727" s="424"/>
      <c r="XDM727" s="423" t="s">
        <v>2795</v>
      </c>
      <c r="XDN727" s="424"/>
      <c r="XDO727" s="424"/>
      <c r="XDP727" s="424"/>
      <c r="XDQ727" s="423" t="s">
        <v>2795</v>
      </c>
      <c r="XDR727" s="424"/>
      <c r="XDS727" s="424"/>
      <c r="XDT727" s="424"/>
      <c r="XDU727" s="423" t="s">
        <v>2795</v>
      </c>
      <c r="XDV727" s="424"/>
      <c r="XDW727" s="424"/>
      <c r="XDX727" s="424"/>
      <c r="XDY727" s="423" t="s">
        <v>2795</v>
      </c>
      <c r="XDZ727" s="424"/>
      <c r="XEA727" s="424"/>
      <c r="XEB727" s="424"/>
      <c r="XEC727" s="423" t="s">
        <v>2795</v>
      </c>
      <c r="XED727" s="424"/>
      <c r="XEE727" s="424"/>
      <c r="XEF727" s="424"/>
      <c r="XEG727" s="423" t="s">
        <v>2795</v>
      </c>
      <c r="XEH727" s="424"/>
      <c r="XEI727" s="424"/>
      <c r="XEJ727" s="424"/>
      <c r="XEK727" s="423" t="s">
        <v>2795</v>
      </c>
      <c r="XEL727" s="424"/>
      <c r="XEM727" s="424"/>
      <c r="XEN727" s="424"/>
      <c r="XEO727" s="423" t="s">
        <v>2795</v>
      </c>
      <c r="XEP727" s="424"/>
      <c r="XEQ727" s="424"/>
      <c r="XER727" s="424"/>
      <c r="XES727" s="423" t="s">
        <v>2795</v>
      </c>
      <c r="XET727" s="424"/>
      <c r="XEU727" s="424"/>
      <c r="XEV727" s="424"/>
      <c r="XEW727" s="423" t="s">
        <v>2795</v>
      </c>
      <c r="XEX727" s="424"/>
      <c r="XEY727" s="424"/>
      <c r="XEZ727" s="424"/>
      <c r="XFA727" s="423" t="s">
        <v>2795</v>
      </c>
      <c r="XFB727" s="424"/>
      <c r="XFC727" s="424"/>
      <c r="XFD727" s="424"/>
    </row>
    <row r="728" spans="1:16384" s="8" customFormat="1" ht="20" hidden="1">
      <c r="A728" s="423" t="s">
        <v>2795</v>
      </c>
      <c r="B728" s="424"/>
      <c r="C728" s="424"/>
      <c r="D728" s="424"/>
      <c r="E728" s="423" t="s">
        <v>2795</v>
      </c>
      <c r="F728" s="424"/>
      <c r="G728" s="424"/>
      <c r="H728" s="424"/>
      <c r="I728" s="423" t="s">
        <v>2795</v>
      </c>
      <c r="J728" s="424"/>
      <c r="K728" s="424"/>
      <c r="L728" s="424"/>
      <c r="M728" s="423" t="s">
        <v>2795</v>
      </c>
      <c r="N728" s="424"/>
      <c r="O728" s="424"/>
      <c r="P728" s="424"/>
      <c r="Q728" s="426" t="s">
        <v>2795</v>
      </c>
      <c r="R728" s="427"/>
      <c r="S728" s="427"/>
      <c r="T728" s="427"/>
      <c r="U728" s="423" t="s">
        <v>2795</v>
      </c>
      <c r="V728" s="424"/>
      <c r="W728" s="424"/>
      <c r="X728" s="424"/>
      <c r="Y728" s="423" t="s">
        <v>2795</v>
      </c>
      <c r="Z728" s="424"/>
      <c r="AA728" s="424"/>
      <c r="AB728" s="424"/>
      <c r="AC728" s="423" t="s">
        <v>2795</v>
      </c>
      <c r="AD728" s="424"/>
      <c r="AE728" s="424"/>
      <c r="AF728" s="424"/>
      <c r="AG728" s="423" t="s">
        <v>2795</v>
      </c>
      <c r="AH728" s="424"/>
      <c r="AI728" s="424"/>
      <c r="AJ728" s="424"/>
      <c r="AK728" s="423" t="s">
        <v>2795</v>
      </c>
      <c r="AL728" s="424"/>
      <c r="AM728" s="424"/>
      <c r="AN728" s="424"/>
      <c r="AO728" s="423" t="s">
        <v>2795</v>
      </c>
      <c r="AP728" s="424"/>
      <c r="AQ728" s="424"/>
      <c r="AR728" s="424"/>
      <c r="AS728" s="423" t="s">
        <v>2795</v>
      </c>
      <c r="AT728" s="424"/>
      <c r="AU728" s="424"/>
      <c r="AV728" s="424"/>
      <c r="AW728" s="423" t="s">
        <v>2795</v>
      </c>
      <c r="AX728" s="424"/>
      <c r="AY728" s="424"/>
      <c r="AZ728" s="424"/>
      <c r="BA728" s="423" t="s">
        <v>2795</v>
      </c>
      <c r="BB728" s="424"/>
      <c r="BC728" s="424"/>
      <c r="BD728" s="424"/>
      <c r="BE728" s="423" t="s">
        <v>2795</v>
      </c>
      <c r="BF728" s="424"/>
      <c r="BG728" s="424"/>
      <c r="BH728" s="424"/>
      <c r="BI728" s="423" t="s">
        <v>2795</v>
      </c>
      <c r="BJ728" s="424"/>
      <c r="BK728" s="424"/>
      <c r="BL728" s="424"/>
      <c r="BM728" s="423" t="s">
        <v>2795</v>
      </c>
      <c r="BN728" s="424"/>
      <c r="BO728" s="424"/>
      <c r="BP728" s="424"/>
      <c r="BQ728" s="423" t="s">
        <v>2795</v>
      </c>
      <c r="BR728" s="424"/>
      <c r="BS728" s="424"/>
      <c r="BT728" s="424"/>
      <c r="BU728" s="423" t="s">
        <v>2795</v>
      </c>
      <c r="BV728" s="424"/>
      <c r="BW728" s="424"/>
      <c r="BX728" s="424"/>
      <c r="BY728" s="423" t="s">
        <v>2795</v>
      </c>
      <c r="BZ728" s="424"/>
      <c r="CA728" s="424"/>
      <c r="CB728" s="424"/>
      <c r="CC728" s="423" t="s">
        <v>2795</v>
      </c>
      <c r="CD728" s="424"/>
      <c r="CE728" s="424"/>
      <c r="CF728" s="424"/>
      <c r="CG728" s="423" t="s">
        <v>2795</v>
      </c>
      <c r="CH728" s="424"/>
      <c r="CI728" s="424"/>
      <c r="CJ728" s="424"/>
      <c r="CK728" s="423" t="s">
        <v>2795</v>
      </c>
      <c r="CL728" s="424"/>
      <c r="CM728" s="424"/>
      <c r="CN728" s="424"/>
      <c r="CO728" s="423" t="s">
        <v>2795</v>
      </c>
      <c r="CP728" s="424"/>
      <c r="CQ728" s="424"/>
      <c r="CR728" s="424"/>
      <c r="CS728" s="423" t="s">
        <v>2795</v>
      </c>
      <c r="CT728" s="424"/>
      <c r="CU728" s="424"/>
      <c r="CV728" s="424"/>
      <c r="CW728" s="423" t="s">
        <v>2795</v>
      </c>
      <c r="CX728" s="424"/>
      <c r="CY728" s="424"/>
      <c r="CZ728" s="424"/>
      <c r="DA728" s="423" t="s">
        <v>2795</v>
      </c>
      <c r="DB728" s="424"/>
      <c r="DC728" s="424"/>
      <c r="DD728" s="424"/>
      <c r="DE728" s="423" t="s">
        <v>2795</v>
      </c>
      <c r="DF728" s="424"/>
      <c r="DG728" s="424"/>
      <c r="DH728" s="424"/>
      <c r="DI728" s="423" t="s">
        <v>2795</v>
      </c>
      <c r="DJ728" s="424"/>
      <c r="DK728" s="424"/>
      <c r="DL728" s="424"/>
      <c r="DM728" s="423" t="s">
        <v>2795</v>
      </c>
      <c r="DN728" s="424"/>
      <c r="DO728" s="424"/>
      <c r="DP728" s="424"/>
      <c r="DQ728" s="423" t="s">
        <v>2795</v>
      </c>
      <c r="DR728" s="424"/>
      <c r="DS728" s="424"/>
      <c r="DT728" s="424"/>
      <c r="DU728" s="423" t="s">
        <v>2795</v>
      </c>
      <c r="DV728" s="424"/>
      <c r="DW728" s="424"/>
      <c r="DX728" s="424"/>
      <c r="DY728" s="423" t="s">
        <v>2795</v>
      </c>
      <c r="DZ728" s="424"/>
      <c r="EA728" s="424"/>
      <c r="EB728" s="424"/>
      <c r="EC728" s="423" t="s">
        <v>2795</v>
      </c>
      <c r="ED728" s="424"/>
      <c r="EE728" s="424"/>
      <c r="EF728" s="424"/>
      <c r="EG728" s="423" t="s">
        <v>2795</v>
      </c>
      <c r="EH728" s="424"/>
      <c r="EI728" s="424"/>
      <c r="EJ728" s="424"/>
      <c r="EK728" s="423" t="s">
        <v>2795</v>
      </c>
      <c r="EL728" s="424"/>
      <c r="EM728" s="424"/>
      <c r="EN728" s="424"/>
      <c r="EO728" s="423" t="s">
        <v>2795</v>
      </c>
      <c r="EP728" s="424"/>
      <c r="EQ728" s="424"/>
      <c r="ER728" s="424"/>
      <c r="ES728" s="423" t="s">
        <v>2795</v>
      </c>
      <c r="ET728" s="424"/>
      <c r="EU728" s="424"/>
      <c r="EV728" s="424"/>
      <c r="EW728" s="423" t="s">
        <v>2795</v>
      </c>
      <c r="EX728" s="424"/>
      <c r="EY728" s="424"/>
      <c r="EZ728" s="424"/>
      <c r="FA728" s="423" t="s">
        <v>2795</v>
      </c>
      <c r="FB728" s="424"/>
      <c r="FC728" s="424"/>
      <c r="FD728" s="424"/>
      <c r="FE728" s="423" t="s">
        <v>2795</v>
      </c>
      <c r="FF728" s="424"/>
      <c r="FG728" s="424"/>
      <c r="FH728" s="424"/>
      <c r="FI728" s="423" t="s">
        <v>2795</v>
      </c>
      <c r="FJ728" s="424"/>
      <c r="FK728" s="424"/>
      <c r="FL728" s="424"/>
      <c r="FM728" s="423" t="s">
        <v>2795</v>
      </c>
      <c r="FN728" s="424"/>
      <c r="FO728" s="424"/>
      <c r="FP728" s="424"/>
      <c r="FQ728" s="423" t="s">
        <v>2795</v>
      </c>
      <c r="FR728" s="424"/>
      <c r="FS728" s="424"/>
      <c r="FT728" s="424"/>
      <c r="FU728" s="423" t="s">
        <v>2795</v>
      </c>
      <c r="FV728" s="424"/>
      <c r="FW728" s="424"/>
      <c r="FX728" s="424"/>
      <c r="FY728" s="423" t="s">
        <v>2795</v>
      </c>
      <c r="FZ728" s="424"/>
      <c r="GA728" s="424"/>
      <c r="GB728" s="424"/>
      <c r="GC728" s="423" t="s">
        <v>2795</v>
      </c>
      <c r="GD728" s="424"/>
      <c r="GE728" s="424"/>
      <c r="GF728" s="424"/>
      <c r="GG728" s="423" t="s">
        <v>2795</v>
      </c>
      <c r="GH728" s="424"/>
      <c r="GI728" s="424"/>
      <c r="GJ728" s="424"/>
      <c r="GK728" s="423" t="s">
        <v>2795</v>
      </c>
      <c r="GL728" s="424"/>
      <c r="GM728" s="424"/>
      <c r="GN728" s="424"/>
      <c r="GO728" s="423" t="s">
        <v>2795</v>
      </c>
      <c r="GP728" s="424"/>
      <c r="GQ728" s="424"/>
      <c r="GR728" s="424"/>
      <c r="GS728" s="423" t="s">
        <v>2795</v>
      </c>
      <c r="GT728" s="424"/>
      <c r="GU728" s="424"/>
      <c r="GV728" s="424"/>
      <c r="GW728" s="423" t="s">
        <v>2795</v>
      </c>
      <c r="GX728" s="424"/>
      <c r="GY728" s="424"/>
      <c r="GZ728" s="424"/>
      <c r="HA728" s="423" t="s">
        <v>2795</v>
      </c>
      <c r="HB728" s="424"/>
      <c r="HC728" s="424"/>
      <c r="HD728" s="424"/>
      <c r="HE728" s="423" t="s">
        <v>2795</v>
      </c>
      <c r="HF728" s="424"/>
      <c r="HG728" s="424"/>
      <c r="HH728" s="424"/>
      <c r="HI728" s="423" t="s">
        <v>2795</v>
      </c>
      <c r="HJ728" s="424"/>
      <c r="HK728" s="424"/>
      <c r="HL728" s="424"/>
      <c r="HM728" s="423" t="s">
        <v>2795</v>
      </c>
      <c r="HN728" s="424"/>
      <c r="HO728" s="424"/>
      <c r="HP728" s="424"/>
      <c r="HQ728" s="423" t="s">
        <v>2795</v>
      </c>
      <c r="HR728" s="424"/>
      <c r="HS728" s="424"/>
      <c r="HT728" s="424"/>
      <c r="HU728" s="423" t="s">
        <v>2795</v>
      </c>
      <c r="HV728" s="424"/>
      <c r="HW728" s="424"/>
      <c r="HX728" s="424"/>
      <c r="HY728" s="423" t="s">
        <v>2795</v>
      </c>
      <c r="HZ728" s="424"/>
      <c r="IA728" s="424"/>
      <c r="IB728" s="424"/>
      <c r="IC728" s="423" t="s">
        <v>2795</v>
      </c>
      <c r="ID728" s="424"/>
      <c r="IE728" s="424"/>
      <c r="IF728" s="424"/>
      <c r="IG728" s="423" t="s">
        <v>2795</v>
      </c>
      <c r="IH728" s="424"/>
      <c r="II728" s="424"/>
      <c r="IJ728" s="424"/>
      <c r="IK728" s="423" t="s">
        <v>2795</v>
      </c>
      <c r="IL728" s="424"/>
      <c r="IM728" s="424"/>
      <c r="IN728" s="424"/>
      <c r="IO728" s="423" t="s">
        <v>2795</v>
      </c>
      <c r="IP728" s="424"/>
      <c r="IQ728" s="424"/>
      <c r="IR728" s="424"/>
      <c r="IS728" s="423" t="s">
        <v>2795</v>
      </c>
      <c r="IT728" s="424"/>
      <c r="IU728" s="424"/>
      <c r="IV728" s="424"/>
      <c r="IW728" s="423" t="s">
        <v>2795</v>
      </c>
      <c r="IX728" s="424"/>
      <c r="IY728" s="424"/>
      <c r="IZ728" s="424"/>
      <c r="JA728" s="423" t="s">
        <v>2795</v>
      </c>
      <c r="JB728" s="424"/>
      <c r="JC728" s="424"/>
      <c r="JD728" s="424"/>
      <c r="JE728" s="423" t="s">
        <v>2795</v>
      </c>
      <c r="JF728" s="424"/>
      <c r="JG728" s="424"/>
      <c r="JH728" s="424"/>
      <c r="JI728" s="423" t="s">
        <v>2795</v>
      </c>
      <c r="JJ728" s="424"/>
      <c r="JK728" s="424"/>
      <c r="JL728" s="424"/>
      <c r="JM728" s="423" t="s">
        <v>2795</v>
      </c>
      <c r="JN728" s="424"/>
      <c r="JO728" s="424"/>
      <c r="JP728" s="424"/>
      <c r="JQ728" s="423" t="s">
        <v>2795</v>
      </c>
      <c r="JR728" s="424"/>
      <c r="JS728" s="424"/>
      <c r="JT728" s="424"/>
      <c r="JU728" s="423" t="s">
        <v>2795</v>
      </c>
      <c r="JV728" s="424"/>
      <c r="JW728" s="424"/>
      <c r="JX728" s="424"/>
      <c r="JY728" s="423" t="s">
        <v>2795</v>
      </c>
      <c r="JZ728" s="424"/>
      <c r="KA728" s="424"/>
      <c r="KB728" s="424"/>
      <c r="KC728" s="423" t="s">
        <v>2795</v>
      </c>
      <c r="KD728" s="424"/>
      <c r="KE728" s="424"/>
      <c r="KF728" s="424"/>
      <c r="KG728" s="423" t="s">
        <v>2795</v>
      </c>
      <c r="KH728" s="424"/>
      <c r="KI728" s="424"/>
      <c r="KJ728" s="424"/>
      <c r="KK728" s="423" t="s">
        <v>2795</v>
      </c>
      <c r="KL728" s="424"/>
      <c r="KM728" s="424"/>
      <c r="KN728" s="424"/>
      <c r="KO728" s="423" t="s">
        <v>2795</v>
      </c>
      <c r="KP728" s="424"/>
      <c r="KQ728" s="424"/>
      <c r="KR728" s="424"/>
      <c r="KS728" s="423" t="s">
        <v>2795</v>
      </c>
      <c r="KT728" s="424"/>
      <c r="KU728" s="424"/>
      <c r="KV728" s="424"/>
      <c r="KW728" s="423" t="s">
        <v>2795</v>
      </c>
      <c r="KX728" s="424"/>
      <c r="KY728" s="424"/>
      <c r="KZ728" s="424"/>
      <c r="LA728" s="423" t="s">
        <v>2795</v>
      </c>
      <c r="LB728" s="424"/>
      <c r="LC728" s="424"/>
      <c r="LD728" s="424"/>
      <c r="LE728" s="423" t="s">
        <v>2795</v>
      </c>
      <c r="LF728" s="424"/>
      <c r="LG728" s="424"/>
      <c r="LH728" s="424"/>
      <c r="LI728" s="423" t="s">
        <v>2795</v>
      </c>
      <c r="LJ728" s="424"/>
      <c r="LK728" s="424"/>
      <c r="LL728" s="424"/>
      <c r="LM728" s="423" t="s">
        <v>2795</v>
      </c>
      <c r="LN728" s="424"/>
      <c r="LO728" s="424"/>
      <c r="LP728" s="424"/>
      <c r="LQ728" s="423" t="s">
        <v>2795</v>
      </c>
      <c r="LR728" s="424"/>
      <c r="LS728" s="424"/>
      <c r="LT728" s="424"/>
      <c r="LU728" s="423" t="s">
        <v>2795</v>
      </c>
      <c r="LV728" s="424"/>
      <c r="LW728" s="424"/>
      <c r="LX728" s="424"/>
      <c r="LY728" s="423" t="s">
        <v>2795</v>
      </c>
      <c r="LZ728" s="424"/>
      <c r="MA728" s="424"/>
      <c r="MB728" s="424"/>
      <c r="MC728" s="423" t="s">
        <v>2795</v>
      </c>
      <c r="MD728" s="424"/>
      <c r="ME728" s="424"/>
      <c r="MF728" s="424"/>
      <c r="MG728" s="423" t="s">
        <v>2795</v>
      </c>
      <c r="MH728" s="424"/>
      <c r="MI728" s="424"/>
      <c r="MJ728" s="424"/>
      <c r="MK728" s="423" t="s">
        <v>2795</v>
      </c>
      <c r="ML728" s="424"/>
      <c r="MM728" s="424"/>
      <c r="MN728" s="424"/>
      <c r="MO728" s="423" t="s">
        <v>2795</v>
      </c>
      <c r="MP728" s="424"/>
      <c r="MQ728" s="424"/>
      <c r="MR728" s="424"/>
      <c r="MS728" s="423" t="s">
        <v>2795</v>
      </c>
      <c r="MT728" s="424"/>
      <c r="MU728" s="424"/>
      <c r="MV728" s="424"/>
      <c r="MW728" s="423" t="s">
        <v>2795</v>
      </c>
      <c r="MX728" s="424"/>
      <c r="MY728" s="424"/>
      <c r="MZ728" s="424"/>
      <c r="NA728" s="423" t="s">
        <v>2795</v>
      </c>
      <c r="NB728" s="424"/>
      <c r="NC728" s="424"/>
      <c r="ND728" s="424"/>
      <c r="NE728" s="423" t="s">
        <v>2795</v>
      </c>
      <c r="NF728" s="424"/>
      <c r="NG728" s="424"/>
      <c r="NH728" s="424"/>
      <c r="NI728" s="423" t="s">
        <v>2795</v>
      </c>
      <c r="NJ728" s="424"/>
      <c r="NK728" s="424"/>
      <c r="NL728" s="424"/>
      <c r="NM728" s="423" t="s">
        <v>2795</v>
      </c>
      <c r="NN728" s="424"/>
      <c r="NO728" s="424"/>
      <c r="NP728" s="424"/>
      <c r="NQ728" s="423" t="s">
        <v>2795</v>
      </c>
      <c r="NR728" s="424"/>
      <c r="NS728" s="424"/>
      <c r="NT728" s="424"/>
      <c r="NU728" s="423" t="s">
        <v>2795</v>
      </c>
      <c r="NV728" s="424"/>
      <c r="NW728" s="424"/>
      <c r="NX728" s="424"/>
      <c r="NY728" s="423" t="s">
        <v>2795</v>
      </c>
      <c r="NZ728" s="424"/>
      <c r="OA728" s="424"/>
      <c r="OB728" s="424"/>
      <c r="OC728" s="423" t="s">
        <v>2795</v>
      </c>
      <c r="OD728" s="424"/>
      <c r="OE728" s="424"/>
      <c r="OF728" s="424"/>
      <c r="OG728" s="423" t="s">
        <v>2795</v>
      </c>
      <c r="OH728" s="424"/>
      <c r="OI728" s="424"/>
      <c r="OJ728" s="424"/>
      <c r="OK728" s="423" t="s">
        <v>2795</v>
      </c>
      <c r="OL728" s="424"/>
      <c r="OM728" s="424"/>
      <c r="ON728" s="424"/>
      <c r="OO728" s="423" t="s">
        <v>2795</v>
      </c>
      <c r="OP728" s="424"/>
      <c r="OQ728" s="424"/>
      <c r="OR728" s="424"/>
      <c r="OS728" s="423" t="s">
        <v>2795</v>
      </c>
      <c r="OT728" s="424"/>
      <c r="OU728" s="424"/>
      <c r="OV728" s="424"/>
      <c r="OW728" s="423" t="s">
        <v>2795</v>
      </c>
      <c r="OX728" s="424"/>
      <c r="OY728" s="424"/>
      <c r="OZ728" s="424"/>
      <c r="PA728" s="423" t="s">
        <v>2795</v>
      </c>
      <c r="PB728" s="424"/>
      <c r="PC728" s="424"/>
      <c r="PD728" s="424"/>
      <c r="PE728" s="423" t="s">
        <v>2795</v>
      </c>
      <c r="PF728" s="424"/>
      <c r="PG728" s="424"/>
      <c r="PH728" s="424"/>
      <c r="PI728" s="423" t="s">
        <v>2795</v>
      </c>
      <c r="PJ728" s="424"/>
      <c r="PK728" s="424"/>
      <c r="PL728" s="424"/>
      <c r="PM728" s="423" t="s">
        <v>2795</v>
      </c>
      <c r="PN728" s="424"/>
      <c r="PO728" s="424"/>
      <c r="PP728" s="424"/>
      <c r="PQ728" s="423" t="s">
        <v>2795</v>
      </c>
      <c r="PR728" s="424"/>
      <c r="PS728" s="424"/>
      <c r="PT728" s="424"/>
      <c r="PU728" s="423" t="s">
        <v>2795</v>
      </c>
      <c r="PV728" s="424"/>
      <c r="PW728" s="424"/>
      <c r="PX728" s="424"/>
      <c r="PY728" s="423" t="s">
        <v>2795</v>
      </c>
      <c r="PZ728" s="424"/>
      <c r="QA728" s="424"/>
      <c r="QB728" s="424"/>
      <c r="QC728" s="423" t="s">
        <v>2795</v>
      </c>
      <c r="QD728" s="424"/>
      <c r="QE728" s="424"/>
      <c r="QF728" s="424"/>
      <c r="QG728" s="423" t="s">
        <v>2795</v>
      </c>
      <c r="QH728" s="424"/>
      <c r="QI728" s="424"/>
      <c r="QJ728" s="424"/>
      <c r="QK728" s="423" t="s">
        <v>2795</v>
      </c>
      <c r="QL728" s="424"/>
      <c r="QM728" s="424"/>
      <c r="QN728" s="424"/>
      <c r="QO728" s="423" t="s">
        <v>2795</v>
      </c>
      <c r="QP728" s="424"/>
      <c r="QQ728" s="424"/>
      <c r="QR728" s="424"/>
      <c r="QS728" s="423" t="s">
        <v>2795</v>
      </c>
      <c r="QT728" s="424"/>
      <c r="QU728" s="424"/>
      <c r="QV728" s="424"/>
      <c r="QW728" s="423" t="s">
        <v>2795</v>
      </c>
      <c r="QX728" s="424"/>
      <c r="QY728" s="424"/>
      <c r="QZ728" s="424"/>
      <c r="RA728" s="423" t="s">
        <v>2795</v>
      </c>
      <c r="RB728" s="424"/>
      <c r="RC728" s="424"/>
      <c r="RD728" s="424"/>
      <c r="RE728" s="423" t="s">
        <v>2795</v>
      </c>
      <c r="RF728" s="424"/>
      <c r="RG728" s="424"/>
      <c r="RH728" s="424"/>
      <c r="RI728" s="423" t="s">
        <v>2795</v>
      </c>
      <c r="RJ728" s="424"/>
      <c r="RK728" s="424"/>
      <c r="RL728" s="424"/>
      <c r="RM728" s="423" t="s">
        <v>2795</v>
      </c>
      <c r="RN728" s="424"/>
      <c r="RO728" s="424"/>
      <c r="RP728" s="424"/>
      <c r="RQ728" s="423" t="s">
        <v>2795</v>
      </c>
      <c r="RR728" s="424"/>
      <c r="RS728" s="424"/>
      <c r="RT728" s="424"/>
      <c r="RU728" s="423" t="s">
        <v>2795</v>
      </c>
      <c r="RV728" s="424"/>
      <c r="RW728" s="424"/>
      <c r="RX728" s="424"/>
      <c r="RY728" s="423" t="s">
        <v>2795</v>
      </c>
      <c r="RZ728" s="424"/>
      <c r="SA728" s="424"/>
      <c r="SB728" s="424"/>
      <c r="SC728" s="423" t="s">
        <v>2795</v>
      </c>
      <c r="SD728" s="424"/>
      <c r="SE728" s="424"/>
      <c r="SF728" s="424"/>
      <c r="SG728" s="423" t="s">
        <v>2795</v>
      </c>
      <c r="SH728" s="424"/>
      <c r="SI728" s="424"/>
      <c r="SJ728" s="424"/>
      <c r="SK728" s="423" t="s">
        <v>2795</v>
      </c>
      <c r="SL728" s="424"/>
      <c r="SM728" s="424"/>
      <c r="SN728" s="424"/>
      <c r="SO728" s="423" t="s">
        <v>2795</v>
      </c>
      <c r="SP728" s="424"/>
      <c r="SQ728" s="424"/>
      <c r="SR728" s="424"/>
      <c r="SS728" s="423" t="s">
        <v>2795</v>
      </c>
      <c r="ST728" s="424"/>
      <c r="SU728" s="424"/>
      <c r="SV728" s="424"/>
      <c r="SW728" s="423" t="s">
        <v>2795</v>
      </c>
      <c r="SX728" s="424"/>
      <c r="SY728" s="424"/>
      <c r="SZ728" s="424"/>
      <c r="TA728" s="423" t="s">
        <v>2795</v>
      </c>
      <c r="TB728" s="424"/>
      <c r="TC728" s="424"/>
      <c r="TD728" s="424"/>
      <c r="TE728" s="423" t="s">
        <v>2795</v>
      </c>
      <c r="TF728" s="424"/>
      <c r="TG728" s="424"/>
      <c r="TH728" s="424"/>
      <c r="TI728" s="423" t="s">
        <v>2795</v>
      </c>
      <c r="TJ728" s="424"/>
      <c r="TK728" s="424"/>
      <c r="TL728" s="424"/>
      <c r="TM728" s="423" t="s">
        <v>2795</v>
      </c>
      <c r="TN728" s="424"/>
      <c r="TO728" s="424"/>
      <c r="TP728" s="424"/>
      <c r="TQ728" s="423" t="s">
        <v>2795</v>
      </c>
      <c r="TR728" s="424"/>
      <c r="TS728" s="424"/>
      <c r="TT728" s="424"/>
      <c r="TU728" s="423" t="s">
        <v>2795</v>
      </c>
      <c r="TV728" s="424"/>
      <c r="TW728" s="424"/>
      <c r="TX728" s="424"/>
      <c r="TY728" s="423" t="s">
        <v>2795</v>
      </c>
      <c r="TZ728" s="424"/>
      <c r="UA728" s="424"/>
      <c r="UB728" s="424"/>
      <c r="UC728" s="423" t="s">
        <v>2795</v>
      </c>
      <c r="UD728" s="424"/>
      <c r="UE728" s="424"/>
      <c r="UF728" s="424"/>
      <c r="UG728" s="423" t="s">
        <v>2795</v>
      </c>
      <c r="UH728" s="424"/>
      <c r="UI728" s="424"/>
      <c r="UJ728" s="424"/>
      <c r="UK728" s="423" t="s">
        <v>2795</v>
      </c>
      <c r="UL728" s="424"/>
      <c r="UM728" s="424"/>
      <c r="UN728" s="424"/>
      <c r="UO728" s="423" t="s">
        <v>2795</v>
      </c>
      <c r="UP728" s="424"/>
      <c r="UQ728" s="424"/>
      <c r="UR728" s="424"/>
      <c r="US728" s="423" t="s">
        <v>2795</v>
      </c>
      <c r="UT728" s="424"/>
      <c r="UU728" s="424"/>
      <c r="UV728" s="424"/>
      <c r="UW728" s="423" t="s">
        <v>2795</v>
      </c>
      <c r="UX728" s="424"/>
      <c r="UY728" s="424"/>
      <c r="UZ728" s="424"/>
      <c r="VA728" s="423" t="s">
        <v>2795</v>
      </c>
      <c r="VB728" s="424"/>
      <c r="VC728" s="424"/>
      <c r="VD728" s="424"/>
      <c r="VE728" s="423" t="s">
        <v>2795</v>
      </c>
      <c r="VF728" s="424"/>
      <c r="VG728" s="424"/>
      <c r="VH728" s="424"/>
      <c r="VI728" s="423" t="s">
        <v>2795</v>
      </c>
      <c r="VJ728" s="424"/>
      <c r="VK728" s="424"/>
      <c r="VL728" s="424"/>
      <c r="VM728" s="423" t="s">
        <v>2795</v>
      </c>
      <c r="VN728" s="424"/>
      <c r="VO728" s="424"/>
      <c r="VP728" s="424"/>
      <c r="VQ728" s="423" t="s">
        <v>2795</v>
      </c>
      <c r="VR728" s="424"/>
      <c r="VS728" s="424"/>
      <c r="VT728" s="424"/>
      <c r="VU728" s="423" t="s">
        <v>2795</v>
      </c>
      <c r="VV728" s="424"/>
      <c r="VW728" s="424"/>
      <c r="VX728" s="424"/>
      <c r="VY728" s="423" t="s">
        <v>2795</v>
      </c>
      <c r="VZ728" s="424"/>
      <c r="WA728" s="424"/>
      <c r="WB728" s="424"/>
      <c r="WC728" s="423" t="s">
        <v>2795</v>
      </c>
      <c r="WD728" s="424"/>
      <c r="WE728" s="424"/>
      <c r="WF728" s="424"/>
      <c r="WG728" s="423" t="s">
        <v>2795</v>
      </c>
      <c r="WH728" s="424"/>
      <c r="WI728" s="424"/>
      <c r="WJ728" s="424"/>
      <c r="WK728" s="423" t="s">
        <v>2795</v>
      </c>
      <c r="WL728" s="424"/>
      <c r="WM728" s="424"/>
      <c r="WN728" s="424"/>
      <c r="WO728" s="423" t="s">
        <v>2795</v>
      </c>
      <c r="WP728" s="424"/>
      <c r="WQ728" s="424"/>
      <c r="WR728" s="424"/>
      <c r="WS728" s="423" t="s">
        <v>2795</v>
      </c>
      <c r="WT728" s="424"/>
      <c r="WU728" s="424"/>
      <c r="WV728" s="424"/>
      <c r="WW728" s="423" t="s">
        <v>2795</v>
      </c>
      <c r="WX728" s="424"/>
      <c r="WY728" s="424"/>
      <c r="WZ728" s="424"/>
      <c r="XA728" s="423" t="s">
        <v>2795</v>
      </c>
      <c r="XB728" s="424"/>
      <c r="XC728" s="424"/>
      <c r="XD728" s="424"/>
      <c r="XE728" s="423" t="s">
        <v>2795</v>
      </c>
      <c r="XF728" s="424"/>
      <c r="XG728" s="424"/>
      <c r="XH728" s="424"/>
      <c r="XI728" s="423" t="s">
        <v>2795</v>
      </c>
      <c r="XJ728" s="424"/>
      <c r="XK728" s="424"/>
      <c r="XL728" s="424"/>
      <c r="XM728" s="423" t="s">
        <v>2795</v>
      </c>
      <c r="XN728" s="424"/>
      <c r="XO728" s="424"/>
      <c r="XP728" s="424"/>
      <c r="XQ728" s="423" t="s">
        <v>2795</v>
      </c>
      <c r="XR728" s="424"/>
      <c r="XS728" s="424"/>
      <c r="XT728" s="424"/>
      <c r="XU728" s="423" t="s">
        <v>2795</v>
      </c>
      <c r="XV728" s="424"/>
      <c r="XW728" s="424"/>
      <c r="XX728" s="424"/>
      <c r="XY728" s="423" t="s">
        <v>2795</v>
      </c>
      <c r="XZ728" s="424"/>
      <c r="YA728" s="424"/>
      <c r="YB728" s="424"/>
      <c r="YC728" s="423" t="s">
        <v>2795</v>
      </c>
      <c r="YD728" s="424"/>
      <c r="YE728" s="424"/>
      <c r="YF728" s="424"/>
      <c r="YG728" s="423" t="s">
        <v>2795</v>
      </c>
      <c r="YH728" s="424"/>
      <c r="YI728" s="424"/>
      <c r="YJ728" s="424"/>
      <c r="YK728" s="423" t="s">
        <v>2795</v>
      </c>
      <c r="YL728" s="424"/>
      <c r="YM728" s="424"/>
      <c r="YN728" s="424"/>
      <c r="YO728" s="423" t="s">
        <v>2795</v>
      </c>
      <c r="YP728" s="424"/>
      <c r="YQ728" s="424"/>
      <c r="YR728" s="424"/>
      <c r="YS728" s="423" t="s">
        <v>2795</v>
      </c>
      <c r="YT728" s="424"/>
      <c r="YU728" s="424"/>
      <c r="YV728" s="424"/>
      <c r="YW728" s="423" t="s">
        <v>2795</v>
      </c>
      <c r="YX728" s="424"/>
      <c r="YY728" s="424"/>
      <c r="YZ728" s="424"/>
      <c r="ZA728" s="423" t="s">
        <v>2795</v>
      </c>
      <c r="ZB728" s="424"/>
      <c r="ZC728" s="424"/>
      <c r="ZD728" s="424"/>
      <c r="ZE728" s="423" t="s">
        <v>2795</v>
      </c>
      <c r="ZF728" s="424"/>
      <c r="ZG728" s="424"/>
      <c r="ZH728" s="424"/>
      <c r="ZI728" s="423" t="s">
        <v>2795</v>
      </c>
      <c r="ZJ728" s="424"/>
      <c r="ZK728" s="424"/>
      <c r="ZL728" s="424"/>
      <c r="ZM728" s="423" t="s">
        <v>2795</v>
      </c>
      <c r="ZN728" s="424"/>
      <c r="ZO728" s="424"/>
      <c r="ZP728" s="424"/>
      <c r="ZQ728" s="423" t="s">
        <v>2795</v>
      </c>
      <c r="ZR728" s="424"/>
      <c r="ZS728" s="424"/>
      <c r="ZT728" s="424"/>
      <c r="ZU728" s="423" t="s">
        <v>2795</v>
      </c>
      <c r="ZV728" s="424"/>
      <c r="ZW728" s="424"/>
      <c r="ZX728" s="424"/>
      <c r="ZY728" s="423" t="s">
        <v>2795</v>
      </c>
      <c r="ZZ728" s="424"/>
      <c r="AAA728" s="424"/>
      <c r="AAB728" s="424"/>
      <c r="AAC728" s="423" t="s">
        <v>2795</v>
      </c>
      <c r="AAD728" s="424"/>
      <c r="AAE728" s="424"/>
      <c r="AAF728" s="424"/>
      <c r="AAG728" s="423" t="s">
        <v>2795</v>
      </c>
      <c r="AAH728" s="424"/>
      <c r="AAI728" s="424"/>
      <c r="AAJ728" s="424"/>
      <c r="AAK728" s="423" t="s">
        <v>2795</v>
      </c>
      <c r="AAL728" s="424"/>
      <c r="AAM728" s="424"/>
      <c r="AAN728" s="424"/>
      <c r="AAO728" s="423" t="s">
        <v>2795</v>
      </c>
      <c r="AAP728" s="424"/>
      <c r="AAQ728" s="424"/>
      <c r="AAR728" s="424"/>
      <c r="AAS728" s="423" t="s">
        <v>2795</v>
      </c>
      <c r="AAT728" s="424"/>
      <c r="AAU728" s="424"/>
      <c r="AAV728" s="424"/>
      <c r="AAW728" s="423" t="s">
        <v>2795</v>
      </c>
      <c r="AAX728" s="424"/>
      <c r="AAY728" s="424"/>
      <c r="AAZ728" s="424"/>
      <c r="ABA728" s="423" t="s">
        <v>2795</v>
      </c>
      <c r="ABB728" s="424"/>
      <c r="ABC728" s="424"/>
      <c r="ABD728" s="424"/>
      <c r="ABE728" s="423" t="s">
        <v>2795</v>
      </c>
      <c r="ABF728" s="424"/>
      <c r="ABG728" s="424"/>
      <c r="ABH728" s="424"/>
      <c r="ABI728" s="423" t="s">
        <v>2795</v>
      </c>
      <c r="ABJ728" s="424"/>
      <c r="ABK728" s="424"/>
      <c r="ABL728" s="424"/>
      <c r="ABM728" s="423" t="s">
        <v>2795</v>
      </c>
      <c r="ABN728" s="424"/>
      <c r="ABO728" s="424"/>
      <c r="ABP728" s="424"/>
      <c r="ABQ728" s="423" t="s">
        <v>2795</v>
      </c>
      <c r="ABR728" s="424"/>
      <c r="ABS728" s="424"/>
      <c r="ABT728" s="424"/>
      <c r="ABU728" s="423" t="s">
        <v>2795</v>
      </c>
      <c r="ABV728" s="424"/>
      <c r="ABW728" s="424"/>
      <c r="ABX728" s="424"/>
      <c r="ABY728" s="423" t="s">
        <v>2795</v>
      </c>
      <c r="ABZ728" s="424"/>
      <c r="ACA728" s="424"/>
      <c r="ACB728" s="424"/>
      <c r="ACC728" s="423" t="s">
        <v>2795</v>
      </c>
      <c r="ACD728" s="424"/>
      <c r="ACE728" s="424"/>
      <c r="ACF728" s="424"/>
      <c r="ACG728" s="423" t="s">
        <v>2795</v>
      </c>
      <c r="ACH728" s="424"/>
      <c r="ACI728" s="424"/>
      <c r="ACJ728" s="424"/>
      <c r="ACK728" s="423" t="s">
        <v>2795</v>
      </c>
      <c r="ACL728" s="424"/>
      <c r="ACM728" s="424"/>
      <c r="ACN728" s="424"/>
      <c r="ACO728" s="423" t="s">
        <v>2795</v>
      </c>
      <c r="ACP728" s="424"/>
      <c r="ACQ728" s="424"/>
      <c r="ACR728" s="424"/>
      <c r="ACS728" s="423" t="s">
        <v>2795</v>
      </c>
      <c r="ACT728" s="424"/>
      <c r="ACU728" s="424"/>
      <c r="ACV728" s="424"/>
      <c r="ACW728" s="423" t="s">
        <v>2795</v>
      </c>
      <c r="ACX728" s="424"/>
      <c r="ACY728" s="424"/>
      <c r="ACZ728" s="424"/>
      <c r="ADA728" s="423" t="s">
        <v>2795</v>
      </c>
      <c r="ADB728" s="424"/>
      <c r="ADC728" s="424"/>
      <c r="ADD728" s="424"/>
      <c r="ADE728" s="423" t="s">
        <v>2795</v>
      </c>
      <c r="ADF728" s="424"/>
      <c r="ADG728" s="424"/>
      <c r="ADH728" s="424"/>
      <c r="ADI728" s="423" t="s">
        <v>2795</v>
      </c>
      <c r="ADJ728" s="424"/>
      <c r="ADK728" s="424"/>
      <c r="ADL728" s="424"/>
      <c r="ADM728" s="423" t="s">
        <v>2795</v>
      </c>
      <c r="ADN728" s="424"/>
      <c r="ADO728" s="424"/>
      <c r="ADP728" s="424"/>
      <c r="ADQ728" s="423" t="s">
        <v>2795</v>
      </c>
      <c r="ADR728" s="424"/>
      <c r="ADS728" s="424"/>
      <c r="ADT728" s="424"/>
      <c r="ADU728" s="423" t="s">
        <v>2795</v>
      </c>
      <c r="ADV728" s="424"/>
      <c r="ADW728" s="424"/>
      <c r="ADX728" s="424"/>
      <c r="ADY728" s="423" t="s">
        <v>2795</v>
      </c>
      <c r="ADZ728" s="424"/>
      <c r="AEA728" s="424"/>
      <c r="AEB728" s="424"/>
      <c r="AEC728" s="423" t="s">
        <v>2795</v>
      </c>
      <c r="AED728" s="424"/>
      <c r="AEE728" s="424"/>
      <c r="AEF728" s="424"/>
      <c r="AEG728" s="423" t="s">
        <v>2795</v>
      </c>
      <c r="AEH728" s="424"/>
      <c r="AEI728" s="424"/>
      <c r="AEJ728" s="424"/>
      <c r="AEK728" s="423" t="s">
        <v>2795</v>
      </c>
      <c r="AEL728" s="424"/>
      <c r="AEM728" s="424"/>
      <c r="AEN728" s="424"/>
      <c r="AEO728" s="423" t="s">
        <v>2795</v>
      </c>
      <c r="AEP728" s="424"/>
      <c r="AEQ728" s="424"/>
      <c r="AER728" s="424"/>
      <c r="AES728" s="423" t="s">
        <v>2795</v>
      </c>
      <c r="AET728" s="424"/>
      <c r="AEU728" s="424"/>
      <c r="AEV728" s="424"/>
      <c r="AEW728" s="423" t="s">
        <v>2795</v>
      </c>
      <c r="AEX728" s="424"/>
      <c r="AEY728" s="424"/>
      <c r="AEZ728" s="424"/>
      <c r="AFA728" s="423" t="s">
        <v>2795</v>
      </c>
      <c r="AFB728" s="424"/>
      <c r="AFC728" s="424"/>
      <c r="AFD728" s="424"/>
      <c r="AFE728" s="423" t="s">
        <v>2795</v>
      </c>
      <c r="AFF728" s="424"/>
      <c r="AFG728" s="424"/>
      <c r="AFH728" s="424"/>
      <c r="AFI728" s="423" t="s">
        <v>2795</v>
      </c>
      <c r="AFJ728" s="424"/>
      <c r="AFK728" s="424"/>
      <c r="AFL728" s="424"/>
      <c r="AFM728" s="423" t="s">
        <v>2795</v>
      </c>
      <c r="AFN728" s="424"/>
      <c r="AFO728" s="424"/>
      <c r="AFP728" s="424"/>
      <c r="AFQ728" s="423" t="s">
        <v>2795</v>
      </c>
      <c r="AFR728" s="424"/>
      <c r="AFS728" s="424"/>
      <c r="AFT728" s="424"/>
      <c r="AFU728" s="423" t="s">
        <v>2795</v>
      </c>
      <c r="AFV728" s="424"/>
      <c r="AFW728" s="424"/>
      <c r="AFX728" s="424"/>
      <c r="AFY728" s="423" t="s">
        <v>2795</v>
      </c>
      <c r="AFZ728" s="424"/>
      <c r="AGA728" s="424"/>
      <c r="AGB728" s="424"/>
      <c r="AGC728" s="423" t="s">
        <v>2795</v>
      </c>
      <c r="AGD728" s="424"/>
      <c r="AGE728" s="424"/>
      <c r="AGF728" s="424"/>
      <c r="AGG728" s="423" t="s">
        <v>2795</v>
      </c>
      <c r="AGH728" s="424"/>
      <c r="AGI728" s="424"/>
      <c r="AGJ728" s="424"/>
      <c r="AGK728" s="423" t="s">
        <v>2795</v>
      </c>
      <c r="AGL728" s="424"/>
      <c r="AGM728" s="424"/>
      <c r="AGN728" s="424"/>
      <c r="AGO728" s="423" t="s">
        <v>2795</v>
      </c>
      <c r="AGP728" s="424"/>
      <c r="AGQ728" s="424"/>
      <c r="AGR728" s="424"/>
      <c r="AGS728" s="423" t="s">
        <v>2795</v>
      </c>
      <c r="AGT728" s="424"/>
      <c r="AGU728" s="424"/>
      <c r="AGV728" s="424"/>
      <c r="AGW728" s="423" t="s">
        <v>2795</v>
      </c>
      <c r="AGX728" s="424"/>
      <c r="AGY728" s="424"/>
      <c r="AGZ728" s="424"/>
      <c r="AHA728" s="423" t="s">
        <v>2795</v>
      </c>
      <c r="AHB728" s="424"/>
      <c r="AHC728" s="424"/>
      <c r="AHD728" s="424"/>
      <c r="AHE728" s="423" t="s">
        <v>2795</v>
      </c>
      <c r="AHF728" s="424"/>
      <c r="AHG728" s="424"/>
      <c r="AHH728" s="424"/>
      <c r="AHI728" s="423" t="s">
        <v>2795</v>
      </c>
      <c r="AHJ728" s="424"/>
      <c r="AHK728" s="424"/>
      <c r="AHL728" s="424"/>
      <c r="AHM728" s="423" t="s">
        <v>2795</v>
      </c>
      <c r="AHN728" s="424"/>
      <c r="AHO728" s="424"/>
      <c r="AHP728" s="424"/>
      <c r="AHQ728" s="423" t="s">
        <v>2795</v>
      </c>
      <c r="AHR728" s="424"/>
      <c r="AHS728" s="424"/>
      <c r="AHT728" s="424"/>
      <c r="AHU728" s="423" t="s">
        <v>2795</v>
      </c>
      <c r="AHV728" s="424"/>
      <c r="AHW728" s="424"/>
      <c r="AHX728" s="424"/>
      <c r="AHY728" s="423" t="s">
        <v>2795</v>
      </c>
      <c r="AHZ728" s="424"/>
      <c r="AIA728" s="424"/>
      <c r="AIB728" s="424"/>
      <c r="AIC728" s="423" t="s">
        <v>2795</v>
      </c>
      <c r="AID728" s="424"/>
      <c r="AIE728" s="424"/>
      <c r="AIF728" s="424"/>
      <c r="AIG728" s="423" t="s">
        <v>2795</v>
      </c>
      <c r="AIH728" s="424"/>
      <c r="AII728" s="424"/>
      <c r="AIJ728" s="424"/>
      <c r="AIK728" s="423" t="s">
        <v>2795</v>
      </c>
      <c r="AIL728" s="424"/>
      <c r="AIM728" s="424"/>
      <c r="AIN728" s="424"/>
      <c r="AIO728" s="423" t="s">
        <v>2795</v>
      </c>
      <c r="AIP728" s="424"/>
      <c r="AIQ728" s="424"/>
      <c r="AIR728" s="424"/>
      <c r="AIS728" s="423" t="s">
        <v>2795</v>
      </c>
      <c r="AIT728" s="424"/>
      <c r="AIU728" s="424"/>
      <c r="AIV728" s="424"/>
      <c r="AIW728" s="423" t="s">
        <v>2795</v>
      </c>
      <c r="AIX728" s="424"/>
      <c r="AIY728" s="424"/>
      <c r="AIZ728" s="424"/>
      <c r="AJA728" s="423" t="s">
        <v>2795</v>
      </c>
      <c r="AJB728" s="424"/>
      <c r="AJC728" s="424"/>
      <c r="AJD728" s="424"/>
      <c r="AJE728" s="423" t="s">
        <v>2795</v>
      </c>
      <c r="AJF728" s="424"/>
      <c r="AJG728" s="424"/>
      <c r="AJH728" s="424"/>
      <c r="AJI728" s="423" t="s">
        <v>2795</v>
      </c>
      <c r="AJJ728" s="424"/>
      <c r="AJK728" s="424"/>
      <c r="AJL728" s="424"/>
      <c r="AJM728" s="423" t="s">
        <v>2795</v>
      </c>
      <c r="AJN728" s="424"/>
      <c r="AJO728" s="424"/>
      <c r="AJP728" s="424"/>
      <c r="AJQ728" s="423" t="s">
        <v>2795</v>
      </c>
      <c r="AJR728" s="424"/>
      <c r="AJS728" s="424"/>
      <c r="AJT728" s="424"/>
      <c r="AJU728" s="423" t="s">
        <v>2795</v>
      </c>
      <c r="AJV728" s="424"/>
      <c r="AJW728" s="424"/>
      <c r="AJX728" s="424"/>
      <c r="AJY728" s="423" t="s">
        <v>2795</v>
      </c>
      <c r="AJZ728" s="424"/>
      <c r="AKA728" s="424"/>
      <c r="AKB728" s="424"/>
      <c r="AKC728" s="423" t="s">
        <v>2795</v>
      </c>
      <c r="AKD728" s="424"/>
      <c r="AKE728" s="424"/>
      <c r="AKF728" s="424"/>
      <c r="AKG728" s="423" t="s">
        <v>2795</v>
      </c>
      <c r="AKH728" s="424"/>
      <c r="AKI728" s="424"/>
      <c r="AKJ728" s="424"/>
      <c r="AKK728" s="423" t="s">
        <v>2795</v>
      </c>
      <c r="AKL728" s="424"/>
      <c r="AKM728" s="424"/>
      <c r="AKN728" s="424"/>
      <c r="AKO728" s="423" t="s">
        <v>2795</v>
      </c>
      <c r="AKP728" s="424"/>
      <c r="AKQ728" s="424"/>
      <c r="AKR728" s="424"/>
      <c r="AKS728" s="423" t="s">
        <v>2795</v>
      </c>
      <c r="AKT728" s="424"/>
      <c r="AKU728" s="424"/>
      <c r="AKV728" s="424"/>
      <c r="AKW728" s="423" t="s">
        <v>2795</v>
      </c>
      <c r="AKX728" s="424"/>
      <c r="AKY728" s="424"/>
      <c r="AKZ728" s="424"/>
      <c r="ALA728" s="423" t="s">
        <v>2795</v>
      </c>
      <c r="ALB728" s="424"/>
      <c r="ALC728" s="424"/>
      <c r="ALD728" s="424"/>
      <c r="ALE728" s="423" t="s">
        <v>2795</v>
      </c>
      <c r="ALF728" s="424"/>
      <c r="ALG728" s="424"/>
      <c r="ALH728" s="424"/>
      <c r="ALI728" s="423" t="s">
        <v>2795</v>
      </c>
      <c r="ALJ728" s="424"/>
      <c r="ALK728" s="424"/>
      <c r="ALL728" s="424"/>
      <c r="ALM728" s="423" t="s">
        <v>2795</v>
      </c>
      <c r="ALN728" s="424"/>
      <c r="ALO728" s="424"/>
      <c r="ALP728" s="424"/>
      <c r="ALQ728" s="423" t="s">
        <v>2795</v>
      </c>
      <c r="ALR728" s="424"/>
      <c r="ALS728" s="424"/>
      <c r="ALT728" s="424"/>
      <c r="ALU728" s="423" t="s">
        <v>2795</v>
      </c>
      <c r="ALV728" s="424"/>
      <c r="ALW728" s="424"/>
      <c r="ALX728" s="424"/>
      <c r="ALY728" s="423" t="s">
        <v>2795</v>
      </c>
      <c r="ALZ728" s="424"/>
      <c r="AMA728" s="424"/>
      <c r="AMB728" s="424"/>
      <c r="AMC728" s="423" t="s">
        <v>2795</v>
      </c>
      <c r="AMD728" s="424"/>
      <c r="AME728" s="424"/>
      <c r="AMF728" s="424"/>
      <c r="AMG728" s="423" t="s">
        <v>2795</v>
      </c>
      <c r="AMH728" s="424"/>
      <c r="AMI728" s="424"/>
      <c r="AMJ728" s="424"/>
      <c r="AMK728" s="423" t="s">
        <v>2795</v>
      </c>
      <c r="AML728" s="424"/>
      <c r="AMM728" s="424"/>
      <c r="AMN728" s="424"/>
      <c r="AMO728" s="423" t="s">
        <v>2795</v>
      </c>
      <c r="AMP728" s="424"/>
      <c r="AMQ728" s="424"/>
      <c r="AMR728" s="424"/>
      <c r="AMS728" s="423" t="s">
        <v>2795</v>
      </c>
      <c r="AMT728" s="424"/>
      <c r="AMU728" s="424"/>
      <c r="AMV728" s="424"/>
      <c r="AMW728" s="423" t="s">
        <v>2795</v>
      </c>
      <c r="AMX728" s="424"/>
      <c r="AMY728" s="424"/>
      <c r="AMZ728" s="424"/>
      <c r="ANA728" s="423" t="s">
        <v>2795</v>
      </c>
      <c r="ANB728" s="424"/>
      <c r="ANC728" s="424"/>
      <c r="AND728" s="424"/>
      <c r="ANE728" s="423" t="s">
        <v>2795</v>
      </c>
      <c r="ANF728" s="424"/>
      <c r="ANG728" s="424"/>
      <c r="ANH728" s="424"/>
      <c r="ANI728" s="423" t="s">
        <v>2795</v>
      </c>
      <c r="ANJ728" s="424"/>
      <c r="ANK728" s="424"/>
      <c r="ANL728" s="424"/>
      <c r="ANM728" s="423" t="s">
        <v>2795</v>
      </c>
      <c r="ANN728" s="424"/>
      <c r="ANO728" s="424"/>
      <c r="ANP728" s="424"/>
      <c r="ANQ728" s="423" t="s">
        <v>2795</v>
      </c>
      <c r="ANR728" s="424"/>
      <c r="ANS728" s="424"/>
      <c r="ANT728" s="424"/>
      <c r="ANU728" s="423" t="s">
        <v>2795</v>
      </c>
      <c r="ANV728" s="424"/>
      <c r="ANW728" s="424"/>
      <c r="ANX728" s="424"/>
      <c r="ANY728" s="423" t="s">
        <v>2795</v>
      </c>
      <c r="ANZ728" s="424"/>
      <c r="AOA728" s="424"/>
      <c r="AOB728" s="424"/>
      <c r="AOC728" s="423" t="s">
        <v>2795</v>
      </c>
      <c r="AOD728" s="424"/>
      <c r="AOE728" s="424"/>
      <c r="AOF728" s="424"/>
      <c r="AOG728" s="423" t="s">
        <v>2795</v>
      </c>
      <c r="AOH728" s="424"/>
      <c r="AOI728" s="424"/>
      <c r="AOJ728" s="424"/>
      <c r="AOK728" s="423" t="s">
        <v>2795</v>
      </c>
      <c r="AOL728" s="424"/>
      <c r="AOM728" s="424"/>
      <c r="AON728" s="424"/>
      <c r="AOO728" s="423" t="s">
        <v>2795</v>
      </c>
      <c r="AOP728" s="424"/>
      <c r="AOQ728" s="424"/>
      <c r="AOR728" s="424"/>
      <c r="AOS728" s="423" t="s">
        <v>2795</v>
      </c>
      <c r="AOT728" s="424"/>
      <c r="AOU728" s="424"/>
      <c r="AOV728" s="424"/>
      <c r="AOW728" s="423" t="s">
        <v>2795</v>
      </c>
      <c r="AOX728" s="424"/>
      <c r="AOY728" s="424"/>
      <c r="AOZ728" s="424"/>
      <c r="APA728" s="423" t="s">
        <v>2795</v>
      </c>
      <c r="APB728" s="424"/>
      <c r="APC728" s="424"/>
      <c r="APD728" s="424"/>
      <c r="APE728" s="423" t="s">
        <v>2795</v>
      </c>
      <c r="APF728" s="424"/>
      <c r="APG728" s="424"/>
      <c r="APH728" s="424"/>
      <c r="API728" s="423" t="s">
        <v>2795</v>
      </c>
      <c r="APJ728" s="424"/>
      <c r="APK728" s="424"/>
      <c r="APL728" s="424"/>
      <c r="APM728" s="423" t="s">
        <v>2795</v>
      </c>
      <c r="APN728" s="424"/>
      <c r="APO728" s="424"/>
      <c r="APP728" s="424"/>
      <c r="APQ728" s="423" t="s">
        <v>2795</v>
      </c>
      <c r="APR728" s="424"/>
      <c r="APS728" s="424"/>
      <c r="APT728" s="424"/>
      <c r="APU728" s="423" t="s">
        <v>2795</v>
      </c>
      <c r="APV728" s="424"/>
      <c r="APW728" s="424"/>
      <c r="APX728" s="424"/>
      <c r="APY728" s="423" t="s">
        <v>2795</v>
      </c>
      <c r="APZ728" s="424"/>
      <c r="AQA728" s="424"/>
      <c r="AQB728" s="424"/>
      <c r="AQC728" s="423" t="s">
        <v>2795</v>
      </c>
      <c r="AQD728" s="424"/>
      <c r="AQE728" s="424"/>
      <c r="AQF728" s="424"/>
      <c r="AQG728" s="423" t="s">
        <v>2795</v>
      </c>
      <c r="AQH728" s="424"/>
      <c r="AQI728" s="424"/>
      <c r="AQJ728" s="424"/>
      <c r="AQK728" s="423" t="s">
        <v>2795</v>
      </c>
      <c r="AQL728" s="424"/>
      <c r="AQM728" s="424"/>
      <c r="AQN728" s="424"/>
      <c r="AQO728" s="423" t="s">
        <v>2795</v>
      </c>
      <c r="AQP728" s="424"/>
      <c r="AQQ728" s="424"/>
      <c r="AQR728" s="424"/>
      <c r="AQS728" s="423" t="s">
        <v>2795</v>
      </c>
      <c r="AQT728" s="424"/>
      <c r="AQU728" s="424"/>
      <c r="AQV728" s="424"/>
      <c r="AQW728" s="423" t="s">
        <v>2795</v>
      </c>
      <c r="AQX728" s="424"/>
      <c r="AQY728" s="424"/>
      <c r="AQZ728" s="424"/>
      <c r="ARA728" s="423" t="s">
        <v>2795</v>
      </c>
      <c r="ARB728" s="424"/>
      <c r="ARC728" s="424"/>
      <c r="ARD728" s="424"/>
      <c r="ARE728" s="423" t="s">
        <v>2795</v>
      </c>
      <c r="ARF728" s="424"/>
      <c r="ARG728" s="424"/>
      <c r="ARH728" s="424"/>
      <c r="ARI728" s="423" t="s">
        <v>2795</v>
      </c>
      <c r="ARJ728" s="424"/>
      <c r="ARK728" s="424"/>
      <c r="ARL728" s="424"/>
      <c r="ARM728" s="423" t="s">
        <v>2795</v>
      </c>
      <c r="ARN728" s="424"/>
      <c r="ARO728" s="424"/>
      <c r="ARP728" s="424"/>
      <c r="ARQ728" s="423" t="s">
        <v>2795</v>
      </c>
      <c r="ARR728" s="424"/>
      <c r="ARS728" s="424"/>
      <c r="ART728" s="424"/>
      <c r="ARU728" s="423" t="s">
        <v>2795</v>
      </c>
      <c r="ARV728" s="424"/>
      <c r="ARW728" s="424"/>
      <c r="ARX728" s="424"/>
      <c r="ARY728" s="423" t="s">
        <v>2795</v>
      </c>
      <c r="ARZ728" s="424"/>
      <c r="ASA728" s="424"/>
      <c r="ASB728" s="424"/>
      <c r="ASC728" s="423" t="s">
        <v>2795</v>
      </c>
      <c r="ASD728" s="424"/>
      <c r="ASE728" s="424"/>
      <c r="ASF728" s="424"/>
      <c r="ASG728" s="423" t="s">
        <v>2795</v>
      </c>
      <c r="ASH728" s="424"/>
      <c r="ASI728" s="424"/>
      <c r="ASJ728" s="424"/>
      <c r="ASK728" s="423" t="s">
        <v>2795</v>
      </c>
      <c r="ASL728" s="424"/>
      <c r="ASM728" s="424"/>
      <c r="ASN728" s="424"/>
      <c r="ASO728" s="423" t="s">
        <v>2795</v>
      </c>
      <c r="ASP728" s="424"/>
      <c r="ASQ728" s="424"/>
      <c r="ASR728" s="424"/>
      <c r="ASS728" s="423" t="s">
        <v>2795</v>
      </c>
      <c r="AST728" s="424"/>
      <c r="ASU728" s="424"/>
      <c r="ASV728" s="424"/>
      <c r="ASW728" s="423" t="s">
        <v>2795</v>
      </c>
      <c r="ASX728" s="424"/>
      <c r="ASY728" s="424"/>
      <c r="ASZ728" s="424"/>
      <c r="ATA728" s="423" t="s">
        <v>2795</v>
      </c>
      <c r="ATB728" s="424"/>
      <c r="ATC728" s="424"/>
      <c r="ATD728" s="424"/>
      <c r="ATE728" s="423" t="s">
        <v>2795</v>
      </c>
      <c r="ATF728" s="424"/>
      <c r="ATG728" s="424"/>
      <c r="ATH728" s="424"/>
      <c r="ATI728" s="423" t="s">
        <v>2795</v>
      </c>
      <c r="ATJ728" s="424"/>
      <c r="ATK728" s="424"/>
      <c r="ATL728" s="424"/>
      <c r="ATM728" s="423" t="s">
        <v>2795</v>
      </c>
      <c r="ATN728" s="424"/>
      <c r="ATO728" s="424"/>
      <c r="ATP728" s="424"/>
      <c r="ATQ728" s="423" t="s">
        <v>2795</v>
      </c>
      <c r="ATR728" s="424"/>
      <c r="ATS728" s="424"/>
      <c r="ATT728" s="424"/>
      <c r="ATU728" s="423" t="s">
        <v>2795</v>
      </c>
      <c r="ATV728" s="424"/>
      <c r="ATW728" s="424"/>
      <c r="ATX728" s="424"/>
      <c r="ATY728" s="423" t="s">
        <v>2795</v>
      </c>
      <c r="ATZ728" s="424"/>
      <c r="AUA728" s="424"/>
      <c r="AUB728" s="424"/>
      <c r="AUC728" s="423" t="s">
        <v>2795</v>
      </c>
      <c r="AUD728" s="424"/>
      <c r="AUE728" s="424"/>
      <c r="AUF728" s="424"/>
      <c r="AUG728" s="423" t="s">
        <v>2795</v>
      </c>
      <c r="AUH728" s="424"/>
      <c r="AUI728" s="424"/>
      <c r="AUJ728" s="424"/>
      <c r="AUK728" s="423" t="s">
        <v>2795</v>
      </c>
      <c r="AUL728" s="424"/>
      <c r="AUM728" s="424"/>
      <c r="AUN728" s="424"/>
      <c r="AUO728" s="423" t="s">
        <v>2795</v>
      </c>
      <c r="AUP728" s="424"/>
      <c r="AUQ728" s="424"/>
      <c r="AUR728" s="424"/>
      <c r="AUS728" s="423" t="s">
        <v>2795</v>
      </c>
      <c r="AUT728" s="424"/>
      <c r="AUU728" s="424"/>
      <c r="AUV728" s="424"/>
      <c r="AUW728" s="423" t="s">
        <v>2795</v>
      </c>
      <c r="AUX728" s="424"/>
      <c r="AUY728" s="424"/>
      <c r="AUZ728" s="424"/>
      <c r="AVA728" s="423" t="s">
        <v>2795</v>
      </c>
      <c r="AVB728" s="424"/>
      <c r="AVC728" s="424"/>
      <c r="AVD728" s="424"/>
      <c r="AVE728" s="423" t="s">
        <v>2795</v>
      </c>
      <c r="AVF728" s="424"/>
      <c r="AVG728" s="424"/>
      <c r="AVH728" s="424"/>
      <c r="AVI728" s="423" t="s">
        <v>2795</v>
      </c>
      <c r="AVJ728" s="424"/>
      <c r="AVK728" s="424"/>
      <c r="AVL728" s="424"/>
      <c r="AVM728" s="423" t="s">
        <v>2795</v>
      </c>
      <c r="AVN728" s="424"/>
      <c r="AVO728" s="424"/>
      <c r="AVP728" s="424"/>
      <c r="AVQ728" s="423" t="s">
        <v>2795</v>
      </c>
      <c r="AVR728" s="424"/>
      <c r="AVS728" s="424"/>
      <c r="AVT728" s="424"/>
      <c r="AVU728" s="423" t="s">
        <v>2795</v>
      </c>
      <c r="AVV728" s="424"/>
      <c r="AVW728" s="424"/>
      <c r="AVX728" s="424"/>
      <c r="AVY728" s="423" t="s">
        <v>2795</v>
      </c>
      <c r="AVZ728" s="424"/>
      <c r="AWA728" s="424"/>
      <c r="AWB728" s="424"/>
      <c r="AWC728" s="423" t="s">
        <v>2795</v>
      </c>
      <c r="AWD728" s="424"/>
      <c r="AWE728" s="424"/>
      <c r="AWF728" s="424"/>
      <c r="AWG728" s="423" t="s">
        <v>2795</v>
      </c>
      <c r="AWH728" s="424"/>
      <c r="AWI728" s="424"/>
      <c r="AWJ728" s="424"/>
      <c r="AWK728" s="423" t="s">
        <v>2795</v>
      </c>
      <c r="AWL728" s="424"/>
      <c r="AWM728" s="424"/>
      <c r="AWN728" s="424"/>
      <c r="AWO728" s="423" t="s">
        <v>2795</v>
      </c>
      <c r="AWP728" s="424"/>
      <c r="AWQ728" s="424"/>
      <c r="AWR728" s="424"/>
      <c r="AWS728" s="423" t="s">
        <v>2795</v>
      </c>
      <c r="AWT728" s="424"/>
      <c r="AWU728" s="424"/>
      <c r="AWV728" s="424"/>
      <c r="AWW728" s="423" t="s">
        <v>2795</v>
      </c>
      <c r="AWX728" s="424"/>
      <c r="AWY728" s="424"/>
      <c r="AWZ728" s="424"/>
      <c r="AXA728" s="423" t="s">
        <v>2795</v>
      </c>
      <c r="AXB728" s="424"/>
      <c r="AXC728" s="424"/>
      <c r="AXD728" s="424"/>
      <c r="AXE728" s="423" t="s">
        <v>2795</v>
      </c>
      <c r="AXF728" s="424"/>
      <c r="AXG728" s="424"/>
      <c r="AXH728" s="424"/>
      <c r="AXI728" s="423" t="s">
        <v>2795</v>
      </c>
      <c r="AXJ728" s="424"/>
      <c r="AXK728" s="424"/>
      <c r="AXL728" s="424"/>
      <c r="AXM728" s="423" t="s">
        <v>2795</v>
      </c>
      <c r="AXN728" s="424"/>
      <c r="AXO728" s="424"/>
      <c r="AXP728" s="424"/>
      <c r="AXQ728" s="423" t="s">
        <v>2795</v>
      </c>
      <c r="AXR728" s="424"/>
      <c r="AXS728" s="424"/>
      <c r="AXT728" s="424"/>
      <c r="AXU728" s="423" t="s">
        <v>2795</v>
      </c>
      <c r="AXV728" s="424"/>
      <c r="AXW728" s="424"/>
      <c r="AXX728" s="424"/>
      <c r="AXY728" s="423" t="s">
        <v>2795</v>
      </c>
      <c r="AXZ728" s="424"/>
      <c r="AYA728" s="424"/>
      <c r="AYB728" s="424"/>
      <c r="AYC728" s="423" t="s">
        <v>2795</v>
      </c>
      <c r="AYD728" s="424"/>
      <c r="AYE728" s="424"/>
      <c r="AYF728" s="424"/>
      <c r="AYG728" s="423" t="s">
        <v>2795</v>
      </c>
      <c r="AYH728" s="424"/>
      <c r="AYI728" s="424"/>
      <c r="AYJ728" s="424"/>
      <c r="AYK728" s="423" t="s">
        <v>2795</v>
      </c>
      <c r="AYL728" s="424"/>
      <c r="AYM728" s="424"/>
      <c r="AYN728" s="424"/>
      <c r="AYO728" s="423" t="s">
        <v>2795</v>
      </c>
      <c r="AYP728" s="424"/>
      <c r="AYQ728" s="424"/>
      <c r="AYR728" s="424"/>
      <c r="AYS728" s="423" t="s">
        <v>2795</v>
      </c>
      <c r="AYT728" s="424"/>
      <c r="AYU728" s="424"/>
      <c r="AYV728" s="424"/>
      <c r="AYW728" s="423" t="s">
        <v>2795</v>
      </c>
      <c r="AYX728" s="424"/>
      <c r="AYY728" s="424"/>
      <c r="AYZ728" s="424"/>
      <c r="AZA728" s="423" t="s">
        <v>2795</v>
      </c>
      <c r="AZB728" s="424"/>
      <c r="AZC728" s="424"/>
      <c r="AZD728" s="424"/>
      <c r="AZE728" s="423" t="s">
        <v>2795</v>
      </c>
      <c r="AZF728" s="424"/>
      <c r="AZG728" s="424"/>
      <c r="AZH728" s="424"/>
      <c r="AZI728" s="423" t="s">
        <v>2795</v>
      </c>
      <c r="AZJ728" s="424"/>
      <c r="AZK728" s="424"/>
      <c r="AZL728" s="424"/>
      <c r="AZM728" s="423" t="s">
        <v>2795</v>
      </c>
      <c r="AZN728" s="424"/>
      <c r="AZO728" s="424"/>
      <c r="AZP728" s="424"/>
      <c r="AZQ728" s="423" t="s">
        <v>2795</v>
      </c>
      <c r="AZR728" s="424"/>
      <c r="AZS728" s="424"/>
      <c r="AZT728" s="424"/>
      <c r="AZU728" s="423" t="s">
        <v>2795</v>
      </c>
      <c r="AZV728" s="424"/>
      <c r="AZW728" s="424"/>
      <c r="AZX728" s="424"/>
      <c r="AZY728" s="423" t="s">
        <v>2795</v>
      </c>
      <c r="AZZ728" s="424"/>
      <c r="BAA728" s="424"/>
      <c r="BAB728" s="424"/>
      <c r="BAC728" s="423" t="s">
        <v>2795</v>
      </c>
      <c r="BAD728" s="424"/>
      <c r="BAE728" s="424"/>
      <c r="BAF728" s="424"/>
      <c r="BAG728" s="423" t="s">
        <v>2795</v>
      </c>
      <c r="BAH728" s="424"/>
      <c r="BAI728" s="424"/>
      <c r="BAJ728" s="424"/>
      <c r="BAK728" s="423" t="s">
        <v>2795</v>
      </c>
      <c r="BAL728" s="424"/>
      <c r="BAM728" s="424"/>
      <c r="BAN728" s="424"/>
      <c r="BAO728" s="423" t="s">
        <v>2795</v>
      </c>
      <c r="BAP728" s="424"/>
      <c r="BAQ728" s="424"/>
      <c r="BAR728" s="424"/>
      <c r="BAS728" s="423" t="s">
        <v>2795</v>
      </c>
      <c r="BAT728" s="424"/>
      <c r="BAU728" s="424"/>
      <c r="BAV728" s="424"/>
      <c r="BAW728" s="423" t="s">
        <v>2795</v>
      </c>
      <c r="BAX728" s="424"/>
      <c r="BAY728" s="424"/>
      <c r="BAZ728" s="424"/>
      <c r="BBA728" s="423" t="s">
        <v>2795</v>
      </c>
      <c r="BBB728" s="424"/>
      <c r="BBC728" s="424"/>
      <c r="BBD728" s="424"/>
      <c r="BBE728" s="423" t="s">
        <v>2795</v>
      </c>
      <c r="BBF728" s="424"/>
      <c r="BBG728" s="424"/>
      <c r="BBH728" s="424"/>
      <c r="BBI728" s="423" t="s">
        <v>2795</v>
      </c>
      <c r="BBJ728" s="424"/>
      <c r="BBK728" s="424"/>
      <c r="BBL728" s="424"/>
      <c r="BBM728" s="423" t="s">
        <v>2795</v>
      </c>
      <c r="BBN728" s="424"/>
      <c r="BBO728" s="424"/>
      <c r="BBP728" s="424"/>
      <c r="BBQ728" s="423" t="s">
        <v>2795</v>
      </c>
      <c r="BBR728" s="424"/>
      <c r="BBS728" s="424"/>
      <c r="BBT728" s="424"/>
      <c r="BBU728" s="423" t="s">
        <v>2795</v>
      </c>
      <c r="BBV728" s="424"/>
      <c r="BBW728" s="424"/>
      <c r="BBX728" s="424"/>
      <c r="BBY728" s="423" t="s">
        <v>2795</v>
      </c>
      <c r="BBZ728" s="424"/>
      <c r="BCA728" s="424"/>
      <c r="BCB728" s="424"/>
      <c r="BCC728" s="423" t="s">
        <v>2795</v>
      </c>
      <c r="BCD728" s="424"/>
      <c r="BCE728" s="424"/>
      <c r="BCF728" s="424"/>
      <c r="BCG728" s="423" t="s">
        <v>2795</v>
      </c>
      <c r="BCH728" s="424"/>
      <c r="BCI728" s="424"/>
      <c r="BCJ728" s="424"/>
      <c r="BCK728" s="423" t="s">
        <v>2795</v>
      </c>
      <c r="BCL728" s="424"/>
      <c r="BCM728" s="424"/>
      <c r="BCN728" s="424"/>
      <c r="BCO728" s="423" t="s">
        <v>2795</v>
      </c>
      <c r="BCP728" s="424"/>
      <c r="BCQ728" s="424"/>
      <c r="BCR728" s="424"/>
      <c r="BCS728" s="423" t="s">
        <v>2795</v>
      </c>
      <c r="BCT728" s="424"/>
      <c r="BCU728" s="424"/>
      <c r="BCV728" s="424"/>
      <c r="BCW728" s="423" t="s">
        <v>2795</v>
      </c>
      <c r="BCX728" s="424"/>
      <c r="BCY728" s="424"/>
      <c r="BCZ728" s="424"/>
      <c r="BDA728" s="423" t="s">
        <v>2795</v>
      </c>
      <c r="BDB728" s="424"/>
      <c r="BDC728" s="424"/>
      <c r="BDD728" s="424"/>
      <c r="BDE728" s="423" t="s">
        <v>2795</v>
      </c>
      <c r="BDF728" s="424"/>
      <c r="BDG728" s="424"/>
      <c r="BDH728" s="424"/>
      <c r="BDI728" s="423" t="s">
        <v>2795</v>
      </c>
      <c r="BDJ728" s="424"/>
      <c r="BDK728" s="424"/>
      <c r="BDL728" s="424"/>
      <c r="BDM728" s="423" t="s">
        <v>2795</v>
      </c>
      <c r="BDN728" s="424"/>
      <c r="BDO728" s="424"/>
      <c r="BDP728" s="424"/>
      <c r="BDQ728" s="423" t="s">
        <v>2795</v>
      </c>
      <c r="BDR728" s="424"/>
      <c r="BDS728" s="424"/>
      <c r="BDT728" s="424"/>
      <c r="BDU728" s="423" t="s">
        <v>2795</v>
      </c>
      <c r="BDV728" s="424"/>
      <c r="BDW728" s="424"/>
      <c r="BDX728" s="424"/>
      <c r="BDY728" s="423" t="s">
        <v>2795</v>
      </c>
      <c r="BDZ728" s="424"/>
      <c r="BEA728" s="424"/>
      <c r="BEB728" s="424"/>
      <c r="BEC728" s="423" t="s">
        <v>2795</v>
      </c>
      <c r="BED728" s="424"/>
      <c r="BEE728" s="424"/>
      <c r="BEF728" s="424"/>
      <c r="BEG728" s="423" t="s">
        <v>2795</v>
      </c>
      <c r="BEH728" s="424"/>
      <c r="BEI728" s="424"/>
      <c r="BEJ728" s="424"/>
      <c r="BEK728" s="423" t="s">
        <v>2795</v>
      </c>
      <c r="BEL728" s="424"/>
      <c r="BEM728" s="424"/>
      <c r="BEN728" s="424"/>
      <c r="BEO728" s="423" t="s">
        <v>2795</v>
      </c>
      <c r="BEP728" s="424"/>
      <c r="BEQ728" s="424"/>
      <c r="BER728" s="424"/>
      <c r="BES728" s="423" t="s">
        <v>2795</v>
      </c>
      <c r="BET728" s="424"/>
      <c r="BEU728" s="424"/>
      <c r="BEV728" s="424"/>
      <c r="BEW728" s="423" t="s">
        <v>2795</v>
      </c>
      <c r="BEX728" s="424"/>
      <c r="BEY728" s="424"/>
      <c r="BEZ728" s="424"/>
      <c r="BFA728" s="423" t="s">
        <v>2795</v>
      </c>
      <c r="BFB728" s="424"/>
      <c r="BFC728" s="424"/>
      <c r="BFD728" s="424"/>
      <c r="BFE728" s="423" t="s">
        <v>2795</v>
      </c>
      <c r="BFF728" s="424"/>
      <c r="BFG728" s="424"/>
      <c r="BFH728" s="424"/>
      <c r="BFI728" s="423" t="s">
        <v>2795</v>
      </c>
      <c r="BFJ728" s="424"/>
      <c r="BFK728" s="424"/>
      <c r="BFL728" s="424"/>
      <c r="BFM728" s="423" t="s">
        <v>2795</v>
      </c>
      <c r="BFN728" s="424"/>
      <c r="BFO728" s="424"/>
      <c r="BFP728" s="424"/>
      <c r="BFQ728" s="423" t="s">
        <v>2795</v>
      </c>
      <c r="BFR728" s="424"/>
      <c r="BFS728" s="424"/>
      <c r="BFT728" s="424"/>
      <c r="BFU728" s="423" t="s">
        <v>2795</v>
      </c>
      <c r="BFV728" s="424"/>
      <c r="BFW728" s="424"/>
      <c r="BFX728" s="424"/>
      <c r="BFY728" s="423" t="s">
        <v>2795</v>
      </c>
      <c r="BFZ728" s="424"/>
      <c r="BGA728" s="424"/>
      <c r="BGB728" s="424"/>
      <c r="BGC728" s="423" t="s">
        <v>2795</v>
      </c>
      <c r="BGD728" s="424"/>
      <c r="BGE728" s="424"/>
      <c r="BGF728" s="424"/>
      <c r="BGG728" s="423" t="s">
        <v>2795</v>
      </c>
      <c r="BGH728" s="424"/>
      <c r="BGI728" s="424"/>
      <c r="BGJ728" s="424"/>
      <c r="BGK728" s="423" t="s">
        <v>2795</v>
      </c>
      <c r="BGL728" s="424"/>
      <c r="BGM728" s="424"/>
      <c r="BGN728" s="424"/>
      <c r="BGO728" s="423" t="s">
        <v>2795</v>
      </c>
      <c r="BGP728" s="424"/>
      <c r="BGQ728" s="424"/>
      <c r="BGR728" s="424"/>
      <c r="BGS728" s="423" t="s">
        <v>2795</v>
      </c>
      <c r="BGT728" s="424"/>
      <c r="BGU728" s="424"/>
      <c r="BGV728" s="424"/>
      <c r="BGW728" s="423" t="s">
        <v>2795</v>
      </c>
      <c r="BGX728" s="424"/>
      <c r="BGY728" s="424"/>
      <c r="BGZ728" s="424"/>
      <c r="BHA728" s="423" t="s">
        <v>2795</v>
      </c>
      <c r="BHB728" s="424"/>
      <c r="BHC728" s="424"/>
      <c r="BHD728" s="424"/>
      <c r="BHE728" s="423" t="s">
        <v>2795</v>
      </c>
      <c r="BHF728" s="424"/>
      <c r="BHG728" s="424"/>
      <c r="BHH728" s="424"/>
      <c r="BHI728" s="423" t="s">
        <v>2795</v>
      </c>
      <c r="BHJ728" s="424"/>
      <c r="BHK728" s="424"/>
      <c r="BHL728" s="424"/>
      <c r="BHM728" s="423" t="s">
        <v>2795</v>
      </c>
      <c r="BHN728" s="424"/>
      <c r="BHO728" s="424"/>
      <c r="BHP728" s="424"/>
      <c r="BHQ728" s="423" t="s">
        <v>2795</v>
      </c>
      <c r="BHR728" s="424"/>
      <c r="BHS728" s="424"/>
      <c r="BHT728" s="424"/>
      <c r="BHU728" s="423" t="s">
        <v>2795</v>
      </c>
      <c r="BHV728" s="424"/>
      <c r="BHW728" s="424"/>
      <c r="BHX728" s="424"/>
      <c r="BHY728" s="423" t="s">
        <v>2795</v>
      </c>
      <c r="BHZ728" s="424"/>
      <c r="BIA728" s="424"/>
      <c r="BIB728" s="424"/>
      <c r="BIC728" s="423" t="s">
        <v>2795</v>
      </c>
      <c r="BID728" s="424"/>
      <c r="BIE728" s="424"/>
      <c r="BIF728" s="424"/>
      <c r="BIG728" s="423" t="s">
        <v>2795</v>
      </c>
      <c r="BIH728" s="424"/>
      <c r="BII728" s="424"/>
      <c r="BIJ728" s="424"/>
      <c r="BIK728" s="423" t="s">
        <v>2795</v>
      </c>
      <c r="BIL728" s="424"/>
      <c r="BIM728" s="424"/>
      <c r="BIN728" s="424"/>
      <c r="BIO728" s="423" t="s">
        <v>2795</v>
      </c>
      <c r="BIP728" s="424"/>
      <c r="BIQ728" s="424"/>
      <c r="BIR728" s="424"/>
      <c r="BIS728" s="423" t="s">
        <v>2795</v>
      </c>
      <c r="BIT728" s="424"/>
      <c r="BIU728" s="424"/>
      <c r="BIV728" s="424"/>
      <c r="BIW728" s="423" t="s">
        <v>2795</v>
      </c>
      <c r="BIX728" s="424"/>
      <c r="BIY728" s="424"/>
      <c r="BIZ728" s="424"/>
      <c r="BJA728" s="423" t="s">
        <v>2795</v>
      </c>
      <c r="BJB728" s="424"/>
      <c r="BJC728" s="424"/>
      <c r="BJD728" s="424"/>
      <c r="BJE728" s="423" t="s">
        <v>2795</v>
      </c>
      <c r="BJF728" s="424"/>
      <c r="BJG728" s="424"/>
      <c r="BJH728" s="424"/>
      <c r="BJI728" s="423" t="s">
        <v>2795</v>
      </c>
      <c r="BJJ728" s="424"/>
      <c r="BJK728" s="424"/>
      <c r="BJL728" s="424"/>
      <c r="BJM728" s="423" t="s">
        <v>2795</v>
      </c>
      <c r="BJN728" s="424"/>
      <c r="BJO728" s="424"/>
      <c r="BJP728" s="424"/>
      <c r="BJQ728" s="423" t="s">
        <v>2795</v>
      </c>
      <c r="BJR728" s="424"/>
      <c r="BJS728" s="424"/>
      <c r="BJT728" s="424"/>
      <c r="BJU728" s="423" t="s">
        <v>2795</v>
      </c>
      <c r="BJV728" s="424"/>
      <c r="BJW728" s="424"/>
      <c r="BJX728" s="424"/>
      <c r="BJY728" s="423" t="s">
        <v>2795</v>
      </c>
      <c r="BJZ728" s="424"/>
      <c r="BKA728" s="424"/>
      <c r="BKB728" s="424"/>
      <c r="BKC728" s="423" t="s">
        <v>2795</v>
      </c>
      <c r="BKD728" s="424"/>
      <c r="BKE728" s="424"/>
      <c r="BKF728" s="424"/>
      <c r="BKG728" s="423" t="s">
        <v>2795</v>
      </c>
      <c r="BKH728" s="424"/>
      <c r="BKI728" s="424"/>
      <c r="BKJ728" s="424"/>
      <c r="BKK728" s="423" t="s">
        <v>2795</v>
      </c>
      <c r="BKL728" s="424"/>
      <c r="BKM728" s="424"/>
      <c r="BKN728" s="424"/>
      <c r="BKO728" s="423" t="s">
        <v>2795</v>
      </c>
      <c r="BKP728" s="424"/>
      <c r="BKQ728" s="424"/>
      <c r="BKR728" s="424"/>
      <c r="BKS728" s="423" t="s">
        <v>2795</v>
      </c>
      <c r="BKT728" s="424"/>
      <c r="BKU728" s="424"/>
      <c r="BKV728" s="424"/>
      <c r="BKW728" s="423" t="s">
        <v>2795</v>
      </c>
      <c r="BKX728" s="424"/>
      <c r="BKY728" s="424"/>
      <c r="BKZ728" s="424"/>
      <c r="BLA728" s="423" t="s">
        <v>2795</v>
      </c>
      <c r="BLB728" s="424"/>
      <c r="BLC728" s="424"/>
      <c r="BLD728" s="424"/>
      <c r="BLE728" s="423" t="s">
        <v>2795</v>
      </c>
      <c r="BLF728" s="424"/>
      <c r="BLG728" s="424"/>
      <c r="BLH728" s="424"/>
      <c r="BLI728" s="423" t="s">
        <v>2795</v>
      </c>
      <c r="BLJ728" s="424"/>
      <c r="BLK728" s="424"/>
      <c r="BLL728" s="424"/>
      <c r="BLM728" s="423" t="s">
        <v>2795</v>
      </c>
      <c r="BLN728" s="424"/>
      <c r="BLO728" s="424"/>
      <c r="BLP728" s="424"/>
      <c r="BLQ728" s="423" t="s">
        <v>2795</v>
      </c>
      <c r="BLR728" s="424"/>
      <c r="BLS728" s="424"/>
      <c r="BLT728" s="424"/>
      <c r="BLU728" s="423" t="s">
        <v>2795</v>
      </c>
      <c r="BLV728" s="424"/>
      <c r="BLW728" s="424"/>
      <c r="BLX728" s="424"/>
      <c r="BLY728" s="423" t="s">
        <v>2795</v>
      </c>
      <c r="BLZ728" s="424"/>
      <c r="BMA728" s="424"/>
      <c r="BMB728" s="424"/>
      <c r="BMC728" s="423" t="s">
        <v>2795</v>
      </c>
      <c r="BMD728" s="424"/>
      <c r="BME728" s="424"/>
      <c r="BMF728" s="424"/>
      <c r="BMG728" s="423" t="s">
        <v>2795</v>
      </c>
      <c r="BMH728" s="424"/>
      <c r="BMI728" s="424"/>
      <c r="BMJ728" s="424"/>
      <c r="BMK728" s="423" t="s">
        <v>2795</v>
      </c>
      <c r="BML728" s="424"/>
      <c r="BMM728" s="424"/>
      <c r="BMN728" s="424"/>
      <c r="BMO728" s="423" t="s">
        <v>2795</v>
      </c>
      <c r="BMP728" s="424"/>
      <c r="BMQ728" s="424"/>
      <c r="BMR728" s="424"/>
      <c r="BMS728" s="423" t="s">
        <v>2795</v>
      </c>
      <c r="BMT728" s="424"/>
      <c r="BMU728" s="424"/>
      <c r="BMV728" s="424"/>
      <c r="BMW728" s="423" t="s">
        <v>2795</v>
      </c>
      <c r="BMX728" s="424"/>
      <c r="BMY728" s="424"/>
      <c r="BMZ728" s="424"/>
      <c r="BNA728" s="423" t="s">
        <v>2795</v>
      </c>
      <c r="BNB728" s="424"/>
      <c r="BNC728" s="424"/>
      <c r="BND728" s="424"/>
      <c r="BNE728" s="423" t="s">
        <v>2795</v>
      </c>
      <c r="BNF728" s="424"/>
      <c r="BNG728" s="424"/>
      <c r="BNH728" s="424"/>
      <c r="BNI728" s="423" t="s">
        <v>2795</v>
      </c>
      <c r="BNJ728" s="424"/>
      <c r="BNK728" s="424"/>
      <c r="BNL728" s="424"/>
      <c r="BNM728" s="423" t="s">
        <v>2795</v>
      </c>
      <c r="BNN728" s="424"/>
      <c r="BNO728" s="424"/>
      <c r="BNP728" s="424"/>
      <c r="BNQ728" s="423" t="s">
        <v>2795</v>
      </c>
      <c r="BNR728" s="424"/>
      <c r="BNS728" s="424"/>
      <c r="BNT728" s="424"/>
      <c r="BNU728" s="423" t="s">
        <v>2795</v>
      </c>
      <c r="BNV728" s="424"/>
      <c r="BNW728" s="424"/>
      <c r="BNX728" s="424"/>
      <c r="BNY728" s="423" t="s">
        <v>2795</v>
      </c>
      <c r="BNZ728" s="424"/>
      <c r="BOA728" s="424"/>
      <c r="BOB728" s="424"/>
      <c r="BOC728" s="423" t="s">
        <v>2795</v>
      </c>
      <c r="BOD728" s="424"/>
      <c r="BOE728" s="424"/>
      <c r="BOF728" s="424"/>
      <c r="BOG728" s="423" t="s">
        <v>2795</v>
      </c>
      <c r="BOH728" s="424"/>
      <c r="BOI728" s="424"/>
      <c r="BOJ728" s="424"/>
      <c r="BOK728" s="423" t="s">
        <v>2795</v>
      </c>
      <c r="BOL728" s="424"/>
      <c r="BOM728" s="424"/>
      <c r="BON728" s="424"/>
      <c r="BOO728" s="423" t="s">
        <v>2795</v>
      </c>
      <c r="BOP728" s="424"/>
      <c r="BOQ728" s="424"/>
      <c r="BOR728" s="424"/>
      <c r="BOS728" s="423" t="s">
        <v>2795</v>
      </c>
      <c r="BOT728" s="424"/>
      <c r="BOU728" s="424"/>
      <c r="BOV728" s="424"/>
      <c r="BOW728" s="423" t="s">
        <v>2795</v>
      </c>
      <c r="BOX728" s="424"/>
      <c r="BOY728" s="424"/>
      <c r="BOZ728" s="424"/>
      <c r="BPA728" s="423" t="s">
        <v>2795</v>
      </c>
      <c r="BPB728" s="424"/>
      <c r="BPC728" s="424"/>
      <c r="BPD728" s="424"/>
      <c r="BPE728" s="423" t="s">
        <v>2795</v>
      </c>
      <c r="BPF728" s="424"/>
      <c r="BPG728" s="424"/>
      <c r="BPH728" s="424"/>
      <c r="BPI728" s="423" t="s">
        <v>2795</v>
      </c>
      <c r="BPJ728" s="424"/>
      <c r="BPK728" s="424"/>
      <c r="BPL728" s="424"/>
      <c r="BPM728" s="423" t="s">
        <v>2795</v>
      </c>
      <c r="BPN728" s="424"/>
      <c r="BPO728" s="424"/>
      <c r="BPP728" s="424"/>
      <c r="BPQ728" s="423" t="s">
        <v>2795</v>
      </c>
      <c r="BPR728" s="424"/>
      <c r="BPS728" s="424"/>
      <c r="BPT728" s="424"/>
      <c r="BPU728" s="423" t="s">
        <v>2795</v>
      </c>
      <c r="BPV728" s="424"/>
      <c r="BPW728" s="424"/>
      <c r="BPX728" s="424"/>
      <c r="BPY728" s="423" t="s">
        <v>2795</v>
      </c>
      <c r="BPZ728" s="424"/>
      <c r="BQA728" s="424"/>
      <c r="BQB728" s="424"/>
      <c r="BQC728" s="423" t="s">
        <v>2795</v>
      </c>
      <c r="BQD728" s="424"/>
      <c r="BQE728" s="424"/>
      <c r="BQF728" s="424"/>
      <c r="BQG728" s="423" t="s">
        <v>2795</v>
      </c>
      <c r="BQH728" s="424"/>
      <c r="BQI728" s="424"/>
      <c r="BQJ728" s="424"/>
      <c r="BQK728" s="423" t="s">
        <v>2795</v>
      </c>
      <c r="BQL728" s="424"/>
      <c r="BQM728" s="424"/>
      <c r="BQN728" s="424"/>
      <c r="BQO728" s="423" t="s">
        <v>2795</v>
      </c>
      <c r="BQP728" s="424"/>
      <c r="BQQ728" s="424"/>
      <c r="BQR728" s="424"/>
      <c r="BQS728" s="423" t="s">
        <v>2795</v>
      </c>
      <c r="BQT728" s="424"/>
      <c r="BQU728" s="424"/>
      <c r="BQV728" s="424"/>
      <c r="BQW728" s="423" t="s">
        <v>2795</v>
      </c>
      <c r="BQX728" s="424"/>
      <c r="BQY728" s="424"/>
      <c r="BQZ728" s="424"/>
      <c r="BRA728" s="423" t="s">
        <v>2795</v>
      </c>
      <c r="BRB728" s="424"/>
      <c r="BRC728" s="424"/>
      <c r="BRD728" s="424"/>
      <c r="BRE728" s="423" t="s">
        <v>2795</v>
      </c>
      <c r="BRF728" s="424"/>
      <c r="BRG728" s="424"/>
      <c r="BRH728" s="424"/>
      <c r="BRI728" s="423" t="s">
        <v>2795</v>
      </c>
      <c r="BRJ728" s="424"/>
      <c r="BRK728" s="424"/>
      <c r="BRL728" s="424"/>
      <c r="BRM728" s="423" t="s">
        <v>2795</v>
      </c>
      <c r="BRN728" s="424"/>
      <c r="BRO728" s="424"/>
      <c r="BRP728" s="424"/>
      <c r="BRQ728" s="423" t="s">
        <v>2795</v>
      </c>
      <c r="BRR728" s="424"/>
      <c r="BRS728" s="424"/>
      <c r="BRT728" s="424"/>
      <c r="BRU728" s="423" t="s">
        <v>2795</v>
      </c>
      <c r="BRV728" s="424"/>
      <c r="BRW728" s="424"/>
      <c r="BRX728" s="424"/>
      <c r="BRY728" s="423" t="s">
        <v>2795</v>
      </c>
      <c r="BRZ728" s="424"/>
      <c r="BSA728" s="424"/>
      <c r="BSB728" s="424"/>
      <c r="BSC728" s="423" t="s">
        <v>2795</v>
      </c>
      <c r="BSD728" s="424"/>
      <c r="BSE728" s="424"/>
      <c r="BSF728" s="424"/>
      <c r="BSG728" s="423" t="s">
        <v>2795</v>
      </c>
      <c r="BSH728" s="424"/>
      <c r="BSI728" s="424"/>
      <c r="BSJ728" s="424"/>
      <c r="BSK728" s="423" t="s">
        <v>2795</v>
      </c>
      <c r="BSL728" s="424"/>
      <c r="BSM728" s="424"/>
      <c r="BSN728" s="424"/>
      <c r="BSO728" s="423" t="s">
        <v>2795</v>
      </c>
      <c r="BSP728" s="424"/>
      <c r="BSQ728" s="424"/>
      <c r="BSR728" s="424"/>
      <c r="BSS728" s="423" t="s">
        <v>2795</v>
      </c>
      <c r="BST728" s="424"/>
      <c r="BSU728" s="424"/>
      <c r="BSV728" s="424"/>
      <c r="BSW728" s="423" t="s">
        <v>2795</v>
      </c>
      <c r="BSX728" s="424"/>
      <c r="BSY728" s="424"/>
      <c r="BSZ728" s="424"/>
      <c r="BTA728" s="423" t="s">
        <v>2795</v>
      </c>
      <c r="BTB728" s="424"/>
      <c r="BTC728" s="424"/>
      <c r="BTD728" s="424"/>
      <c r="BTE728" s="423" t="s">
        <v>2795</v>
      </c>
      <c r="BTF728" s="424"/>
      <c r="BTG728" s="424"/>
      <c r="BTH728" s="424"/>
      <c r="BTI728" s="423" t="s">
        <v>2795</v>
      </c>
      <c r="BTJ728" s="424"/>
      <c r="BTK728" s="424"/>
      <c r="BTL728" s="424"/>
      <c r="BTM728" s="423" t="s">
        <v>2795</v>
      </c>
      <c r="BTN728" s="424"/>
      <c r="BTO728" s="424"/>
      <c r="BTP728" s="424"/>
      <c r="BTQ728" s="423" t="s">
        <v>2795</v>
      </c>
      <c r="BTR728" s="424"/>
      <c r="BTS728" s="424"/>
      <c r="BTT728" s="424"/>
      <c r="BTU728" s="423" t="s">
        <v>2795</v>
      </c>
      <c r="BTV728" s="424"/>
      <c r="BTW728" s="424"/>
      <c r="BTX728" s="424"/>
      <c r="BTY728" s="423" t="s">
        <v>2795</v>
      </c>
      <c r="BTZ728" s="424"/>
      <c r="BUA728" s="424"/>
      <c r="BUB728" s="424"/>
      <c r="BUC728" s="423" t="s">
        <v>2795</v>
      </c>
      <c r="BUD728" s="424"/>
      <c r="BUE728" s="424"/>
      <c r="BUF728" s="424"/>
      <c r="BUG728" s="423" t="s">
        <v>2795</v>
      </c>
      <c r="BUH728" s="424"/>
      <c r="BUI728" s="424"/>
      <c r="BUJ728" s="424"/>
      <c r="BUK728" s="423" t="s">
        <v>2795</v>
      </c>
      <c r="BUL728" s="424"/>
      <c r="BUM728" s="424"/>
      <c r="BUN728" s="424"/>
      <c r="BUO728" s="423" t="s">
        <v>2795</v>
      </c>
      <c r="BUP728" s="424"/>
      <c r="BUQ728" s="424"/>
      <c r="BUR728" s="424"/>
      <c r="BUS728" s="423" t="s">
        <v>2795</v>
      </c>
      <c r="BUT728" s="424"/>
      <c r="BUU728" s="424"/>
      <c r="BUV728" s="424"/>
      <c r="BUW728" s="423" t="s">
        <v>2795</v>
      </c>
      <c r="BUX728" s="424"/>
      <c r="BUY728" s="424"/>
      <c r="BUZ728" s="424"/>
      <c r="BVA728" s="423" t="s">
        <v>2795</v>
      </c>
      <c r="BVB728" s="424"/>
      <c r="BVC728" s="424"/>
      <c r="BVD728" s="424"/>
      <c r="BVE728" s="423" t="s">
        <v>2795</v>
      </c>
      <c r="BVF728" s="424"/>
      <c r="BVG728" s="424"/>
      <c r="BVH728" s="424"/>
      <c r="BVI728" s="423" t="s">
        <v>2795</v>
      </c>
      <c r="BVJ728" s="424"/>
      <c r="BVK728" s="424"/>
      <c r="BVL728" s="424"/>
      <c r="BVM728" s="423" t="s">
        <v>2795</v>
      </c>
      <c r="BVN728" s="424"/>
      <c r="BVO728" s="424"/>
      <c r="BVP728" s="424"/>
      <c r="BVQ728" s="423" t="s">
        <v>2795</v>
      </c>
      <c r="BVR728" s="424"/>
      <c r="BVS728" s="424"/>
      <c r="BVT728" s="424"/>
      <c r="BVU728" s="423" t="s">
        <v>2795</v>
      </c>
      <c r="BVV728" s="424"/>
      <c r="BVW728" s="424"/>
      <c r="BVX728" s="424"/>
      <c r="BVY728" s="423" t="s">
        <v>2795</v>
      </c>
      <c r="BVZ728" s="424"/>
      <c r="BWA728" s="424"/>
      <c r="BWB728" s="424"/>
      <c r="BWC728" s="423" t="s">
        <v>2795</v>
      </c>
      <c r="BWD728" s="424"/>
      <c r="BWE728" s="424"/>
      <c r="BWF728" s="424"/>
      <c r="BWG728" s="423" t="s">
        <v>2795</v>
      </c>
      <c r="BWH728" s="424"/>
      <c r="BWI728" s="424"/>
      <c r="BWJ728" s="424"/>
      <c r="BWK728" s="423" t="s">
        <v>2795</v>
      </c>
      <c r="BWL728" s="424"/>
      <c r="BWM728" s="424"/>
      <c r="BWN728" s="424"/>
      <c r="BWO728" s="423" t="s">
        <v>2795</v>
      </c>
      <c r="BWP728" s="424"/>
      <c r="BWQ728" s="424"/>
      <c r="BWR728" s="424"/>
      <c r="BWS728" s="423" t="s">
        <v>2795</v>
      </c>
      <c r="BWT728" s="424"/>
      <c r="BWU728" s="424"/>
      <c r="BWV728" s="424"/>
      <c r="BWW728" s="423" t="s">
        <v>2795</v>
      </c>
      <c r="BWX728" s="424"/>
      <c r="BWY728" s="424"/>
      <c r="BWZ728" s="424"/>
      <c r="BXA728" s="423" t="s">
        <v>2795</v>
      </c>
      <c r="BXB728" s="424"/>
      <c r="BXC728" s="424"/>
      <c r="BXD728" s="424"/>
      <c r="BXE728" s="423" t="s">
        <v>2795</v>
      </c>
      <c r="BXF728" s="424"/>
      <c r="BXG728" s="424"/>
      <c r="BXH728" s="424"/>
      <c r="BXI728" s="423" t="s">
        <v>2795</v>
      </c>
      <c r="BXJ728" s="424"/>
      <c r="BXK728" s="424"/>
      <c r="BXL728" s="424"/>
      <c r="BXM728" s="423" t="s">
        <v>2795</v>
      </c>
      <c r="BXN728" s="424"/>
      <c r="BXO728" s="424"/>
      <c r="BXP728" s="424"/>
      <c r="BXQ728" s="423" t="s">
        <v>2795</v>
      </c>
      <c r="BXR728" s="424"/>
      <c r="BXS728" s="424"/>
      <c r="BXT728" s="424"/>
      <c r="BXU728" s="423" t="s">
        <v>2795</v>
      </c>
      <c r="BXV728" s="424"/>
      <c r="BXW728" s="424"/>
      <c r="BXX728" s="424"/>
      <c r="BXY728" s="423" t="s">
        <v>2795</v>
      </c>
      <c r="BXZ728" s="424"/>
      <c r="BYA728" s="424"/>
      <c r="BYB728" s="424"/>
      <c r="BYC728" s="423" t="s">
        <v>2795</v>
      </c>
      <c r="BYD728" s="424"/>
      <c r="BYE728" s="424"/>
      <c r="BYF728" s="424"/>
      <c r="BYG728" s="423" t="s">
        <v>2795</v>
      </c>
      <c r="BYH728" s="424"/>
      <c r="BYI728" s="424"/>
      <c r="BYJ728" s="424"/>
      <c r="BYK728" s="423" t="s">
        <v>2795</v>
      </c>
      <c r="BYL728" s="424"/>
      <c r="BYM728" s="424"/>
      <c r="BYN728" s="424"/>
      <c r="BYO728" s="423" t="s">
        <v>2795</v>
      </c>
      <c r="BYP728" s="424"/>
      <c r="BYQ728" s="424"/>
      <c r="BYR728" s="424"/>
      <c r="BYS728" s="423" t="s">
        <v>2795</v>
      </c>
      <c r="BYT728" s="424"/>
      <c r="BYU728" s="424"/>
      <c r="BYV728" s="424"/>
      <c r="BYW728" s="423" t="s">
        <v>2795</v>
      </c>
      <c r="BYX728" s="424"/>
      <c r="BYY728" s="424"/>
      <c r="BYZ728" s="424"/>
      <c r="BZA728" s="423" t="s">
        <v>2795</v>
      </c>
      <c r="BZB728" s="424"/>
      <c r="BZC728" s="424"/>
      <c r="BZD728" s="424"/>
      <c r="BZE728" s="423" t="s">
        <v>2795</v>
      </c>
      <c r="BZF728" s="424"/>
      <c r="BZG728" s="424"/>
      <c r="BZH728" s="424"/>
      <c r="BZI728" s="423" t="s">
        <v>2795</v>
      </c>
      <c r="BZJ728" s="424"/>
      <c r="BZK728" s="424"/>
      <c r="BZL728" s="424"/>
      <c r="BZM728" s="423" t="s">
        <v>2795</v>
      </c>
      <c r="BZN728" s="424"/>
      <c r="BZO728" s="424"/>
      <c r="BZP728" s="424"/>
      <c r="BZQ728" s="423" t="s">
        <v>2795</v>
      </c>
      <c r="BZR728" s="424"/>
      <c r="BZS728" s="424"/>
      <c r="BZT728" s="424"/>
      <c r="BZU728" s="423" t="s">
        <v>2795</v>
      </c>
      <c r="BZV728" s="424"/>
      <c r="BZW728" s="424"/>
      <c r="BZX728" s="424"/>
      <c r="BZY728" s="423" t="s">
        <v>2795</v>
      </c>
      <c r="BZZ728" s="424"/>
      <c r="CAA728" s="424"/>
      <c r="CAB728" s="424"/>
      <c r="CAC728" s="423" t="s">
        <v>2795</v>
      </c>
      <c r="CAD728" s="424"/>
      <c r="CAE728" s="424"/>
      <c r="CAF728" s="424"/>
      <c r="CAG728" s="423" t="s">
        <v>2795</v>
      </c>
      <c r="CAH728" s="424"/>
      <c r="CAI728" s="424"/>
      <c r="CAJ728" s="424"/>
      <c r="CAK728" s="423" t="s">
        <v>2795</v>
      </c>
      <c r="CAL728" s="424"/>
      <c r="CAM728" s="424"/>
      <c r="CAN728" s="424"/>
      <c r="CAO728" s="423" t="s">
        <v>2795</v>
      </c>
      <c r="CAP728" s="424"/>
      <c r="CAQ728" s="424"/>
      <c r="CAR728" s="424"/>
      <c r="CAS728" s="423" t="s">
        <v>2795</v>
      </c>
      <c r="CAT728" s="424"/>
      <c r="CAU728" s="424"/>
      <c r="CAV728" s="424"/>
      <c r="CAW728" s="423" t="s">
        <v>2795</v>
      </c>
      <c r="CAX728" s="424"/>
      <c r="CAY728" s="424"/>
      <c r="CAZ728" s="424"/>
      <c r="CBA728" s="423" t="s">
        <v>2795</v>
      </c>
      <c r="CBB728" s="424"/>
      <c r="CBC728" s="424"/>
      <c r="CBD728" s="424"/>
      <c r="CBE728" s="423" t="s">
        <v>2795</v>
      </c>
      <c r="CBF728" s="424"/>
      <c r="CBG728" s="424"/>
      <c r="CBH728" s="424"/>
      <c r="CBI728" s="423" t="s">
        <v>2795</v>
      </c>
      <c r="CBJ728" s="424"/>
      <c r="CBK728" s="424"/>
      <c r="CBL728" s="424"/>
      <c r="CBM728" s="423" t="s">
        <v>2795</v>
      </c>
      <c r="CBN728" s="424"/>
      <c r="CBO728" s="424"/>
      <c r="CBP728" s="424"/>
      <c r="CBQ728" s="423" t="s">
        <v>2795</v>
      </c>
      <c r="CBR728" s="424"/>
      <c r="CBS728" s="424"/>
      <c r="CBT728" s="424"/>
      <c r="CBU728" s="423" t="s">
        <v>2795</v>
      </c>
      <c r="CBV728" s="424"/>
      <c r="CBW728" s="424"/>
      <c r="CBX728" s="424"/>
      <c r="CBY728" s="423" t="s">
        <v>2795</v>
      </c>
      <c r="CBZ728" s="424"/>
      <c r="CCA728" s="424"/>
      <c r="CCB728" s="424"/>
      <c r="CCC728" s="423" t="s">
        <v>2795</v>
      </c>
      <c r="CCD728" s="424"/>
      <c r="CCE728" s="424"/>
      <c r="CCF728" s="424"/>
      <c r="CCG728" s="423" t="s">
        <v>2795</v>
      </c>
      <c r="CCH728" s="424"/>
      <c r="CCI728" s="424"/>
      <c r="CCJ728" s="424"/>
      <c r="CCK728" s="423" t="s">
        <v>2795</v>
      </c>
      <c r="CCL728" s="424"/>
      <c r="CCM728" s="424"/>
      <c r="CCN728" s="424"/>
      <c r="CCO728" s="423" t="s">
        <v>2795</v>
      </c>
      <c r="CCP728" s="424"/>
      <c r="CCQ728" s="424"/>
      <c r="CCR728" s="424"/>
      <c r="CCS728" s="423" t="s">
        <v>2795</v>
      </c>
      <c r="CCT728" s="424"/>
      <c r="CCU728" s="424"/>
      <c r="CCV728" s="424"/>
      <c r="CCW728" s="423" t="s">
        <v>2795</v>
      </c>
      <c r="CCX728" s="424"/>
      <c r="CCY728" s="424"/>
      <c r="CCZ728" s="424"/>
      <c r="CDA728" s="423" t="s">
        <v>2795</v>
      </c>
      <c r="CDB728" s="424"/>
      <c r="CDC728" s="424"/>
      <c r="CDD728" s="424"/>
      <c r="CDE728" s="423" t="s">
        <v>2795</v>
      </c>
      <c r="CDF728" s="424"/>
      <c r="CDG728" s="424"/>
      <c r="CDH728" s="424"/>
      <c r="CDI728" s="423" t="s">
        <v>2795</v>
      </c>
      <c r="CDJ728" s="424"/>
      <c r="CDK728" s="424"/>
      <c r="CDL728" s="424"/>
      <c r="CDM728" s="423" t="s">
        <v>2795</v>
      </c>
      <c r="CDN728" s="424"/>
      <c r="CDO728" s="424"/>
      <c r="CDP728" s="424"/>
      <c r="CDQ728" s="423" t="s">
        <v>2795</v>
      </c>
      <c r="CDR728" s="424"/>
      <c r="CDS728" s="424"/>
      <c r="CDT728" s="424"/>
      <c r="CDU728" s="423" t="s">
        <v>2795</v>
      </c>
      <c r="CDV728" s="424"/>
      <c r="CDW728" s="424"/>
      <c r="CDX728" s="424"/>
      <c r="CDY728" s="423" t="s">
        <v>2795</v>
      </c>
      <c r="CDZ728" s="424"/>
      <c r="CEA728" s="424"/>
      <c r="CEB728" s="424"/>
      <c r="CEC728" s="423" t="s">
        <v>2795</v>
      </c>
      <c r="CED728" s="424"/>
      <c r="CEE728" s="424"/>
      <c r="CEF728" s="424"/>
      <c r="CEG728" s="423" t="s">
        <v>2795</v>
      </c>
      <c r="CEH728" s="424"/>
      <c r="CEI728" s="424"/>
      <c r="CEJ728" s="424"/>
      <c r="CEK728" s="423" t="s">
        <v>2795</v>
      </c>
      <c r="CEL728" s="424"/>
      <c r="CEM728" s="424"/>
      <c r="CEN728" s="424"/>
      <c r="CEO728" s="423" t="s">
        <v>2795</v>
      </c>
      <c r="CEP728" s="424"/>
      <c r="CEQ728" s="424"/>
      <c r="CER728" s="424"/>
      <c r="CES728" s="423" t="s">
        <v>2795</v>
      </c>
      <c r="CET728" s="424"/>
      <c r="CEU728" s="424"/>
      <c r="CEV728" s="424"/>
      <c r="CEW728" s="423" t="s">
        <v>2795</v>
      </c>
      <c r="CEX728" s="424"/>
      <c r="CEY728" s="424"/>
      <c r="CEZ728" s="424"/>
      <c r="CFA728" s="423" t="s">
        <v>2795</v>
      </c>
      <c r="CFB728" s="424"/>
      <c r="CFC728" s="424"/>
      <c r="CFD728" s="424"/>
      <c r="CFE728" s="423" t="s">
        <v>2795</v>
      </c>
      <c r="CFF728" s="424"/>
      <c r="CFG728" s="424"/>
      <c r="CFH728" s="424"/>
      <c r="CFI728" s="423" t="s">
        <v>2795</v>
      </c>
      <c r="CFJ728" s="424"/>
      <c r="CFK728" s="424"/>
      <c r="CFL728" s="424"/>
      <c r="CFM728" s="423" t="s">
        <v>2795</v>
      </c>
      <c r="CFN728" s="424"/>
      <c r="CFO728" s="424"/>
      <c r="CFP728" s="424"/>
      <c r="CFQ728" s="423" t="s">
        <v>2795</v>
      </c>
      <c r="CFR728" s="424"/>
      <c r="CFS728" s="424"/>
      <c r="CFT728" s="424"/>
      <c r="CFU728" s="423" t="s">
        <v>2795</v>
      </c>
      <c r="CFV728" s="424"/>
      <c r="CFW728" s="424"/>
      <c r="CFX728" s="424"/>
      <c r="CFY728" s="423" t="s">
        <v>2795</v>
      </c>
      <c r="CFZ728" s="424"/>
      <c r="CGA728" s="424"/>
      <c r="CGB728" s="424"/>
      <c r="CGC728" s="423" t="s">
        <v>2795</v>
      </c>
      <c r="CGD728" s="424"/>
      <c r="CGE728" s="424"/>
      <c r="CGF728" s="424"/>
      <c r="CGG728" s="423" t="s">
        <v>2795</v>
      </c>
      <c r="CGH728" s="424"/>
      <c r="CGI728" s="424"/>
      <c r="CGJ728" s="424"/>
      <c r="CGK728" s="423" t="s">
        <v>2795</v>
      </c>
      <c r="CGL728" s="424"/>
      <c r="CGM728" s="424"/>
      <c r="CGN728" s="424"/>
      <c r="CGO728" s="423" t="s">
        <v>2795</v>
      </c>
      <c r="CGP728" s="424"/>
      <c r="CGQ728" s="424"/>
      <c r="CGR728" s="424"/>
      <c r="CGS728" s="423" t="s">
        <v>2795</v>
      </c>
      <c r="CGT728" s="424"/>
      <c r="CGU728" s="424"/>
      <c r="CGV728" s="424"/>
      <c r="CGW728" s="423" t="s">
        <v>2795</v>
      </c>
      <c r="CGX728" s="424"/>
      <c r="CGY728" s="424"/>
      <c r="CGZ728" s="424"/>
      <c r="CHA728" s="423" t="s">
        <v>2795</v>
      </c>
      <c r="CHB728" s="424"/>
      <c r="CHC728" s="424"/>
      <c r="CHD728" s="424"/>
      <c r="CHE728" s="423" t="s">
        <v>2795</v>
      </c>
      <c r="CHF728" s="424"/>
      <c r="CHG728" s="424"/>
      <c r="CHH728" s="424"/>
      <c r="CHI728" s="423" t="s">
        <v>2795</v>
      </c>
      <c r="CHJ728" s="424"/>
      <c r="CHK728" s="424"/>
      <c r="CHL728" s="424"/>
      <c r="CHM728" s="423" t="s">
        <v>2795</v>
      </c>
      <c r="CHN728" s="424"/>
      <c r="CHO728" s="424"/>
      <c r="CHP728" s="424"/>
      <c r="CHQ728" s="423" t="s">
        <v>2795</v>
      </c>
      <c r="CHR728" s="424"/>
      <c r="CHS728" s="424"/>
      <c r="CHT728" s="424"/>
      <c r="CHU728" s="423" t="s">
        <v>2795</v>
      </c>
      <c r="CHV728" s="424"/>
      <c r="CHW728" s="424"/>
      <c r="CHX728" s="424"/>
      <c r="CHY728" s="423" t="s">
        <v>2795</v>
      </c>
      <c r="CHZ728" s="424"/>
      <c r="CIA728" s="424"/>
      <c r="CIB728" s="424"/>
      <c r="CIC728" s="423" t="s">
        <v>2795</v>
      </c>
      <c r="CID728" s="424"/>
      <c r="CIE728" s="424"/>
      <c r="CIF728" s="424"/>
      <c r="CIG728" s="423" t="s">
        <v>2795</v>
      </c>
      <c r="CIH728" s="424"/>
      <c r="CII728" s="424"/>
      <c r="CIJ728" s="424"/>
      <c r="CIK728" s="423" t="s">
        <v>2795</v>
      </c>
      <c r="CIL728" s="424"/>
      <c r="CIM728" s="424"/>
      <c r="CIN728" s="424"/>
      <c r="CIO728" s="423" t="s">
        <v>2795</v>
      </c>
      <c r="CIP728" s="424"/>
      <c r="CIQ728" s="424"/>
      <c r="CIR728" s="424"/>
      <c r="CIS728" s="423" t="s">
        <v>2795</v>
      </c>
      <c r="CIT728" s="424"/>
      <c r="CIU728" s="424"/>
      <c r="CIV728" s="424"/>
      <c r="CIW728" s="423" t="s">
        <v>2795</v>
      </c>
      <c r="CIX728" s="424"/>
      <c r="CIY728" s="424"/>
      <c r="CIZ728" s="424"/>
      <c r="CJA728" s="423" t="s">
        <v>2795</v>
      </c>
      <c r="CJB728" s="424"/>
      <c r="CJC728" s="424"/>
      <c r="CJD728" s="424"/>
      <c r="CJE728" s="423" t="s">
        <v>2795</v>
      </c>
      <c r="CJF728" s="424"/>
      <c r="CJG728" s="424"/>
      <c r="CJH728" s="424"/>
      <c r="CJI728" s="423" t="s">
        <v>2795</v>
      </c>
      <c r="CJJ728" s="424"/>
      <c r="CJK728" s="424"/>
      <c r="CJL728" s="424"/>
      <c r="CJM728" s="423" t="s">
        <v>2795</v>
      </c>
      <c r="CJN728" s="424"/>
      <c r="CJO728" s="424"/>
      <c r="CJP728" s="424"/>
      <c r="CJQ728" s="423" t="s">
        <v>2795</v>
      </c>
      <c r="CJR728" s="424"/>
      <c r="CJS728" s="424"/>
      <c r="CJT728" s="424"/>
      <c r="CJU728" s="423" t="s">
        <v>2795</v>
      </c>
      <c r="CJV728" s="424"/>
      <c r="CJW728" s="424"/>
      <c r="CJX728" s="424"/>
      <c r="CJY728" s="423" t="s">
        <v>2795</v>
      </c>
      <c r="CJZ728" s="424"/>
      <c r="CKA728" s="424"/>
      <c r="CKB728" s="424"/>
      <c r="CKC728" s="423" t="s">
        <v>2795</v>
      </c>
      <c r="CKD728" s="424"/>
      <c r="CKE728" s="424"/>
      <c r="CKF728" s="424"/>
      <c r="CKG728" s="423" t="s">
        <v>2795</v>
      </c>
      <c r="CKH728" s="424"/>
      <c r="CKI728" s="424"/>
      <c r="CKJ728" s="424"/>
      <c r="CKK728" s="423" t="s">
        <v>2795</v>
      </c>
      <c r="CKL728" s="424"/>
      <c r="CKM728" s="424"/>
      <c r="CKN728" s="424"/>
      <c r="CKO728" s="423" t="s">
        <v>2795</v>
      </c>
      <c r="CKP728" s="424"/>
      <c r="CKQ728" s="424"/>
      <c r="CKR728" s="424"/>
      <c r="CKS728" s="423" t="s">
        <v>2795</v>
      </c>
      <c r="CKT728" s="424"/>
      <c r="CKU728" s="424"/>
      <c r="CKV728" s="424"/>
      <c r="CKW728" s="423" t="s">
        <v>2795</v>
      </c>
      <c r="CKX728" s="424"/>
      <c r="CKY728" s="424"/>
      <c r="CKZ728" s="424"/>
      <c r="CLA728" s="423" t="s">
        <v>2795</v>
      </c>
      <c r="CLB728" s="424"/>
      <c r="CLC728" s="424"/>
      <c r="CLD728" s="424"/>
      <c r="CLE728" s="423" t="s">
        <v>2795</v>
      </c>
      <c r="CLF728" s="424"/>
      <c r="CLG728" s="424"/>
      <c r="CLH728" s="424"/>
      <c r="CLI728" s="423" t="s">
        <v>2795</v>
      </c>
      <c r="CLJ728" s="424"/>
      <c r="CLK728" s="424"/>
      <c r="CLL728" s="424"/>
      <c r="CLM728" s="423" t="s">
        <v>2795</v>
      </c>
      <c r="CLN728" s="424"/>
      <c r="CLO728" s="424"/>
      <c r="CLP728" s="424"/>
      <c r="CLQ728" s="423" t="s">
        <v>2795</v>
      </c>
      <c r="CLR728" s="424"/>
      <c r="CLS728" s="424"/>
      <c r="CLT728" s="424"/>
      <c r="CLU728" s="423" t="s">
        <v>2795</v>
      </c>
      <c r="CLV728" s="424"/>
      <c r="CLW728" s="424"/>
      <c r="CLX728" s="424"/>
      <c r="CLY728" s="423" t="s">
        <v>2795</v>
      </c>
      <c r="CLZ728" s="424"/>
      <c r="CMA728" s="424"/>
      <c r="CMB728" s="424"/>
      <c r="CMC728" s="423" t="s">
        <v>2795</v>
      </c>
      <c r="CMD728" s="424"/>
      <c r="CME728" s="424"/>
      <c r="CMF728" s="424"/>
      <c r="CMG728" s="423" t="s">
        <v>2795</v>
      </c>
      <c r="CMH728" s="424"/>
      <c r="CMI728" s="424"/>
      <c r="CMJ728" s="424"/>
      <c r="CMK728" s="423" t="s">
        <v>2795</v>
      </c>
      <c r="CML728" s="424"/>
      <c r="CMM728" s="424"/>
      <c r="CMN728" s="424"/>
      <c r="CMO728" s="423" t="s">
        <v>2795</v>
      </c>
      <c r="CMP728" s="424"/>
      <c r="CMQ728" s="424"/>
      <c r="CMR728" s="424"/>
      <c r="CMS728" s="423" t="s">
        <v>2795</v>
      </c>
      <c r="CMT728" s="424"/>
      <c r="CMU728" s="424"/>
      <c r="CMV728" s="424"/>
      <c r="CMW728" s="423" t="s">
        <v>2795</v>
      </c>
      <c r="CMX728" s="424"/>
      <c r="CMY728" s="424"/>
      <c r="CMZ728" s="424"/>
      <c r="CNA728" s="423" t="s">
        <v>2795</v>
      </c>
      <c r="CNB728" s="424"/>
      <c r="CNC728" s="424"/>
      <c r="CND728" s="424"/>
      <c r="CNE728" s="423" t="s">
        <v>2795</v>
      </c>
      <c r="CNF728" s="424"/>
      <c r="CNG728" s="424"/>
      <c r="CNH728" s="424"/>
      <c r="CNI728" s="423" t="s">
        <v>2795</v>
      </c>
      <c r="CNJ728" s="424"/>
      <c r="CNK728" s="424"/>
      <c r="CNL728" s="424"/>
      <c r="CNM728" s="423" t="s">
        <v>2795</v>
      </c>
      <c r="CNN728" s="424"/>
      <c r="CNO728" s="424"/>
      <c r="CNP728" s="424"/>
      <c r="CNQ728" s="423" t="s">
        <v>2795</v>
      </c>
      <c r="CNR728" s="424"/>
      <c r="CNS728" s="424"/>
      <c r="CNT728" s="424"/>
      <c r="CNU728" s="423" t="s">
        <v>2795</v>
      </c>
      <c r="CNV728" s="424"/>
      <c r="CNW728" s="424"/>
      <c r="CNX728" s="424"/>
      <c r="CNY728" s="423" t="s">
        <v>2795</v>
      </c>
      <c r="CNZ728" s="424"/>
      <c r="COA728" s="424"/>
      <c r="COB728" s="424"/>
      <c r="COC728" s="423" t="s">
        <v>2795</v>
      </c>
      <c r="COD728" s="424"/>
      <c r="COE728" s="424"/>
      <c r="COF728" s="424"/>
      <c r="COG728" s="423" t="s">
        <v>2795</v>
      </c>
      <c r="COH728" s="424"/>
      <c r="COI728" s="424"/>
      <c r="COJ728" s="424"/>
      <c r="COK728" s="423" t="s">
        <v>2795</v>
      </c>
      <c r="COL728" s="424"/>
      <c r="COM728" s="424"/>
      <c r="CON728" s="424"/>
      <c r="COO728" s="423" t="s">
        <v>2795</v>
      </c>
      <c r="COP728" s="424"/>
      <c r="COQ728" s="424"/>
      <c r="COR728" s="424"/>
      <c r="COS728" s="423" t="s">
        <v>2795</v>
      </c>
      <c r="COT728" s="424"/>
      <c r="COU728" s="424"/>
      <c r="COV728" s="424"/>
      <c r="COW728" s="423" t="s">
        <v>2795</v>
      </c>
      <c r="COX728" s="424"/>
      <c r="COY728" s="424"/>
      <c r="COZ728" s="424"/>
      <c r="CPA728" s="423" t="s">
        <v>2795</v>
      </c>
      <c r="CPB728" s="424"/>
      <c r="CPC728" s="424"/>
      <c r="CPD728" s="424"/>
      <c r="CPE728" s="423" t="s">
        <v>2795</v>
      </c>
      <c r="CPF728" s="424"/>
      <c r="CPG728" s="424"/>
      <c r="CPH728" s="424"/>
      <c r="CPI728" s="423" t="s">
        <v>2795</v>
      </c>
      <c r="CPJ728" s="424"/>
      <c r="CPK728" s="424"/>
      <c r="CPL728" s="424"/>
      <c r="CPM728" s="423" t="s">
        <v>2795</v>
      </c>
      <c r="CPN728" s="424"/>
      <c r="CPO728" s="424"/>
      <c r="CPP728" s="424"/>
      <c r="CPQ728" s="423" t="s">
        <v>2795</v>
      </c>
      <c r="CPR728" s="424"/>
      <c r="CPS728" s="424"/>
      <c r="CPT728" s="424"/>
      <c r="CPU728" s="423" t="s">
        <v>2795</v>
      </c>
      <c r="CPV728" s="424"/>
      <c r="CPW728" s="424"/>
      <c r="CPX728" s="424"/>
      <c r="CPY728" s="423" t="s">
        <v>2795</v>
      </c>
      <c r="CPZ728" s="424"/>
      <c r="CQA728" s="424"/>
      <c r="CQB728" s="424"/>
      <c r="CQC728" s="423" t="s">
        <v>2795</v>
      </c>
      <c r="CQD728" s="424"/>
      <c r="CQE728" s="424"/>
      <c r="CQF728" s="424"/>
      <c r="CQG728" s="423" t="s">
        <v>2795</v>
      </c>
      <c r="CQH728" s="424"/>
      <c r="CQI728" s="424"/>
      <c r="CQJ728" s="424"/>
      <c r="CQK728" s="423" t="s">
        <v>2795</v>
      </c>
      <c r="CQL728" s="424"/>
      <c r="CQM728" s="424"/>
      <c r="CQN728" s="424"/>
      <c r="CQO728" s="423" t="s">
        <v>2795</v>
      </c>
      <c r="CQP728" s="424"/>
      <c r="CQQ728" s="424"/>
      <c r="CQR728" s="424"/>
      <c r="CQS728" s="423" t="s">
        <v>2795</v>
      </c>
      <c r="CQT728" s="424"/>
      <c r="CQU728" s="424"/>
      <c r="CQV728" s="424"/>
      <c r="CQW728" s="423" t="s">
        <v>2795</v>
      </c>
      <c r="CQX728" s="424"/>
      <c r="CQY728" s="424"/>
      <c r="CQZ728" s="424"/>
      <c r="CRA728" s="423" t="s">
        <v>2795</v>
      </c>
      <c r="CRB728" s="424"/>
      <c r="CRC728" s="424"/>
      <c r="CRD728" s="424"/>
      <c r="CRE728" s="423" t="s">
        <v>2795</v>
      </c>
      <c r="CRF728" s="424"/>
      <c r="CRG728" s="424"/>
      <c r="CRH728" s="424"/>
      <c r="CRI728" s="423" t="s">
        <v>2795</v>
      </c>
      <c r="CRJ728" s="424"/>
      <c r="CRK728" s="424"/>
      <c r="CRL728" s="424"/>
      <c r="CRM728" s="423" t="s">
        <v>2795</v>
      </c>
      <c r="CRN728" s="424"/>
      <c r="CRO728" s="424"/>
      <c r="CRP728" s="424"/>
      <c r="CRQ728" s="423" t="s">
        <v>2795</v>
      </c>
      <c r="CRR728" s="424"/>
      <c r="CRS728" s="424"/>
      <c r="CRT728" s="424"/>
      <c r="CRU728" s="423" t="s">
        <v>2795</v>
      </c>
      <c r="CRV728" s="424"/>
      <c r="CRW728" s="424"/>
      <c r="CRX728" s="424"/>
      <c r="CRY728" s="423" t="s">
        <v>2795</v>
      </c>
      <c r="CRZ728" s="424"/>
      <c r="CSA728" s="424"/>
      <c r="CSB728" s="424"/>
      <c r="CSC728" s="423" t="s">
        <v>2795</v>
      </c>
      <c r="CSD728" s="424"/>
      <c r="CSE728" s="424"/>
      <c r="CSF728" s="424"/>
      <c r="CSG728" s="423" t="s">
        <v>2795</v>
      </c>
      <c r="CSH728" s="424"/>
      <c r="CSI728" s="424"/>
      <c r="CSJ728" s="424"/>
      <c r="CSK728" s="423" t="s">
        <v>2795</v>
      </c>
      <c r="CSL728" s="424"/>
      <c r="CSM728" s="424"/>
      <c r="CSN728" s="424"/>
      <c r="CSO728" s="423" t="s">
        <v>2795</v>
      </c>
      <c r="CSP728" s="424"/>
      <c r="CSQ728" s="424"/>
      <c r="CSR728" s="424"/>
      <c r="CSS728" s="423" t="s">
        <v>2795</v>
      </c>
      <c r="CST728" s="424"/>
      <c r="CSU728" s="424"/>
      <c r="CSV728" s="424"/>
      <c r="CSW728" s="423" t="s">
        <v>2795</v>
      </c>
      <c r="CSX728" s="424"/>
      <c r="CSY728" s="424"/>
      <c r="CSZ728" s="424"/>
      <c r="CTA728" s="423" t="s">
        <v>2795</v>
      </c>
      <c r="CTB728" s="424"/>
      <c r="CTC728" s="424"/>
      <c r="CTD728" s="424"/>
      <c r="CTE728" s="423" t="s">
        <v>2795</v>
      </c>
      <c r="CTF728" s="424"/>
      <c r="CTG728" s="424"/>
      <c r="CTH728" s="424"/>
      <c r="CTI728" s="423" t="s">
        <v>2795</v>
      </c>
      <c r="CTJ728" s="424"/>
      <c r="CTK728" s="424"/>
      <c r="CTL728" s="424"/>
      <c r="CTM728" s="423" t="s">
        <v>2795</v>
      </c>
      <c r="CTN728" s="424"/>
      <c r="CTO728" s="424"/>
      <c r="CTP728" s="424"/>
      <c r="CTQ728" s="423" t="s">
        <v>2795</v>
      </c>
      <c r="CTR728" s="424"/>
      <c r="CTS728" s="424"/>
      <c r="CTT728" s="424"/>
      <c r="CTU728" s="423" t="s">
        <v>2795</v>
      </c>
      <c r="CTV728" s="424"/>
      <c r="CTW728" s="424"/>
      <c r="CTX728" s="424"/>
      <c r="CTY728" s="423" t="s">
        <v>2795</v>
      </c>
      <c r="CTZ728" s="424"/>
      <c r="CUA728" s="424"/>
      <c r="CUB728" s="424"/>
      <c r="CUC728" s="423" t="s">
        <v>2795</v>
      </c>
      <c r="CUD728" s="424"/>
      <c r="CUE728" s="424"/>
      <c r="CUF728" s="424"/>
      <c r="CUG728" s="423" t="s">
        <v>2795</v>
      </c>
      <c r="CUH728" s="424"/>
      <c r="CUI728" s="424"/>
      <c r="CUJ728" s="424"/>
      <c r="CUK728" s="423" t="s">
        <v>2795</v>
      </c>
      <c r="CUL728" s="424"/>
      <c r="CUM728" s="424"/>
      <c r="CUN728" s="424"/>
      <c r="CUO728" s="423" t="s">
        <v>2795</v>
      </c>
      <c r="CUP728" s="424"/>
      <c r="CUQ728" s="424"/>
      <c r="CUR728" s="424"/>
      <c r="CUS728" s="423" t="s">
        <v>2795</v>
      </c>
      <c r="CUT728" s="424"/>
      <c r="CUU728" s="424"/>
      <c r="CUV728" s="424"/>
      <c r="CUW728" s="423" t="s">
        <v>2795</v>
      </c>
      <c r="CUX728" s="424"/>
      <c r="CUY728" s="424"/>
      <c r="CUZ728" s="424"/>
      <c r="CVA728" s="423" t="s">
        <v>2795</v>
      </c>
      <c r="CVB728" s="424"/>
      <c r="CVC728" s="424"/>
      <c r="CVD728" s="424"/>
      <c r="CVE728" s="423" t="s">
        <v>2795</v>
      </c>
      <c r="CVF728" s="424"/>
      <c r="CVG728" s="424"/>
      <c r="CVH728" s="424"/>
      <c r="CVI728" s="423" t="s">
        <v>2795</v>
      </c>
      <c r="CVJ728" s="424"/>
      <c r="CVK728" s="424"/>
      <c r="CVL728" s="424"/>
      <c r="CVM728" s="423" t="s">
        <v>2795</v>
      </c>
      <c r="CVN728" s="424"/>
      <c r="CVO728" s="424"/>
      <c r="CVP728" s="424"/>
      <c r="CVQ728" s="423" t="s">
        <v>2795</v>
      </c>
      <c r="CVR728" s="424"/>
      <c r="CVS728" s="424"/>
      <c r="CVT728" s="424"/>
      <c r="CVU728" s="423" t="s">
        <v>2795</v>
      </c>
      <c r="CVV728" s="424"/>
      <c r="CVW728" s="424"/>
      <c r="CVX728" s="424"/>
      <c r="CVY728" s="423" t="s">
        <v>2795</v>
      </c>
      <c r="CVZ728" s="424"/>
      <c r="CWA728" s="424"/>
      <c r="CWB728" s="424"/>
      <c r="CWC728" s="423" t="s">
        <v>2795</v>
      </c>
      <c r="CWD728" s="424"/>
      <c r="CWE728" s="424"/>
      <c r="CWF728" s="424"/>
      <c r="CWG728" s="423" t="s">
        <v>2795</v>
      </c>
      <c r="CWH728" s="424"/>
      <c r="CWI728" s="424"/>
      <c r="CWJ728" s="424"/>
      <c r="CWK728" s="423" t="s">
        <v>2795</v>
      </c>
      <c r="CWL728" s="424"/>
      <c r="CWM728" s="424"/>
      <c r="CWN728" s="424"/>
      <c r="CWO728" s="423" t="s">
        <v>2795</v>
      </c>
      <c r="CWP728" s="424"/>
      <c r="CWQ728" s="424"/>
      <c r="CWR728" s="424"/>
      <c r="CWS728" s="423" t="s">
        <v>2795</v>
      </c>
      <c r="CWT728" s="424"/>
      <c r="CWU728" s="424"/>
      <c r="CWV728" s="424"/>
      <c r="CWW728" s="423" t="s">
        <v>2795</v>
      </c>
      <c r="CWX728" s="424"/>
      <c r="CWY728" s="424"/>
      <c r="CWZ728" s="424"/>
      <c r="CXA728" s="423" t="s">
        <v>2795</v>
      </c>
      <c r="CXB728" s="424"/>
      <c r="CXC728" s="424"/>
      <c r="CXD728" s="424"/>
      <c r="CXE728" s="423" t="s">
        <v>2795</v>
      </c>
      <c r="CXF728" s="424"/>
      <c r="CXG728" s="424"/>
      <c r="CXH728" s="424"/>
      <c r="CXI728" s="423" t="s">
        <v>2795</v>
      </c>
      <c r="CXJ728" s="424"/>
      <c r="CXK728" s="424"/>
      <c r="CXL728" s="424"/>
      <c r="CXM728" s="423" t="s">
        <v>2795</v>
      </c>
      <c r="CXN728" s="424"/>
      <c r="CXO728" s="424"/>
      <c r="CXP728" s="424"/>
      <c r="CXQ728" s="423" t="s">
        <v>2795</v>
      </c>
      <c r="CXR728" s="424"/>
      <c r="CXS728" s="424"/>
      <c r="CXT728" s="424"/>
      <c r="CXU728" s="423" t="s">
        <v>2795</v>
      </c>
      <c r="CXV728" s="424"/>
      <c r="CXW728" s="424"/>
      <c r="CXX728" s="424"/>
      <c r="CXY728" s="423" t="s">
        <v>2795</v>
      </c>
      <c r="CXZ728" s="424"/>
      <c r="CYA728" s="424"/>
      <c r="CYB728" s="424"/>
      <c r="CYC728" s="423" t="s">
        <v>2795</v>
      </c>
      <c r="CYD728" s="424"/>
      <c r="CYE728" s="424"/>
      <c r="CYF728" s="424"/>
      <c r="CYG728" s="423" t="s">
        <v>2795</v>
      </c>
      <c r="CYH728" s="424"/>
      <c r="CYI728" s="424"/>
      <c r="CYJ728" s="424"/>
      <c r="CYK728" s="423" t="s">
        <v>2795</v>
      </c>
      <c r="CYL728" s="424"/>
      <c r="CYM728" s="424"/>
      <c r="CYN728" s="424"/>
      <c r="CYO728" s="423" t="s">
        <v>2795</v>
      </c>
      <c r="CYP728" s="424"/>
      <c r="CYQ728" s="424"/>
      <c r="CYR728" s="424"/>
      <c r="CYS728" s="423" t="s">
        <v>2795</v>
      </c>
      <c r="CYT728" s="424"/>
      <c r="CYU728" s="424"/>
      <c r="CYV728" s="424"/>
      <c r="CYW728" s="423" t="s">
        <v>2795</v>
      </c>
      <c r="CYX728" s="424"/>
      <c r="CYY728" s="424"/>
      <c r="CYZ728" s="424"/>
      <c r="CZA728" s="423" t="s">
        <v>2795</v>
      </c>
      <c r="CZB728" s="424"/>
      <c r="CZC728" s="424"/>
      <c r="CZD728" s="424"/>
      <c r="CZE728" s="423" t="s">
        <v>2795</v>
      </c>
      <c r="CZF728" s="424"/>
      <c r="CZG728" s="424"/>
      <c r="CZH728" s="424"/>
      <c r="CZI728" s="423" t="s">
        <v>2795</v>
      </c>
      <c r="CZJ728" s="424"/>
      <c r="CZK728" s="424"/>
      <c r="CZL728" s="424"/>
      <c r="CZM728" s="423" t="s">
        <v>2795</v>
      </c>
      <c r="CZN728" s="424"/>
      <c r="CZO728" s="424"/>
      <c r="CZP728" s="424"/>
      <c r="CZQ728" s="423" t="s">
        <v>2795</v>
      </c>
      <c r="CZR728" s="424"/>
      <c r="CZS728" s="424"/>
      <c r="CZT728" s="424"/>
      <c r="CZU728" s="423" t="s">
        <v>2795</v>
      </c>
      <c r="CZV728" s="424"/>
      <c r="CZW728" s="424"/>
      <c r="CZX728" s="424"/>
      <c r="CZY728" s="423" t="s">
        <v>2795</v>
      </c>
      <c r="CZZ728" s="424"/>
      <c r="DAA728" s="424"/>
      <c r="DAB728" s="424"/>
      <c r="DAC728" s="423" t="s">
        <v>2795</v>
      </c>
      <c r="DAD728" s="424"/>
      <c r="DAE728" s="424"/>
      <c r="DAF728" s="424"/>
      <c r="DAG728" s="423" t="s">
        <v>2795</v>
      </c>
      <c r="DAH728" s="424"/>
      <c r="DAI728" s="424"/>
      <c r="DAJ728" s="424"/>
      <c r="DAK728" s="423" t="s">
        <v>2795</v>
      </c>
      <c r="DAL728" s="424"/>
      <c r="DAM728" s="424"/>
      <c r="DAN728" s="424"/>
      <c r="DAO728" s="423" t="s">
        <v>2795</v>
      </c>
      <c r="DAP728" s="424"/>
      <c r="DAQ728" s="424"/>
      <c r="DAR728" s="424"/>
      <c r="DAS728" s="423" t="s">
        <v>2795</v>
      </c>
      <c r="DAT728" s="424"/>
      <c r="DAU728" s="424"/>
      <c r="DAV728" s="424"/>
      <c r="DAW728" s="423" t="s">
        <v>2795</v>
      </c>
      <c r="DAX728" s="424"/>
      <c r="DAY728" s="424"/>
      <c r="DAZ728" s="424"/>
      <c r="DBA728" s="423" t="s">
        <v>2795</v>
      </c>
      <c r="DBB728" s="424"/>
      <c r="DBC728" s="424"/>
      <c r="DBD728" s="424"/>
      <c r="DBE728" s="423" t="s">
        <v>2795</v>
      </c>
      <c r="DBF728" s="424"/>
      <c r="DBG728" s="424"/>
      <c r="DBH728" s="424"/>
      <c r="DBI728" s="423" t="s">
        <v>2795</v>
      </c>
      <c r="DBJ728" s="424"/>
      <c r="DBK728" s="424"/>
      <c r="DBL728" s="424"/>
      <c r="DBM728" s="423" t="s">
        <v>2795</v>
      </c>
      <c r="DBN728" s="424"/>
      <c r="DBO728" s="424"/>
      <c r="DBP728" s="424"/>
      <c r="DBQ728" s="423" t="s">
        <v>2795</v>
      </c>
      <c r="DBR728" s="424"/>
      <c r="DBS728" s="424"/>
      <c r="DBT728" s="424"/>
      <c r="DBU728" s="423" t="s">
        <v>2795</v>
      </c>
      <c r="DBV728" s="424"/>
      <c r="DBW728" s="424"/>
      <c r="DBX728" s="424"/>
      <c r="DBY728" s="423" t="s">
        <v>2795</v>
      </c>
      <c r="DBZ728" s="424"/>
      <c r="DCA728" s="424"/>
      <c r="DCB728" s="424"/>
      <c r="DCC728" s="423" t="s">
        <v>2795</v>
      </c>
      <c r="DCD728" s="424"/>
      <c r="DCE728" s="424"/>
      <c r="DCF728" s="424"/>
      <c r="DCG728" s="423" t="s">
        <v>2795</v>
      </c>
      <c r="DCH728" s="424"/>
      <c r="DCI728" s="424"/>
      <c r="DCJ728" s="424"/>
      <c r="DCK728" s="423" t="s">
        <v>2795</v>
      </c>
      <c r="DCL728" s="424"/>
      <c r="DCM728" s="424"/>
      <c r="DCN728" s="424"/>
      <c r="DCO728" s="423" t="s">
        <v>2795</v>
      </c>
      <c r="DCP728" s="424"/>
      <c r="DCQ728" s="424"/>
      <c r="DCR728" s="424"/>
      <c r="DCS728" s="423" t="s">
        <v>2795</v>
      </c>
      <c r="DCT728" s="424"/>
      <c r="DCU728" s="424"/>
      <c r="DCV728" s="424"/>
      <c r="DCW728" s="423" t="s">
        <v>2795</v>
      </c>
      <c r="DCX728" s="424"/>
      <c r="DCY728" s="424"/>
      <c r="DCZ728" s="424"/>
      <c r="DDA728" s="423" t="s">
        <v>2795</v>
      </c>
      <c r="DDB728" s="424"/>
      <c r="DDC728" s="424"/>
      <c r="DDD728" s="424"/>
      <c r="DDE728" s="423" t="s">
        <v>2795</v>
      </c>
      <c r="DDF728" s="424"/>
      <c r="DDG728" s="424"/>
      <c r="DDH728" s="424"/>
      <c r="DDI728" s="423" t="s">
        <v>2795</v>
      </c>
      <c r="DDJ728" s="424"/>
      <c r="DDK728" s="424"/>
      <c r="DDL728" s="424"/>
      <c r="DDM728" s="423" t="s">
        <v>2795</v>
      </c>
      <c r="DDN728" s="424"/>
      <c r="DDO728" s="424"/>
      <c r="DDP728" s="424"/>
      <c r="DDQ728" s="423" t="s">
        <v>2795</v>
      </c>
      <c r="DDR728" s="424"/>
      <c r="DDS728" s="424"/>
      <c r="DDT728" s="424"/>
      <c r="DDU728" s="423" t="s">
        <v>2795</v>
      </c>
      <c r="DDV728" s="424"/>
      <c r="DDW728" s="424"/>
      <c r="DDX728" s="424"/>
      <c r="DDY728" s="423" t="s">
        <v>2795</v>
      </c>
      <c r="DDZ728" s="424"/>
      <c r="DEA728" s="424"/>
      <c r="DEB728" s="424"/>
      <c r="DEC728" s="423" t="s">
        <v>2795</v>
      </c>
      <c r="DED728" s="424"/>
      <c r="DEE728" s="424"/>
      <c r="DEF728" s="424"/>
      <c r="DEG728" s="423" t="s">
        <v>2795</v>
      </c>
      <c r="DEH728" s="424"/>
      <c r="DEI728" s="424"/>
      <c r="DEJ728" s="424"/>
      <c r="DEK728" s="423" t="s">
        <v>2795</v>
      </c>
      <c r="DEL728" s="424"/>
      <c r="DEM728" s="424"/>
      <c r="DEN728" s="424"/>
      <c r="DEO728" s="423" t="s">
        <v>2795</v>
      </c>
      <c r="DEP728" s="424"/>
      <c r="DEQ728" s="424"/>
      <c r="DER728" s="424"/>
      <c r="DES728" s="423" t="s">
        <v>2795</v>
      </c>
      <c r="DET728" s="424"/>
      <c r="DEU728" s="424"/>
      <c r="DEV728" s="424"/>
      <c r="DEW728" s="423" t="s">
        <v>2795</v>
      </c>
      <c r="DEX728" s="424"/>
      <c r="DEY728" s="424"/>
      <c r="DEZ728" s="424"/>
      <c r="DFA728" s="423" t="s">
        <v>2795</v>
      </c>
      <c r="DFB728" s="424"/>
      <c r="DFC728" s="424"/>
      <c r="DFD728" s="424"/>
      <c r="DFE728" s="423" t="s">
        <v>2795</v>
      </c>
      <c r="DFF728" s="424"/>
      <c r="DFG728" s="424"/>
      <c r="DFH728" s="424"/>
      <c r="DFI728" s="423" t="s">
        <v>2795</v>
      </c>
      <c r="DFJ728" s="424"/>
      <c r="DFK728" s="424"/>
      <c r="DFL728" s="424"/>
      <c r="DFM728" s="423" t="s">
        <v>2795</v>
      </c>
      <c r="DFN728" s="424"/>
      <c r="DFO728" s="424"/>
      <c r="DFP728" s="424"/>
      <c r="DFQ728" s="423" t="s">
        <v>2795</v>
      </c>
      <c r="DFR728" s="424"/>
      <c r="DFS728" s="424"/>
      <c r="DFT728" s="424"/>
      <c r="DFU728" s="423" t="s">
        <v>2795</v>
      </c>
      <c r="DFV728" s="424"/>
      <c r="DFW728" s="424"/>
      <c r="DFX728" s="424"/>
      <c r="DFY728" s="423" t="s">
        <v>2795</v>
      </c>
      <c r="DFZ728" s="424"/>
      <c r="DGA728" s="424"/>
      <c r="DGB728" s="424"/>
      <c r="DGC728" s="423" t="s">
        <v>2795</v>
      </c>
      <c r="DGD728" s="424"/>
      <c r="DGE728" s="424"/>
      <c r="DGF728" s="424"/>
      <c r="DGG728" s="423" t="s">
        <v>2795</v>
      </c>
      <c r="DGH728" s="424"/>
      <c r="DGI728" s="424"/>
      <c r="DGJ728" s="424"/>
      <c r="DGK728" s="423" t="s">
        <v>2795</v>
      </c>
      <c r="DGL728" s="424"/>
      <c r="DGM728" s="424"/>
      <c r="DGN728" s="424"/>
      <c r="DGO728" s="423" t="s">
        <v>2795</v>
      </c>
      <c r="DGP728" s="424"/>
      <c r="DGQ728" s="424"/>
      <c r="DGR728" s="424"/>
      <c r="DGS728" s="423" t="s">
        <v>2795</v>
      </c>
      <c r="DGT728" s="424"/>
      <c r="DGU728" s="424"/>
      <c r="DGV728" s="424"/>
      <c r="DGW728" s="423" t="s">
        <v>2795</v>
      </c>
      <c r="DGX728" s="424"/>
      <c r="DGY728" s="424"/>
      <c r="DGZ728" s="424"/>
      <c r="DHA728" s="423" t="s">
        <v>2795</v>
      </c>
      <c r="DHB728" s="424"/>
      <c r="DHC728" s="424"/>
      <c r="DHD728" s="424"/>
      <c r="DHE728" s="423" t="s">
        <v>2795</v>
      </c>
      <c r="DHF728" s="424"/>
      <c r="DHG728" s="424"/>
      <c r="DHH728" s="424"/>
      <c r="DHI728" s="423" t="s">
        <v>2795</v>
      </c>
      <c r="DHJ728" s="424"/>
      <c r="DHK728" s="424"/>
      <c r="DHL728" s="424"/>
      <c r="DHM728" s="423" t="s">
        <v>2795</v>
      </c>
      <c r="DHN728" s="424"/>
      <c r="DHO728" s="424"/>
      <c r="DHP728" s="424"/>
      <c r="DHQ728" s="423" t="s">
        <v>2795</v>
      </c>
      <c r="DHR728" s="424"/>
      <c r="DHS728" s="424"/>
      <c r="DHT728" s="424"/>
      <c r="DHU728" s="423" t="s">
        <v>2795</v>
      </c>
      <c r="DHV728" s="424"/>
      <c r="DHW728" s="424"/>
      <c r="DHX728" s="424"/>
      <c r="DHY728" s="423" t="s">
        <v>2795</v>
      </c>
      <c r="DHZ728" s="424"/>
      <c r="DIA728" s="424"/>
      <c r="DIB728" s="424"/>
      <c r="DIC728" s="423" t="s">
        <v>2795</v>
      </c>
      <c r="DID728" s="424"/>
      <c r="DIE728" s="424"/>
      <c r="DIF728" s="424"/>
      <c r="DIG728" s="423" t="s">
        <v>2795</v>
      </c>
      <c r="DIH728" s="424"/>
      <c r="DII728" s="424"/>
      <c r="DIJ728" s="424"/>
      <c r="DIK728" s="423" t="s">
        <v>2795</v>
      </c>
      <c r="DIL728" s="424"/>
      <c r="DIM728" s="424"/>
      <c r="DIN728" s="424"/>
      <c r="DIO728" s="423" t="s">
        <v>2795</v>
      </c>
      <c r="DIP728" s="424"/>
      <c r="DIQ728" s="424"/>
      <c r="DIR728" s="424"/>
      <c r="DIS728" s="423" t="s">
        <v>2795</v>
      </c>
      <c r="DIT728" s="424"/>
      <c r="DIU728" s="424"/>
      <c r="DIV728" s="424"/>
      <c r="DIW728" s="423" t="s">
        <v>2795</v>
      </c>
      <c r="DIX728" s="424"/>
      <c r="DIY728" s="424"/>
      <c r="DIZ728" s="424"/>
      <c r="DJA728" s="423" t="s">
        <v>2795</v>
      </c>
      <c r="DJB728" s="424"/>
      <c r="DJC728" s="424"/>
      <c r="DJD728" s="424"/>
      <c r="DJE728" s="423" t="s">
        <v>2795</v>
      </c>
      <c r="DJF728" s="424"/>
      <c r="DJG728" s="424"/>
      <c r="DJH728" s="424"/>
      <c r="DJI728" s="423" t="s">
        <v>2795</v>
      </c>
      <c r="DJJ728" s="424"/>
      <c r="DJK728" s="424"/>
      <c r="DJL728" s="424"/>
      <c r="DJM728" s="423" t="s">
        <v>2795</v>
      </c>
      <c r="DJN728" s="424"/>
      <c r="DJO728" s="424"/>
      <c r="DJP728" s="424"/>
      <c r="DJQ728" s="423" t="s">
        <v>2795</v>
      </c>
      <c r="DJR728" s="424"/>
      <c r="DJS728" s="424"/>
      <c r="DJT728" s="424"/>
      <c r="DJU728" s="423" t="s">
        <v>2795</v>
      </c>
      <c r="DJV728" s="424"/>
      <c r="DJW728" s="424"/>
      <c r="DJX728" s="424"/>
      <c r="DJY728" s="423" t="s">
        <v>2795</v>
      </c>
      <c r="DJZ728" s="424"/>
      <c r="DKA728" s="424"/>
      <c r="DKB728" s="424"/>
      <c r="DKC728" s="423" t="s">
        <v>2795</v>
      </c>
      <c r="DKD728" s="424"/>
      <c r="DKE728" s="424"/>
      <c r="DKF728" s="424"/>
      <c r="DKG728" s="423" t="s">
        <v>2795</v>
      </c>
      <c r="DKH728" s="424"/>
      <c r="DKI728" s="424"/>
      <c r="DKJ728" s="424"/>
      <c r="DKK728" s="423" t="s">
        <v>2795</v>
      </c>
      <c r="DKL728" s="424"/>
      <c r="DKM728" s="424"/>
      <c r="DKN728" s="424"/>
      <c r="DKO728" s="423" t="s">
        <v>2795</v>
      </c>
      <c r="DKP728" s="424"/>
      <c r="DKQ728" s="424"/>
      <c r="DKR728" s="424"/>
      <c r="DKS728" s="423" t="s">
        <v>2795</v>
      </c>
      <c r="DKT728" s="424"/>
      <c r="DKU728" s="424"/>
      <c r="DKV728" s="424"/>
      <c r="DKW728" s="423" t="s">
        <v>2795</v>
      </c>
      <c r="DKX728" s="424"/>
      <c r="DKY728" s="424"/>
      <c r="DKZ728" s="424"/>
      <c r="DLA728" s="423" t="s">
        <v>2795</v>
      </c>
      <c r="DLB728" s="424"/>
      <c r="DLC728" s="424"/>
      <c r="DLD728" s="424"/>
      <c r="DLE728" s="423" t="s">
        <v>2795</v>
      </c>
      <c r="DLF728" s="424"/>
      <c r="DLG728" s="424"/>
      <c r="DLH728" s="424"/>
      <c r="DLI728" s="423" t="s">
        <v>2795</v>
      </c>
      <c r="DLJ728" s="424"/>
      <c r="DLK728" s="424"/>
      <c r="DLL728" s="424"/>
      <c r="DLM728" s="423" t="s">
        <v>2795</v>
      </c>
      <c r="DLN728" s="424"/>
      <c r="DLO728" s="424"/>
      <c r="DLP728" s="424"/>
      <c r="DLQ728" s="423" t="s">
        <v>2795</v>
      </c>
      <c r="DLR728" s="424"/>
      <c r="DLS728" s="424"/>
      <c r="DLT728" s="424"/>
      <c r="DLU728" s="423" t="s">
        <v>2795</v>
      </c>
      <c r="DLV728" s="424"/>
      <c r="DLW728" s="424"/>
      <c r="DLX728" s="424"/>
      <c r="DLY728" s="423" t="s">
        <v>2795</v>
      </c>
      <c r="DLZ728" s="424"/>
      <c r="DMA728" s="424"/>
      <c r="DMB728" s="424"/>
      <c r="DMC728" s="423" t="s">
        <v>2795</v>
      </c>
      <c r="DMD728" s="424"/>
      <c r="DME728" s="424"/>
      <c r="DMF728" s="424"/>
      <c r="DMG728" s="423" t="s">
        <v>2795</v>
      </c>
      <c r="DMH728" s="424"/>
      <c r="DMI728" s="424"/>
      <c r="DMJ728" s="424"/>
      <c r="DMK728" s="423" t="s">
        <v>2795</v>
      </c>
      <c r="DML728" s="424"/>
      <c r="DMM728" s="424"/>
      <c r="DMN728" s="424"/>
      <c r="DMO728" s="423" t="s">
        <v>2795</v>
      </c>
      <c r="DMP728" s="424"/>
      <c r="DMQ728" s="424"/>
      <c r="DMR728" s="424"/>
      <c r="DMS728" s="423" t="s">
        <v>2795</v>
      </c>
      <c r="DMT728" s="424"/>
      <c r="DMU728" s="424"/>
      <c r="DMV728" s="424"/>
      <c r="DMW728" s="423" t="s">
        <v>2795</v>
      </c>
      <c r="DMX728" s="424"/>
      <c r="DMY728" s="424"/>
      <c r="DMZ728" s="424"/>
      <c r="DNA728" s="423" t="s">
        <v>2795</v>
      </c>
      <c r="DNB728" s="424"/>
      <c r="DNC728" s="424"/>
      <c r="DND728" s="424"/>
      <c r="DNE728" s="423" t="s">
        <v>2795</v>
      </c>
      <c r="DNF728" s="424"/>
      <c r="DNG728" s="424"/>
      <c r="DNH728" s="424"/>
      <c r="DNI728" s="423" t="s">
        <v>2795</v>
      </c>
      <c r="DNJ728" s="424"/>
      <c r="DNK728" s="424"/>
      <c r="DNL728" s="424"/>
      <c r="DNM728" s="423" t="s">
        <v>2795</v>
      </c>
      <c r="DNN728" s="424"/>
      <c r="DNO728" s="424"/>
      <c r="DNP728" s="424"/>
      <c r="DNQ728" s="423" t="s">
        <v>2795</v>
      </c>
      <c r="DNR728" s="424"/>
      <c r="DNS728" s="424"/>
      <c r="DNT728" s="424"/>
      <c r="DNU728" s="423" t="s">
        <v>2795</v>
      </c>
      <c r="DNV728" s="424"/>
      <c r="DNW728" s="424"/>
      <c r="DNX728" s="424"/>
      <c r="DNY728" s="423" t="s">
        <v>2795</v>
      </c>
      <c r="DNZ728" s="424"/>
      <c r="DOA728" s="424"/>
      <c r="DOB728" s="424"/>
      <c r="DOC728" s="423" t="s">
        <v>2795</v>
      </c>
      <c r="DOD728" s="424"/>
      <c r="DOE728" s="424"/>
      <c r="DOF728" s="424"/>
      <c r="DOG728" s="423" t="s">
        <v>2795</v>
      </c>
      <c r="DOH728" s="424"/>
      <c r="DOI728" s="424"/>
      <c r="DOJ728" s="424"/>
      <c r="DOK728" s="423" t="s">
        <v>2795</v>
      </c>
      <c r="DOL728" s="424"/>
      <c r="DOM728" s="424"/>
      <c r="DON728" s="424"/>
      <c r="DOO728" s="423" t="s">
        <v>2795</v>
      </c>
      <c r="DOP728" s="424"/>
      <c r="DOQ728" s="424"/>
      <c r="DOR728" s="424"/>
      <c r="DOS728" s="423" t="s">
        <v>2795</v>
      </c>
      <c r="DOT728" s="424"/>
      <c r="DOU728" s="424"/>
      <c r="DOV728" s="424"/>
      <c r="DOW728" s="423" t="s">
        <v>2795</v>
      </c>
      <c r="DOX728" s="424"/>
      <c r="DOY728" s="424"/>
      <c r="DOZ728" s="424"/>
      <c r="DPA728" s="423" t="s">
        <v>2795</v>
      </c>
      <c r="DPB728" s="424"/>
      <c r="DPC728" s="424"/>
      <c r="DPD728" s="424"/>
      <c r="DPE728" s="423" t="s">
        <v>2795</v>
      </c>
      <c r="DPF728" s="424"/>
      <c r="DPG728" s="424"/>
      <c r="DPH728" s="424"/>
      <c r="DPI728" s="423" t="s">
        <v>2795</v>
      </c>
      <c r="DPJ728" s="424"/>
      <c r="DPK728" s="424"/>
      <c r="DPL728" s="424"/>
      <c r="DPM728" s="423" t="s">
        <v>2795</v>
      </c>
      <c r="DPN728" s="424"/>
      <c r="DPO728" s="424"/>
      <c r="DPP728" s="424"/>
      <c r="DPQ728" s="423" t="s">
        <v>2795</v>
      </c>
      <c r="DPR728" s="424"/>
      <c r="DPS728" s="424"/>
      <c r="DPT728" s="424"/>
      <c r="DPU728" s="423" t="s">
        <v>2795</v>
      </c>
      <c r="DPV728" s="424"/>
      <c r="DPW728" s="424"/>
      <c r="DPX728" s="424"/>
      <c r="DPY728" s="423" t="s">
        <v>2795</v>
      </c>
      <c r="DPZ728" s="424"/>
      <c r="DQA728" s="424"/>
      <c r="DQB728" s="424"/>
      <c r="DQC728" s="423" t="s">
        <v>2795</v>
      </c>
      <c r="DQD728" s="424"/>
      <c r="DQE728" s="424"/>
      <c r="DQF728" s="424"/>
      <c r="DQG728" s="423" t="s">
        <v>2795</v>
      </c>
      <c r="DQH728" s="424"/>
      <c r="DQI728" s="424"/>
      <c r="DQJ728" s="424"/>
      <c r="DQK728" s="423" t="s">
        <v>2795</v>
      </c>
      <c r="DQL728" s="424"/>
      <c r="DQM728" s="424"/>
      <c r="DQN728" s="424"/>
      <c r="DQO728" s="423" t="s">
        <v>2795</v>
      </c>
      <c r="DQP728" s="424"/>
      <c r="DQQ728" s="424"/>
      <c r="DQR728" s="424"/>
      <c r="DQS728" s="423" t="s">
        <v>2795</v>
      </c>
      <c r="DQT728" s="424"/>
      <c r="DQU728" s="424"/>
      <c r="DQV728" s="424"/>
      <c r="DQW728" s="423" t="s">
        <v>2795</v>
      </c>
      <c r="DQX728" s="424"/>
      <c r="DQY728" s="424"/>
      <c r="DQZ728" s="424"/>
      <c r="DRA728" s="423" t="s">
        <v>2795</v>
      </c>
      <c r="DRB728" s="424"/>
      <c r="DRC728" s="424"/>
      <c r="DRD728" s="424"/>
      <c r="DRE728" s="423" t="s">
        <v>2795</v>
      </c>
      <c r="DRF728" s="424"/>
      <c r="DRG728" s="424"/>
      <c r="DRH728" s="424"/>
      <c r="DRI728" s="423" t="s">
        <v>2795</v>
      </c>
      <c r="DRJ728" s="424"/>
      <c r="DRK728" s="424"/>
      <c r="DRL728" s="424"/>
      <c r="DRM728" s="423" t="s">
        <v>2795</v>
      </c>
      <c r="DRN728" s="424"/>
      <c r="DRO728" s="424"/>
      <c r="DRP728" s="424"/>
      <c r="DRQ728" s="423" t="s">
        <v>2795</v>
      </c>
      <c r="DRR728" s="424"/>
      <c r="DRS728" s="424"/>
      <c r="DRT728" s="424"/>
      <c r="DRU728" s="423" t="s">
        <v>2795</v>
      </c>
      <c r="DRV728" s="424"/>
      <c r="DRW728" s="424"/>
      <c r="DRX728" s="424"/>
      <c r="DRY728" s="423" t="s">
        <v>2795</v>
      </c>
      <c r="DRZ728" s="424"/>
      <c r="DSA728" s="424"/>
      <c r="DSB728" s="424"/>
      <c r="DSC728" s="423" t="s">
        <v>2795</v>
      </c>
      <c r="DSD728" s="424"/>
      <c r="DSE728" s="424"/>
      <c r="DSF728" s="424"/>
      <c r="DSG728" s="423" t="s">
        <v>2795</v>
      </c>
      <c r="DSH728" s="424"/>
      <c r="DSI728" s="424"/>
      <c r="DSJ728" s="424"/>
      <c r="DSK728" s="423" t="s">
        <v>2795</v>
      </c>
      <c r="DSL728" s="424"/>
      <c r="DSM728" s="424"/>
      <c r="DSN728" s="424"/>
      <c r="DSO728" s="423" t="s">
        <v>2795</v>
      </c>
      <c r="DSP728" s="424"/>
      <c r="DSQ728" s="424"/>
      <c r="DSR728" s="424"/>
      <c r="DSS728" s="423" t="s">
        <v>2795</v>
      </c>
      <c r="DST728" s="424"/>
      <c r="DSU728" s="424"/>
      <c r="DSV728" s="424"/>
      <c r="DSW728" s="423" t="s">
        <v>2795</v>
      </c>
      <c r="DSX728" s="424"/>
      <c r="DSY728" s="424"/>
      <c r="DSZ728" s="424"/>
      <c r="DTA728" s="423" t="s">
        <v>2795</v>
      </c>
      <c r="DTB728" s="424"/>
      <c r="DTC728" s="424"/>
      <c r="DTD728" s="424"/>
      <c r="DTE728" s="423" t="s">
        <v>2795</v>
      </c>
      <c r="DTF728" s="424"/>
      <c r="DTG728" s="424"/>
      <c r="DTH728" s="424"/>
      <c r="DTI728" s="423" t="s">
        <v>2795</v>
      </c>
      <c r="DTJ728" s="424"/>
      <c r="DTK728" s="424"/>
      <c r="DTL728" s="424"/>
      <c r="DTM728" s="423" t="s">
        <v>2795</v>
      </c>
      <c r="DTN728" s="424"/>
      <c r="DTO728" s="424"/>
      <c r="DTP728" s="424"/>
      <c r="DTQ728" s="423" t="s">
        <v>2795</v>
      </c>
      <c r="DTR728" s="424"/>
      <c r="DTS728" s="424"/>
      <c r="DTT728" s="424"/>
      <c r="DTU728" s="423" t="s">
        <v>2795</v>
      </c>
      <c r="DTV728" s="424"/>
      <c r="DTW728" s="424"/>
      <c r="DTX728" s="424"/>
      <c r="DTY728" s="423" t="s">
        <v>2795</v>
      </c>
      <c r="DTZ728" s="424"/>
      <c r="DUA728" s="424"/>
      <c r="DUB728" s="424"/>
      <c r="DUC728" s="423" t="s">
        <v>2795</v>
      </c>
      <c r="DUD728" s="424"/>
      <c r="DUE728" s="424"/>
      <c r="DUF728" s="424"/>
      <c r="DUG728" s="423" t="s">
        <v>2795</v>
      </c>
      <c r="DUH728" s="424"/>
      <c r="DUI728" s="424"/>
      <c r="DUJ728" s="424"/>
      <c r="DUK728" s="423" t="s">
        <v>2795</v>
      </c>
      <c r="DUL728" s="424"/>
      <c r="DUM728" s="424"/>
      <c r="DUN728" s="424"/>
      <c r="DUO728" s="423" t="s">
        <v>2795</v>
      </c>
      <c r="DUP728" s="424"/>
      <c r="DUQ728" s="424"/>
      <c r="DUR728" s="424"/>
      <c r="DUS728" s="423" t="s">
        <v>2795</v>
      </c>
      <c r="DUT728" s="424"/>
      <c r="DUU728" s="424"/>
      <c r="DUV728" s="424"/>
      <c r="DUW728" s="423" t="s">
        <v>2795</v>
      </c>
      <c r="DUX728" s="424"/>
      <c r="DUY728" s="424"/>
      <c r="DUZ728" s="424"/>
      <c r="DVA728" s="423" t="s">
        <v>2795</v>
      </c>
      <c r="DVB728" s="424"/>
      <c r="DVC728" s="424"/>
      <c r="DVD728" s="424"/>
      <c r="DVE728" s="423" t="s">
        <v>2795</v>
      </c>
      <c r="DVF728" s="424"/>
      <c r="DVG728" s="424"/>
      <c r="DVH728" s="424"/>
      <c r="DVI728" s="423" t="s">
        <v>2795</v>
      </c>
      <c r="DVJ728" s="424"/>
      <c r="DVK728" s="424"/>
      <c r="DVL728" s="424"/>
      <c r="DVM728" s="423" t="s">
        <v>2795</v>
      </c>
      <c r="DVN728" s="424"/>
      <c r="DVO728" s="424"/>
      <c r="DVP728" s="424"/>
      <c r="DVQ728" s="423" t="s">
        <v>2795</v>
      </c>
      <c r="DVR728" s="424"/>
      <c r="DVS728" s="424"/>
      <c r="DVT728" s="424"/>
      <c r="DVU728" s="423" t="s">
        <v>2795</v>
      </c>
      <c r="DVV728" s="424"/>
      <c r="DVW728" s="424"/>
      <c r="DVX728" s="424"/>
      <c r="DVY728" s="423" t="s">
        <v>2795</v>
      </c>
      <c r="DVZ728" s="424"/>
      <c r="DWA728" s="424"/>
      <c r="DWB728" s="424"/>
      <c r="DWC728" s="423" t="s">
        <v>2795</v>
      </c>
      <c r="DWD728" s="424"/>
      <c r="DWE728" s="424"/>
      <c r="DWF728" s="424"/>
      <c r="DWG728" s="423" t="s">
        <v>2795</v>
      </c>
      <c r="DWH728" s="424"/>
      <c r="DWI728" s="424"/>
      <c r="DWJ728" s="424"/>
      <c r="DWK728" s="423" t="s">
        <v>2795</v>
      </c>
      <c r="DWL728" s="424"/>
      <c r="DWM728" s="424"/>
      <c r="DWN728" s="424"/>
      <c r="DWO728" s="423" t="s">
        <v>2795</v>
      </c>
      <c r="DWP728" s="424"/>
      <c r="DWQ728" s="424"/>
      <c r="DWR728" s="424"/>
      <c r="DWS728" s="423" t="s">
        <v>2795</v>
      </c>
      <c r="DWT728" s="424"/>
      <c r="DWU728" s="424"/>
      <c r="DWV728" s="424"/>
      <c r="DWW728" s="423" t="s">
        <v>2795</v>
      </c>
      <c r="DWX728" s="424"/>
      <c r="DWY728" s="424"/>
      <c r="DWZ728" s="424"/>
      <c r="DXA728" s="423" t="s">
        <v>2795</v>
      </c>
      <c r="DXB728" s="424"/>
      <c r="DXC728" s="424"/>
      <c r="DXD728" s="424"/>
      <c r="DXE728" s="423" t="s">
        <v>2795</v>
      </c>
      <c r="DXF728" s="424"/>
      <c r="DXG728" s="424"/>
      <c r="DXH728" s="424"/>
      <c r="DXI728" s="423" t="s">
        <v>2795</v>
      </c>
      <c r="DXJ728" s="424"/>
      <c r="DXK728" s="424"/>
      <c r="DXL728" s="424"/>
      <c r="DXM728" s="423" t="s">
        <v>2795</v>
      </c>
      <c r="DXN728" s="424"/>
      <c r="DXO728" s="424"/>
      <c r="DXP728" s="424"/>
      <c r="DXQ728" s="423" t="s">
        <v>2795</v>
      </c>
      <c r="DXR728" s="424"/>
      <c r="DXS728" s="424"/>
      <c r="DXT728" s="424"/>
      <c r="DXU728" s="423" t="s">
        <v>2795</v>
      </c>
      <c r="DXV728" s="424"/>
      <c r="DXW728" s="424"/>
      <c r="DXX728" s="424"/>
      <c r="DXY728" s="423" t="s">
        <v>2795</v>
      </c>
      <c r="DXZ728" s="424"/>
      <c r="DYA728" s="424"/>
      <c r="DYB728" s="424"/>
      <c r="DYC728" s="423" t="s">
        <v>2795</v>
      </c>
      <c r="DYD728" s="424"/>
      <c r="DYE728" s="424"/>
      <c r="DYF728" s="424"/>
      <c r="DYG728" s="423" t="s">
        <v>2795</v>
      </c>
      <c r="DYH728" s="424"/>
      <c r="DYI728" s="424"/>
      <c r="DYJ728" s="424"/>
      <c r="DYK728" s="423" t="s">
        <v>2795</v>
      </c>
      <c r="DYL728" s="424"/>
      <c r="DYM728" s="424"/>
      <c r="DYN728" s="424"/>
      <c r="DYO728" s="423" t="s">
        <v>2795</v>
      </c>
      <c r="DYP728" s="424"/>
      <c r="DYQ728" s="424"/>
      <c r="DYR728" s="424"/>
      <c r="DYS728" s="423" t="s">
        <v>2795</v>
      </c>
      <c r="DYT728" s="424"/>
      <c r="DYU728" s="424"/>
      <c r="DYV728" s="424"/>
      <c r="DYW728" s="423" t="s">
        <v>2795</v>
      </c>
      <c r="DYX728" s="424"/>
      <c r="DYY728" s="424"/>
      <c r="DYZ728" s="424"/>
      <c r="DZA728" s="423" t="s">
        <v>2795</v>
      </c>
      <c r="DZB728" s="424"/>
      <c r="DZC728" s="424"/>
      <c r="DZD728" s="424"/>
      <c r="DZE728" s="423" t="s">
        <v>2795</v>
      </c>
      <c r="DZF728" s="424"/>
      <c r="DZG728" s="424"/>
      <c r="DZH728" s="424"/>
      <c r="DZI728" s="423" t="s">
        <v>2795</v>
      </c>
      <c r="DZJ728" s="424"/>
      <c r="DZK728" s="424"/>
      <c r="DZL728" s="424"/>
      <c r="DZM728" s="423" t="s">
        <v>2795</v>
      </c>
      <c r="DZN728" s="424"/>
      <c r="DZO728" s="424"/>
      <c r="DZP728" s="424"/>
      <c r="DZQ728" s="423" t="s">
        <v>2795</v>
      </c>
      <c r="DZR728" s="424"/>
      <c r="DZS728" s="424"/>
      <c r="DZT728" s="424"/>
      <c r="DZU728" s="423" t="s">
        <v>2795</v>
      </c>
      <c r="DZV728" s="424"/>
      <c r="DZW728" s="424"/>
      <c r="DZX728" s="424"/>
      <c r="DZY728" s="423" t="s">
        <v>2795</v>
      </c>
      <c r="DZZ728" s="424"/>
      <c r="EAA728" s="424"/>
      <c r="EAB728" s="424"/>
      <c r="EAC728" s="423" t="s">
        <v>2795</v>
      </c>
      <c r="EAD728" s="424"/>
      <c r="EAE728" s="424"/>
      <c r="EAF728" s="424"/>
      <c r="EAG728" s="423" t="s">
        <v>2795</v>
      </c>
      <c r="EAH728" s="424"/>
      <c r="EAI728" s="424"/>
      <c r="EAJ728" s="424"/>
      <c r="EAK728" s="423" t="s">
        <v>2795</v>
      </c>
      <c r="EAL728" s="424"/>
      <c r="EAM728" s="424"/>
      <c r="EAN728" s="424"/>
      <c r="EAO728" s="423" t="s">
        <v>2795</v>
      </c>
      <c r="EAP728" s="424"/>
      <c r="EAQ728" s="424"/>
      <c r="EAR728" s="424"/>
      <c r="EAS728" s="423" t="s">
        <v>2795</v>
      </c>
      <c r="EAT728" s="424"/>
      <c r="EAU728" s="424"/>
      <c r="EAV728" s="424"/>
      <c r="EAW728" s="423" t="s">
        <v>2795</v>
      </c>
      <c r="EAX728" s="424"/>
      <c r="EAY728" s="424"/>
      <c r="EAZ728" s="424"/>
      <c r="EBA728" s="423" t="s">
        <v>2795</v>
      </c>
      <c r="EBB728" s="424"/>
      <c r="EBC728" s="424"/>
      <c r="EBD728" s="424"/>
      <c r="EBE728" s="423" t="s">
        <v>2795</v>
      </c>
      <c r="EBF728" s="424"/>
      <c r="EBG728" s="424"/>
      <c r="EBH728" s="424"/>
      <c r="EBI728" s="423" t="s">
        <v>2795</v>
      </c>
      <c r="EBJ728" s="424"/>
      <c r="EBK728" s="424"/>
      <c r="EBL728" s="424"/>
      <c r="EBM728" s="423" t="s">
        <v>2795</v>
      </c>
      <c r="EBN728" s="424"/>
      <c r="EBO728" s="424"/>
      <c r="EBP728" s="424"/>
      <c r="EBQ728" s="423" t="s">
        <v>2795</v>
      </c>
      <c r="EBR728" s="424"/>
      <c r="EBS728" s="424"/>
      <c r="EBT728" s="424"/>
      <c r="EBU728" s="423" t="s">
        <v>2795</v>
      </c>
      <c r="EBV728" s="424"/>
      <c r="EBW728" s="424"/>
      <c r="EBX728" s="424"/>
      <c r="EBY728" s="423" t="s">
        <v>2795</v>
      </c>
      <c r="EBZ728" s="424"/>
      <c r="ECA728" s="424"/>
      <c r="ECB728" s="424"/>
      <c r="ECC728" s="423" t="s">
        <v>2795</v>
      </c>
      <c r="ECD728" s="424"/>
      <c r="ECE728" s="424"/>
      <c r="ECF728" s="424"/>
      <c r="ECG728" s="423" t="s">
        <v>2795</v>
      </c>
      <c r="ECH728" s="424"/>
      <c r="ECI728" s="424"/>
      <c r="ECJ728" s="424"/>
      <c r="ECK728" s="423" t="s">
        <v>2795</v>
      </c>
      <c r="ECL728" s="424"/>
      <c r="ECM728" s="424"/>
      <c r="ECN728" s="424"/>
      <c r="ECO728" s="423" t="s">
        <v>2795</v>
      </c>
      <c r="ECP728" s="424"/>
      <c r="ECQ728" s="424"/>
      <c r="ECR728" s="424"/>
      <c r="ECS728" s="423" t="s">
        <v>2795</v>
      </c>
      <c r="ECT728" s="424"/>
      <c r="ECU728" s="424"/>
      <c r="ECV728" s="424"/>
      <c r="ECW728" s="423" t="s">
        <v>2795</v>
      </c>
      <c r="ECX728" s="424"/>
      <c r="ECY728" s="424"/>
      <c r="ECZ728" s="424"/>
      <c r="EDA728" s="423" t="s">
        <v>2795</v>
      </c>
      <c r="EDB728" s="424"/>
      <c r="EDC728" s="424"/>
      <c r="EDD728" s="424"/>
      <c r="EDE728" s="423" t="s">
        <v>2795</v>
      </c>
      <c r="EDF728" s="424"/>
      <c r="EDG728" s="424"/>
      <c r="EDH728" s="424"/>
      <c r="EDI728" s="423" t="s">
        <v>2795</v>
      </c>
      <c r="EDJ728" s="424"/>
      <c r="EDK728" s="424"/>
      <c r="EDL728" s="424"/>
      <c r="EDM728" s="423" t="s">
        <v>2795</v>
      </c>
      <c r="EDN728" s="424"/>
      <c r="EDO728" s="424"/>
      <c r="EDP728" s="424"/>
      <c r="EDQ728" s="423" t="s">
        <v>2795</v>
      </c>
      <c r="EDR728" s="424"/>
      <c r="EDS728" s="424"/>
      <c r="EDT728" s="424"/>
      <c r="EDU728" s="423" t="s">
        <v>2795</v>
      </c>
      <c r="EDV728" s="424"/>
      <c r="EDW728" s="424"/>
      <c r="EDX728" s="424"/>
      <c r="EDY728" s="423" t="s">
        <v>2795</v>
      </c>
      <c r="EDZ728" s="424"/>
      <c r="EEA728" s="424"/>
      <c r="EEB728" s="424"/>
      <c r="EEC728" s="423" t="s">
        <v>2795</v>
      </c>
      <c r="EED728" s="424"/>
      <c r="EEE728" s="424"/>
      <c r="EEF728" s="424"/>
      <c r="EEG728" s="423" t="s">
        <v>2795</v>
      </c>
      <c r="EEH728" s="424"/>
      <c r="EEI728" s="424"/>
      <c r="EEJ728" s="424"/>
      <c r="EEK728" s="423" t="s">
        <v>2795</v>
      </c>
      <c r="EEL728" s="424"/>
      <c r="EEM728" s="424"/>
      <c r="EEN728" s="424"/>
      <c r="EEO728" s="423" t="s">
        <v>2795</v>
      </c>
      <c r="EEP728" s="424"/>
      <c r="EEQ728" s="424"/>
      <c r="EER728" s="424"/>
      <c r="EES728" s="423" t="s">
        <v>2795</v>
      </c>
      <c r="EET728" s="424"/>
      <c r="EEU728" s="424"/>
      <c r="EEV728" s="424"/>
      <c r="EEW728" s="423" t="s">
        <v>2795</v>
      </c>
      <c r="EEX728" s="424"/>
      <c r="EEY728" s="424"/>
      <c r="EEZ728" s="424"/>
      <c r="EFA728" s="423" t="s">
        <v>2795</v>
      </c>
      <c r="EFB728" s="424"/>
      <c r="EFC728" s="424"/>
      <c r="EFD728" s="424"/>
      <c r="EFE728" s="423" t="s">
        <v>2795</v>
      </c>
      <c r="EFF728" s="424"/>
      <c r="EFG728" s="424"/>
      <c r="EFH728" s="424"/>
      <c r="EFI728" s="423" t="s">
        <v>2795</v>
      </c>
      <c r="EFJ728" s="424"/>
      <c r="EFK728" s="424"/>
      <c r="EFL728" s="424"/>
      <c r="EFM728" s="423" t="s">
        <v>2795</v>
      </c>
      <c r="EFN728" s="424"/>
      <c r="EFO728" s="424"/>
      <c r="EFP728" s="424"/>
      <c r="EFQ728" s="423" t="s">
        <v>2795</v>
      </c>
      <c r="EFR728" s="424"/>
      <c r="EFS728" s="424"/>
      <c r="EFT728" s="424"/>
      <c r="EFU728" s="423" t="s">
        <v>2795</v>
      </c>
      <c r="EFV728" s="424"/>
      <c r="EFW728" s="424"/>
      <c r="EFX728" s="424"/>
      <c r="EFY728" s="423" t="s">
        <v>2795</v>
      </c>
      <c r="EFZ728" s="424"/>
      <c r="EGA728" s="424"/>
      <c r="EGB728" s="424"/>
      <c r="EGC728" s="423" t="s">
        <v>2795</v>
      </c>
      <c r="EGD728" s="424"/>
      <c r="EGE728" s="424"/>
      <c r="EGF728" s="424"/>
      <c r="EGG728" s="423" t="s">
        <v>2795</v>
      </c>
      <c r="EGH728" s="424"/>
      <c r="EGI728" s="424"/>
      <c r="EGJ728" s="424"/>
      <c r="EGK728" s="423" t="s">
        <v>2795</v>
      </c>
      <c r="EGL728" s="424"/>
      <c r="EGM728" s="424"/>
      <c r="EGN728" s="424"/>
      <c r="EGO728" s="423" t="s">
        <v>2795</v>
      </c>
      <c r="EGP728" s="424"/>
      <c r="EGQ728" s="424"/>
      <c r="EGR728" s="424"/>
      <c r="EGS728" s="423" t="s">
        <v>2795</v>
      </c>
      <c r="EGT728" s="424"/>
      <c r="EGU728" s="424"/>
      <c r="EGV728" s="424"/>
      <c r="EGW728" s="423" t="s">
        <v>2795</v>
      </c>
      <c r="EGX728" s="424"/>
      <c r="EGY728" s="424"/>
      <c r="EGZ728" s="424"/>
      <c r="EHA728" s="423" t="s">
        <v>2795</v>
      </c>
      <c r="EHB728" s="424"/>
      <c r="EHC728" s="424"/>
      <c r="EHD728" s="424"/>
      <c r="EHE728" s="423" t="s">
        <v>2795</v>
      </c>
      <c r="EHF728" s="424"/>
      <c r="EHG728" s="424"/>
      <c r="EHH728" s="424"/>
      <c r="EHI728" s="423" t="s">
        <v>2795</v>
      </c>
      <c r="EHJ728" s="424"/>
      <c r="EHK728" s="424"/>
      <c r="EHL728" s="424"/>
      <c r="EHM728" s="423" t="s">
        <v>2795</v>
      </c>
      <c r="EHN728" s="424"/>
      <c r="EHO728" s="424"/>
      <c r="EHP728" s="424"/>
      <c r="EHQ728" s="423" t="s">
        <v>2795</v>
      </c>
      <c r="EHR728" s="424"/>
      <c r="EHS728" s="424"/>
      <c r="EHT728" s="424"/>
      <c r="EHU728" s="423" t="s">
        <v>2795</v>
      </c>
      <c r="EHV728" s="424"/>
      <c r="EHW728" s="424"/>
      <c r="EHX728" s="424"/>
      <c r="EHY728" s="423" t="s">
        <v>2795</v>
      </c>
      <c r="EHZ728" s="424"/>
      <c r="EIA728" s="424"/>
      <c r="EIB728" s="424"/>
      <c r="EIC728" s="423" t="s">
        <v>2795</v>
      </c>
      <c r="EID728" s="424"/>
      <c r="EIE728" s="424"/>
      <c r="EIF728" s="424"/>
      <c r="EIG728" s="423" t="s">
        <v>2795</v>
      </c>
      <c r="EIH728" s="424"/>
      <c r="EII728" s="424"/>
      <c r="EIJ728" s="424"/>
      <c r="EIK728" s="423" t="s">
        <v>2795</v>
      </c>
      <c r="EIL728" s="424"/>
      <c r="EIM728" s="424"/>
      <c r="EIN728" s="424"/>
      <c r="EIO728" s="423" t="s">
        <v>2795</v>
      </c>
      <c r="EIP728" s="424"/>
      <c r="EIQ728" s="424"/>
      <c r="EIR728" s="424"/>
      <c r="EIS728" s="423" t="s">
        <v>2795</v>
      </c>
      <c r="EIT728" s="424"/>
      <c r="EIU728" s="424"/>
      <c r="EIV728" s="424"/>
      <c r="EIW728" s="423" t="s">
        <v>2795</v>
      </c>
      <c r="EIX728" s="424"/>
      <c r="EIY728" s="424"/>
      <c r="EIZ728" s="424"/>
      <c r="EJA728" s="423" t="s">
        <v>2795</v>
      </c>
      <c r="EJB728" s="424"/>
      <c r="EJC728" s="424"/>
      <c r="EJD728" s="424"/>
      <c r="EJE728" s="423" t="s">
        <v>2795</v>
      </c>
      <c r="EJF728" s="424"/>
      <c r="EJG728" s="424"/>
      <c r="EJH728" s="424"/>
      <c r="EJI728" s="423" t="s">
        <v>2795</v>
      </c>
      <c r="EJJ728" s="424"/>
      <c r="EJK728" s="424"/>
      <c r="EJL728" s="424"/>
      <c r="EJM728" s="423" t="s">
        <v>2795</v>
      </c>
      <c r="EJN728" s="424"/>
      <c r="EJO728" s="424"/>
      <c r="EJP728" s="424"/>
      <c r="EJQ728" s="423" t="s">
        <v>2795</v>
      </c>
      <c r="EJR728" s="424"/>
      <c r="EJS728" s="424"/>
      <c r="EJT728" s="424"/>
      <c r="EJU728" s="423" t="s">
        <v>2795</v>
      </c>
      <c r="EJV728" s="424"/>
      <c r="EJW728" s="424"/>
      <c r="EJX728" s="424"/>
      <c r="EJY728" s="423" t="s">
        <v>2795</v>
      </c>
      <c r="EJZ728" s="424"/>
      <c r="EKA728" s="424"/>
      <c r="EKB728" s="424"/>
      <c r="EKC728" s="423" t="s">
        <v>2795</v>
      </c>
      <c r="EKD728" s="424"/>
      <c r="EKE728" s="424"/>
      <c r="EKF728" s="424"/>
      <c r="EKG728" s="423" t="s">
        <v>2795</v>
      </c>
      <c r="EKH728" s="424"/>
      <c r="EKI728" s="424"/>
      <c r="EKJ728" s="424"/>
      <c r="EKK728" s="423" t="s">
        <v>2795</v>
      </c>
      <c r="EKL728" s="424"/>
      <c r="EKM728" s="424"/>
      <c r="EKN728" s="424"/>
      <c r="EKO728" s="423" t="s">
        <v>2795</v>
      </c>
      <c r="EKP728" s="424"/>
      <c r="EKQ728" s="424"/>
      <c r="EKR728" s="424"/>
      <c r="EKS728" s="423" t="s">
        <v>2795</v>
      </c>
      <c r="EKT728" s="424"/>
      <c r="EKU728" s="424"/>
      <c r="EKV728" s="424"/>
      <c r="EKW728" s="423" t="s">
        <v>2795</v>
      </c>
      <c r="EKX728" s="424"/>
      <c r="EKY728" s="424"/>
      <c r="EKZ728" s="424"/>
      <c r="ELA728" s="423" t="s">
        <v>2795</v>
      </c>
      <c r="ELB728" s="424"/>
      <c r="ELC728" s="424"/>
      <c r="ELD728" s="424"/>
      <c r="ELE728" s="423" t="s">
        <v>2795</v>
      </c>
      <c r="ELF728" s="424"/>
      <c r="ELG728" s="424"/>
      <c r="ELH728" s="424"/>
      <c r="ELI728" s="423" t="s">
        <v>2795</v>
      </c>
      <c r="ELJ728" s="424"/>
      <c r="ELK728" s="424"/>
      <c r="ELL728" s="424"/>
      <c r="ELM728" s="423" t="s">
        <v>2795</v>
      </c>
      <c r="ELN728" s="424"/>
      <c r="ELO728" s="424"/>
      <c r="ELP728" s="424"/>
      <c r="ELQ728" s="423" t="s">
        <v>2795</v>
      </c>
      <c r="ELR728" s="424"/>
      <c r="ELS728" s="424"/>
      <c r="ELT728" s="424"/>
      <c r="ELU728" s="423" t="s">
        <v>2795</v>
      </c>
      <c r="ELV728" s="424"/>
      <c r="ELW728" s="424"/>
      <c r="ELX728" s="424"/>
      <c r="ELY728" s="423" t="s">
        <v>2795</v>
      </c>
      <c r="ELZ728" s="424"/>
      <c r="EMA728" s="424"/>
      <c r="EMB728" s="424"/>
      <c r="EMC728" s="423" t="s">
        <v>2795</v>
      </c>
      <c r="EMD728" s="424"/>
      <c r="EME728" s="424"/>
      <c r="EMF728" s="424"/>
      <c r="EMG728" s="423" t="s">
        <v>2795</v>
      </c>
      <c r="EMH728" s="424"/>
      <c r="EMI728" s="424"/>
      <c r="EMJ728" s="424"/>
      <c r="EMK728" s="423" t="s">
        <v>2795</v>
      </c>
      <c r="EML728" s="424"/>
      <c r="EMM728" s="424"/>
      <c r="EMN728" s="424"/>
      <c r="EMO728" s="423" t="s">
        <v>2795</v>
      </c>
      <c r="EMP728" s="424"/>
      <c r="EMQ728" s="424"/>
      <c r="EMR728" s="424"/>
      <c r="EMS728" s="423" t="s">
        <v>2795</v>
      </c>
      <c r="EMT728" s="424"/>
      <c r="EMU728" s="424"/>
      <c r="EMV728" s="424"/>
      <c r="EMW728" s="423" t="s">
        <v>2795</v>
      </c>
      <c r="EMX728" s="424"/>
      <c r="EMY728" s="424"/>
      <c r="EMZ728" s="424"/>
      <c r="ENA728" s="423" t="s">
        <v>2795</v>
      </c>
      <c r="ENB728" s="424"/>
      <c r="ENC728" s="424"/>
      <c r="END728" s="424"/>
      <c r="ENE728" s="423" t="s">
        <v>2795</v>
      </c>
      <c r="ENF728" s="424"/>
      <c r="ENG728" s="424"/>
      <c r="ENH728" s="424"/>
      <c r="ENI728" s="423" t="s">
        <v>2795</v>
      </c>
      <c r="ENJ728" s="424"/>
      <c r="ENK728" s="424"/>
      <c r="ENL728" s="424"/>
      <c r="ENM728" s="423" t="s">
        <v>2795</v>
      </c>
      <c r="ENN728" s="424"/>
      <c r="ENO728" s="424"/>
      <c r="ENP728" s="424"/>
      <c r="ENQ728" s="423" t="s">
        <v>2795</v>
      </c>
      <c r="ENR728" s="424"/>
      <c r="ENS728" s="424"/>
      <c r="ENT728" s="424"/>
      <c r="ENU728" s="423" t="s">
        <v>2795</v>
      </c>
      <c r="ENV728" s="424"/>
      <c r="ENW728" s="424"/>
      <c r="ENX728" s="424"/>
      <c r="ENY728" s="423" t="s">
        <v>2795</v>
      </c>
      <c r="ENZ728" s="424"/>
      <c r="EOA728" s="424"/>
      <c r="EOB728" s="424"/>
      <c r="EOC728" s="423" t="s">
        <v>2795</v>
      </c>
      <c r="EOD728" s="424"/>
      <c r="EOE728" s="424"/>
      <c r="EOF728" s="424"/>
      <c r="EOG728" s="423" t="s">
        <v>2795</v>
      </c>
      <c r="EOH728" s="424"/>
      <c r="EOI728" s="424"/>
      <c r="EOJ728" s="424"/>
      <c r="EOK728" s="423" t="s">
        <v>2795</v>
      </c>
      <c r="EOL728" s="424"/>
      <c r="EOM728" s="424"/>
      <c r="EON728" s="424"/>
      <c r="EOO728" s="423" t="s">
        <v>2795</v>
      </c>
      <c r="EOP728" s="424"/>
      <c r="EOQ728" s="424"/>
      <c r="EOR728" s="424"/>
      <c r="EOS728" s="423" t="s">
        <v>2795</v>
      </c>
      <c r="EOT728" s="424"/>
      <c r="EOU728" s="424"/>
      <c r="EOV728" s="424"/>
      <c r="EOW728" s="423" t="s">
        <v>2795</v>
      </c>
      <c r="EOX728" s="424"/>
      <c r="EOY728" s="424"/>
      <c r="EOZ728" s="424"/>
      <c r="EPA728" s="423" t="s">
        <v>2795</v>
      </c>
      <c r="EPB728" s="424"/>
      <c r="EPC728" s="424"/>
      <c r="EPD728" s="424"/>
      <c r="EPE728" s="423" t="s">
        <v>2795</v>
      </c>
      <c r="EPF728" s="424"/>
      <c r="EPG728" s="424"/>
      <c r="EPH728" s="424"/>
      <c r="EPI728" s="423" t="s">
        <v>2795</v>
      </c>
      <c r="EPJ728" s="424"/>
      <c r="EPK728" s="424"/>
      <c r="EPL728" s="424"/>
      <c r="EPM728" s="423" t="s">
        <v>2795</v>
      </c>
      <c r="EPN728" s="424"/>
      <c r="EPO728" s="424"/>
      <c r="EPP728" s="424"/>
      <c r="EPQ728" s="423" t="s">
        <v>2795</v>
      </c>
      <c r="EPR728" s="424"/>
      <c r="EPS728" s="424"/>
      <c r="EPT728" s="424"/>
      <c r="EPU728" s="423" t="s">
        <v>2795</v>
      </c>
      <c r="EPV728" s="424"/>
      <c r="EPW728" s="424"/>
      <c r="EPX728" s="424"/>
      <c r="EPY728" s="423" t="s">
        <v>2795</v>
      </c>
      <c r="EPZ728" s="424"/>
      <c r="EQA728" s="424"/>
      <c r="EQB728" s="424"/>
      <c r="EQC728" s="423" t="s">
        <v>2795</v>
      </c>
      <c r="EQD728" s="424"/>
      <c r="EQE728" s="424"/>
      <c r="EQF728" s="424"/>
      <c r="EQG728" s="423" t="s">
        <v>2795</v>
      </c>
      <c r="EQH728" s="424"/>
      <c r="EQI728" s="424"/>
      <c r="EQJ728" s="424"/>
      <c r="EQK728" s="423" t="s">
        <v>2795</v>
      </c>
      <c r="EQL728" s="424"/>
      <c r="EQM728" s="424"/>
      <c r="EQN728" s="424"/>
      <c r="EQO728" s="423" t="s">
        <v>2795</v>
      </c>
      <c r="EQP728" s="424"/>
      <c r="EQQ728" s="424"/>
      <c r="EQR728" s="424"/>
      <c r="EQS728" s="423" t="s">
        <v>2795</v>
      </c>
      <c r="EQT728" s="424"/>
      <c r="EQU728" s="424"/>
      <c r="EQV728" s="424"/>
      <c r="EQW728" s="423" t="s">
        <v>2795</v>
      </c>
      <c r="EQX728" s="424"/>
      <c r="EQY728" s="424"/>
      <c r="EQZ728" s="424"/>
      <c r="ERA728" s="423" t="s">
        <v>2795</v>
      </c>
      <c r="ERB728" s="424"/>
      <c r="ERC728" s="424"/>
      <c r="ERD728" s="424"/>
      <c r="ERE728" s="423" t="s">
        <v>2795</v>
      </c>
      <c r="ERF728" s="424"/>
      <c r="ERG728" s="424"/>
      <c r="ERH728" s="424"/>
      <c r="ERI728" s="423" t="s">
        <v>2795</v>
      </c>
      <c r="ERJ728" s="424"/>
      <c r="ERK728" s="424"/>
      <c r="ERL728" s="424"/>
      <c r="ERM728" s="423" t="s">
        <v>2795</v>
      </c>
      <c r="ERN728" s="424"/>
      <c r="ERO728" s="424"/>
      <c r="ERP728" s="424"/>
      <c r="ERQ728" s="423" t="s">
        <v>2795</v>
      </c>
      <c r="ERR728" s="424"/>
      <c r="ERS728" s="424"/>
      <c r="ERT728" s="424"/>
      <c r="ERU728" s="423" t="s">
        <v>2795</v>
      </c>
      <c r="ERV728" s="424"/>
      <c r="ERW728" s="424"/>
      <c r="ERX728" s="424"/>
      <c r="ERY728" s="423" t="s">
        <v>2795</v>
      </c>
      <c r="ERZ728" s="424"/>
      <c r="ESA728" s="424"/>
      <c r="ESB728" s="424"/>
      <c r="ESC728" s="423" t="s">
        <v>2795</v>
      </c>
      <c r="ESD728" s="424"/>
      <c r="ESE728" s="424"/>
      <c r="ESF728" s="424"/>
      <c r="ESG728" s="423" t="s">
        <v>2795</v>
      </c>
      <c r="ESH728" s="424"/>
      <c r="ESI728" s="424"/>
      <c r="ESJ728" s="424"/>
      <c r="ESK728" s="423" t="s">
        <v>2795</v>
      </c>
      <c r="ESL728" s="424"/>
      <c r="ESM728" s="424"/>
      <c r="ESN728" s="424"/>
      <c r="ESO728" s="423" t="s">
        <v>2795</v>
      </c>
      <c r="ESP728" s="424"/>
      <c r="ESQ728" s="424"/>
      <c r="ESR728" s="424"/>
      <c r="ESS728" s="423" t="s">
        <v>2795</v>
      </c>
      <c r="EST728" s="424"/>
      <c r="ESU728" s="424"/>
      <c r="ESV728" s="424"/>
      <c r="ESW728" s="423" t="s">
        <v>2795</v>
      </c>
      <c r="ESX728" s="424"/>
      <c r="ESY728" s="424"/>
      <c r="ESZ728" s="424"/>
      <c r="ETA728" s="423" t="s">
        <v>2795</v>
      </c>
      <c r="ETB728" s="424"/>
      <c r="ETC728" s="424"/>
      <c r="ETD728" s="424"/>
      <c r="ETE728" s="423" t="s">
        <v>2795</v>
      </c>
      <c r="ETF728" s="424"/>
      <c r="ETG728" s="424"/>
      <c r="ETH728" s="424"/>
      <c r="ETI728" s="423" t="s">
        <v>2795</v>
      </c>
      <c r="ETJ728" s="424"/>
      <c r="ETK728" s="424"/>
      <c r="ETL728" s="424"/>
      <c r="ETM728" s="423" t="s">
        <v>2795</v>
      </c>
      <c r="ETN728" s="424"/>
      <c r="ETO728" s="424"/>
      <c r="ETP728" s="424"/>
      <c r="ETQ728" s="423" t="s">
        <v>2795</v>
      </c>
      <c r="ETR728" s="424"/>
      <c r="ETS728" s="424"/>
      <c r="ETT728" s="424"/>
      <c r="ETU728" s="423" t="s">
        <v>2795</v>
      </c>
      <c r="ETV728" s="424"/>
      <c r="ETW728" s="424"/>
      <c r="ETX728" s="424"/>
      <c r="ETY728" s="423" t="s">
        <v>2795</v>
      </c>
      <c r="ETZ728" s="424"/>
      <c r="EUA728" s="424"/>
      <c r="EUB728" s="424"/>
      <c r="EUC728" s="423" t="s">
        <v>2795</v>
      </c>
      <c r="EUD728" s="424"/>
      <c r="EUE728" s="424"/>
      <c r="EUF728" s="424"/>
      <c r="EUG728" s="423" t="s">
        <v>2795</v>
      </c>
      <c r="EUH728" s="424"/>
      <c r="EUI728" s="424"/>
      <c r="EUJ728" s="424"/>
      <c r="EUK728" s="423" t="s">
        <v>2795</v>
      </c>
      <c r="EUL728" s="424"/>
      <c r="EUM728" s="424"/>
      <c r="EUN728" s="424"/>
      <c r="EUO728" s="423" t="s">
        <v>2795</v>
      </c>
      <c r="EUP728" s="424"/>
      <c r="EUQ728" s="424"/>
      <c r="EUR728" s="424"/>
      <c r="EUS728" s="423" t="s">
        <v>2795</v>
      </c>
      <c r="EUT728" s="424"/>
      <c r="EUU728" s="424"/>
      <c r="EUV728" s="424"/>
      <c r="EUW728" s="423" t="s">
        <v>2795</v>
      </c>
      <c r="EUX728" s="424"/>
      <c r="EUY728" s="424"/>
      <c r="EUZ728" s="424"/>
      <c r="EVA728" s="423" t="s">
        <v>2795</v>
      </c>
      <c r="EVB728" s="424"/>
      <c r="EVC728" s="424"/>
      <c r="EVD728" s="424"/>
      <c r="EVE728" s="423" t="s">
        <v>2795</v>
      </c>
      <c r="EVF728" s="424"/>
      <c r="EVG728" s="424"/>
      <c r="EVH728" s="424"/>
      <c r="EVI728" s="423" t="s">
        <v>2795</v>
      </c>
      <c r="EVJ728" s="424"/>
      <c r="EVK728" s="424"/>
      <c r="EVL728" s="424"/>
      <c r="EVM728" s="423" t="s">
        <v>2795</v>
      </c>
      <c r="EVN728" s="424"/>
      <c r="EVO728" s="424"/>
      <c r="EVP728" s="424"/>
      <c r="EVQ728" s="423" t="s">
        <v>2795</v>
      </c>
      <c r="EVR728" s="424"/>
      <c r="EVS728" s="424"/>
      <c r="EVT728" s="424"/>
      <c r="EVU728" s="423" t="s">
        <v>2795</v>
      </c>
      <c r="EVV728" s="424"/>
      <c r="EVW728" s="424"/>
      <c r="EVX728" s="424"/>
      <c r="EVY728" s="423" t="s">
        <v>2795</v>
      </c>
      <c r="EVZ728" s="424"/>
      <c r="EWA728" s="424"/>
      <c r="EWB728" s="424"/>
      <c r="EWC728" s="423" t="s">
        <v>2795</v>
      </c>
      <c r="EWD728" s="424"/>
      <c r="EWE728" s="424"/>
      <c r="EWF728" s="424"/>
      <c r="EWG728" s="423" t="s">
        <v>2795</v>
      </c>
      <c r="EWH728" s="424"/>
      <c r="EWI728" s="424"/>
      <c r="EWJ728" s="424"/>
      <c r="EWK728" s="423" t="s">
        <v>2795</v>
      </c>
      <c r="EWL728" s="424"/>
      <c r="EWM728" s="424"/>
      <c r="EWN728" s="424"/>
      <c r="EWO728" s="423" t="s">
        <v>2795</v>
      </c>
      <c r="EWP728" s="424"/>
      <c r="EWQ728" s="424"/>
      <c r="EWR728" s="424"/>
      <c r="EWS728" s="423" t="s">
        <v>2795</v>
      </c>
      <c r="EWT728" s="424"/>
      <c r="EWU728" s="424"/>
      <c r="EWV728" s="424"/>
      <c r="EWW728" s="423" t="s">
        <v>2795</v>
      </c>
      <c r="EWX728" s="424"/>
      <c r="EWY728" s="424"/>
      <c r="EWZ728" s="424"/>
      <c r="EXA728" s="423" t="s">
        <v>2795</v>
      </c>
      <c r="EXB728" s="424"/>
      <c r="EXC728" s="424"/>
      <c r="EXD728" s="424"/>
      <c r="EXE728" s="423" t="s">
        <v>2795</v>
      </c>
      <c r="EXF728" s="424"/>
      <c r="EXG728" s="424"/>
      <c r="EXH728" s="424"/>
      <c r="EXI728" s="423" t="s">
        <v>2795</v>
      </c>
      <c r="EXJ728" s="424"/>
      <c r="EXK728" s="424"/>
      <c r="EXL728" s="424"/>
      <c r="EXM728" s="423" t="s">
        <v>2795</v>
      </c>
      <c r="EXN728" s="424"/>
      <c r="EXO728" s="424"/>
      <c r="EXP728" s="424"/>
      <c r="EXQ728" s="423" t="s">
        <v>2795</v>
      </c>
      <c r="EXR728" s="424"/>
      <c r="EXS728" s="424"/>
      <c r="EXT728" s="424"/>
      <c r="EXU728" s="423" t="s">
        <v>2795</v>
      </c>
      <c r="EXV728" s="424"/>
      <c r="EXW728" s="424"/>
      <c r="EXX728" s="424"/>
      <c r="EXY728" s="423" t="s">
        <v>2795</v>
      </c>
      <c r="EXZ728" s="424"/>
      <c r="EYA728" s="424"/>
      <c r="EYB728" s="424"/>
      <c r="EYC728" s="423" t="s">
        <v>2795</v>
      </c>
      <c r="EYD728" s="424"/>
      <c r="EYE728" s="424"/>
      <c r="EYF728" s="424"/>
      <c r="EYG728" s="423" t="s">
        <v>2795</v>
      </c>
      <c r="EYH728" s="424"/>
      <c r="EYI728" s="424"/>
      <c r="EYJ728" s="424"/>
      <c r="EYK728" s="423" t="s">
        <v>2795</v>
      </c>
      <c r="EYL728" s="424"/>
      <c r="EYM728" s="424"/>
      <c r="EYN728" s="424"/>
      <c r="EYO728" s="423" t="s">
        <v>2795</v>
      </c>
      <c r="EYP728" s="424"/>
      <c r="EYQ728" s="424"/>
      <c r="EYR728" s="424"/>
      <c r="EYS728" s="423" t="s">
        <v>2795</v>
      </c>
      <c r="EYT728" s="424"/>
      <c r="EYU728" s="424"/>
      <c r="EYV728" s="424"/>
      <c r="EYW728" s="423" t="s">
        <v>2795</v>
      </c>
      <c r="EYX728" s="424"/>
      <c r="EYY728" s="424"/>
      <c r="EYZ728" s="424"/>
      <c r="EZA728" s="423" t="s">
        <v>2795</v>
      </c>
      <c r="EZB728" s="424"/>
      <c r="EZC728" s="424"/>
      <c r="EZD728" s="424"/>
      <c r="EZE728" s="423" t="s">
        <v>2795</v>
      </c>
      <c r="EZF728" s="424"/>
      <c r="EZG728" s="424"/>
      <c r="EZH728" s="424"/>
      <c r="EZI728" s="423" t="s">
        <v>2795</v>
      </c>
      <c r="EZJ728" s="424"/>
      <c r="EZK728" s="424"/>
      <c r="EZL728" s="424"/>
      <c r="EZM728" s="423" t="s">
        <v>2795</v>
      </c>
      <c r="EZN728" s="424"/>
      <c r="EZO728" s="424"/>
      <c r="EZP728" s="424"/>
      <c r="EZQ728" s="423" t="s">
        <v>2795</v>
      </c>
      <c r="EZR728" s="424"/>
      <c r="EZS728" s="424"/>
      <c r="EZT728" s="424"/>
      <c r="EZU728" s="423" t="s">
        <v>2795</v>
      </c>
      <c r="EZV728" s="424"/>
      <c r="EZW728" s="424"/>
      <c r="EZX728" s="424"/>
      <c r="EZY728" s="423" t="s">
        <v>2795</v>
      </c>
      <c r="EZZ728" s="424"/>
      <c r="FAA728" s="424"/>
      <c r="FAB728" s="424"/>
      <c r="FAC728" s="423" t="s">
        <v>2795</v>
      </c>
      <c r="FAD728" s="424"/>
      <c r="FAE728" s="424"/>
      <c r="FAF728" s="424"/>
      <c r="FAG728" s="423" t="s">
        <v>2795</v>
      </c>
      <c r="FAH728" s="424"/>
      <c r="FAI728" s="424"/>
      <c r="FAJ728" s="424"/>
      <c r="FAK728" s="423" t="s">
        <v>2795</v>
      </c>
      <c r="FAL728" s="424"/>
      <c r="FAM728" s="424"/>
      <c r="FAN728" s="424"/>
      <c r="FAO728" s="423" t="s">
        <v>2795</v>
      </c>
      <c r="FAP728" s="424"/>
      <c r="FAQ728" s="424"/>
      <c r="FAR728" s="424"/>
      <c r="FAS728" s="423" t="s">
        <v>2795</v>
      </c>
      <c r="FAT728" s="424"/>
      <c r="FAU728" s="424"/>
      <c r="FAV728" s="424"/>
      <c r="FAW728" s="423" t="s">
        <v>2795</v>
      </c>
      <c r="FAX728" s="424"/>
      <c r="FAY728" s="424"/>
      <c r="FAZ728" s="424"/>
      <c r="FBA728" s="423" t="s">
        <v>2795</v>
      </c>
      <c r="FBB728" s="424"/>
      <c r="FBC728" s="424"/>
      <c r="FBD728" s="424"/>
      <c r="FBE728" s="423" t="s">
        <v>2795</v>
      </c>
      <c r="FBF728" s="424"/>
      <c r="FBG728" s="424"/>
      <c r="FBH728" s="424"/>
      <c r="FBI728" s="423" t="s">
        <v>2795</v>
      </c>
      <c r="FBJ728" s="424"/>
      <c r="FBK728" s="424"/>
      <c r="FBL728" s="424"/>
      <c r="FBM728" s="423" t="s">
        <v>2795</v>
      </c>
      <c r="FBN728" s="424"/>
      <c r="FBO728" s="424"/>
      <c r="FBP728" s="424"/>
      <c r="FBQ728" s="423" t="s">
        <v>2795</v>
      </c>
      <c r="FBR728" s="424"/>
      <c r="FBS728" s="424"/>
      <c r="FBT728" s="424"/>
      <c r="FBU728" s="423" t="s">
        <v>2795</v>
      </c>
      <c r="FBV728" s="424"/>
      <c r="FBW728" s="424"/>
      <c r="FBX728" s="424"/>
      <c r="FBY728" s="423" t="s">
        <v>2795</v>
      </c>
      <c r="FBZ728" s="424"/>
      <c r="FCA728" s="424"/>
      <c r="FCB728" s="424"/>
      <c r="FCC728" s="423" t="s">
        <v>2795</v>
      </c>
      <c r="FCD728" s="424"/>
      <c r="FCE728" s="424"/>
      <c r="FCF728" s="424"/>
      <c r="FCG728" s="423" t="s">
        <v>2795</v>
      </c>
      <c r="FCH728" s="424"/>
      <c r="FCI728" s="424"/>
      <c r="FCJ728" s="424"/>
      <c r="FCK728" s="423" t="s">
        <v>2795</v>
      </c>
      <c r="FCL728" s="424"/>
      <c r="FCM728" s="424"/>
      <c r="FCN728" s="424"/>
      <c r="FCO728" s="423" t="s">
        <v>2795</v>
      </c>
      <c r="FCP728" s="424"/>
      <c r="FCQ728" s="424"/>
      <c r="FCR728" s="424"/>
      <c r="FCS728" s="423" t="s">
        <v>2795</v>
      </c>
      <c r="FCT728" s="424"/>
      <c r="FCU728" s="424"/>
      <c r="FCV728" s="424"/>
      <c r="FCW728" s="423" t="s">
        <v>2795</v>
      </c>
      <c r="FCX728" s="424"/>
      <c r="FCY728" s="424"/>
      <c r="FCZ728" s="424"/>
      <c r="FDA728" s="423" t="s">
        <v>2795</v>
      </c>
      <c r="FDB728" s="424"/>
      <c r="FDC728" s="424"/>
      <c r="FDD728" s="424"/>
      <c r="FDE728" s="423" t="s">
        <v>2795</v>
      </c>
      <c r="FDF728" s="424"/>
      <c r="FDG728" s="424"/>
      <c r="FDH728" s="424"/>
      <c r="FDI728" s="423" t="s">
        <v>2795</v>
      </c>
      <c r="FDJ728" s="424"/>
      <c r="FDK728" s="424"/>
      <c r="FDL728" s="424"/>
      <c r="FDM728" s="423" t="s">
        <v>2795</v>
      </c>
      <c r="FDN728" s="424"/>
      <c r="FDO728" s="424"/>
      <c r="FDP728" s="424"/>
      <c r="FDQ728" s="423" t="s">
        <v>2795</v>
      </c>
      <c r="FDR728" s="424"/>
      <c r="FDS728" s="424"/>
      <c r="FDT728" s="424"/>
      <c r="FDU728" s="423" t="s">
        <v>2795</v>
      </c>
      <c r="FDV728" s="424"/>
      <c r="FDW728" s="424"/>
      <c r="FDX728" s="424"/>
      <c r="FDY728" s="423" t="s">
        <v>2795</v>
      </c>
      <c r="FDZ728" s="424"/>
      <c r="FEA728" s="424"/>
      <c r="FEB728" s="424"/>
      <c r="FEC728" s="423" t="s">
        <v>2795</v>
      </c>
      <c r="FED728" s="424"/>
      <c r="FEE728" s="424"/>
      <c r="FEF728" s="424"/>
      <c r="FEG728" s="423" t="s">
        <v>2795</v>
      </c>
      <c r="FEH728" s="424"/>
      <c r="FEI728" s="424"/>
      <c r="FEJ728" s="424"/>
      <c r="FEK728" s="423" t="s">
        <v>2795</v>
      </c>
      <c r="FEL728" s="424"/>
      <c r="FEM728" s="424"/>
      <c r="FEN728" s="424"/>
      <c r="FEO728" s="423" t="s">
        <v>2795</v>
      </c>
      <c r="FEP728" s="424"/>
      <c r="FEQ728" s="424"/>
      <c r="FER728" s="424"/>
      <c r="FES728" s="423" t="s">
        <v>2795</v>
      </c>
      <c r="FET728" s="424"/>
      <c r="FEU728" s="424"/>
      <c r="FEV728" s="424"/>
      <c r="FEW728" s="423" t="s">
        <v>2795</v>
      </c>
      <c r="FEX728" s="424"/>
      <c r="FEY728" s="424"/>
      <c r="FEZ728" s="424"/>
      <c r="FFA728" s="423" t="s">
        <v>2795</v>
      </c>
      <c r="FFB728" s="424"/>
      <c r="FFC728" s="424"/>
      <c r="FFD728" s="424"/>
      <c r="FFE728" s="423" t="s">
        <v>2795</v>
      </c>
      <c r="FFF728" s="424"/>
      <c r="FFG728" s="424"/>
      <c r="FFH728" s="424"/>
      <c r="FFI728" s="423" t="s">
        <v>2795</v>
      </c>
      <c r="FFJ728" s="424"/>
      <c r="FFK728" s="424"/>
      <c r="FFL728" s="424"/>
      <c r="FFM728" s="423" t="s">
        <v>2795</v>
      </c>
      <c r="FFN728" s="424"/>
      <c r="FFO728" s="424"/>
      <c r="FFP728" s="424"/>
      <c r="FFQ728" s="423" t="s">
        <v>2795</v>
      </c>
      <c r="FFR728" s="424"/>
      <c r="FFS728" s="424"/>
      <c r="FFT728" s="424"/>
      <c r="FFU728" s="423" t="s">
        <v>2795</v>
      </c>
      <c r="FFV728" s="424"/>
      <c r="FFW728" s="424"/>
      <c r="FFX728" s="424"/>
      <c r="FFY728" s="423" t="s">
        <v>2795</v>
      </c>
      <c r="FFZ728" s="424"/>
      <c r="FGA728" s="424"/>
      <c r="FGB728" s="424"/>
      <c r="FGC728" s="423" t="s">
        <v>2795</v>
      </c>
      <c r="FGD728" s="424"/>
      <c r="FGE728" s="424"/>
      <c r="FGF728" s="424"/>
      <c r="FGG728" s="423" t="s">
        <v>2795</v>
      </c>
      <c r="FGH728" s="424"/>
      <c r="FGI728" s="424"/>
      <c r="FGJ728" s="424"/>
      <c r="FGK728" s="423" t="s">
        <v>2795</v>
      </c>
      <c r="FGL728" s="424"/>
      <c r="FGM728" s="424"/>
      <c r="FGN728" s="424"/>
      <c r="FGO728" s="423" t="s">
        <v>2795</v>
      </c>
      <c r="FGP728" s="424"/>
      <c r="FGQ728" s="424"/>
      <c r="FGR728" s="424"/>
      <c r="FGS728" s="423" t="s">
        <v>2795</v>
      </c>
      <c r="FGT728" s="424"/>
      <c r="FGU728" s="424"/>
      <c r="FGV728" s="424"/>
      <c r="FGW728" s="423" t="s">
        <v>2795</v>
      </c>
      <c r="FGX728" s="424"/>
      <c r="FGY728" s="424"/>
      <c r="FGZ728" s="424"/>
      <c r="FHA728" s="423" t="s">
        <v>2795</v>
      </c>
      <c r="FHB728" s="424"/>
      <c r="FHC728" s="424"/>
      <c r="FHD728" s="424"/>
      <c r="FHE728" s="423" t="s">
        <v>2795</v>
      </c>
      <c r="FHF728" s="424"/>
      <c r="FHG728" s="424"/>
      <c r="FHH728" s="424"/>
      <c r="FHI728" s="423" t="s">
        <v>2795</v>
      </c>
      <c r="FHJ728" s="424"/>
      <c r="FHK728" s="424"/>
      <c r="FHL728" s="424"/>
      <c r="FHM728" s="423" t="s">
        <v>2795</v>
      </c>
      <c r="FHN728" s="424"/>
      <c r="FHO728" s="424"/>
      <c r="FHP728" s="424"/>
      <c r="FHQ728" s="423" t="s">
        <v>2795</v>
      </c>
      <c r="FHR728" s="424"/>
      <c r="FHS728" s="424"/>
      <c r="FHT728" s="424"/>
      <c r="FHU728" s="423" t="s">
        <v>2795</v>
      </c>
      <c r="FHV728" s="424"/>
      <c r="FHW728" s="424"/>
      <c r="FHX728" s="424"/>
      <c r="FHY728" s="423" t="s">
        <v>2795</v>
      </c>
      <c r="FHZ728" s="424"/>
      <c r="FIA728" s="424"/>
      <c r="FIB728" s="424"/>
      <c r="FIC728" s="423" t="s">
        <v>2795</v>
      </c>
      <c r="FID728" s="424"/>
      <c r="FIE728" s="424"/>
      <c r="FIF728" s="424"/>
      <c r="FIG728" s="423" t="s">
        <v>2795</v>
      </c>
      <c r="FIH728" s="424"/>
      <c r="FII728" s="424"/>
      <c r="FIJ728" s="424"/>
      <c r="FIK728" s="423" t="s">
        <v>2795</v>
      </c>
      <c r="FIL728" s="424"/>
      <c r="FIM728" s="424"/>
      <c r="FIN728" s="424"/>
      <c r="FIO728" s="423" t="s">
        <v>2795</v>
      </c>
      <c r="FIP728" s="424"/>
      <c r="FIQ728" s="424"/>
      <c r="FIR728" s="424"/>
      <c r="FIS728" s="423" t="s">
        <v>2795</v>
      </c>
      <c r="FIT728" s="424"/>
      <c r="FIU728" s="424"/>
      <c r="FIV728" s="424"/>
      <c r="FIW728" s="423" t="s">
        <v>2795</v>
      </c>
      <c r="FIX728" s="424"/>
      <c r="FIY728" s="424"/>
      <c r="FIZ728" s="424"/>
      <c r="FJA728" s="423" t="s">
        <v>2795</v>
      </c>
      <c r="FJB728" s="424"/>
      <c r="FJC728" s="424"/>
      <c r="FJD728" s="424"/>
      <c r="FJE728" s="423" t="s">
        <v>2795</v>
      </c>
      <c r="FJF728" s="424"/>
      <c r="FJG728" s="424"/>
      <c r="FJH728" s="424"/>
      <c r="FJI728" s="423" t="s">
        <v>2795</v>
      </c>
      <c r="FJJ728" s="424"/>
      <c r="FJK728" s="424"/>
      <c r="FJL728" s="424"/>
      <c r="FJM728" s="423" t="s">
        <v>2795</v>
      </c>
      <c r="FJN728" s="424"/>
      <c r="FJO728" s="424"/>
      <c r="FJP728" s="424"/>
      <c r="FJQ728" s="423" t="s">
        <v>2795</v>
      </c>
      <c r="FJR728" s="424"/>
      <c r="FJS728" s="424"/>
      <c r="FJT728" s="424"/>
      <c r="FJU728" s="423" t="s">
        <v>2795</v>
      </c>
      <c r="FJV728" s="424"/>
      <c r="FJW728" s="424"/>
      <c r="FJX728" s="424"/>
      <c r="FJY728" s="423" t="s">
        <v>2795</v>
      </c>
      <c r="FJZ728" s="424"/>
      <c r="FKA728" s="424"/>
      <c r="FKB728" s="424"/>
      <c r="FKC728" s="423" t="s">
        <v>2795</v>
      </c>
      <c r="FKD728" s="424"/>
      <c r="FKE728" s="424"/>
      <c r="FKF728" s="424"/>
      <c r="FKG728" s="423" t="s">
        <v>2795</v>
      </c>
      <c r="FKH728" s="424"/>
      <c r="FKI728" s="424"/>
      <c r="FKJ728" s="424"/>
      <c r="FKK728" s="423" t="s">
        <v>2795</v>
      </c>
      <c r="FKL728" s="424"/>
      <c r="FKM728" s="424"/>
      <c r="FKN728" s="424"/>
      <c r="FKO728" s="423" t="s">
        <v>2795</v>
      </c>
      <c r="FKP728" s="424"/>
      <c r="FKQ728" s="424"/>
      <c r="FKR728" s="424"/>
      <c r="FKS728" s="423" t="s">
        <v>2795</v>
      </c>
      <c r="FKT728" s="424"/>
      <c r="FKU728" s="424"/>
      <c r="FKV728" s="424"/>
      <c r="FKW728" s="423" t="s">
        <v>2795</v>
      </c>
      <c r="FKX728" s="424"/>
      <c r="FKY728" s="424"/>
      <c r="FKZ728" s="424"/>
      <c r="FLA728" s="423" t="s">
        <v>2795</v>
      </c>
      <c r="FLB728" s="424"/>
      <c r="FLC728" s="424"/>
      <c r="FLD728" s="424"/>
      <c r="FLE728" s="423" t="s">
        <v>2795</v>
      </c>
      <c r="FLF728" s="424"/>
      <c r="FLG728" s="424"/>
      <c r="FLH728" s="424"/>
      <c r="FLI728" s="423" t="s">
        <v>2795</v>
      </c>
      <c r="FLJ728" s="424"/>
      <c r="FLK728" s="424"/>
      <c r="FLL728" s="424"/>
      <c r="FLM728" s="423" t="s">
        <v>2795</v>
      </c>
      <c r="FLN728" s="424"/>
      <c r="FLO728" s="424"/>
      <c r="FLP728" s="424"/>
      <c r="FLQ728" s="423" t="s">
        <v>2795</v>
      </c>
      <c r="FLR728" s="424"/>
      <c r="FLS728" s="424"/>
      <c r="FLT728" s="424"/>
      <c r="FLU728" s="423" t="s">
        <v>2795</v>
      </c>
      <c r="FLV728" s="424"/>
      <c r="FLW728" s="424"/>
      <c r="FLX728" s="424"/>
      <c r="FLY728" s="423" t="s">
        <v>2795</v>
      </c>
      <c r="FLZ728" s="424"/>
      <c r="FMA728" s="424"/>
      <c r="FMB728" s="424"/>
      <c r="FMC728" s="423" t="s">
        <v>2795</v>
      </c>
      <c r="FMD728" s="424"/>
      <c r="FME728" s="424"/>
      <c r="FMF728" s="424"/>
      <c r="FMG728" s="423" t="s">
        <v>2795</v>
      </c>
      <c r="FMH728" s="424"/>
      <c r="FMI728" s="424"/>
      <c r="FMJ728" s="424"/>
      <c r="FMK728" s="423" t="s">
        <v>2795</v>
      </c>
      <c r="FML728" s="424"/>
      <c r="FMM728" s="424"/>
      <c r="FMN728" s="424"/>
      <c r="FMO728" s="423" t="s">
        <v>2795</v>
      </c>
      <c r="FMP728" s="424"/>
      <c r="FMQ728" s="424"/>
      <c r="FMR728" s="424"/>
      <c r="FMS728" s="423" t="s">
        <v>2795</v>
      </c>
      <c r="FMT728" s="424"/>
      <c r="FMU728" s="424"/>
      <c r="FMV728" s="424"/>
      <c r="FMW728" s="423" t="s">
        <v>2795</v>
      </c>
      <c r="FMX728" s="424"/>
      <c r="FMY728" s="424"/>
      <c r="FMZ728" s="424"/>
      <c r="FNA728" s="423" t="s">
        <v>2795</v>
      </c>
      <c r="FNB728" s="424"/>
      <c r="FNC728" s="424"/>
      <c r="FND728" s="424"/>
      <c r="FNE728" s="423" t="s">
        <v>2795</v>
      </c>
      <c r="FNF728" s="424"/>
      <c r="FNG728" s="424"/>
      <c r="FNH728" s="424"/>
      <c r="FNI728" s="423" t="s">
        <v>2795</v>
      </c>
      <c r="FNJ728" s="424"/>
      <c r="FNK728" s="424"/>
      <c r="FNL728" s="424"/>
      <c r="FNM728" s="423" t="s">
        <v>2795</v>
      </c>
      <c r="FNN728" s="424"/>
      <c r="FNO728" s="424"/>
      <c r="FNP728" s="424"/>
      <c r="FNQ728" s="423" t="s">
        <v>2795</v>
      </c>
      <c r="FNR728" s="424"/>
      <c r="FNS728" s="424"/>
      <c r="FNT728" s="424"/>
      <c r="FNU728" s="423" t="s">
        <v>2795</v>
      </c>
      <c r="FNV728" s="424"/>
      <c r="FNW728" s="424"/>
      <c r="FNX728" s="424"/>
      <c r="FNY728" s="423" t="s">
        <v>2795</v>
      </c>
      <c r="FNZ728" s="424"/>
      <c r="FOA728" s="424"/>
      <c r="FOB728" s="424"/>
      <c r="FOC728" s="423" t="s">
        <v>2795</v>
      </c>
      <c r="FOD728" s="424"/>
      <c r="FOE728" s="424"/>
      <c r="FOF728" s="424"/>
      <c r="FOG728" s="423" t="s">
        <v>2795</v>
      </c>
      <c r="FOH728" s="424"/>
      <c r="FOI728" s="424"/>
      <c r="FOJ728" s="424"/>
      <c r="FOK728" s="423" t="s">
        <v>2795</v>
      </c>
      <c r="FOL728" s="424"/>
      <c r="FOM728" s="424"/>
      <c r="FON728" s="424"/>
      <c r="FOO728" s="423" t="s">
        <v>2795</v>
      </c>
      <c r="FOP728" s="424"/>
      <c r="FOQ728" s="424"/>
      <c r="FOR728" s="424"/>
      <c r="FOS728" s="423" t="s">
        <v>2795</v>
      </c>
      <c r="FOT728" s="424"/>
      <c r="FOU728" s="424"/>
      <c r="FOV728" s="424"/>
      <c r="FOW728" s="423" t="s">
        <v>2795</v>
      </c>
      <c r="FOX728" s="424"/>
      <c r="FOY728" s="424"/>
      <c r="FOZ728" s="424"/>
      <c r="FPA728" s="423" t="s">
        <v>2795</v>
      </c>
      <c r="FPB728" s="424"/>
      <c r="FPC728" s="424"/>
      <c r="FPD728" s="424"/>
      <c r="FPE728" s="423" t="s">
        <v>2795</v>
      </c>
      <c r="FPF728" s="424"/>
      <c r="FPG728" s="424"/>
      <c r="FPH728" s="424"/>
      <c r="FPI728" s="423" t="s">
        <v>2795</v>
      </c>
      <c r="FPJ728" s="424"/>
      <c r="FPK728" s="424"/>
      <c r="FPL728" s="424"/>
      <c r="FPM728" s="423" t="s">
        <v>2795</v>
      </c>
      <c r="FPN728" s="424"/>
      <c r="FPO728" s="424"/>
      <c r="FPP728" s="424"/>
      <c r="FPQ728" s="423" t="s">
        <v>2795</v>
      </c>
      <c r="FPR728" s="424"/>
      <c r="FPS728" s="424"/>
      <c r="FPT728" s="424"/>
      <c r="FPU728" s="423" t="s">
        <v>2795</v>
      </c>
      <c r="FPV728" s="424"/>
      <c r="FPW728" s="424"/>
      <c r="FPX728" s="424"/>
      <c r="FPY728" s="423" t="s">
        <v>2795</v>
      </c>
      <c r="FPZ728" s="424"/>
      <c r="FQA728" s="424"/>
      <c r="FQB728" s="424"/>
      <c r="FQC728" s="423" t="s">
        <v>2795</v>
      </c>
      <c r="FQD728" s="424"/>
      <c r="FQE728" s="424"/>
      <c r="FQF728" s="424"/>
      <c r="FQG728" s="423" t="s">
        <v>2795</v>
      </c>
      <c r="FQH728" s="424"/>
      <c r="FQI728" s="424"/>
      <c r="FQJ728" s="424"/>
      <c r="FQK728" s="423" t="s">
        <v>2795</v>
      </c>
      <c r="FQL728" s="424"/>
      <c r="FQM728" s="424"/>
      <c r="FQN728" s="424"/>
      <c r="FQO728" s="423" t="s">
        <v>2795</v>
      </c>
      <c r="FQP728" s="424"/>
      <c r="FQQ728" s="424"/>
      <c r="FQR728" s="424"/>
      <c r="FQS728" s="423" t="s">
        <v>2795</v>
      </c>
      <c r="FQT728" s="424"/>
      <c r="FQU728" s="424"/>
      <c r="FQV728" s="424"/>
      <c r="FQW728" s="423" t="s">
        <v>2795</v>
      </c>
      <c r="FQX728" s="424"/>
      <c r="FQY728" s="424"/>
      <c r="FQZ728" s="424"/>
      <c r="FRA728" s="423" t="s">
        <v>2795</v>
      </c>
      <c r="FRB728" s="424"/>
      <c r="FRC728" s="424"/>
      <c r="FRD728" s="424"/>
      <c r="FRE728" s="423" t="s">
        <v>2795</v>
      </c>
      <c r="FRF728" s="424"/>
      <c r="FRG728" s="424"/>
      <c r="FRH728" s="424"/>
      <c r="FRI728" s="423" t="s">
        <v>2795</v>
      </c>
      <c r="FRJ728" s="424"/>
      <c r="FRK728" s="424"/>
      <c r="FRL728" s="424"/>
      <c r="FRM728" s="423" t="s">
        <v>2795</v>
      </c>
      <c r="FRN728" s="424"/>
      <c r="FRO728" s="424"/>
      <c r="FRP728" s="424"/>
      <c r="FRQ728" s="423" t="s">
        <v>2795</v>
      </c>
      <c r="FRR728" s="424"/>
      <c r="FRS728" s="424"/>
      <c r="FRT728" s="424"/>
      <c r="FRU728" s="423" t="s">
        <v>2795</v>
      </c>
      <c r="FRV728" s="424"/>
      <c r="FRW728" s="424"/>
      <c r="FRX728" s="424"/>
      <c r="FRY728" s="423" t="s">
        <v>2795</v>
      </c>
      <c r="FRZ728" s="424"/>
      <c r="FSA728" s="424"/>
      <c r="FSB728" s="424"/>
      <c r="FSC728" s="423" t="s">
        <v>2795</v>
      </c>
      <c r="FSD728" s="424"/>
      <c r="FSE728" s="424"/>
      <c r="FSF728" s="424"/>
      <c r="FSG728" s="423" t="s">
        <v>2795</v>
      </c>
      <c r="FSH728" s="424"/>
      <c r="FSI728" s="424"/>
      <c r="FSJ728" s="424"/>
      <c r="FSK728" s="423" t="s">
        <v>2795</v>
      </c>
      <c r="FSL728" s="424"/>
      <c r="FSM728" s="424"/>
      <c r="FSN728" s="424"/>
      <c r="FSO728" s="423" t="s">
        <v>2795</v>
      </c>
      <c r="FSP728" s="424"/>
      <c r="FSQ728" s="424"/>
      <c r="FSR728" s="424"/>
      <c r="FSS728" s="423" t="s">
        <v>2795</v>
      </c>
      <c r="FST728" s="424"/>
      <c r="FSU728" s="424"/>
      <c r="FSV728" s="424"/>
      <c r="FSW728" s="423" t="s">
        <v>2795</v>
      </c>
      <c r="FSX728" s="424"/>
      <c r="FSY728" s="424"/>
      <c r="FSZ728" s="424"/>
      <c r="FTA728" s="423" t="s">
        <v>2795</v>
      </c>
      <c r="FTB728" s="424"/>
      <c r="FTC728" s="424"/>
      <c r="FTD728" s="424"/>
      <c r="FTE728" s="423" t="s">
        <v>2795</v>
      </c>
      <c r="FTF728" s="424"/>
      <c r="FTG728" s="424"/>
      <c r="FTH728" s="424"/>
      <c r="FTI728" s="423" t="s">
        <v>2795</v>
      </c>
      <c r="FTJ728" s="424"/>
      <c r="FTK728" s="424"/>
      <c r="FTL728" s="424"/>
      <c r="FTM728" s="423" t="s">
        <v>2795</v>
      </c>
      <c r="FTN728" s="424"/>
      <c r="FTO728" s="424"/>
      <c r="FTP728" s="424"/>
      <c r="FTQ728" s="423" t="s">
        <v>2795</v>
      </c>
      <c r="FTR728" s="424"/>
      <c r="FTS728" s="424"/>
      <c r="FTT728" s="424"/>
      <c r="FTU728" s="423" t="s">
        <v>2795</v>
      </c>
      <c r="FTV728" s="424"/>
      <c r="FTW728" s="424"/>
      <c r="FTX728" s="424"/>
      <c r="FTY728" s="423" t="s">
        <v>2795</v>
      </c>
      <c r="FTZ728" s="424"/>
      <c r="FUA728" s="424"/>
      <c r="FUB728" s="424"/>
      <c r="FUC728" s="423" t="s">
        <v>2795</v>
      </c>
      <c r="FUD728" s="424"/>
      <c r="FUE728" s="424"/>
      <c r="FUF728" s="424"/>
      <c r="FUG728" s="423" t="s">
        <v>2795</v>
      </c>
      <c r="FUH728" s="424"/>
      <c r="FUI728" s="424"/>
      <c r="FUJ728" s="424"/>
      <c r="FUK728" s="423" t="s">
        <v>2795</v>
      </c>
      <c r="FUL728" s="424"/>
      <c r="FUM728" s="424"/>
      <c r="FUN728" s="424"/>
      <c r="FUO728" s="423" t="s">
        <v>2795</v>
      </c>
      <c r="FUP728" s="424"/>
      <c r="FUQ728" s="424"/>
      <c r="FUR728" s="424"/>
      <c r="FUS728" s="423" t="s">
        <v>2795</v>
      </c>
      <c r="FUT728" s="424"/>
      <c r="FUU728" s="424"/>
      <c r="FUV728" s="424"/>
      <c r="FUW728" s="423" t="s">
        <v>2795</v>
      </c>
      <c r="FUX728" s="424"/>
      <c r="FUY728" s="424"/>
      <c r="FUZ728" s="424"/>
      <c r="FVA728" s="423" t="s">
        <v>2795</v>
      </c>
      <c r="FVB728" s="424"/>
      <c r="FVC728" s="424"/>
      <c r="FVD728" s="424"/>
      <c r="FVE728" s="423" t="s">
        <v>2795</v>
      </c>
      <c r="FVF728" s="424"/>
      <c r="FVG728" s="424"/>
      <c r="FVH728" s="424"/>
      <c r="FVI728" s="423" t="s">
        <v>2795</v>
      </c>
      <c r="FVJ728" s="424"/>
      <c r="FVK728" s="424"/>
      <c r="FVL728" s="424"/>
      <c r="FVM728" s="423" t="s">
        <v>2795</v>
      </c>
      <c r="FVN728" s="424"/>
      <c r="FVO728" s="424"/>
      <c r="FVP728" s="424"/>
      <c r="FVQ728" s="423" t="s">
        <v>2795</v>
      </c>
      <c r="FVR728" s="424"/>
      <c r="FVS728" s="424"/>
      <c r="FVT728" s="424"/>
      <c r="FVU728" s="423" t="s">
        <v>2795</v>
      </c>
      <c r="FVV728" s="424"/>
      <c r="FVW728" s="424"/>
      <c r="FVX728" s="424"/>
      <c r="FVY728" s="423" t="s">
        <v>2795</v>
      </c>
      <c r="FVZ728" s="424"/>
      <c r="FWA728" s="424"/>
      <c r="FWB728" s="424"/>
      <c r="FWC728" s="423" t="s">
        <v>2795</v>
      </c>
      <c r="FWD728" s="424"/>
      <c r="FWE728" s="424"/>
      <c r="FWF728" s="424"/>
      <c r="FWG728" s="423" t="s">
        <v>2795</v>
      </c>
      <c r="FWH728" s="424"/>
      <c r="FWI728" s="424"/>
      <c r="FWJ728" s="424"/>
      <c r="FWK728" s="423" t="s">
        <v>2795</v>
      </c>
      <c r="FWL728" s="424"/>
      <c r="FWM728" s="424"/>
      <c r="FWN728" s="424"/>
      <c r="FWO728" s="423" t="s">
        <v>2795</v>
      </c>
      <c r="FWP728" s="424"/>
      <c r="FWQ728" s="424"/>
      <c r="FWR728" s="424"/>
      <c r="FWS728" s="423" t="s">
        <v>2795</v>
      </c>
      <c r="FWT728" s="424"/>
      <c r="FWU728" s="424"/>
      <c r="FWV728" s="424"/>
      <c r="FWW728" s="423" t="s">
        <v>2795</v>
      </c>
      <c r="FWX728" s="424"/>
      <c r="FWY728" s="424"/>
      <c r="FWZ728" s="424"/>
      <c r="FXA728" s="423" t="s">
        <v>2795</v>
      </c>
      <c r="FXB728" s="424"/>
      <c r="FXC728" s="424"/>
      <c r="FXD728" s="424"/>
      <c r="FXE728" s="423" t="s">
        <v>2795</v>
      </c>
      <c r="FXF728" s="424"/>
      <c r="FXG728" s="424"/>
      <c r="FXH728" s="424"/>
      <c r="FXI728" s="423" t="s">
        <v>2795</v>
      </c>
      <c r="FXJ728" s="424"/>
      <c r="FXK728" s="424"/>
      <c r="FXL728" s="424"/>
      <c r="FXM728" s="423" t="s">
        <v>2795</v>
      </c>
      <c r="FXN728" s="424"/>
      <c r="FXO728" s="424"/>
      <c r="FXP728" s="424"/>
      <c r="FXQ728" s="423" t="s">
        <v>2795</v>
      </c>
      <c r="FXR728" s="424"/>
      <c r="FXS728" s="424"/>
      <c r="FXT728" s="424"/>
      <c r="FXU728" s="423" t="s">
        <v>2795</v>
      </c>
      <c r="FXV728" s="424"/>
      <c r="FXW728" s="424"/>
      <c r="FXX728" s="424"/>
      <c r="FXY728" s="423" t="s">
        <v>2795</v>
      </c>
      <c r="FXZ728" s="424"/>
      <c r="FYA728" s="424"/>
      <c r="FYB728" s="424"/>
      <c r="FYC728" s="423" t="s">
        <v>2795</v>
      </c>
      <c r="FYD728" s="424"/>
      <c r="FYE728" s="424"/>
      <c r="FYF728" s="424"/>
      <c r="FYG728" s="423" t="s">
        <v>2795</v>
      </c>
      <c r="FYH728" s="424"/>
      <c r="FYI728" s="424"/>
      <c r="FYJ728" s="424"/>
      <c r="FYK728" s="423" t="s">
        <v>2795</v>
      </c>
      <c r="FYL728" s="424"/>
      <c r="FYM728" s="424"/>
      <c r="FYN728" s="424"/>
      <c r="FYO728" s="423" t="s">
        <v>2795</v>
      </c>
      <c r="FYP728" s="424"/>
      <c r="FYQ728" s="424"/>
      <c r="FYR728" s="424"/>
      <c r="FYS728" s="423" t="s">
        <v>2795</v>
      </c>
      <c r="FYT728" s="424"/>
      <c r="FYU728" s="424"/>
      <c r="FYV728" s="424"/>
      <c r="FYW728" s="423" t="s">
        <v>2795</v>
      </c>
      <c r="FYX728" s="424"/>
      <c r="FYY728" s="424"/>
      <c r="FYZ728" s="424"/>
      <c r="FZA728" s="423" t="s">
        <v>2795</v>
      </c>
      <c r="FZB728" s="424"/>
      <c r="FZC728" s="424"/>
      <c r="FZD728" s="424"/>
      <c r="FZE728" s="423" t="s">
        <v>2795</v>
      </c>
      <c r="FZF728" s="424"/>
      <c r="FZG728" s="424"/>
      <c r="FZH728" s="424"/>
      <c r="FZI728" s="423" t="s">
        <v>2795</v>
      </c>
      <c r="FZJ728" s="424"/>
      <c r="FZK728" s="424"/>
      <c r="FZL728" s="424"/>
      <c r="FZM728" s="423" t="s">
        <v>2795</v>
      </c>
      <c r="FZN728" s="424"/>
      <c r="FZO728" s="424"/>
      <c r="FZP728" s="424"/>
      <c r="FZQ728" s="423" t="s">
        <v>2795</v>
      </c>
      <c r="FZR728" s="424"/>
      <c r="FZS728" s="424"/>
      <c r="FZT728" s="424"/>
      <c r="FZU728" s="423" t="s">
        <v>2795</v>
      </c>
      <c r="FZV728" s="424"/>
      <c r="FZW728" s="424"/>
      <c r="FZX728" s="424"/>
      <c r="FZY728" s="423" t="s">
        <v>2795</v>
      </c>
      <c r="FZZ728" s="424"/>
      <c r="GAA728" s="424"/>
      <c r="GAB728" s="424"/>
      <c r="GAC728" s="423" t="s">
        <v>2795</v>
      </c>
      <c r="GAD728" s="424"/>
      <c r="GAE728" s="424"/>
      <c r="GAF728" s="424"/>
      <c r="GAG728" s="423" t="s">
        <v>2795</v>
      </c>
      <c r="GAH728" s="424"/>
      <c r="GAI728" s="424"/>
      <c r="GAJ728" s="424"/>
      <c r="GAK728" s="423" t="s">
        <v>2795</v>
      </c>
      <c r="GAL728" s="424"/>
      <c r="GAM728" s="424"/>
      <c r="GAN728" s="424"/>
      <c r="GAO728" s="423" t="s">
        <v>2795</v>
      </c>
      <c r="GAP728" s="424"/>
      <c r="GAQ728" s="424"/>
      <c r="GAR728" s="424"/>
      <c r="GAS728" s="423" t="s">
        <v>2795</v>
      </c>
      <c r="GAT728" s="424"/>
      <c r="GAU728" s="424"/>
      <c r="GAV728" s="424"/>
      <c r="GAW728" s="423" t="s">
        <v>2795</v>
      </c>
      <c r="GAX728" s="424"/>
      <c r="GAY728" s="424"/>
      <c r="GAZ728" s="424"/>
      <c r="GBA728" s="423" t="s">
        <v>2795</v>
      </c>
      <c r="GBB728" s="424"/>
      <c r="GBC728" s="424"/>
      <c r="GBD728" s="424"/>
      <c r="GBE728" s="423" t="s">
        <v>2795</v>
      </c>
      <c r="GBF728" s="424"/>
      <c r="GBG728" s="424"/>
      <c r="GBH728" s="424"/>
      <c r="GBI728" s="423" t="s">
        <v>2795</v>
      </c>
      <c r="GBJ728" s="424"/>
      <c r="GBK728" s="424"/>
      <c r="GBL728" s="424"/>
      <c r="GBM728" s="423" t="s">
        <v>2795</v>
      </c>
      <c r="GBN728" s="424"/>
      <c r="GBO728" s="424"/>
      <c r="GBP728" s="424"/>
      <c r="GBQ728" s="423" t="s">
        <v>2795</v>
      </c>
      <c r="GBR728" s="424"/>
      <c r="GBS728" s="424"/>
      <c r="GBT728" s="424"/>
      <c r="GBU728" s="423" t="s">
        <v>2795</v>
      </c>
      <c r="GBV728" s="424"/>
      <c r="GBW728" s="424"/>
      <c r="GBX728" s="424"/>
      <c r="GBY728" s="423" t="s">
        <v>2795</v>
      </c>
      <c r="GBZ728" s="424"/>
      <c r="GCA728" s="424"/>
      <c r="GCB728" s="424"/>
      <c r="GCC728" s="423" t="s">
        <v>2795</v>
      </c>
      <c r="GCD728" s="424"/>
      <c r="GCE728" s="424"/>
      <c r="GCF728" s="424"/>
      <c r="GCG728" s="423" t="s">
        <v>2795</v>
      </c>
      <c r="GCH728" s="424"/>
      <c r="GCI728" s="424"/>
      <c r="GCJ728" s="424"/>
      <c r="GCK728" s="423" t="s">
        <v>2795</v>
      </c>
      <c r="GCL728" s="424"/>
      <c r="GCM728" s="424"/>
      <c r="GCN728" s="424"/>
      <c r="GCO728" s="423" t="s">
        <v>2795</v>
      </c>
      <c r="GCP728" s="424"/>
      <c r="GCQ728" s="424"/>
      <c r="GCR728" s="424"/>
      <c r="GCS728" s="423" t="s">
        <v>2795</v>
      </c>
      <c r="GCT728" s="424"/>
      <c r="GCU728" s="424"/>
      <c r="GCV728" s="424"/>
      <c r="GCW728" s="423" t="s">
        <v>2795</v>
      </c>
      <c r="GCX728" s="424"/>
      <c r="GCY728" s="424"/>
      <c r="GCZ728" s="424"/>
      <c r="GDA728" s="423" t="s">
        <v>2795</v>
      </c>
      <c r="GDB728" s="424"/>
      <c r="GDC728" s="424"/>
      <c r="GDD728" s="424"/>
      <c r="GDE728" s="423" t="s">
        <v>2795</v>
      </c>
      <c r="GDF728" s="424"/>
      <c r="GDG728" s="424"/>
      <c r="GDH728" s="424"/>
      <c r="GDI728" s="423" t="s">
        <v>2795</v>
      </c>
      <c r="GDJ728" s="424"/>
      <c r="GDK728" s="424"/>
      <c r="GDL728" s="424"/>
      <c r="GDM728" s="423" t="s">
        <v>2795</v>
      </c>
      <c r="GDN728" s="424"/>
      <c r="GDO728" s="424"/>
      <c r="GDP728" s="424"/>
      <c r="GDQ728" s="423" t="s">
        <v>2795</v>
      </c>
      <c r="GDR728" s="424"/>
      <c r="GDS728" s="424"/>
      <c r="GDT728" s="424"/>
      <c r="GDU728" s="423" t="s">
        <v>2795</v>
      </c>
      <c r="GDV728" s="424"/>
      <c r="GDW728" s="424"/>
      <c r="GDX728" s="424"/>
      <c r="GDY728" s="423" t="s">
        <v>2795</v>
      </c>
      <c r="GDZ728" s="424"/>
      <c r="GEA728" s="424"/>
      <c r="GEB728" s="424"/>
      <c r="GEC728" s="423" t="s">
        <v>2795</v>
      </c>
      <c r="GED728" s="424"/>
      <c r="GEE728" s="424"/>
      <c r="GEF728" s="424"/>
      <c r="GEG728" s="423" t="s">
        <v>2795</v>
      </c>
      <c r="GEH728" s="424"/>
      <c r="GEI728" s="424"/>
      <c r="GEJ728" s="424"/>
      <c r="GEK728" s="423" t="s">
        <v>2795</v>
      </c>
      <c r="GEL728" s="424"/>
      <c r="GEM728" s="424"/>
      <c r="GEN728" s="424"/>
      <c r="GEO728" s="423" t="s">
        <v>2795</v>
      </c>
      <c r="GEP728" s="424"/>
      <c r="GEQ728" s="424"/>
      <c r="GER728" s="424"/>
      <c r="GES728" s="423" t="s">
        <v>2795</v>
      </c>
      <c r="GET728" s="424"/>
      <c r="GEU728" s="424"/>
      <c r="GEV728" s="424"/>
      <c r="GEW728" s="423" t="s">
        <v>2795</v>
      </c>
      <c r="GEX728" s="424"/>
      <c r="GEY728" s="424"/>
      <c r="GEZ728" s="424"/>
      <c r="GFA728" s="423" t="s">
        <v>2795</v>
      </c>
      <c r="GFB728" s="424"/>
      <c r="GFC728" s="424"/>
      <c r="GFD728" s="424"/>
      <c r="GFE728" s="423" t="s">
        <v>2795</v>
      </c>
      <c r="GFF728" s="424"/>
      <c r="GFG728" s="424"/>
      <c r="GFH728" s="424"/>
      <c r="GFI728" s="423" t="s">
        <v>2795</v>
      </c>
      <c r="GFJ728" s="424"/>
      <c r="GFK728" s="424"/>
      <c r="GFL728" s="424"/>
      <c r="GFM728" s="423" t="s">
        <v>2795</v>
      </c>
      <c r="GFN728" s="424"/>
      <c r="GFO728" s="424"/>
      <c r="GFP728" s="424"/>
      <c r="GFQ728" s="423" t="s">
        <v>2795</v>
      </c>
      <c r="GFR728" s="424"/>
      <c r="GFS728" s="424"/>
      <c r="GFT728" s="424"/>
      <c r="GFU728" s="423" t="s">
        <v>2795</v>
      </c>
      <c r="GFV728" s="424"/>
      <c r="GFW728" s="424"/>
      <c r="GFX728" s="424"/>
      <c r="GFY728" s="423" t="s">
        <v>2795</v>
      </c>
      <c r="GFZ728" s="424"/>
      <c r="GGA728" s="424"/>
      <c r="GGB728" s="424"/>
      <c r="GGC728" s="423" t="s">
        <v>2795</v>
      </c>
      <c r="GGD728" s="424"/>
      <c r="GGE728" s="424"/>
      <c r="GGF728" s="424"/>
      <c r="GGG728" s="423" t="s">
        <v>2795</v>
      </c>
      <c r="GGH728" s="424"/>
      <c r="GGI728" s="424"/>
      <c r="GGJ728" s="424"/>
      <c r="GGK728" s="423" t="s">
        <v>2795</v>
      </c>
      <c r="GGL728" s="424"/>
      <c r="GGM728" s="424"/>
      <c r="GGN728" s="424"/>
      <c r="GGO728" s="423" t="s">
        <v>2795</v>
      </c>
      <c r="GGP728" s="424"/>
      <c r="GGQ728" s="424"/>
      <c r="GGR728" s="424"/>
      <c r="GGS728" s="423" t="s">
        <v>2795</v>
      </c>
      <c r="GGT728" s="424"/>
      <c r="GGU728" s="424"/>
      <c r="GGV728" s="424"/>
      <c r="GGW728" s="423" t="s">
        <v>2795</v>
      </c>
      <c r="GGX728" s="424"/>
      <c r="GGY728" s="424"/>
      <c r="GGZ728" s="424"/>
      <c r="GHA728" s="423" t="s">
        <v>2795</v>
      </c>
      <c r="GHB728" s="424"/>
      <c r="GHC728" s="424"/>
      <c r="GHD728" s="424"/>
      <c r="GHE728" s="423" t="s">
        <v>2795</v>
      </c>
      <c r="GHF728" s="424"/>
      <c r="GHG728" s="424"/>
      <c r="GHH728" s="424"/>
      <c r="GHI728" s="423" t="s">
        <v>2795</v>
      </c>
      <c r="GHJ728" s="424"/>
      <c r="GHK728" s="424"/>
      <c r="GHL728" s="424"/>
      <c r="GHM728" s="423" t="s">
        <v>2795</v>
      </c>
      <c r="GHN728" s="424"/>
      <c r="GHO728" s="424"/>
      <c r="GHP728" s="424"/>
      <c r="GHQ728" s="423" t="s">
        <v>2795</v>
      </c>
      <c r="GHR728" s="424"/>
      <c r="GHS728" s="424"/>
      <c r="GHT728" s="424"/>
      <c r="GHU728" s="423" t="s">
        <v>2795</v>
      </c>
      <c r="GHV728" s="424"/>
      <c r="GHW728" s="424"/>
      <c r="GHX728" s="424"/>
      <c r="GHY728" s="423" t="s">
        <v>2795</v>
      </c>
      <c r="GHZ728" s="424"/>
      <c r="GIA728" s="424"/>
      <c r="GIB728" s="424"/>
      <c r="GIC728" s="423" t="s">
        <v>2795</v>
      </c>
      <c r="GID728" s="424"/>
      <c r="GIE728" s="424"/>
      <c r="GIF728" s="424"/>
      <c r="GIG728" s="423" t="s">
        <v>2795</v>
      </c>
      <c r="GIH728" s="424"/>
      <c r="GII728" s="424"/>
      <c r="GIJ728" s="424"/>
      <c r="GIK728" s="423" t="s">
        <v>2795</v>
      </c>
      <c r="GIL728" s="424"/>
      <c r="GIM728" s="424"/>
      <c r="GIN728" s="424"/>
      <c r="GIO728" s="423" t="s">
        <v>2795</v>
      </c>
      <c r="GIP728" s="424"/>
      <c r="GIQ728" s="424"/>
      <c r="GIR728" s="424"/>
      <c r="GIS728" s="423" t="s">
        <v>2795</v>
      </c>
      <c r="GIT728" s="424"/>
      <c r="GIU728" s="424"/>
      <c r="GIV728" s="424"/>
      <c r="GIW728" s="423" t="s">
        <v>2795</v>
      </c>
      <c r="GIX728" s="424"/>
      <c r="GIY728" s="424"/>
      <c r="GIZ728" s="424"/>
      <c r="GJA728" s="423" t="s">
        <v>2795</v>
      </c>
      <c r="GJB728" s="424"/>
      <c r="GJC728" s="424"/>
      <c r="GJD728" s="424"/>
      <c r="GJE728" s="423" t="s">
        <v>2795</v>
      </c>
      <c r="GJF728" s="424"/>
      <c r="GJG728" s="424"/>
      <c r="GJH728" s="424"/>
      <c r="GJI728" s="423" t="s">
        <v>2795</v>
      </c>
      <c r="GJJ728" s="424"/>
      <c r="GJK728" s="424"/>
      <c r="GJL728" s="424"/>
      <c r="GJM728" s="423" t="s">
        <v>2795</v>
      </c>
      <c r="GJN728" s="424"/>
      <c r="GJO728" s="424"/>
      <c r="GJP728" s="424"/>
      <c r="GJQ728" s="423" t="s">
        <v>2795</v>
      </c>
      <c r="GJR728" s="424"/>
      <c r="GJS728" s="424"/>
      <c r="GJT728" s="424"/>
      <c r="GJU728" s="423" t="s">
        <v>2795</v>
      </c>
      <c r="GJV728" s="424"/>
      <c r="GJW728" s="424"/>
      <c r="GJX728" s="424"/>
      <c r="GJY728" s="423" t="s">
        <v>2795</v>
      </c>
      <c r="GJZ728" s="424"/>
      <c r="GKA728" s="424"/>
      <c r="GKB728" s="424"/>
      <c r="GKC728" s="423" t="s">
        <v>2795</v>
      </c>
      <c r="GKD728" s="424"/>
      <c r="GKE728" s="424"/>
      <c r="GKF728" s="424"/>
      <c r="GKG728" s="423" t="s">
        <v>2795</v>
      </c>
      <c r="GKH728" s="424"/>
      <c r="GKI728" s="424"/>
      <c r="GKJ728" s="424"/>
      <c r="GKK728" s="423" t="s">
        <v>2795</v>
      </c>
      <c r="GKL728" s="424"/>
      <c r="GKM728" s="424"/>
      <c r="GKN728" s="424"/>
      <c r="GKO728" s="423" t="s">
        <v>2795</v>
      </c>
      <c r="GKP728" s="424"/>
      <c r="GKQ728" s="424"/>
      <c r="GKR728" s="424"/>
      <c r="GKS728" s="423" t="s">
        <v>2795</v>
      </c>
      <c r="GKT728" s="424"/>
      <c r="GKU728" s="424"/>
      <c r="GKV728" s="424"/>
      <c r="GKW728" s="423" t="s">
        <v>2795</v>
      </c>
      <c r="GKX728" s="424"/>
      <c r="GKY728" s="424"/>
      <c r="GKZ728" s="424"/>
      <c r="GLA728" s="423" t="s">
        <v>2795</v>
      </c>
      <c r="GLB728" s="424"/>
      <c r="GLC728" s="424"/>
      <c r="GLD728" s="424"/>
      <c r="GLE728" s="423" t="s">
        <v>2795</v>
      </c>
      <c r="GLF728" s="424"/>
      <c r="GLG728" s="424"/>
      <c r="GLH728" s="424"/>
      <c r="GLI728" s="423" t="s">
        <v>2795</v>
      </c>
      <c r="GLJ728" s="424"/>
      <c r="GLK728" s="424"/>
      <c r="GLL728" s="424"/>
      <c r="GLM728" s="423" t="s">
        <v>2795</v>
      </c>
      <c r="GLN728" s="424"/>
      <c r="GLO728" s="424"/>
      <c r="GLP728" s="424"/>
      <c r="GLQ728" s="423" t="s">
        <v>2795</v>
      </c>
      <c r="GLR728" s="424"/>
      <c r="GLS728" s="424"/>
      <c r="GLT728" s="424"/>
      <c r="GLU728" s="423" t="s">
        <v>2795</v>
      </c>
      <c r="GLV728" s="424"/>
      <c r="GLW728" s="424"/>
      <c r="GLX728" s="424"/>
      <c r="GLY728" s="423" t="s">
        <v>2795</v>
      </c>
      <c r="GLZ728" s="424"/>
      <c r="GMA728" s="424"/>
      <c r="GMB728" s="424"/>
      <c r="GMC728" s="423" t="s">
        <v>2795</v>
      </c>
      <c r="GMD728" s="424"/>
      <c r="GME728" s="424"/>
      <c r="GMF728" s="424"/>
      <c r="GMG728" s="423" t="s">
        <v>2795</v>
      </c>
      <c r="GMH728" s="424"/>
      <c r="GMI728" s="424"/>
      <c r="GMJ728" s="424"/>
      <c r="GMK728" s="423" t="s">
        <v>2795</v>
      </c>
      <c r="GML728" s="424"/>
      <c r="GMM728" s="424"/>
      <c r="GMN728" s="424"/>
      <c r="GMO728" s="423" t="s">
        <v>2795</v>
      </c>
      <c r="GMP728" s="424"/>
      <c r="GMQ728" s="424"/>
      <c r="GMR728" s="424"/>
      <c r="GMS728" s="423" t="s">
        <v>2795</v>
      </c>
      <c r="GMT728" s="424"/>
      <c r="GMU728" s="424"/>
      <c r="GMV728" s="424"/>
      <c r="GMW728" s="423" t="s">
        <v>2795</v>
      </c>
      <c r="GMX728" s="424"/>
      <c r="GMY728" s="424"/>
      <c r="GMZ728" s="424"/>
      <c r="GNA728" s="423" t="s">
        <v>2795</v>
      </c>
      <c r="GNB728" s="424"/>
      <c r="GNC728" s="424"/>
      <c r="GND728" s="424"/>
      <c r="GNE728" s="423" t="s">
        <v>2795</v>
      </c>
      <c r="GNF728" s="424"/>
      <c r="GNG728" s="424"/>
      <c r="GNH728" s="424"/>
      <c r="GNI728" s="423" t="s">
        <v>2795</v>
      </c>
      <c r="GNJ728" s="424"/>
      <c r="GNK728" s="424"/>
      <c r="GNL728" s="424"/>
      <c r="GNM728" s="423" t="s">
        <v>2795</v>
      </c>
      <c r="GNN728" s="424"/>
      <c r="GNO728" s="424"/>
      <c r="GNP728" s="424"/>
      <c r="GNQ728" s="423" t="s">
        <v>2795</v>
      </c>
      <c r="GNR728" s="424"/>
      <c r="GNS728" s="424"/>
      <c r="GNT728" s="424"/>
      <c r="GNU728" s="423" t="s">
        <v>2795</v>
      </c>
      <c r="GNV728" s="424"/>
      <c r="GNW728" s="424"/>
      <c r="GNX728" s="424"/>
      <c r="GNY728" s="423" t="s">
        <v>2795</v>
      </c>
      <c r="GNZ728" s="424"/>
      <c r="GOA728" s="424"/>
      <c r="GOB728" s="424"/>
      <c r="GOC728" s="423" t="s">
        <v>2795</v>
      </c>
      <c r="GOD728" s="424"/>
      <c r="GOE728" s="424"/>
      <c r="GOF728" s="424"/>
      <c r="GOG728" s="423" t="s">
        <v>2795</v>
      </c>
      <c r="GOH728" s="424"/>
      <c r="GOI728" s="424"/>
      <c r="GOJ728" s="424"/>
      <c r="GOK728" s="423" t="s">
        <v>2795</v>
      </c>
      <c r="GOL728" s="424"/>
      <c r="GOM728" s="424"/>
      <c r="GON728" s="424"/>
      <c r="GOO728" s="423" t="s">
        <v>2795</v>
      </c>
      <c r="GOP728" s="424"/>
      <c r="GOQ728" s="424"/>
      <c r="GOR728" s="424"/>
      <c r="GOS728" s="423" t="s">
        <v>2795</v>
      </c>
      <c r="GOT728" s="424"/>
      <c r="GOU728" s="424"/>
      <c r="GOV728" s="424"/>
      <c r="GOW728" s="423" t="s">
        <v>2795</v>
      </c>
      <c r="GOX728" s="424"/>
      <c r="GOY728" s="424"/>
      <c r="GOZ728" s="424"/>
      <c r="GPA728" s="423" t="s">
        <v>2795</v>
      </c>
      <c r="GPB728" s="424"/>
      <c r="GPC728" s="424"/>
      <c r="GPD728" s="424"/>
      <c r="GPE728" s="423" t="s">
        <v>2795</v>
      </c>
      <c r="GPF728" s="424"/>
      <c r="GPG728" s="424"/>
      <c r="GPH728" s="424"/>
      <c r="GPI728" s="423" t="s">
        <v>2795</v>
      </c>
      <c r="GPJ728" s="424"/>
      <c r="GPK728" s="424"/>
      <c r="GPL728" s="424"/>
      <c r="GPM728" s="423" t="s">
        <v>2795</v>
      </c>
      <c r="GPN728" s="424"/>
      <c r="GPO728" s="424"/>
      <c r="GPP728" s="424"/>
      <c r="GPQ728" s="423" t="s">
        <v>2795</v>
      </c>
      <c r="GPR728" s="424"/>
      <c r="GPS728" s="424"/>
      <c r="GPT728" s="424"/>
      <c r="GPU728" s="423" t="s">
        <v>2795</v>
      </c>
      <c r="GPV728" s="424"/>
      <c r="GPW728" s="424"/>
      <c r="GPX728" s="424"/>
      <c r="GPY728" s="423" t="s">
        <v>2795</v>
      </c>
      <c r="GPZ728" s="424"/>
      <c r="GQA728" s="424"/>
      <c r="GQB728" s="424"/>
      <c r="GQC728" s="423" t="s">
        <v>2795</v>
      </c>
      <c r="GQD728" s="424"/>
      <c r="GQE728" s="424"/>
      <c r="GQF728" s="424"/>
      <c r="GQG728" s="423" t="s">
        <v>2795</v>
      </c>
      <c r="GQH728" s="424"/>
      <c r="GQI728" s="424"/>
      <c r="GQJ728" s="424"/>
      <c r="GQK728" s="423" t="s">
        <v>2795</v>
      </c>
      <c r="GQL728" s="424"/>
      <c r="GQM728" s="424"/>
      <c r="GQN728" s="424"/>
      <c r="GQO728" s="423" t="s">
        <v>2795</v>
      </c>
      <c r="GQP728" s="424"/>
      <c r="GQQ728" s="424"/>
      <c r="GQR728" s="424"/>
      <c r="GQS728" s="423" t="s">
        <v>2795</v>
      </c>
      <c r="GQT728" s="424"/>
      <c r="GQU728" s="424"/>
      <c r="GQV728" s="424"/>
      <c r="GQW728" s="423" t="s">
        <v>2795</v>
      </c>
      <c r="GQX728" s="424"/>
      <c r="GQY728" s="424"/>
      <c r="GQZ728" s="424"/>
      <c r="GRA728" s="423" t="s">
        <v>2795</v>
      </c>
      <c r="GRB728" s="424"/>
      <c r="GRC728" s="424"/>
      <c r="GRD728" s="424"/>
      <c r="GRE728" s="423" t="s">
        <v>2795</v>
      </c>
      <c r="GRF728" s="424"/>
      <c r="GRG728" s="424"/>
      <c r="GRH728" s="424"/>
      <c r="GRI728" s="423" t="s">
        <v>2795</v>
      </c>
      <c r="GRJ728" s="424"/>
      <c r="GRK728" s="424"/>
      <c r="GRL728" s="424"/>
      <c r="GRM728" s="423" t="s">
        <v>2795</v>
      </c>
      <c r="GRN728" s="424"/>
      <c r="GRO728" s="424"/>
      <c r="GRP728" s="424"/>
      <c r="GRQ728" s="423" t="s">
        <v>2795</v>
      </c>
      <c r="GRR728" s="424"/>
      <c r="GRS728" s="424"/>
      <c r="GRT728" s="424"/>
      <c r="GRU728" s="423" t="s">
        <v>2795</v>
      </c>
      <c r="GRV728" s="424"/>
      <c r="GRW728" s="424"/>
      <c r="GRX728" s="424"/>
      <c r="GRY728" s="423" t="s">
        <v>2795</v>
      </c>
      <c r="GRZ728" s="424"/>
      <c r="GSA728" s="424"/>
      <c r="GSB728" s="424"/>
      <c r="GSC728" s="423" t="s">
        <v>2795</v>
      </c>
      <c r="GSD728" s="424"/>
      <c r="GSE728" s="424"/>
      <c r="GSF728" s="424"/>
      <c r="GSG728" s="423" t="s">
        <v>2795</v>
      </c>
      <c r="GSH728" s="424"/>
      <c r="GSI728" s="424"/>
      <c r="GSJ728" s="424"/>
      <c r="GSK728" s="423" t="s">
        <v>2795</v>
      </c>
      <c r="GSL728" s="424"/>
      <c r="GSM728" s="424"/>
      <c r="GSN728" s="424"/>
      <c r="GSO728" s="423" t="s">
        <v>2795</v>
      </c>
      <c r="GSP728" s="424"/>
      <c r="GSQ728" s="424"/>
      <c r="GSR728" s="424"/>
      <c r="GSS728" s="423" t="s">
        <v>2795</v>
      </c>
      <c r="GST728" s="424"/>
      <c r="GSU728" s="424"/>
      <c r="GSV728" s="424"/>
      <c r="GSW728" s="423" t="s">
        <v>2795</v>
      </c>
      <c r="GSX728" s="424"/>
      <c r="GSY728" s="424"/>
      <c r="GSZ728" s="424"/>
      <c r="GTA728" s="423" t="s">
        <v>2795</v>
      </c>
      <c r="GTB728" s="424"/>
      <c r="GTC728" s="424"/>
      <c r="GTD728" s="424"/>
      <c r="GTE728" s="423" t="s">
        <v>2795</v>
      </c>
      <c r="GTF728" s="424"/>
      <c r="GTG728" s="424"/>
      <c r="GTH728" s="424"/>
      <c r="GTI728" s="423" t="s">
        <v>2795</v>
      </c>
      <c r="GTJ728" s="424"/>
      <c r="GTK728" s="424"/>
      <c r="GTL728" s="424"/>
      <c r="GTM728" s="423" t="s">
        <v>2795</v>
      </c>
      <c r="GTN728" s="424"/>
      <c r="GTO728" s="424"/>
      <c r="GTP728" s="424"/>
      <c r="GTQ728" s="423" t="s">
        <v>2795</v>
      </c>
      <c r="GTR728" s="424"/>
      <c r="GTS728" s="424"/>
      <c r="GTT728" s="424"/>
      <c r="GTU728" s="423" t="s">
        <v>2795</v>
      </c>
      <c r="GTV728" s="424"/>
      <c r="GTW728" s="424"/>
      <c r="GTX728" s="424"/>
      <c r="GTY728" s="423" t="s">
        <v>2795</v>
      </c>
      <c r="GTZ728" s="424"/>
      <c r="GUA728" s="424"/>
      <c r="GUB728" s="424"/>
      <c r="GUC728" s="423" t="s">
        <v>2795</v>
      </c>
      <c r="GUD728" s="424"/>
      <c r="GUE728" s="424"/>
      <c r="GUF728" s="424"/>
      <c r="GUG728" s="423" t="s">
        <v>2795</v>
      </c>
      <c r="GUH728" s="424"/>
      <c r="GUI728" s="424"/>
      <c r="GUJ728" s="424"/>
      <c r="GUK728" s="423" t="s">
        <v>2795</v>
      </c>
      <c r="GUL728" s="424"/>
      <c r="GUM728" s="424"/>
      <c r="GUN728" s="424"/>
      <c r="GUO728" s="423" t="s">
        <v>2795</v>
      </c>
      <c r="GUP728" s="424"/>
      <c r="GUQ728" s="424"/>
      <c r="GUR728" s="424"/>
      <c r="GUS728" s="423" t="s">
        <v>2795</v>
      </c>
      <c r="GUT728" s="424"/>
      <c r="GUU728" s="424"/>
      <c r="GUV728" s="424"/>
      <c r="GUW728" s="423" t="s">
        <v>2795</v>
      </c>
      <c r="GUX728" s="424"/>
      <c r="GUY728" s="424"/>
      <c r="GUZ728" s="424"/>
      <c r="GVA728" s="423" t="s">
        <v>2795</v>
      </c>
      <c r="GVB728" s="424"/>
      <c r="GVC728" s="424"/>
      <c r="GVD728" s="424"/>
      <c r="GVE728" s="423" t="s">
        <v>2795</v>
      </c>
      <c r="GVF728" s="424"/>
      <c r="GVG728" s="424"/>
      <c r="GVH728" s="424"/>
      <c r="GVI728" s="423" t="s">
        <v>2795</v>
      </c>
      <c r="GVJ728" s="424"/>
      <c r="GVK728" s="424"/>
      <c r="GVL728" s="424"/>
      <c r="GVM728" s="423" t="s">
        <v>2795</v>
      </c>
      <c r="GVN728" s="424"/>
      <c r="GVO728" s="424"/>
      <c r="GVP728" s="424"/>
      <c r="GVQ728" s="423" t="s">
        <v>2795</v>
      </c>
      <c r="GVR728" s="424"/>
      <c r="GVS728" s="424"/>
      <c r="GVT728" s="424"/>
      <c r="GVU728" s="423" t="s">
        <v>2795</v>
      </c>
      <c r="GVV728" s="424"/>
      <c r="GVW728" s="424"/>
      <c r="GVX728" s="424"/>
      <c r="GVY728" s="423" t="s">
        <v>2795</v>
      </c>
      <c r="GVZ728" s="424"/>
      <c r="GWA728" s="424"/>
      <c r="GWB728" s="424"/>
      <c r="GWC728" s="423" t="s">
        <v>2795</v>
      </c>
      <c r="GWD728" s="424"/>
      <c r="GWE728" s="424"/>
      <c r="GWF728" s="424"/>
      <c r="GWG728" s="423" t="s">
        <v>2795</v>
      </c>
      <c r="GWH728" s="424"/>
      <c r="GWI728" s="424"/>
      <c r="GWJ728" s="424"/>
      <c r="GWK728" s="423" t="s">
        <v>2795</v>
      </c>
      <c r="GWL728" s="424"/>
      <c r="GWM728" s="424"/>
      <c r="GWN728" s="424"/>
      <c r="GWO728" s="423" t="s">
        <v>2795</v>
      </c>
      <c r="GWP728" s="424"/>
      <c r="GWQ728" s="424"/>
      <c r="GWR728" s="424"/>
      <c r="GWS728" s="423" t="s">
        <v>2795</v>
      </c>
      <c r="GWT728" s="424"/>
      <c r="GWU728" s="424"/>
      <c r="GWV728" s="424"/>
      <c r="GWW728" s="423" t="s">
        <v>2795</v>
      </c>
      <c r="GWX728" s="424"/>
      <c r="GWY728" s="424"/>
      <c r="GWZ728" s="424"/>
      <c r="GXA728" s="423" t="s">
        <v>2795</v>
      </c>
      <c r="GXB728" s="424"/>
      <c r="GXC728" s="424"/>
      <c r="GXD728" s="424"/>
      <c r="GXE728" s="423" t="s">
        <v>2795</v>
      </c>
      <c r="GXF728" s="424"/>
      <c r="GXG728" s="424"/>
      <c r="GXH728" s="424"/>
      <c r="GXI728" s="423" t="s">
        <v>2795</v>
      </c>
      <c r="GXJ728" s="424"/>
      <c r="GXK728" s="424"/>
      <c r="GXL728" s="424"/>
      <c r="GXM728" s="423" t="s">
        <v>2795</v>
      </c>
      <c r="GXN728" s="424"/>
      <c r="GXO728" s="424"/>
      <c r="GXP728" s="424"/>
      <c r="GXQ728" s="423" t="s">
        <v>2795</v>
      </c>
      <c r="GXR728" s="424"/>
      <c r="GXS728" s="424"/>
      <c r="GXT728" s="424"/>
      <c r="GXU728" s="423" t="s">
        <v>2795</v>
      </c>
      <c r="GXV728" s="424"/>
      <c r="GXW728" s="424"/>
      <c r="GXX728" s="424"/>
      <c r="GXY728" s="423" t="s">
        <v>2795</v>
      </c>
      <c r="GXZ728" s="424"/>
      <c r="GYA728" s="424"/>
      <c r="GYB728" s="424"/>
      <c r="GYC728" s="423" t="s">
        <v>2795</v>
      </c>
      <c r="GYD728" s="424"/>
      <c r="GYE728" s="424"/>
      <c r="GYF728" s="424"/>
      <c r="GYG728" s="423" t="s">
        <v>2795</v>
      </c>
      <c r="GYH728" s="424"/>
      <c r="GYI728" s="424"/>
      <c r="GYJ728" s="424"/>
      <c r="GYK728" s="423" t="s">
        <v>2795</v>
      </c>
      <c r="GYL728" s="424"/>
      <c r="GYM728" s="424"/>
      <c r="GYN728" s="424"/>
      <c r="GYO728" s="423" t="s">
        <v>2795</v>
      </c>
      <c r="GYP728" s="424"/>
      <c r="GYQ728" s="424"/>
      <c r="GYR728" s="424"/>
      <c r="GYS728" s="423" t="s">
        <v>2795</v>
      </c>
      <c r="GYT728" s="424"/>
      <c r="GYU728" s="424"/>
      <c r="GYV728" s="424"/>
      <c r="GYW728" s="423" t="s">
        <v>2795</v>
      </c>
      <c r="GYX728" s="424"/>
      <c r="GYY728" s="424"/>
      <c r="GYZ728" s="424"/>
      <c r="GZA728" s="423" t="s">
        <v>2795</v>
      </c>
      <c r="GZB728" s="424"/>
      <c r="GZC728" s="424"/>
      <c r="GZD728" s="424"/>
      <c r="GZE728" s="423" t="s">
        <v>2795</v>
      </c>
      <c r="GZF728" s="424"/>
      <c r="GZG728" s="424"/>
      <c r="GZH728" s="424"/>
      <c r="GZI728" s="423" t="s">
        <v>2795</v>
      </c>
      <c r="GZJ728" s="424"/>
      <c r="GZK728" s="424"/>
      <c r="GZL728" s="424"/>
      <c r="GZM728" s="423" t="s">
        <v>2795</v>
      </c>
      <c r="GZN728" s="424"/>
      <c r="GZO728" s="424"/>
      <c r="GZP728" s="424"/>
      <c r="GZQ728" s="423" t="s">
        <v>2795</v>
      </c>
      <c r="GZR728" s="424"/>
      <c r="GZS728" s="424"/>
      <c r="GZT728" s="424"/>
      <c r="GZU728" s="423" t="s">
        <v>2795</v>
      </c>
      <c r="GZV728" s="424"/>
      <c r="GZW728" s="424"/>
      <c r="GZX728" s="424"/>
      <c r="GZY728" s="423" t="s">
        <v>2795</v>
      </c>
      <c r="GZZ728" s="424"/>
      <c r="HAA728" s="424"/>
      <c r="HAB728" s="424"/>
      <c r="HAC728" s="423" t="s">
        <v>2795</v>
      </c>
      <c r="HAD728" s="424"/>
      <c r="HAE728" s="424"/>
      <c r="HAF728" s="424"/>
      <c r="HAG728" s="423" t="s">
        <v>2795</v>
      </c>
      <c r="HAH728" s="424"/>
      <c r="HAI728" s="424"/>
      <c r="HAJ728" s="424"/>
      <c r="HAK728" s="423" t="s">
        <v>2795</v>
      </c>
      <c r="HAL728" s="424"/>
      <c r="HAM728" s="424"/>
      <c r="HAN728" s="424"/>
      <c r="HAO728" s="423" t="s">
        <v>2795</v>
      </c>
      <c r="HAP728" s="424"/>
      <c r="HAQ728" s="424"/>
      <c r="HAR728" s="424"/>
      <c r="HAS728" s="423" t="s">
        <v>2795</v>
      </c>
      <c r="HAT728" s="424"/>
      <c r="HAU728" s="424"/>
      <c r="HAV728" s="424"/>
      <c r="HAW728" s="423" t="s">
        <v>2795</v>
      </c>
      <c r="HAX728" s="424"/>
      <c r="HAY728" s="424"/>
      <c r="HAZ728" s="424"/>
      <c r="HBA728" s="423" t="s">
        <v>2795</v>
      </c>
      <c r="HBB728" s="424"/>
      <c r="HBC728" s="424"/>
      <c r="HBD728" s="424"/>
      <c r="HBE728" s="423" t="s">
        <v>2795</v>
      </c>
      <c r="HBF728" s="424"/>
      <c r="HBG728" s="424"/>
      <c r="HBH728" s="424"/>
      <c r="HBI728" s="423" t="s">
        <v>2795</v>
      </c>
      <c r="HBJ728" s="424"/>
      <c r="HBK728" s="424"/>
      <c r="HBL728" s="424"/>
      <c r="HBM728" s="423" t="s">
        <v>2795</v>
      </c>
      <c r="HBN728" s="424"/>
      <c r="HBO728" s="424"/>
      <c r="HBP728" s="424"/>
      <c r="HBQ728" s="423" t="s">
        <v>2795</v>
      </c>
      <c r="HBR728" s="424"/>
      <c r="HBS728" s="424"/>
      <c r="HBT728" s="424"/>
      <c r="HBU728" s="423" t="s">
        <v>2795</v>
      </c>
      <c r="HBV728" s="424"/>
      <c r="HBW728" s="424"/>
      <c r="HBX728" s="424"/>
      <c r="HBY728" s="423" t="s">
        <v>2795</v>
      </c>
      <c r="HBZ728" s="424"/>
      <c r="HCA728" s="424"/>
      <c r="HCB728" s="424"/>
      <c r="HCC728" s="423" t="s">
        <v>2795</v>
      </c>
      <c r="HCD728" s="424"/>
      <c r="HCE728" s="424"/>
      <c r="HCF728" s="424"/>
      <c r="HCG728" s="423" t="s">
        <v>2795</v>
      </c>
      <c r="HCH728" s="424"/>
      <c r="HCI728" s="424"/>
      <c r="HCJ728" s="424"/>
      <c r="HCK728" s="423" t="s">
        <v>2795</v>
      </c>
      <c r="HCL728" s="424"/>
      <c r="HCM728" s="424"/>
      <c r="HCN728" s="424"/>
      <c r="HCO728" s="423" t="s">
        <v>2795</v>
      </c>
      <c r="HCP728" s="424"/>
      <c r="HCQ728" s="424"/>
      <c r="HCR728" s="424"/>
      <c r="HCS728" s="423" t="s">
        <v>2795</v>
      </c>
      <c r="HCT728" s="424"/>
      <c r="HCU728" s="424"/>
      <c r="HCV728" s="424"/>
      <c r="HCW728" s="423" t="s">
        <v>2795</v>
      </c>
      <c r="HCX728" s="424"/>
      <c r="HCY728" s="424"/>
      <c r="HCZ728" s="424"/>
      <c r="HDA728" s="423" t="s">
        <v>2795</v>
      </c>
      <c r="HDB728" s="424"/>
      <c r="HDC728" s="424"/>
      <c r="HDD728" s="424"/>
      <c r="HDE728" s="423" t="s">
        <v>2795</v>
      </c>
      <c r="HDF728" s="424"/>
      <c r="HDG728" s="424"/>
      <c r="HDH728" s="424"/>
      <c r="HDI728" s="423" t="s">
        <v>2795</v>
      </c>
      <c r="HDJ728" s="424"/>
      <c r="HDK728" s="424"/>
      <c r="HDL728" s="424"/>
      <c r="HDM728" s="423" t="s">
        <v>2795</v>
      </c>
      <c r="HDN728" s="424"/>
      <c r="HDO728" s="424"/>
      <c r="HDP728" s="424"/>
      <c r="HDQ728" s="423" t="s">
        <v>2795</v>
      </c>
      <c r="HDR728" s="424"/>
      <c r="HDS728" s="424"/>
      <c r="HDT728" s="424"/>
      <c r="HDU728" s="423" t="s">
        <v>2795</v>
      </c>
      <c r="HDV728" s="424"/>
      <c r="HDW728" s="424"/>
      <c r="HDX728" s="424"/>
      <c r="HDY728" s="423" t="s">
        <v>2795</v>
      </c>
      <c r="HDZ728" s="424"/>
      <c r="HEA728" s="424"/>
      <c r="HEB728" s="424"/>
      <c r="HEC728" s="423" t="s">
        <v>2795</v>
      </c>
      <c r="HED728" s="424"/>
      <c r="HEE728" s="424"/>
      <c r="HEF728" s="424"/>
      <c r="HEG728" s="423" t="s">
        <v>2795</v>
      </c>
      <c r="HEH728" s="424"/>
      <c r="HEI728" s="424"/>
      <c r="HEJ728" s="424"/>
      <c r="HEK728" s="423" t="s">
        <v>2795</v>
      </c>
      <c r="HEL728" s="424"/>
      <c r="HEM728" s="424"/>
      <c r="HEN728" s="424"/>
      <c r="HEO728" s="423" t="s">
        <v>2795</v>
      </c>
      <c r="HEP728" s="424"/>
      <c r="HEQ728" s="424"/>
      <c r="HER728" s="424"/>
      <c r="HES728" s="423" t="s">
        <v>2795</v>
      </c>
      <c r="HET728" s="424"/>
      <c r="HEU728" s="424"/>
      <c r="HEV728" s="424"/>
      <c r="HEW728" s="423" t="s">
        <v>2795</v>
      </c>
      <c r="HEX728" s="424"/>
      <c r="HEY728" s="424"/>
      <c r="HEZ728" s="424"/>
      <c r="HFA728" s="423" t="s">
        <v>2795</v>
      </c>
      <c r="HFB728" s="424"/>
      <c r="HFC728" s="424"/>
      <c r="HFD728" s="424"/>
      <c r="HFE728" s="423" t="s">
        <v>2795</v>
      </c>
      <c r="HFF728" s="424"/>
      <c r="HFG728" s="424"/>
      <c r="HFH728" s="424"/>
      <c r="HFI728" s="423" t="s">
        <v>2795</v>
      </c>
      <c r="HFJ728" s="424"/>
      <c r="HFK728" s="424"/>
      <c r="HFL728" s="424"/>
      <c r="HFM728" s="423" t="s">
        <v>2795</v>
      </c>
      <c r="HFN728" s="424"/>
      <c r="HFO728" s="424"/>
      <c r="HFP728" s="424"/>
      <c r="HFQ728" s="423" t="s">
        <v>2795</v>
      </c>
      <c r="HFR728" s="424"/>
      <c r="HFS728" s="424"/>
      <c r="HFT728" s="424"/>
      <c r="HFU728" s="423" t="s">
        <v>2795</v>
      </c>
      <c r="HFV728" s="424"/>
      <c r="HFW728" s="424"/>
      <c r="HFX728" s="424"/>
      <c r="HFY728" s="423" t="s">
        <v>2795</v>
      </c>
      <c r="HFZ728" s="424"/>
      <c r="HGA728" s="424"/>
      <c r="HGB728" s="424"/>
      <c r="HGC728" s="423" t="s">
        <v>2795</v>
      </c>
      <c r="HGD728" s="424"/>
      <c r="HGE728" s="424"/>
      <c r="HGF728" s="424"/>
      <c r="HGG728" s="423" t="s">
        <v>2795</v>
      </c>
      <c r="HGH728" s="424"/>
      <c r="HGI728" s="424"/>
      <c r="HGJ728" s="424"/>
      <c r="HGK728" s="423" t="s">
        <v>2795</v>
      </c>
      <c r="HGL728" s="424"/>
      <c r="HGM728" s="424"/>
      <c r="HGN728" s="424"/>
      <c r="HGO728" s="423" t="s">
        <v>2795</v>
      </c>
      <c r="HGP728" s="424"/>
      <c r="HGQ728" s="424"/>
      <c r="HGR728" s="424"/>
      <c r="HGS728" s="423" t="s">
        <v>2795</v>
      </c>
      <c r="HGT728" s="424"/>
      <c r="HGU728" s="424"/>
      <c r="HGV728" s="424"/>
      <c r="HGW728" s="423" t="s">
        <v>2795</v>
      </c>
      <c r="HGX728" s="424"/>
      <c r="HGY728" s="424"/>
      <c r="HGZ728" s="424"/>
      <c r="HHA728" s="423" t="s">
        <v>2795</v>
      </c>
      <c r="HHB728" s="424"/>
      <c r="HHC728" s="424"/>
      <c r="HHD728" s="424"/>
      <c r="HHE728" s="423" t="s">
        <v>2795</v>
      </c>
      <c r="HHF728" s="424"/>
      <c r="HHG728" s="424"/>
      <c r="HHH728" s="424"/>
      <c r="HHI728" s="423" t="s">
        <v>2795</v>
      </c>
      <c r="HHJ728" s="424"/>
      <c r="HHK728" s="424"/>
      <c r="HHL728" s="424"/>
      <c r="HHM728" s="423" t="s">
        <v>2795</v>
      </c>
      <c r="HHN728" s="424"/>
      <c r="HHO728" s="424"/>
      <c r="HHP728" s="424"/>
      <c r="HHQ728" s="423" t="s">
        <v>2795</v>
      </c>
      <c r="HHR728" s="424"/>
      <c r="HHS728" s="424"/>
      <c r="HHT728" s="424"/>
      <c r="HHU728" s="423" t="s">
        <v>2795</v>
      </c>
      <c r="HHV728" s="424"/>
      <c r="HHW728" s="424"/>
      <c r="HHX728" s="424"/>
      <c r="HHY728" s="423" t="s">
        <v>2795</v>
      </c>
      <c r="HHZ728" s="424"/>
      <c r="HIA728" s="424"/>
      <c r="HIB728" s="424"/>
      <c r="HIC728" s="423" t="s">
        <v>2795</v>
      </c>
      <c r="HID728" s="424"/>
      <c r="HIE728" s="424"/>
      <c r="HIF728" s="424"/>
      <c r="HIG728" s="423" t="s">
        <v>2795</v>
      </c>
      <c r="HIH728" s="424"/>
      <c r="HII728" s="424"/>
      <c r="HIJ728" s="424"/>
      <c r="HIK728" s="423" t="s">
        <v>2795</v>
      </c>
      <c r="HIL728" s="424"/>
      <c r="HIM728" s="424"/>
      <c r="HIN728" s="424"/>
      <c r="HIO728" s="423" t="s">
        <v>2795</v>
      </c>
      <c r="HIP728" s="424"/>
      <c r="HIQ728" s="424"/>
      <c r="HIR728" s="424"/>
      <c r="HIS728" s="423" t="s">
        <v>2795</v>
      </c>
      <c r="HIT728" s="424"/>
      <c r="HIU728" s="424"/>
      <c r="HIV728" s="424"/>
      <c r="HIW728" s="423" t="s">
        <v>2795</v>
      </c>
      <c r="HIX728" s="424"/>
      <c r="HIY728" s="424"/>
      <c r="HIZ728" s="424"/>
      <c r="HJA728" s="423" t="s">
        <v>2795</v>
      </c>
      <c r="HJB728" s="424"/>
      <c r="HJC728" s="424"/>
      <c r="HJD728" s="424"/>
      <c r="HJE728" s="423" t="s">
        <v>2795</v>
      </c>
      <c r="HJF728" s="424"/>
      <c r="HJG728" s="424"/>
      <c r="HJH728" s="424"/>
      <c r="HJI728" s="423" t="s">
        <v>2795</v>
      </c>
      <c r="HJJ728" s="424"/>
      <c r="HJK728" s="424"/>
      <c r="HJL728" s="424"/>
      <c r="HJM728" s="423" t="s">
        <v>2795</v>
      </c>
      <c r="HJN728" s="424"/>
      <c r="HJO728" s="424"/>
      <c r="HJP728" s="424"/>
      <c r="HJQ728" s="423" t="s">
        <v>2795</v>
      </c>
      <c r="HJR728" s="424"/>
      <c r="HJS728" s="424"/>
      <c r="HJT728" s="424"/>
      <c r="HJU728" s="423" t="s">
        <v>2795</v>
      </c>
      <c r="HJV728" s="424"/>
      <c r="HJW728" s="424"/>
      <c r="HJX728" s="424"/>
      <c r="HJY728" s="423" t="s">
        <v>2795</v>
      </c>
      <c r="HJZ728" s="424"/>
      <c r="HKA728" s="424"/>
      <c r="HKB728" s="424"/>
      <c r="HKC728" s="423" t="s">
        <v>2795</v>
      </c>
      <c r="HKD728" s="424"/>
      <c r="HKE728" s="424"/>
      <c r="HKF728" s="424"/>
      <c r="HKG728" s="423" t="s">
        <v>2795</v>
      </c>
      <c r="HKH728" s="424"/>
      <c r="HKI728" s="424"/>
      <c r="HKJ728" s="424"/>
      <c r="HKK728" s="423" t="s">
        <v>2795</v>
      </c>
      <c r="HKL728" s="424"/>
      <c r="HKM728" s="424"/>
      <c r="HKN728" s="424"/>
      <c r="HKO728" s="423" t="s">
        <v>2795</v>
      </c>
      <c r="HKP728" s="424"/>
      <c r="HKQ728" s="424"/>
      <c r="HKR728" s="424"/>
      <c r="HKS728" s="423" t="s">
        <v>2795</v>
      </c>
      <c r="HKT728" s="424"/>
      <c r="HKU728" s="424"/>
      <c r="HKV728" s="424"/>
      <c r="HKW728" s="423" t="s">
        <v>2795</v>
      </c>
      <c r="HKX728" s="424"/>
      <c r="HKY728" s="424"/>
      <c r="HKZ728" s="424"/>
      <c r="HLA728" s="423" t="s">
        <v>2795</v>
      </c>
      <c r="HLB728" s="424"/>
      <c r="HLC728" s="424"/>
      <c r="HLD728" s="424"/>
      <c r="HLE728" s="423" t="s">
        <v>2795</v>
      </c>
      <c r="HLF728" s="424"/>
      <c r="HLG728" s="424"/>
      <c r="HLH728" s="424"/>
      <c r="HLI728" s="423" t="s">
        <v>2795</v>
      </c>
      <c r="HLJ728" s="424"/>
      <c r="HLK728" s="424"/>
      <c r="HLL728" s="424"/>
      <c r="HLM728" s="423" t="s">
        <v>2795</v>
      </c>
      <c r="HLN728" s="424"/>
      <c r="HLO728" s="424"/>
      <c r="HLP728" s="424"/>
      <c r="HLQ728" s="423" t="s">
        <v>2795</v>
      </c>
      <c r="HLR728" s="424"/>
      <c r="HLS728" s="424"/>
      <c r="HLT728" s="424"/>
      <c r="HLU728" s="423" t="s">
        <v>2795</v>
      </c>
      <c r="HLV728" s="424"/>
      <c r="HLW728" s="424"/>
      <c r="HLX728" s="424"/>
      <c r="HLY728" s="423" t="s">
        <v>2795</v>
      </c>
      <c r="HLZ728" s="424"/>
      <c r="HMA728" s="424"/>
      <c r="HMB728" s="424"/>
      <c r="HMC728" s="423" t="s">
        <v>2795</v>
      </c>
      <c r="HMD728" s="424"/>
      <c r="HME728" s="424"/>
      <c r="HMF728" s="424"/>
      <c r="HMG728" s="423" t="s">
        <v>2795</v>
      </c>
      <c r="HMH728" s="424"/>
      <c r="HMI728" s="424"/>
      <c r="HMJ728" s="424"/>
      <c r="HMK728" s="423" t="s">
        <v>2795</v>
      </c>
      <c r="HML728" s="424"/>
      <c r="HMM728" s="424"/>
      <c r="HMN728" s="424"/>
      <c r="HMO728" s="423" t="s">
        <v>2795</v>
      </c>
      <c r="HMP728" s="424"/>
      <c r="HMQ728" s="424"/>
      <c r="HMR728" s="424"/>
      <c r="HMS728" s="423" t="s">
        <v>2795</v>
      </c>
      <c r="HMT728" s="424"/>
      <c r="HMU728" s="424"/>
      <c r="HMV728" s="424"/>
      <c r="HMW728" s="423" t="s">
        <v>2795</v>
      </c>
      <c r="HMX728" s="424"/>
      <c r="HMY728" s="424"/>
      <c r="HMZ728" s="424"/>
      <c r="HNA728" s="423" t="s">
        <v>2795</v>
      </c>
      <c r="HNB728" s="424"/>
      <c r="HNC728" s="424"/>
      <c r="HND728" s="424"/>
      <c r="HNE728" s="423" t="s">
        <v>2795</v>
      </c>
      <c r="HNF728" s="424"/>
      <c r="HNG728" s="424"/>
      <c r="HNH728" s="424"/>
      <c r="HNI728" s="423" t="s">
        <v>2795</v>
      </c>
      <c r="HNJ728" s="424"/>
      <c r="HNK728" s="424"/>
      <c r="HNL728" s="424"/>
      <c r="HNM728" s="423" t="s">
        <v>2795</v>
      </c>
      <c r="HNN728" s="424"/>
      <c r="HNO728" s="424"/>
      <c r="HNP728" s="424"/>
      <c r="HNQ728" s="423" t="s">
        <v>2795</v>
      </c>
      <c r="HNR728" s="424"/>
      <c r="HNS728" s="424"/>
      <c r="HNT728" s="424"/>
      <c r="HNU728" s="423" t="s">
        <v>2795</v>
      </c>
      <c r="HNV728" s="424"/>
      <c r="HNW728" s="424"/>
      <c r="HNX728" s="424"/>
      <c r="HNY728" s="423" t="s">
        <v>2795</v>
      </c>
      <c r="HNZ728" s="424"/>
      <c r="HOA728" s="424"/>
      <c r="HOB728" s="424"/>
      <c r="HOC728" s="423" t="s">
        <v>2795</v>
      </c>
      <c r="HOD728" s="424"/>
      <c r="HOE728" s="424"/>
      <c r="HOF728" s="424"/>
      <c r="HOG728" s="423" t="s">
        <v>2795</v>
      </c>
      <c r="HOH728" s="424"/>
      <c r="HOI728" s="424"/>
      <c r="HOJ728" s="424"/>
      <c r="HOK728" s="423" t="s">
        <v>2795</v>
      </c>
      <c r="HOL728" s="424"/>
      <c r="HOM728" s="424"/>
      <c r="HON728" s="424"/>
      <c r="HOO728" s="423" t="s">
        <v>2795</v>
      </c>
      <c r="HOP728" s="424"/>
      <c r="HOQ728" s="424"/>
      <c r="HOR728" s="424"/>
      <c r="HOS728" s="423" t="s">
        <v>2795</v>
      </c>
      <c r="HOT728" s="424"/>
      <c r="HOU728" s="424"/>
      <c r="HOV728" s="424"/>
      <c r="HOW728" s="423" t="s">
        <v>2795</v>
      </c>
      <c r="HOX728" s="424"/>
      <c r="HOY728" s="424"/>
      <c r="HOZ728" s="424"/>
      <c r="HPA728" s="423" t="s">
        <v>2795</v>
      </c>
      <c r="HPB728" s="424"/>
      <c r="HPC728" s="424"/>
      <c r="HPD728" s="424"/>
      <c r="HPE728" s="423" t="s">
        <v>2795</v>
      </c>
      <c r="HPF728" s="424"/>
      <c r="HPG728" s="424"/>
      <c r="HPH728" s="424"/>
      <c r="HPI728" s="423" t="s">
        <v>2795</v>
      </c>
      <c r="HPJ728" s="424"/>
      <c r="HPK728" s="424"/>
      <c r="HPL728" s="424"/>
      <c r="HPM728" s="423" t="s">
        <v>2795</v>
      </c>
      <c r="HPN728" s="424"/>
      <c r="HPO728" s="424"/>
      <c r="HPP728" s="424"/>
      <c r="HPQ728" s="423" t="s">
        <v>2795</v>
      </c>
      <c r="HPR728" s="424"/>
      <c r="HPS728" s="424"/>
      <c r="HPT728" s="424"/>
      <c r="HPU728" s="423" t="s">
        <v>2795</v>
      </c>
      <c r="HPV728" s="424"/>
      <c r="HPW728" s="424"/>
      <c r="HPX728" s="424"/>
      <c r="HPY728" s="423" t="s">
        <v>2795</v>
      </c>
      <c r="HPZ728" s="424"/>
      <c r="HQA728" s="424"/>
      <c r="HQB728" s="424"/>
      <c r="HQC728" s="423" t="s">
        <v>2795</v>
      </c>
      <c r="HQD728" s="424"/>
      <c r="HQE728" s="424"/>
      <c r="HQF728" s="424"/>
      <c r="HQG728" s="423" t="s">
        <v>2795</v>
      </c>
      <c r="HQH728" s="424"/>
      <c r="HQI728" s="424"/>
      <c r="HQJ728" s="424"/>
      <c r="HQK728" s="423" t="s">
        <v>2795</v>
      </c>
      <c r="HQL728" s="424"/>
      <c r="HQM728" s="424"/>
      <c r="HQN728" s="424"/>
      <c r="HQO728" s="423" t="s">
        <v>2795</v>
      </c>
      <c r="HQP728" s="424"/>
      <c r="HQQ728" s="424"/>
      <c r="HQR728" s="424"/>
      <c r="HQS728" s="423" t="s">
        <v>2795</v>
      </c>
      <c r="HQT728" s="424"/>
      <c r="HQU728" s="424"/>
      <c r="HQV728" s="424"/>
      <c r="HQW728" s="423" t="s">
        <v>2795</v>
      </c>
      <c r="HQX728" s="424"/>
      <c r="HQY728" s="424"/>
      <c r="HQZ728" s="424"/>
      <c r="HRA728" s="423" t="s">
        <v>2795</v>
      </c>
      <c r="HRB728" s="424"/>
      <c r="HRC728" s="424"/>
      <c r="HRD728" s="424"/>
      <c r="HRE728" s="423" t="s">
        <v>2795</v>
      </c>
      <c r="HRF728" s="424"/>
      <c r="HRG728" s="424"/>
      <c r="HRH728" s="424"/>
      <c r="HRI728" s="423" t="s">
        <v>2795</v>
      </c>
      <c r="HRJ728" s="424"/>
      <c r="HRK728" s="424"/>
      <c r="HRL728" s="424"/>
      <c r="HRM728" s="423" t="s">
        <v>2795</v>
      </c>
      <c r="HRN728" s="424"/>
      <c r="HRO728" s="424"/>
      <c r="HRP728" s="424"/>
      <c r="HRQ728" s="423" t="s">
        <v>2795</v>
      </c>
      <c r="HRR728" s="424"/>
      <c r="HRS728" s="424"/>
      <c r="HRT728" s="424"/>
      <c r="HRU728" s="423" t="s">
        <v>2795</v>
      </c>
      <c r="HRV728" s="424"/>
      <c r="HRW728" s="424"/>
      <c r="HRX728" s="424"/>
      <c r="HRY728" s="423" t="s">
        <v>2795</v>
      </c>
      <c r="HRZ728" s="424"/>
      <c r="HSA728" s="424"/>
      <c r="HSB728" s="424"/>
      <c r="HSC728" s="423" t="s">
        <v>2795</v>
      </c>
      <c r="HSD728" s="424"/>
      <c r="HSE728" s="424"/>
      <c r="HSF728" s="424"/>
      <c r="HSG728" s="423" t="s">
        <v>2795</v>
      </c>
      <c r="HSH728" s="424"/>
      <c r="HSI728" s="424"/>
      <c r="HSJ728" s="424"/>
      <c r="HSK728" s="423" t="s">
        <v>2795</v>
      </c>
      <c r="HSL728" s="424"/>
      <c r="HSM728" s="424"/>
      <c r="HSN728" s="424"/>
      <c r="HSO728" s="423" t="s">
        <v>2795</v>
      </c>
      <c r="HSP728" s="424"/>
      <c r="HSQ728" s="424"/>
      <c r="HSR728" s="424"/>
      <c r="HSS728" s="423" t="s">
        <v>2795</v>
      </c>
      <c r="HST728" s="424"/>
      <c r="HSU728" s="424"/>
      <c r="HSV728" s="424"/>
      <c r="HSW728" s="423" t="s">
        <v>2795</v>
      </c>
      <c r="HSX728" s="424"/>
      <c r="HSY728" s="424"/>
      <c r="HSZ728" s="424"/>
      <c r="HTA728" s="423" t="s">
        <v>2795</v>
      </c>
      <c r="HTB728" s="424"/>
      <c r="HTC728" s="424"/>
      <c r="HTD728" s="424"/>
      <c r="HTE728" s="423" t="s">
        <v>2795</v>
      </c>
      <c r="HTF728" s="424"/>
      <c r="HTG728" s="424"/>
      <c r="HTH728" s="424"/>
      <c r="HTI728" s="423" t="s">
        <v>2795</v>
      </c>
      <c r="HTJ728" s="424"/>
      <c r="HTK728" s="424"/>
      <c r="HTL728" s="424"/>
      <c r="HTM728" s="423" t="s">
        <v>2795</v>
      </c>
      <c r="HTN728" s="424"/>
      <c r="HTO728" s="424"/>
      <c r="HTP728" s="424"/>
      <c r="HTQ728" s="423" t="s">
        <v>2795</v>
      </c>
      <c r="HTR728" s="424"/>
      <c r="HTS728" s="424"/>
      <c r="HTT728" s="424"/>
      <c r="HTU728" s="423" t="s">
        <v>2795</v>
      </c>
      <c r="HTV728" s="424"/>
      <c r="HTW728" s="424"/>
      <c r="HTX728" s="424"/>
      <c r="HTY728" s="423" t="s">
        <v>2795</v>
      </c>
      <c r="HTZ728" s="424"/>
      <c r="HUA728" s="424"/>
      <c r="HUB728" s="424"/>
      <c r="HUC728" s="423" t="s">
        <v>2795</v>
      </c>
      <c r="HUD728" s="424"/>
      <c r="HUE728" s="424"/>
      <c r="HUF728" s="424"/>
      <c r="HUG728" s="423" t="s">
        <v>2795</v>
      </c>
      <c r="HUH728" s="424"/>
      <c r="HUI728" s="424"/>
      <c r="HUJ728" s="424"/>
      <c r="HUK728" s="423" t="s">
        <v>2795</v>
      </c>
      <c r="HUL728" s="424"/>
      <c r="HUM728" s="424"/>
      <c r="HUN728" s="424"/>
      <c r="HUO728" s="423" t="s">
        <v>2795</v>
      </c>
      <c r="HUP728" s="424"/>
      <c r="HUQ728" s="424"/>
      <c r="HUR728" s="424"/>
      <c r="HUS728" s="423" t="s">
        <v>2795</v>
      </c>
      <c r="HUT728" s="424"/>
      <c r="HUU728" s="424"/>
      <c r="HUV728" s="424"/>
      <c r="HUW728" s="423" t="s">
        <v>2795</v>
      </c>
      <c r="HUX728" s="424"/>
      <c r="HUY728" s="424"/>
      <c r="HUZ728" s="424"/>
      <c r="HVA728" s="423" t="s">
        <v>2795</v>
      </c>
      <c r="HVB728" s="424"/>
      <c r="HVC728" s="424"/>
      <c r="HVD728" s="424"/>
      <c r="HVE728" s="423" t="s">
        <v>2795</v>
      </c>
      <c r="HVF728" s="424"/>
      <c r="HVG728" s="424"/>
      <c r="HVH728" s="424"/>
      <c r="HVI728" s="423" t="s">
        <v>2795</v>
      </c>
      <c r="HVJ728" s="424"/>
      <c r="HVK728" s="424"/>
      <c r="HVL728" s="424"/>
      <c r="HVM728" s="423" t="s">
        <v>2795</v>
      </c>
      <c r="HVN728" s="424"/>
      <c r="HVO728" s="424"/>
      <c r="HVP728" s="424"/>
      <c r="HVQ728" s="423" t="s">
        <v>2795</v>
      </c>
      <c r="HVR728" s="424"/>
      <c r="HVS728" s="424"/>
      <c r="HVT728" s="424"/>
      <c r="HVU728" s="423" t="s">
        <v>2795</v>
      </c>
      <c r="HVV728" s="424"/>
      <c r="HVW728" s="424"/>
      <c r="HVX728" s="424"/>
      <c r="HVY728" s="423" t="s">
        <v>2795</v>
      </c>
      <c r="HVZ728" s="424"/>
      <c r="HWA728" s="424"/>
      <c r="HWB728" s="424"/>
      <c r="HWC728" s="423" t="s">
        <v>2795</v>
      </c>
      <c r="HWD728" s="424"/>
      <c r="HWE728" s="424"/>
      <c r="HWF728" s="424"/>
      <c r="HWG728" s="423" t="s">
        <v>2795</v>
      </c>
      <c r="HWH728" s="424"/>
      <c r="HWI728" s="424"/>
      <c r="HWJ728" s="424"/>
      <c r="HWK728" s="423" t="s">
        <v>2795</v>
      </c>
      <c r="HWL728" s="424"/>
      <c r="HWM728" s="424"/>
      <c r="HWN728" s="424"/>
      <c r="HWO728" s="423" t="s">
        <v>2795</v>
      </c>
      <c r="HWP728" s="424"/>
      <c r="HWQ728" s="424"/>
      <c r="HWR728" s="424"/>
      <c r="HWS728" s="423" t="s">
        <v>2795</v>
      </c>
      <c r="HWT728" s="424"/>
      <c r="HWU728" s="424"/>
      <c r="HWV728" s="424"/>
      <c r="HWW728" s="423" t="s">
        <v>2795</v>
      </c>
      <c r="HWX728" s="424"/>
      <c r="HWY728" s="424"/>
      <c r="HWZ728" s="424"/>
      <c r="HXA728" s="423" t="s">
        <v>2795</v>
      </c>
      <c r="HXB728" s="424"/>
      <c r="HXC728" s="424"/>
      <c r="HXD728" s="424"/>
      <c r="HXE728" s="423" t="s">
        <v>2795</v>
      </c>
      <c r="HXF728" s="424"/>
      <c r="HXG728" s="424"/>
      <c r="HXH728" s="424"/>
      <c r="HXI728" s="423" t="s">
        <v>2795</v>
      </c>
      <c r="HXJ728" s="424"/>
      <c r="HXK728" s="424"/>
      <c r="HXL728" s="424"/>
      <c r="HXM728" s="423" t="s">
        <v>2795</v>
      </c>
      <c r="HXN728" s="424"/>
      <c r="HXO728" s="424"/>
      <c r="HXP728" s="424"/>
      <c r="HXQ728" s="423" t="s">
        <v>2795</v>
      </c>
      <c r="HXR728" s="424"/>
      <c r="HXS728" s="424"/>
      <c r="HXT728" s="424"/>
      <c r="HXU728" s="423" t="s">
        <v>2795</v>
      </c>
      <c r="HXV728" s="424"/>
      <c r="HXW728" s="424"/>
      <c r="HXX728" s="424"/>
      <c r="HXY728" s="423" t="s">
        <v>2795</v>
      </c>
      <c r="HXZ728" s="424"/>
      <c r="HYA728" s="424"/>
      <c r="HYB728" s="424"/>
      <c r="HYC728" s="423" t="s">
        <v>2795</v>
      </c>
      <c r="HYD728" s="424"/>
      <c r="HYE728" s="424"/>
      <c r="HYF728" s="424"/>
      <c r="HYG728" s="423" t="s">
        <v>2795</v>
      </c>
      <c r="HYH728" s="424"/>
      <c r="HYI728" s="424"/>
      <c r="HYJ728" s="424"/>
      <c r="HYK728" s="423" t="s">
        <v>2795</v>
      </c>
      <c r="HYL728" s="424"/>
      <c r="HYM728" s="424"/>
      <c r="HYN728" s="424"/>
      <c r="HYO728" s="423" t="s">
        <v>2795</v>
      </c>
      <c r="HYP728" s="424"/>
      <c r="HYQ728" s="424"/>
      <c r="HYR728" s="424"/>
      <c r="HYS728" s="423" t="s">
        <v>2795</v>
      </c>
      <c r="HYT728" s="424"/>
      <c r="HYU728" s="424"/>
      <c r="HYV728" s="424"/>
      <c r="HYW728" s="423" t="s">
        <v>2795</v>
      </c>
      <c r="HYX728" s="424"/>
      <c r="HYY728" s="424"/>
      <c r="HYZ728" s="424"/>
      <c r="HZA728" s="423" t="s">
        <v>2795</v>
      </c>
      <c r="HZB728" s="424"/>
      <c r="HZC728" s="424"/>
      <c r="HZD728" s="424"/>
      <c r="HZE728" s="423" t="s">
        <v>2795</v>
      </c>
      <c r="HZF728" s="424"/>
      <c r="HZG728" s="424"/>
      <c r="HZH728" s="424"/>
      <c r="HZI728" s="423" t="s">
        <v>2795</v>
      </c>
      <c r="HZJ728" s="424"/>
      <c r="HZK728" s="424"/>
      <c r="HZL728" s="424"/>
      <c r="HZM728" s="423" t="s">
        <v>2795</v>
      </c>
      <c r="HZN728" s="424"/>
      <c r="HZO728" s="424"/>
      <c r="HZP728" s="424"/>
      <c r="HZQ728" s="423" t="s">
        <v>2795</v>
      </c>
      <c r="HZR728" s="424"/>
      <c r="HZS728" s="424"/>
      <c r="HZT728" s="424"/>
      <c r="HZU728" s="423" t="s">
        <v>2795</v>
      </c>
      <c r="HZV728" s="424"/>
      <c r="HZW728" s="424"/>
      <c r="HZX728" s="424"/>
      <c r="HZY728" s="423" t="s">
        <v>2795</v>
      </c>
      <c r="HZZ728" s="424"/>
      <c r="IAA728" s="424"/>
      <c r="IAB728" s="424"/>
      <c r="IAC728" s="423" t="s">
        <v>2795</v>
      </c>
      <c r="IAD728" s="424"/>
      <c r="IAE728" s="424"/>
      <c r="IAF728" s="424"/>
      <c r="IAG728" s="423" t="s">
        <v>2795</v>
      </c>
      <c r="IAH728" s="424"/>
      <c r="IAI728" s="424"/>
      <c r="IAJ728" s="424"/>
      <c r="IAK728" s="423" t="s">
        <v>2795</v>
      </c>
      <c r="IAL728" s="424"/>
      <c r="IAM728" s="424"/>
      <c r="IAN728" s="424"/>
      <c r="IAO728" s="423" t="s">
        <v>2795</v>
      </c>
      <c r="IAP728" s="424"/>
      <c r="IAQ728" s="424"/>
      <c r="IAR728" s="424"/>
      <c r="IAS728" s="423" t="s">
        <v>2795</v>
      </c>
      <c r="IAT728" s="424"/>
      <c r="IAU728" s="424"/>
      <c r="IAV728" s="424"/>
      <c r="IAW728" s="423" t="s">
        <v>2795</v>
      </c>
      <c r="IAX728" s="424"/>
      <c r="IAY728" s="424"/>
      <c r="IAZ728" s="424"/>
      <c r="IBA728" s="423" t="s">
        <v>2795</v>
      </c>
      <c r="IBB728" s="424"/>
      <c r="IBC728" s="424"/>
      <c r="IBD728" s="424"/>
      <c r="IBE728" s="423" t="s">
        <v>2795</v>
      </c>
      <c r="IBF728" s="424"/>
      <c r="IBG728" s="424"/>
      <c r="IBH728" s="424"/>
      <c r="IBI728" s="423" t="s">
        <v>2795</v>
      </c>
      <c r="IBJ728" s="424"/>
      <c r="IBK728" s="424"/>
      <c r="IBL728" s="424"/>
      <c r="IBM728" s="423" t="s">
        <v>2795</v>
      </c>
      <c r="IBN728" s="424"/>
      <c r="IBO728" s="424"/>
      <c r="IBP728" s="424"/>
      <c r="IBQ728" s="423" t="s">
        <v>2795</v>
      </c>
      <c r="IBR728" s="424"/>
      <c r="IBS728" s="424"/>
      <c r="IBT728" s="424"/>
      <c r="IBU728" s="423" t="s">
        <v>2795</v>
      </c>
      <c r="IBV728" s="424"/>
      <c r="IBW728" s="424"/>
      <c r="IBX728" s="424"/>
      <c r="IBY728" s="423" t="s">
        <v>2795</v>
      </c>
      <c r="IBZ728" s="424"/>
      <c r="ICA728" s="424"/>
      <c r="ICB728" s="424"/>
      <c r="ICC728" s="423" t="s">
        <v>2795</v>
      </c>
      <c r="ICD728" s="424"/>
      <c r="ICE728" s="424"/>
      <c r="ICF728" s="424"/>
      <c r="ICG728" s="423" t="s">
        <v>2795</v>
      </c>
      <c r="ICH728" s="424"/>
      <c r="ICI728" s="424"/>
      <c r="ICJ728" s="424"/>
      <c r="ICK728" s="423" t="s">
        <v>2795</v>
      </c>
      <c r="ICL728" s="424"/>
      <c r="ICM728" s="424"/>
      <c r="ICN728" s="424"/>
      <c r="ICO728" s="423" t="s">
        <v>2795</v>
      </c>
      <c r="ICP728" s="424"/>
      <c r="ICQ728" s="424"/>
      <c r="ICR728" s="424"/>
      <c r="ICS728" s="423" t="s">
        <v>2795</v>
      </c>
      <c r="ICT728" s="424"/>
      <c r="ICU728" s="424"/>
      <c r="ICV728" s="424"/>
      <c r="ICW728" s="423" t="s">
        <v>2795</v>
      </c>
      <c r="ICX728" s="424"/>
      <c r="ICY728" s="424"/>
      <c r="ICZ728" s="424"/>
      <c r="IDA728" s="423" t="s">
        <v>2795</v>
      </c>
      <c r="IDB728" s="424"/>
      <c r="IDC728" s="424"/>
      <c r="IDD728" s="424"/>
      <c r="IDE728" s="423" t="s">
        <v>2795</v>
      </c>
      <c r="IDF728" s="424"/>
      <c r="IDG728" s="424"/>
      <c r="IDH728" s="424"/>
      <c r="IDI728" s="423" t="s">
        <v>2795</v>
      </c>
      <c r="IDJ728" s="424"/>
      <c r="IDK728" s="424"/>
      <c r="IDL728" s="424"/>
      <c r="IDM728" s="423" t="s">
        <v>2795</v>
      </c>
      <c r="IDN728" s="424"/>
      <c r="IDO728" s="424"/>
      <c r="IDP728" s="424"/>
      <c r="IDQ728" s="423" t="s">
        <v>2795</v>
      </c>
      <c r="IDR728" s="424"/>
      <c r="IDS728" s="424"/>
      <c r="IDT728" s="424"/>
      <c r="IDU728" s="423" t="s">
        <v>2795</v>
      </c>
      <c r="IDV728" s="424"/>
      <c r="IDW728" s="424"/>
      <c r="IDX728" s="424"/>
      <c r="IDY728" s="423" t="s">
        <v>2795</v>
      </c>
      <c r="IDZ728" s="424"/>
      <c r="IEA728" s="424"/>
      <c r="IEB728" s="424"/>
      <c r="IEC728" s="423" t="s">
        <v>2795</v>
      </c>
      <c r="IED728" s="424"/>
      <c r="IEE728" s="424"/>
      <c r="IEF728" s="424"/>
      <c r="IEG728" s="423" t="s">
        <v>2795</v>
      </c>
      <c r="IEH728" s="424"/>
      <c r="IEI728" s="424"/>
      <c r="IEJ728" s="424"/>
      <c r="IEK728" s="423" t="s">
        <v>2795</v>
      </c>
      <c r="IEL728" s="424"/>
      <c r="IEM728" s="424"/>
      <c r="IEN728" s="424"/>
      <c r="IEO728" s="423" t="s">
        <v>2795</v>
      </c>
      <c r="IEP728" s="424"/>
      <c r="IEQ728" s="424"/>
      <c r="IER728" s="424"/>
      <c r="IES728" s="423" t="s">
        <v>2795</v>
      </c>
      <c r="IET728" s="424"/>
      <c r="IEU728" s="424"/>
      <c r="IEV728" s="424"/>
      <c r="IEW728" s="423" t="s">
        <v>2795</v>
      </c>
      <c r="IEX728" s="424"/>
      <c r="IEY728" s="424"/>
      <c r="IEZ728" s="424"/>
      <c r="IFA728" s="423" t="s">
        <v>2795</v>
      </c>
      <c r="IFB728" s="424"/>
      <c r="IFC728" s="424"/>
      <c r="IFD728" s="424"/>
      <c r="IFE728" s="423" t="s">
        <v>2795</v>
      </c>
      <c r="IFF728" s="424"/>
      <c r="IFG728" s="424"/>
      <c r="IFH728" s="424"/>
      <c r="IFI728" s="423" t="s">
        <v>2795</v>
      </c>
      <c r="IFJ728" s="424"/>
      <c r="IFK728" s="424"/>
      <c r="IFL728" s="424"/>
      <c r="IFM728" s="423" t="s">
        <v>2795</v>
      </c>
      <c r="IFN728" s="424"/>
      <c r="IFO728" s="424"/>
      <c r="IFP728" s="424"/>
      <c r="IFQ728" s="423" t="s">
        <v>2795</v>
      </c>
      <c r="IFR728" s="424"/>
      <c r="IFS728" s="424"/>
      <c r="IFT728" s="424"/>
      <c r="IFU728" s="423" t="s">
        <v>2795</v>
      </c>
      <c r="IFV728" s="424"/>
      <c r="IFW728" s="424"/>
      <c r="IFX728" s="424"/>
      <c r="IFY728" s="423" t="s">
        <v>2795</v>
      </c>
      <c r="IFZ728" s="424"/>
      <c r="IGA728" s="424"/>
      <c r="IGB728" s="424"/>
      <c r="IGC728" s="423" t="s">
        <v>2795</v>
      </c>
      <c r="IGD728" s="424"/>
      <c r="IGE728" s="424"/>
      <c r="IGF728" s="424"/>
      <c r="IGG728" s="423" t="s">
        <v>2795</v>
      </c>
      <c r="IGH728" s="424"/>
      <c r="IGI728" s="424"/>
      <c r="IGJ728" s="424"/>
      <c r="IGK728" s="423" t="s">
        <v>2795</v>
      </c>
      <c r="IGL728" s="424"/>
      <c r="IGM728" s="424"/>
      <c r="IGN728" s="424"/>
      <c r="IGO728" s="423" t="s">
        <v>2795</v>
      </c>
      <c r="IGP728" s="424"/>
      <c r="IGQ728" s="424"/>
      <c r="IGR728" s="424"/>
      <c r="IGS728" s="423" t="s">
        <v>2795</v>
      </c>
      <c r="IGT728" s="424"/>
      <c r="IGU728" s="424"/>
      <c r="IGV728" s="424"/>
      <c r="IGW728" s="423" t="s">
        <v>2795</v>
      </c>
      <c r="IGX728" s="424"/>
      <c r="IGY728" s="424"/>
      <c r="IGZ728" s="424"/>
      <c r="IHA728" s="423" t="s">
        <v>2795</v>
      </c>
      <c r="IHB728" s="424"/>
      <c r="IHC728" s="424"/>
      <c r="IHD728" s="424"/>
      <c r="IHE728" s="423" t="s">
        <v>2795</v>
      </c>
      <c r="IHF728" s="424"/>
      <c r="IHG728" s="424"/>
      <c r="IHH728" s="424"/>
      <c r="IHI728" s="423" t="s">
        <v>2795</v>
      </c>
      <c r="IHJ728" s="424"/>
      <c r="IHK728" s="424"/>
      <c r="IHL728" s="424"/>
      <c r="IHM728" s="423" t="s">
        <v>2795</v>
      </c>
      <c r="IHN728" s="424"/>
      <c r="IHO728" s="424"/>
      <c r="IHP728" s="424"/>
      <c r="IHQ728" s="423" t="s">
        <v>2795</v>
      </c>
      <c r="IHR728" s="424"/>
      <c r="IHS728" s="424"/>
      <c r="IHT728" s="424"/>
      <c r="IHU728" s="423" t="s">
        <v>2795</v>
      </c>
      <c r="IHV728" s="424"/>
      <c r="IHW728" s="424"/>
      <c r="IHX728" s="424"/>
      <c r="IHY728" s="423" t="s">
        <v>2795</v>
      </c>
      <c r="IHZ728" s="424"/>
      <c r="IIA728" s="424"/>
      <c r="IIB728" s="424"/>
      <c r="IIC728" s="423" t="s">
        <v>2795</v>
      </c>
      <c r="IID728" s="424"/>
      <c r="IIE728" s="424"/>
      <c r="IIF728" s="424"/>
      <c r="IIG728" s="423" t="s">
        <v>2795</v>
      </c>
      <c r="IIH728" s="424"/>
      <c r="III728" s="424"/>
      <c r="IIJ728" s="424"/>
      <c r="IIK728" s="423" t="s">
        <v>2795</v>
      </c>
      <c r="IIL728" s="424"/>
      <c r="IIM728" s="424"/>
      <c r="IIN728" s="424"/>
      <c r="IIO728" s="423" t="s">
        <v>2795</v>
      </c>
      <c r="IIP728" s="424"/>
      <c r="IIQ728" s="424"/>
      <c r="IIR728" s="424"/>
      <c r="IIS728" s="423" t="s">
        <v>2795</v>
      </c>
      <c r="IIT728" s="424"/>
      <c r="IIU728" s="424"/>
      <c r="IIV728" s="424"/>
      <c r="IIW728" s="423" t="s">
        <v>2795</v>
      </c>
      <c r="IIX728" s="424"/>
      <c r="IIY728" s="424"/>
      <c r="IIZ728" s="424"/>
      <c r="IJA728" s="423" t="s">
        <v>2795</v>
      </c>
      <c r="IJB728" s="424"/>
      <c r="IJC728" s="424"/>
      <c r="IJD728" s="424"/>
      <c r="IJE728" s="423" t="s">
        <v>2795</v>
      </c>
      <c r="IJF728" s="424"/>
      <c r="IJG728" s="424"/>
      <c r="IJH728" s="424"/>
      <c r="IJI728" s="423" t="s">
        <v>2795</v>
      </c>
      <c r="IJJ728" s="424"/>
      <c r="IJK728" s="424"/>
      <c r="IJL728" s="424"/>
      <c r="IJM728" s="423" t="s">
        <v>2795</v>
      </c>
      <c r="IJN728" s="424"/>
      <c r="IJO728" s="424"/>
      <c r="IJP728" s="424"/>
      <c r="IJQ728" s="423" t="s">
        <v>2795</v>
      </c>
      <c r="IJR728" s="424"/>
      <c r="IJS728" s="424"/>
      <c r="IJT728" s="424"/>
      <c r="IJU728" s="423" t="s">
        <v>2795</v>
      </c>
      <c r="IJV728" s="424"/>
      <c r="IJW728" s="424"/>
      <c r="IJX728" s="424"/>
      <c r="IJY728" s="423" t="s">
        <v>2795</v>
      </c>
      <c r="IJZ728" s="424"/>
      <c r="IKA728" s="424"/>
      <c r="IKB728" s="424"/>
      <c r="IKC728" s="423" t="s">
        <v>2795</v>
      </c>
      <c r="IKD728" s="424"/>
      <c r="IKE728" s="424"/>
      <c r="IKF728" s="424"/>
      <c r="IKG728" s="423" t="s">
        <v>2795</v>
      </c>
      <c r="IKH728" s="424"/>
      <c r="IKI728" s="424"/>
      <c r="IKJ728" s="424"/>
      <c r="IKK728" s="423" t="s">
        <v>2795</v>
      </c>
      <c r="IKL728" s="424"/>
      <c r="IKM728" s="424"/>
      <c r="IKN728" s="424"/>
      <c r="IKO728" s="423" t="s">
        <v>2795</v>
      </c>
      <c r="IKP728" s="424"/>
      <c r="IKQ728" s="424"/>
      <c r="IKR728" s="424"/>
      <c r="IKS728" s="423" t="s">
        <v>2795</v>
      </c>
      <c r="IKT728" s="424"/>
      <c r="IKU728" s="424"/>
      <c r="IKV728" s="424"/>
      <c r="IKW728" s="423" t="s">
        <v>2795</v>
      </c>
      <c r="IKX728" s="424"/>
      <c r="IKY728" s="424"/>
      <c r="IKZ728" s="424"/>
      <c r="ILA728" s="423" t="s">
        <v>2795</v>
      </c>
      <c r="ILB728" s="424"/>
      <c r="ILC728" s="424"/>
      <c r="ILD728" s="424"/>
      <c r="ILE728" s="423" t="s">
        <v>2795</v>
      </c>
      <c r="ILF728" s="424"/>
      <c r="ILG728" s="424"/>
      <c r="ILH728" s="424"/>
      <c r="ILI728" s="423" t="s">
        <v>2795</v>
      </c>
      <c r="ILJ728" s="424"/>
      <c r="ILK728" s="424"/>
      <c r="ILL728" s="424"/>
      <c r="ILM728" s="423" t="s">
        <v>2795</v>
      </c>
      <c r="ILN728" s="424"/>
      <c r="ILO728" s="424"/>
      <c r="ILP728" s="424"/>
      <c r="ILQ728" s="423" t="s">
        <v>2795</v>
      </c>
      <c r="ILR728" s="424"/>
      <c r="ILS728" s="424"/>
      <c r="ILT728" s="424"/>
      <c r="ILU728" s="423" t="s">
        <v>2795</v>
      </c>
      <c r="ILV728" s="424"/>
      <c r="ILW728" s="424"/>
      <c r="ILX728" s="424"/>
      <c r="ILY728" s="423" t="s">
        <v>2795</v>
      </c>
      <c r="ILZ728" s="424"/>
      <c r="IMA728" s="424"/>
      <c r="IMB728" s="424"/>
      <c r="IMC728" s="423" t="s">
        <v>2795</v>
      </c>
      <c r="IMD728" s="424"/>
      <c r="IME728" s="424"/>
      <c r="IMF728" s="424"/>
      <c r="IMG728" s="423" t="s">
        <v>2795</v>
      </c>
      <c r="IMH728" s="424"/>
      <c r="IMI728" s="424"/>
      <c r="IMJ728" s="424"/>
      <c r="IMK728" s="423" t="s">
        <v>2795</v>
      </c>
      <c r="IML728" s="424"/>
      <c r="IMM728" s="424"/>
      <c r="IMN728" s="424"/>
      <c r="IMO728" s="423" t="s">
        <v>2795</v>
      </c>
      <c r="IMP728" s="424"/>
      <c r="IMQ728" s="424"/>
      <c r="IMR728" s="424"/>
      <c r="IMS728" s="423" t="s">
        <v>2795</v>
      </c>
      <c r="IMT728" s="424"/>
      <c r="IMU728" s="424"/>
      <c r="IMV728" s="424"/>
      <c r="IMW728" s="423" t="s">
        <v>2795</v>
      </c>
      <c r="IMX728" s="424"/>
      <c r="IMY728" s="424"/>
      <c r="IMZ728" s="424"/>
      <c r="INA728" s="423" t="s">
        <v>2795</v>
      </c>
      <c r="INB728" s="424"/>
      <c r="INC728" s="424"/>
      <c r="IND728" s="424"/>
      <c r="INE728" s="423" t="s">
        <v>2795</v>
      </c>
      <c r="INF728" s="424"/>
      <c r="ING728" s="424"/>
      <c r="INH728" s="424"/>
      <c r="INI728" s="423" t="s">
        <v>2795</v>
      </c>
      <c r="INJ728" s="424"/>
      <c r="INK728" s="424"/>
      <c r="INL728" s="424"/>
      <c r="INM728" s="423" t="s">
        <v>2795</v>
      </c>
      <c r="INN728" s="424"/>
      <c r="INO728" s="424"/>
      <c r="INP728" s="424"/>
      <c r="INQ728" s="423" t="s">
        <v>2795</v>
      </c>
      <c r="INR728" s="424"/>
      <c r="INS728" s="424"/>
      <c r="INT728" s="424"/>
      <c r="INU728" s="423" t="s">
        <v>2795</v>
      </c>
      <c r="INV728" s="424"/>
      <c r="INW728" s="424"/>
      <c r="INX728" s="424"/>
      <c r="INY728" s="423" t="s">
        <v>2795</v>
      </c>
      <c r="INZ728" s="424"/>
      <c r="IOA728" s="424"/>
      <c r="IOB728" s="424"/>
      <c r="IOC728" s="423" t="s">
        <v>2795</v>
      </c>
      <c r="IOD728" s="424"/>
      <c r="IOE728" s="424"/>
      <c r="IOF728" s="424"/>
      <c r="IOG728" s="423" t="s">
        <v>2795</v>
      </c>
      <c r="IOH728" s="424"/>
      <c r="IOI728" s="424"/>
      <c r="IOJ728" s="424"/>
      <c r="IOK728" s="423" t="s">
        <v>2795</v>
      </c>
      <c r="IOL728" s="424"/>
      <c r="IOM728" s="424"/>
      <c r="ION728" s="424"/>
      <c r="IOO728" s="423" t="s">
        <v>2795</v>
      </c>
      <c r="IOP728" s="424"/>
      <c r="IOQ728" s="424"/>
      <c r="IOR728" s="424"/>
      <c r="IOS728" s="423" t="s">
        <v>2795</v>
      </c>
      <c r="IOT728" s="424"/>
      <c r="IOU728" s="424"/>
      <c r="IOV728" s="424"/>
      <c r="IOW728" s="423" t="s">
        <v>2795</v>
      </c>
      <c r="IOX728" s="424"/>
      <c r="IOY728" s="424"/>
      <c r="IOZ728" s="424"/>
      <c r="IPA728" s="423" t="s">
        <v>2795</v>
      </c>
      <c r="IPB728" s="424"/>
      <c r="IPC728" s="424"/>
      <c r="IPD728" s="424"/>
      <c r="IPE728" s="423" t="s">
        <v>2795</v>
      </c>
      <c r="IPF728" s="424"/>
      <c r="IPG728" s="424"/>
      <c r="IPH728" s="424"/>
      <c r="IPI728" s="423" t="s">
        <v>2795</v>
      </c>
      <c r="IPJ728" s="424"/>
      <c r="IPK728" s="424"/>
      <c r="IPL728" s="424"/>
      <c r="IPM728" s="423" t="s">
        <v>2795</v>
      </c>
      <c r="IPN728" s="424"/>
      <c r="IPO728" s="424"/>
      <c r="IPP728" s="424"/>
      <c r="IPQ728" s="423" t="s">
        <v>2795</v>
      </c>
      <c r="IPR728" s="424"/>
      <c r="IPS728" s="424"/>
      <c r="IPT728" s="424"/>
      <c r="IPU728" s="423" t="s">
        <v>2795</v>
      </c>
      <c r="IPV728" s="424"/>
      <c r="IPW728" s="424"/>
      <c r="IPX728" s="424"/>
      <c r="IPY728" s="423" t="s">
        <v>2795</v>
      </c>
      <c r="IPZ728" s="424"/>
      <c r="IQA728" s="424"/>
      <c r="IQB728" s="424"/>
      <c r="IQC728" s="423" t="s">
        <v>2795</v>
      </c>
      <c r="IQD728" s="424"/>
      <c r="IQE728" s="424"/>
      <c r="IQF728" s="424"/>
      <c r="IQG728" s="423" t="s">
        <v>2795</v>
      </c>
      <c r="IQH728" s="424"/>
      <c r="IQI728" s="424"/>
      <c r="IQJ728" s="424"/>
      <c r="IQK728" s="423" t="s">
        <v>2795</v>
      </c>
      <c r="IQL728" s="424"/>
      <c r="IQM728" s="424"/>
      <c r="IQN728" s="424"/>
      <c r="IQO728" s="423" t="s">
        <v>2795</v>
      </c>
      <c r="IQP728" s="424"/>
      <c r="IQQ728" s="424"/>
      <c r="IQR728" s="424"/>
      <c r="IQS728" s="423" t="s">
        <v>2795</v>
      </c>
      <c r="IQT728" s="424"/>
      <c r="IQU728" s="424"/>
      <c r="IQV728" s="424"/>
      <c r="IQW728" s="423" t="s">
        <v>2795</v>
      </c>
      <c r="IQX728" s="424"/>
      <c r="IQY728" s="424"/>
      <c r="IQZ728" s="424"/>
      <c r="IRA728" s="423" t="s">
        <v>2795</v>
      </c>
      <c r="IRB728" s="424"/>
      <c r="IRC728" s="424"/>
      <c r="IRD728" s="424"/>
      <c r="IRE728" s="423" t="s">
        <v>2795</v>
      </c>
      <c r="IRF728" s="424"/>
      <c r="IRG728" s="424"/>
      <c r="IRH728" s="424"/>
      <c r="IRI728" s="423" t="s">
        <v>2795</v>
      </c>
      <c r="IRJ728" s="424"/>
      <c r="IRK728" s="424"/>
      <c r="IRL728" s="424"/>
      <c r="IRM728" s="423" t="s">
        <v>2795</v>
      </c>
      <c r="IRN728" s="424"/>
      <c r="IRO728" s="424"/>
      <c r="IRP728" s="424"/>
      <c r="IRQ728" s="423" t="s">
        <v>2795</v>
      </c>
      <c r="IRR728" s="424"/>
      <c r="IRS728" s="424"/>
      <c r="IRT728" s="424"/>
      <c r="IRU728" s="423" t="s">
        <v>2795</v>
      </c>
      <c r="IRV728" s="424"/>
      <c r="IRW728" s="424"/>
      <c r="IRX728" s="424"/>
      <c r="IRY728" s="423" t="s">
        <v>2795</v>
      </c>
      <c r="IRZ728" s="424"/>
      <c r="ISA728" s="424"/>
      <c r="ISB728" s="424"/>
      <c r="ISC728" s="423" t="s">
        <v>2795</v>
      </c>
      <c r="ISD728" s="424"/>
      <c r="ISE728" s="424"/>
      <c r="ISF728" s="424"/>
      <c r="ISG728" s="423" t="s">
        <v>2795</v>
      </c>
      <c r="ISH728" s="424"/>
      <c r="ISI728" s="424"/>
      <c r="ISJ728" s="424"/>
      <c r="ISK728" s="423" t="s">
        <v>2795</v>
      </c>
      <c r="ISL728" s="424"/>
      <c r="ISM728" s="424"/>
      <c r="ISN728" s="424"/>
      <c r="ISO728" s="423" t="s">
        <v>2795</v>
      </c>
      <c r="ISP728" s="424"/>
      <c r="ISQ728" s="424"/>
      <c r="ISR728" s="424"/>
      <c r="ISS728" s="423" t="s">
        <v>2795</v>
      </c>
      <c r="IST728" s="424"/>
      <c r="ISU728" s="424"/>
      <c r="ISV728" s="424"/>
      <c r="ISW728" s="423" t="s">
        <v>2795</v>
      </c>
      <c r="ISX728" s="424"/>
      <c r="ISY728" s="424"/>
      <c r="ISZ728" s="424"/>
      <c r="ITA728" s="423" t="s">
        <v>2795</v>
      </c>
      <c r="ITB728" s="424"/>
      <c r="ITC728" s="424"/>
      <c r="ITD728" s="424"/>
      <c r="ITE728" s="423" t="s">
        <v>2795</v>
      </c>
      <c r="ITF728" s="424"/>
      <c r="ITG728" s="424"/>
      <c r="ITH728" s="424"/>
      <c r="ITI728" s="423" t="s">
        <v>2795</v>
      </c>
      <c r="ITJ728" s="424"/>
      <c r="ITK728" s="424"/>
      <c r="ITL728" s="424"/>
      <c r="ITM728" s="423" t="s">
        <v>2795</v>
      </c>
      <c r="ITN728" s="424"/>
      <c r="ITO728" s="424"/>
      <c r="ITP728" s="424"/>
      <c r="ITQ728" s="423" t="s">
        <v>2795</v>
      </c>
      <c r="ITR728" s="424"/>
      <c r="ITS728" s="424"/>
      <c r="ITT728" s="424"/>
      <c r="ITU728" s="423" t="s">
        <v>2795</v>
      </c>
      <c r="ITV728" s="424"/>
      <c r="ITW728" s="424"/>
      <c r="ITX728" s="424"/>
      <c r="ITY728" s="423" t="s">
        <v>2795</v>
      </c>
      <c r="ITZ728" s="424"/>
      <c r="IUA728" s="424"/>
      <c r="IUB728" s="424"/>
      <c r="IUC728" s="423" t="s">
        <v>2795</v>
      </c>
      <c r="IUD728" s="424"/>
      <c r="IUE728" s="424"/>
      <c r="IUF728" s="424"/>
      <c r="IUG728" s="423" t="s">
        <v>2795</v>
      </c>
      <c r="IUH728" s="424"/>
      <c r="IUI728" s="424"/>
      <c r="IUJ728" s="424"/>
      <c r="IUK728" s="423" t="s">
        <v>2795</v>
      </c>
      <c r="IUL728" s="424"/>
      <c r="IUM728" s="424"/>
      <c r="IUN728" s="424"/>
      <c r="IUO728" s="423" t="s">
        <v>2795</v>
      </c>
      <c r="IUP728" s="424"/>
      <c r="IUQ728" s="424"/>
      <c r="IUR728" s="424"/>
      <c r="IUS728" s="423" t="s">
        <v>2795</v>
      </c>
      <c r="IUT728" s="424"/>
      <c r="IUU728" s="424"/>
      <c r="IUV728" s="424"/>
      <c r="IUW728" s="423" t="s">
        <v>2795</v>
      </c>
      <c r="IUX728" s="424"/>
      <c r="IUY728" s="424"/>
      <c r="IUZ728" s="424"/>
      <c r="IVA728" s="423" t="s">
        <v>2795</v>
      </c>
      <c r="IVB728" s="424"/>
      <c r="IVC728" s="424"/>
      <c r="IVD728" s="424"/>
      <c r="IVE728" s="423" t="s">
        <v>2795</v>
      </c>
      <c r="IVF728" s="424"/>
      <c r="IVG728" s="424"/>
      <c r="IVH728" s="424"/>
      <c r="IVI728" s="423" t="s">
        <v>2795</v>
      </c>
      <c r="IVJ728" s="424"/>
      <c r="IVK728" s="424"/>
      <c r="IVL728" s="424"/>
      <c r="IVM728" s="423" t="s">
        <v>2795</v>
      </c>
      <c r="IVN728" s="424"/>
      <c r="IVO728" s="424"/>
      <c r="IVP728" s="424"/>
      <c r="IVQ728" s="423" t="s">
        <v>2795</v>
      </c>
      <c r="IVR728" s="424"/>
      <c r="IVS728" s="424"/>
      <c r="IVT728" s="424"/>
      <c r="IVU728" s="423" t="s">
        <v>2795</v>
      </c>
      <c r="IVV728" s="424"/>
      <c r="IVW728" s="424"/>
      <c r="IVX728" s="424"/>
      <c r="IVY728" s="423" t="s">
        <v>2795</v>
      </c>
      <c r="IVZ728" s="424"/>
      <c r="IWA728" s="424"/>
      <c r="IWB728" s="424"/>
      <c r="IWC728" s="423" t="s">
        <v>2795</v>
      </c>
      <c r="IWD728" s="424"/>
      <c r="IWE728" s="424"/>
      <c r="IWF728" s="424"/>
      <c r="IWG728" s="423" t="s">
        <v>2795</v>
      </c>
      <c r="IWH728" s="424"/>
      <c r="IWI728" s="424"/>
      <c r="IWJ728" s="424"/>
      <c r="IWK728" s="423" t="s">
        <v>2795</v>
      </c>
      <c r="IWL728" s="424"/>
      <c r="IWM728" s="424"/>
      <c r="IWN728" s="424"/>
      <c r="IWO728" s="423" t="s">
        <v>2795</v>
      </c>
      <c r="IWP728" s="424"/>
      <c r="IWQ728" s="424"/>
      <c r="IWR728" s="424"/>
      <c r="IWS728" s="423" t="s">
        <v>2795</v>
      </c>
      <c r="IWT728" s="424"/>
      <c r="IWU728" s="424"/>
      <c r="IWV728" s="424"/>
      <c r="IWW728" s="423" t="s">
        <v>2795</v>
      </c>
      <c r="IWX728" s="424"/>
      <c r="IWY728" s="424"/>
      <c r="IWZ728" s="424"/>
      <c r="IXA728" s="423" t="s">
        <v>2795</v>
      </c>
      <c r="IXB728" s="424"/>
      <c r="IXC728" s="424"/>
      <c r="IXD728" s="424"/>
      <c r="IXE728" s="423" t="s">
        <v>2795</v>
      </c>
      <c r="IXF728" s="424"/>
      <c r="IXG728" s="424"/>
      <c r="IXH728" s="424"/>
      <c r="IXI728" s="423" t="s">
        <v>2795</v>
      </c>
      <c r="IXJ728" s="424"/>
      <c r="IXK728" s="424"/>
      <c r="IXL728" s="424"/>
      <c r="IXM728" s="423" t="s">
        <v>2795</v>
      </c>
      <c r="IXN728" s="424"/>
      <c r="IXO728" s="424"/>
      <c r="IXP728" s="424"/>
      <c r="IXQ728" s="423" t="s">
        <v>2795</v>
      </c>
      <c r="IXR728" s="424"/>
      <c r="IXS728" s="424"/>
      <c r="IXT728" s="424"/>
      <c r="IXU728" s="423" t="s">
        <v>2795</v>
      </c>
      <c r="IXV728" s="424"/>
      <c r="IXW728" s="424"/>
      <c r="IXX728" s="424"/>
      <c r="IXY728" s="423" t="s">
        <v>2795</v>
      </c>
      <c r="IXZ728" s="424"/>
      <c r="IYA728" s="424"/>
      <c r="IYB728" s="424"/>
      <c r="IYC728" s="423" t="s">
        <v>2795</v>
      </c>
      <c r="IYD728" s="424"/>
      <c r="IYE728" s="424"/>
      <c r="IYF728" s="424"/>
      <c r="IYG728" s="423" t="s">
        <v>2795</v>
      </c>
      <c r="IYH728" s="424"/>
      <c r="IYI728" s="424"/>
      <c r="IYJ728" s="424"/>
      <c r="IYK728" s="423" t="s">
        <v>2795</v>
      </c>
      <c r="IYL728" s="424"/>
      <c r="IYM728" s="424"/>
      <c r="IYN728" s="424"/>
      <c r="IYO728" s="423" t="s">
        <v>2795</v>
      </c>
      <c r="IYP728" s="424"/>
      <c r="IYQ728" s="424"/>
      <c r="IYR728" s="424"/>
      <c r="IYS728" s="423" t="s">
        <v>2795</v>
      </c>
      <c r="IYT728" s="424"/>
      <c r="IYU728" s="424"/>
      <c r="IYV728" s="424"/>
      <c r="IYW728" s="423" t="s">
        <v>2795</v>
      </c>
      <c r="IYX728" s="424"/>
      <c r="IYY728" s="424"/>
      <c r="IYZ728" s="424"/>
      <c r="IZA728" s="423" t="s">
        <v>2795</v>
      </c>
      <c r="IZB728" s="424"/>
      <c r="IZC728" s="424"/>
      <c r="IZD728" s="424"/>
      <c r="IZE728" s="423" t="s">
        <v>2795</v>
      </c>
      <c r="IZF728" s="424"/>
      <c r="IZG728" s="424"/>
      <c r="IZH728" s="424"/>
      <c r="IZI728" s="423" t="s">
        <v>2795</v>
      </c>
      <c r="IZJ728" s="424"/>
      <c r="IZK728" s="424"/>
      <c r="IZL728" s="424"/>
      <c r="IZM728" s="423" t="s">
        <v>2795</v>
      </c>
      <c r="IZN728" s="424"/>
      <c r="IZO728" s="424"/>
      <c r="IZP728" s="424"/>
      <c r="IZQ728" s="423" t="s">
        <v>2795</v>
      </c>
      <c r="IZR728" s="424"/>
      <c r="IZS728" s="424"/>
      <c r="IZT728" s="424"/>
      <c r="IZU728" s="423" t="s">
        <v>2795</v>
      </c>
      <c r="IZV728" s="424"/>
      <c r="IZW728" s="424"/>
      <c r="IZX728" s="424"/>
      <c r="IZY728" s="423" t="s">
        <v>2795</v>
      </c>
      <c r="IZZ728" s="424"/>
      <c r="JAA728" s="424"/>
      <c r="JAB728" s="424"/>
      <c r="JAC728" s="423" t="s">
        <v>2795</v>
      </c>
      <c r="JAD728" s="424"/>
      <c r="JAE728" s="424"/>
      <c r="JAF728" s="424"/>
      <c r="JAG728" s="423" t="s">
        <v>2795</v>
      </c>
      <c r="JAH728" s="424"/>
      <c r="JAI728" s="424"/>
      <c r="JAJ728" s="424"/>
      <c r="JAK728" s="423" t="s">
        <v>2795</v>
      </c>
      <c r="JAL728" s="424"/>
      <c r="JAM728" s="424"/>
      <c r="JAN728" s="424"/>
      <c r="JAO728" s="423" t="s">
        <v>2795</v>
      </c>
      <c r="JAP728" s="424"/>
      <c r="JAQ728" s="424"/>
      <c r="JAR728" s="424"/>
      <c r="JAS728" s="423" t="s">
        <v>2795</v>
      </c>
      <c r="JAT728" s="424"/>
      <c r="JAU728" s="424"/>
      <c r="JAV728" s="424"/>
      <c r="JAW728" s="423" t="s">
        <v>2795</v>
      </c>
      <c r="JAX728" s="424"/>
      <c r="JAY728" s="424"/>
      <c r="JAZ728" s="424"/>
      <c r="JBA728" s="423" t="s">
        <v>2795</v>
      </c>
      <c r="JBB728" s="424"/>
      <c r="JBC728" s="424"/>
      <c r="JBD728" s="424"/>
      <c r="JBE728" s="423" t="s">
        <v>2795</v>
      </c>
      <c r="JBF728" s="424"/>
      <c r="JBG728" s="424"/>
      <c r="JBH728" s="424"/>
      <c r="JBI728" s="423" t="s">
        <v>2795</v>
      </c>
      <c r="JBJ728" s="424"/>
      <c r="JBK728" s="424"/>
      <c r="JBL728" s="424"/>
      <c r="JBM728" s="423" t="s">
        <v>2795</v>
      </c>
      <c r="JBN728" s="424"/>
      <c r="JBO728" s="424"/>
      <c r="JBP728" s="424"/>
      <c r="JBQ728" s="423" t="s">
        <v>2795</v>
      </c>
      <c r="JBR728" s="424"/>
      <c r="JBS728" s="424"/>
      <c r="JBT728" s="424"/>
      <c r="JBU728" s="423" t="s">
        <v>2795</v>
      </c>
      <c r="JBV728" s="424"/>
      <c r="JBW728" s="424"/>
      <c r="JBX728" s="424"/>
      <c r="JBY728" s="423" t="s">
        <v>2795</v>
      </c>
      <c r="JBZ728" s="424"/>
      <c r="JCA728" s="424"/>
      <c r="JCB728" s="424"/>
      <c r="JCC728" s="423" t="s">
        <v>2795</v>
      </c>
      <c r="JCD728" s="424"/>
      <c r="JCE728" s="424"/>
      <c r="JCF728" s="424"/>
      <c r="JCG728" s="423" t="s">
        <v>2795</v>
      </c>
      <c r="JCH728" s="424"/>
      <c r="JCI728" s="424"/>
      <c r="JCJ728" s="424"/>
      <c r="JCK728" s="423" t="s">
        <v>2795</v>
      </c>
      <c r="JCL728" s="424"/>
      <c r="JCM728" s="424"/>
      <c r="JCN728" s="424"/>
      <c r="JCO728" s="423" t="s">
        <v>2795</v>
      </c>
      <c r="JCP728" s="424"/>
      <c r="JCQ728" s="424"/>
      <c r="JCR728" s="424"/>
      <c r="JCS728" s="423" t="s">
        <v>2795</v>
      </c>
      <c r="JCT728" s="424"/>
      <c r="JCU728" s="424"/>
      <c r="JCV728" s="424"/>
      <c r="JCW728" s="423" t="s">
        <v>2795</v>
      </c>
      <c r="JCX728" s="424"/>
      <c r="JCY728" s="424"/>
      <c r="JCZ728" s="424"/>
      <c r="JDA728" s="423" t="s">
        <v>2795</v>
      </c>
      <c r="JDB728" s="424"/>
      <c r="JDC728" s="424"/>
      <c r="JDD728" s="424"/>
      <c r="JDE728" s="423" t="s">
        <v>2795</v>
      </c>
      <c r="JDF728" s="424"/>
      <c r="JDG728" s="424"/>
      <c r="JDH728" s="424"/>
      <c r="JDI728" s="423" t="s">
        <v>2795</v>
      </c>
      <c r="JDJ728" s="424"/>
      <c r="JDK728" s="424"/>
      <c r="JDL728" s="424"/>
      <c r="JDM728" s="423" t="s">
        <v>2795</v>
      </c>
      <c r="JDN728" s="424"/>
      <c r="JDO728" s="424"/>
      <c r="JDP728" s="424"/>
      <c r="JDQ728" s="423" t="s">
        <v>2795</v>
      </c>
      <c r="JDR728" s="424"/>
      <c r="JDS728" s="424"/>
      <c r="JDT728" s="424"/>
      <c r="JDU728" s="423" t="s">
        <v>2795</v>
      </c>
      <c r="JDV728" s="424"/>
      <c r="JDW728" s="424"/>
      <c r="JDX728" s="424"/>
      <c r="JDY728" s="423" t="s">
        <v>2795</v>
      </c>
      <c r="JDZ728" s="424"/>
      <c r="JEA728" s="424"/>
      <c r="JEB728" s="424"/>
      <c r="JEC728" s="423" t="s">
        <v>2795</v>
      </c>
      <c r="JED728" s="424"/>
      <c r="JEE728" s="424"/>
      <c r="JEF728" s="424"/>
      <c r="JEG728" s="423" t="s">
        <v>2795</v>
      </c>
      <c r="JEH728" s="424"/>
      <c r="JEI728" s="424"/>
      <c r="JEJ728" s="424"/>
      <c r="JEK728" s="423" t="s">
        <v>2795</v>
      </c>
      <c r="JEL728" s="424"/>
      <c r="JEM728" s="424"/>
      <c r="JEN728" s="424"/>
      <c r="JEO728" s="423" t="s">
        <v>2795</v>
      </c>
      <c r="JEP728" s="424"/>
      <c r="JEQ728" s="424"/>
      <c r="JER728" s="424"/>
      <c r="JES728" s="423" t="s">
        <v>2795</v>
      </c>
      <c r="JET728" s="424"/>
      <c r="JEU728" s="424"/>
      <c r="JEV728" s="424"/>
      <c r="JEW728" s="423" t="s">
        <v>2795</v>
      </c>
      <c r="JEX728" s="424"/>
      <c r="JEY728" s="424"/>
      <c r="JEZ728" s="424"/>
      <c r="JFA728" s="423" t="s">
        <v>2795</v>
      </c>
      <c r="JFB728" s="424"/>
      <c r="JFC728" s="424"/>
      <c r="JFD728" s="424"/>
      <c r="JFE728" s="423" t="s">
        <v>2795</v>
      </c>
      <c r="JFF728" s="424"/>
      <c r="JFG728" s="424"/>
      <c r="JFH728" s="424"/>
      <c r="JFI728" s="423" t="s">
        <v>2795</v>
      </c>
      <c r="JFJ728" s="424"/>
      <c r="JFK728" s="424"/>
      <c r="JFL728" s="424"/>
      <c r="JFM728" s="423" t="s">
        <v>2795</v>
      </c>
      <c r="JFN728" s="424"/>
      <c r="JFO728" s="424"/>
      <c r="JFP728" s="424"/>
      <c r="JFQ728" s="423" t="s">
        <v>2795</v>
      </c>
      <c r="JFR728" s="424"/>
      <c r="JFS728" s="424"/>
      <c r="JFT728" s="424"/>
      <c r="JFU728" s="423" t="s">
        <v>2795</v>
      </c>
      <c r="JFV728" s="424"/>
      <c r="JFW728" s="424"/>
      <c r="JFX728" s="424"/>
      <c r="JFY728" s="423" t="s">
        <v>2795</v>
      </c>
      <c r="JFZ728" s="424"/>
      <c r="JGA728" s="424"/>
      <c r="JGB728" s="424"/>
      <c r="JGC728" s="423" t="s">
        <v>2795</v>
      </c>
      <c r="JGD728" s="424"/>
      <c r="JGE728" s="424"/>
      <c r="JGF728" s="424"/>
      <c r="JGG728" s="423" t="s">
        <v>2795</v>
      </c>
      <c r="JGH728" s="424"/>
      <c r="JGI728" s="424"/>
      <c r="JGJ728" s="424"/>
      <c r="JGK728" s="423" t="s">
        <v>2795</v>
      </c>
      <c r="JGL728" s="424"/>
      <c r="JGM728" s="424"/>
      <c r="JGN728" s="424"/>
      <c r="JGO728" s="423" t="s">
        <v>2795</v>
      </c>
      <c r="JGP728" s="424"/>
      <c r="JGQ728" s="424"/>
      <c r="JGR728" s="424"/>
      <c r="JGS728" s="423" t="s">
        <v>2795</v>
      </c>
      <c r="JGT728" s="424"/>
      <c r="JGU728" s="424"/>
      <c r="JGV728" s="424"/>
      <c r="JGW728" s="423" t="s">
        <v>2795</v>
      </c>
      <c r="JGX728" s="424"/>
      <c r="JGY728" s="424"/>
      <c r="JGZ728" s="424"/>
      <c r="JHA728" s="423" t="s">
        <v>2795</v>
      </c>
      <c r="JHB728" s="424"/>
      <c r="JHC728" s="424"/>
      <c r="JHD728" s="424"/>
      <c r="JHE728" s="423" t="s">
        <v>2795</v>
      </c>
      <c r="JHF728" s="424"/>
      <c r="JHG728" s="424"/>
      <c r="JHH728" s="424"/>
      <c r="JHI728" s="423" t="s">
        <v>2795</v>
      </c>
      <c r="JHJ728" s="424"/>
      <c r="JHK728" s="424"/>
      <c r="JHL728" s="424"/>
      <c r="JHM728" s="423" t="s">
        <v>2795</v>
      </c>
      <c r="JHN728" s="424"/>
      <c r="JHO728" s="424"/>
      <c r="JHP728" s="424"/>
      <c r="JHQ728" s="423" t="s">
        <v>2795</v>
      </c>
      <c r="JHR728" s="424"/>
      <c r="JHS728" s="424"/>
      <c r="JHT728" s="424"/>
      <c r="JHU728" s="423" t="s">
        <v>2795</v>
      </c>
      <c r="JHV728" s="424"/>
      <c r="JHW728" s="424"/>
      <c r="JHX728" s="424"/>
      <c r="JHY728" s="423" t="s">
        <v>2795</v>
      </c>
      <c r="JHZ728" s="424"/>
      <c r="JIA728" s="424"/>
      <c r="JIB728" s="424"/>
      <c r="JIC728" s="423" t="s">
        <v>2795</v>
      </c>
      <c r="JID728" s="424"/>
      <c r="JIE728" s="424"/>
      <c r="JIF728" s="424"/>
      <c r="JIG728" s="423" t="s">
        <v>2795</v>
      </c>
      <c r="JIH728" s="424"/>
      <c r="JII728" s="424"/>
      <c r="JIJ728" s="424"/>
      <c r="JIK728" s="423" t="s">
        <v>2795</v>
      </c>
      <c r="JIL728" s="424"/>
      <c r="JIM728" s="424"/>
      <c r="JIN728" s="424"/>
      <c r="JIO728" s="423" t="s">
        <v>2795</v>
      </c>
      <c r="JIP728" s="424"/>
      <c r="JIQ728" s="424"/>
      <c r="JIR728" s="424"/>
      <c r="JIS728" s="423" t="s">
        <v>2795</v>
      </c>
      <c r="JIT728" s="424"/>
      <c r="JIU728" s="424"/>
      <c r="JIV728" s="424"/>
      <c r="JIW728" s="423" t="s">
        <v>2795</v>
      </c>
      <c r="JIX728" s="424"/>
      <c r="JIY728" s="424"/>
      <c r="JIZ728" s="424"/>
      <c r="JJA728" s="423" t="s">
        <v>2795</v>
      </c>
      <c r="JJB728" s="424"/>
      <c r="JJC728" s="424"/>
      <c r="JJD728" s="424"/>
      <c r="JJE728" s="423" t="s">
        <v>2795</v>
      </c>
      <c r="JJF728" s="424"/>
      <c r="JJG728" s="424"/>
      <c r="JJH728" s="424"/>
      <c r="JJI728" s="423" t="s">
        <v>2795</v>
      </c>
      <c r="JJJ728" s="424"/>
      <c r="JJK728" s="424"/>
      <c r="JJL728" s="424"/>
      <c r="JJM728" s="423" t="s">
        <v>2795</v>
      </c>
      <c r="JJN728" s="424"/>
      <c r="JJO728" s="424"/>
      <c r="JJP728" s="424"/>
      <c r="JJQ728" s="423" t="s">
        <v>2795</v>
      </c>
      <c r="JJR728" s="424"/>
      <c r="JJS728" s="424"/>
      <c r="JJT728" s="424"/>
      <c r="JJU728" s="423" t="s">
        <v>2795</v>
      </c>
      <c r="JJV728" s="424"/>
      <c r="JJW728" s="424"/>
      <c r="JJX728" s="424"/>
      <c r="JJY728" s="423" t="s">
        <v>2795</v>
      </c>
      <c r="JJZ728" s="424"/>
      <c r="JKA728" s="424"/>
      <c r="JKB728" s="424"/>
      <c r="JKC728" s="423" t="s">
        <v>2795</v>
      </c>
      <c r="JKD728" s="424"/>
      <c r="JKE728" s="424"/>
      <c r="JKF728" s="424"/>
      <c r="JKG728" s="423" t="s">
        <v>2795</v>
      </c>
      <c r="JKH728" s="424"/>
      <c r="JKI728" s="424"/>
      <c r="JKJ728" s="424"/>
      <c r="JKK728" s="423" t="s">
        <v>2795</v>
      </c>
      <c r="JKL728" s="424"/>
      <c r="JKM728" s="424"/>
      <c r="JKN728" s="424"/>
      <c r="JKO728" s="423" t="s">
        <v>2795</v>
      </c>
      <c r="JKP728" s="424"/>
      <c r="JKQ728" s="424"/>
      <c r="JKR728" s="424"/>
      <c r="JKS728" s="423" t="s">
        <v>2795</v>
      </c>
      <c r="JKT728" s="424"/>
      <c r="JKU728" s="424"/>
      <c r="JKV728" s="424"/>
      <c r="JKW728" s="423" t="s">
        <v>2795</v>
      </c>
      <c r="JKX728" s="424"/>
      <c r="JKY728" s="424"/>
      <c r="JKZ728" s="424"/>
      <c r="JLA728" s="423" t="s">
        <v>2795</v>
      </c>
      <c r="JLB728" s="424"/>
      <c r="JLC728" s="424"/>
      <c r="JLD728" s="424"/>
      <c r="JLE728" s="423" t="s">
        <v>2795</v>
      </c>
      <c r="JLF728" s="424"/>
      <c r="JLG728" s="424"/>
      <c r="JLH728" s="424"/>
      <c r="JLI728" s="423" t="s">
        <v>2795</v>
      </c>
      <c r="JLJ728" s="424"/>
      <c r="JLK728" s="424"/>
      <c r="JLL728" s="424"/>
      <c r="JLM728" s="423" t="s">
        <v>2795</v>
      </c>
      <c r="JLN728" s="424"/>
      <c r="JLO728" s="424"/>
      <c r="JLP728" s="424"/>
      <c r="JLQ728" s="423" t="s">
        <v>2795</v>
      </c>
      <c r="JLR728" s="424"/>
      <c r="JLS728" s="424"/>
      <c r="JLT728" s="424"/>
      <c r="JLU728" s="423" t="s">
        <v>2795</v>
      </c>
      <c r="JLV728" s="424"/>
      <c r="JLW728" s="424"/>
      <c r="JLX728" s="424"/>
      <c r="JLY728" s="423" t="s">
        <v>2795</v>
      </c>
      <c r="JLZ728" s="424"/>
      <c r="JMA728" s="424"/>
      <c r="JMB728" s="424"/>
      <c r="JMC728" s="423" t="s">
        <v>2795</v>
      </c>
      <c r="JMD728" s="424"/>
      <c r="JME728" s="424"/>
      <c r="JMF728" s="424"/>
      <c r="JMG728" s="423" t="s">
        <v>2795</v>
      </c>
      <c r="JMH728" s="424"/>
      <c r="JMI728" s="424"/>
      <c r="JMJ728" s="424"/>
      <c r="JMK728" s="423" t="s">
        <v>2795</v>
      </c>
      <c r="JML728" s="424"/>
      <c r="JMM728" s="424"/>
      <c r="JMN728" s="424"/>
      <c r="JMO728" s="423" t="s">
        <v>2795</v>
      </c>
      <c r="JMP728" s="424"/>
      <c r="JMQ728" s="424"/>
      <c r="JMR728" s="424"/>
      <c r="JMS728" s="423" t="s">
        <v>2795</v>
      </c>
      <c r="JMT728" s="424"/>
      <c r="JMU728" s="424"/>
      <c r="JMV728" s="424"/>
      <c r="JMW728" s="423" t="s">
        <v>2795</v>
      </c>
      <c r="JMX728" s="424"/>
      <c r="JMY728" s="424"/>
      <c r="JMZ728" s="424"/>
      <c r="JNA728" s="423" t="s">
        <v>2795</v>
      </c>
      <c r="JNB728" s="424"/>
      <c r="JNC728" s="424"/>
      <c r="JND728" s="424"/>
      <c r="JNE728" s="423" t="s">
        <v>2795</v>
      </c>
      <c r="JNF728" s="424"/>
      <c r="JNG728" s="424"/>
      <c r="JNH728" s="424"/>
      <c r="JNI728" s="423" t="s">
        <v>2795</v>
      </c>
      <c r="JNJ728" s="424"/>
      <c r="JNK728" s="424"/>
      <c r="JNL728" s="424"/>
      <c r="JNM728" s="423" t="s">
        <v>2795</v>
      </c>
      <c r="JNN728" s="424"/>
      <c r="JNO728" s="424"/>
      <c r="JNP728" s="424"/>
      <c r="JNQ728" s="423" t="s">
        <v>2795</v>
      </c>
      <c r="JNR728" s="424"/>
      <c r="JNS728" s="424"/>
      <c r="JNT728" s="424"/>
      <c r="JNU728" s="423" t="s">
        <v>2795</v>
      </c>
      <c r="JNV728" s="424"/>
      <c r="JNW728" s="424"/>
      <c r="JNX728" s="424"/>
      <c r="JNY728" s="423" t="s">
        <v>2795</v>
      </c>
      <c r="JNZ728" s="424"/>
      <c r="JOA728" s="424"/>
      <c r="JOB728" s="424"/>
      <c r="JOC728" s="423" t="s">
        <v>2795</v>
      </c>
      <c r="JOD728" s="424"/>
      <c r="JOE728" s="424"/>
      <c r="JOF728" s="424"/>
      <c r="JOG728" s="423" t="s">
        <v>2795</v>
      </c>
      <c r="JOH728" s="424"/>
      <c r="JOI728" s="424"/>
      <c r="JOJ728" s="424"/>
      <c r="JOK728" s="423" t="s">
        <v>2795</v>
      </c>
      <c r="JOL728" s="424"/>
      <c r="JOM728" s="424"/>
      <c r="JON728" s="424"/>
      <c r="JOO728" s="423" t="s">
        <v>2795</v>
      </c>
      <c r="JOP728" s="424"/>
      <c r="JOQ728" s="424"/>
      <c r="JOR728" s="424"/>
      <c r="JOS728" s="423" t="s">
        <v>2795</v>
      </c>
      <c r="JOT728" s="424"/>
      <c r="JOU728" s="424"/>
      <c r="JOV728" s="424"/>
      <c r="JOW728" s="423" t="s">
        <v>2795</v>
      </c>
      <c r="JOX728" s="424"/>
      <c r="JOY728" s="424"/>
      <c r="JOZ728" s="424"/>
      <c r="JPA728" s="423" t="s">
        <v>2795</v>
      </c>
      <c r="JPB728" s="424"/>
      <c r="JPC728" s="424"/>
      <c r="JPD728" s="424"/>
      <c r="JPE728" s="423" t="s">
        <v>2795</v>
      </c>
      <c r="JPF728" s="424"/>
      <c r="JPG728" s="424"/>
      <c r="JPH728" s="424"/>
      <c r="JPI728" s="423" t="s">
        <v>2795</v>
      </c>
      <c r="JPJ728" s="424"/>
      <c r="JPK728" s="424"/>
      <c r="JPL728" s="424"/>
      <c r="JPM728" s="423" t="s">
        <v>2795</v>
      </c>
      <c r="JPN728" s="424"/>
      <c r="JPO728" s="424"/>
      <c r="JPP728" s="424"/>
      <c r="JPQ728" s="423" t="s">
        <v>2795</v>
      </c>
      <c r="JPR728" s="424"/>
      <c r="JPS728" s="424"/>
      <c r="JPT728" s="424"/>
      <c r="JPU728" s="423" t="s">
        <v>2795</v>
      </c>
      <c r="JPV728" s="424"/>
      <c r="JPW728" s="424"/>
      <c r="JPX728" s="424"/>
      <c r="JPY728" s="423" t="s">
        <v>2795</v>
      </c>
      <c r="JPZ728" s="424"/>
      <c r="JQA728" s="424"/>
      <c r="JQB728" s="424"/>
      <c r="JQC728" s="423" t="s">
        <v>2795</v>
      </c>
      <c r="JQD728" s="424"/>
      <c r="JQE728" s="424"/>
      <c r="JQF728" s="424"/>
      <c r="JQG728" s="423" t="s">
        <v>2795</v>
      </c>
      <c r="JQH728" s="424"/>
      <c r="JQI728" s="424"/>
      <c r="JQJ728" s="424"/>
      <c r="JQK728" s="423" t="s">
        <v>2795</v>
      </c>
      <c r="JQL728" s="424"/>
      <c r="JQM728" s="424"/>
      <c r="JQN728" s="424"/>
      <c r="JQO728" s="423" t="s">
        <v>2795</v>
      </c>
      <c r="JQP728" s="424"/>
      <c r="JQQ728" s="424"/>
      <c r="JQR728" s="424"/>
      <c r="JQS728" s="423" t="s">
        <v>2795</v>
      </c>
      <c r="JQT728" s="424"/>
      <c r="JQU728" s="424"/>
      <c r="JQV728" s="424"/>
      <c r="JQW728" s="423" t="s">
        <v>2795</v>
      </c>
      <c r="JQX728" s="424"/>
      <c r="JQY728" s="424"/>
      <c r="JQZ728" s="424"/>
      <c r="JRA728" s="423" t="s">
        <v>2795</v>
      </c>
      <c r="JRB728" s="424"/>
      <c r="JRC728" s="424"/>
      <c r="JRD728" s="424"/>
      <c r="JRE728" s="423" t="s">
        <v>2795</v>
      </c>
      <c r="JRF728" s="424"/>
      <c r="JRG728" s="424"/>
      <c r="JRH728" s="424"/>
      <c r="JRI728" s="423" t="s">
        <v>2795</v>
      </c>
      <c r="JRJ728" s="424"/>
      <c r="JRK728" s="424"/>
      <c r="JRL728" s="424"/>
      <c r="JRM728" s="423" t="s">
        <v>2795</v>
      </c>
      <c r="JRN728" s="424"/>
      <c r="JRO728" s="424"/>
      <c r="JRP728" s="424"/>
      <c r="JRQ728" s="423" t="s">
        <v>2795</v>
      </c>
      <c r="JRR728" s="424"/>
      <c r="JRS728" s="424"/>
      <c r="JRT728" s="424"/>
      <c r="JRU728" s="423" t="s">
        <v>2795</v>
      </c>
      <c r="JRV728" s="424"/>
      <c r="JRW728" s="424"/>
      <c r="JRX728" s="424"/>
      <c r="JRY728" s="423" t="s">
        <v>2795</v>
      </c>
      <c r="JRZ728" s="424"/>
      <c r="JSA728" s="424"/>
      <c r="JSB728" s="424"/>
      <c r="JSC728" s="423" t="s">
        <v>2795</v>
      </c>
      <c r="JSD728" s="424"/>
      <c r="JSE728" s="424"/>
      <c r="JSF728" s="424"/>
      <c r="JSG728" s="423" t="s">
        <v>2795</v>
      </c>
      <c r="JSH728" s="424"/>
      <c r="JSI728" s="424"/>
      <c r="JSJ728" s="424"/>
      <c r="JSK728" s="423" t="s">
        <v>2795</v>
      </c>
      <c r="JSL728" s="424"/>
      <c r="JSM728" s="424"/>
      <c r="JSN728" s="424"/>
      <c r="JSO728" s="423" t="s">
        <v>2795</v>
      </c>
      <c r="JSP728" s="424"/>
      <c r="JSQ728" s="424"/>
      <c r="JSR728" s="424"/>
      <c r="JSS728" s="423" t="s">
        <v>2795</v>
      </c>
      <c r="JST728" s="424"/>
      <c r="JSU728" s="424"/>
      <c r="JSV728" s="424"/>
      <c r="JSW728" s="423" t="s">
        <v>2795</v>
      </c>
      <c r="JSX728" s="424"/>
      <c r="JSY728" s="424"/>
      <c r="JSZ728" s="424"/>
      <c r="JTA728" s="423" t="s">
        <v>2795</v>
      </c>
      <c r="JTB728" s="424"/>
      <c r="JTC728" s="424"/>
      <c r="JTD728" s="424"/>
      <c r="JTE728" s="423" t="s">
        <v>2795</v>
      </c>
      <c r="JTF728" s="424"/>
      <c r="JTG728" s="424"/>
      <c r="JTH728" s="424"/>
      <c r="JTI728" s="423" t="s">
        <v>2795</v>
      </c>
      <c r="JTJ728" s="424"/>
      <c r="JTK728" s="424"/>
      <c r="JTL728" s="424"/>
      <c r="JTM728" s="423" t="s">
        <v>2795</v>
      </c>
      <c r="JTN728" s="424"/>
      <c r="JTO728" s="424"/>
      <c r="JTP728" s="424"/>
      <c r="JTQ728" s="423" t="s">
        <v>2795</v>
      </c>
      <c r="JTR728" s="424"/>
      <c r="JTS728" s="424"/>
      <c r="JTT728" s="424"/>
      <c r="JTU728" s="423" t="s">
        <v>2795</v>
      </c>
      <c r="JTV728" s="424"/>
      <c r="JTW728" s="424"/>
      <c r="JTX728" s="424"/>
      <c r="JTY728" s="423" t="s">
        <v>2795</v>
      </c>
      <c r="JTZ728" s="424"/>
      <c r="JUA728" s="424"/>
      <c r="JUB728" s="424"/>
      <c r="JUC728" s="423" t="s">
        <v>2795</v>
      </c>
      <c r="JUD728" s="424"/>
      <c r="JUE728" s="424"/>
      <c r="JUF728" s="424"/>
      <c r="JUG728" s="423" t="s">
        <v>2795</v>
      </c>
      <c r="JUH728" s="424"/>
      <c r="JUI728" s="424"/>
      <c r="JUJ728" s="424"/>
      <c r="JUK728" s="423" t="s">
        <v>2795</v>
      </c>
      <c r="JUL728" s="424"/>
      <c r="JUM728" s="424"/>
      <c r="JUN728" s="424"/>
      <c r="JUO728" s="423" t="s">
        <v>2795</v>
      </c>
      <c r="JUP728" s="424"/>
      <c r="JUQ728" s="424"/>
      <c r="JUR728" s="424"/>
      <c r="JUS728" s="423" t="s">
        <v>2795</v>
      </c>
      <c r="JUT728" s="424"/>
      <c r="JUU728" s="424"/>
      <c r="JUV728" s="424"/>
      <c r="JUW728" s="423" t="s">
        <v>2795</v>
      </c>
      <c r="JUX728" s="424"/>
      <c r="JUY728" s="424"/>
      <c r="JUZ728" s="424"/>
      <c r="JVA728" s="423" t="s">
        <v>2795</v>
      </c>
      <c r="JVB728" s="424"/>
      <c r="JVC728" s="424"/>
      <c r="JVD728" s="424"/>
      <c r="JVE728" s="423" t="s">
        <v>2795</v>
      </c>
      <c r="JVF728" s="424"/>
      <c r="JVG728" s="424"/>
      <c r="JVH728" s="424"/>
      <c r="JVI728" s="423" t="s">
        <v>2795</v>
      </c>
      <c r="JVJ728" s="424"/>
      <c r="JVK728" s="424"/>
      <c r="JVL728" s="424"/>
      <c r="JVM728" s="423" t="s">
        <v>2795</v>
      </c>
      <c r="JVN728" s="424"/>
      <c r="JVO728" s="424"/>
      <c r="JVP728" s="424"/>
      <c r="JVQ728" s="423" t="s">
        <v>2795</v>
      </c>
      <c r="JVR728" s="424"/>
      <c r="JVS728" s="424"/>
      <c r="JVT728" s="424"/>
      <c r="JVU728" s="423" t="s">
        <v>2795</v>
      </c>
      <c r="JVV728" s="424"/>
      <c r="JVW728" s="424"/>
      <c r="JVX728" s="424"/>
      <c r="JVY728" s="423" t="s">
        <v>2795</v>
      </c>
      <c r="JVZ728" s="424"/>
      <c r="JWA728" s="424"/>
      <c r="JWB728" s="424"/>
      <c r="JWC728" s="423" t="s">
        <v>2795</v>
      </c>
      <c r="JWD728" s="424"/>
      <c r="JWE728" s="424"/>
      <c r="JWF728" s="424"/>
      <c r="JWG728" s="423" t="s">
        <v>2795</v>
      </c>
      <c r="JWH728" s="424"/>
      <c r="JWI728" s="424"/>
      <c r="JWJ728" s="424"/>
      <c r="JWK728" s="423" t="s">
        <v>2795</v>
      </c>
      <c r="JWL728" s="424"/>
      <c r="JWM728" s="424"/>
      <c r="JWN728" s="424"/>
      <c r="JWO728" s="423" t="s">
        <v>2795</v>
      </c>
      <c r="JWP728" s="424"/>
      <c r="JWQ728" s="424"/>
      <c r="JWR728" s="424"/>
      <c r="JWS728" s="423" t="s">
        <v>2795</v>
      </c>
      <c r="JWT728" s="424"/>
      <c r="JWU728" s="424"/>
      <c r="JWV728" s="424"/>
      <c r="JWW728" s="423" t="s">
        <v>2795</v>
      </c>
      <c r="JWX728" s="424"/>
      <c r="JWY728" s="424"/>
      <c r="JWZ728" s="424"/>
      <c r="JXA728" s="423" t="s">
        <v>2795</v>
      </c>
      <c r="JXB728" s="424"/>
      <c r="JXC728" s="424"/>
      <c r="JXD728" s="424"/>
      <c r="JXE728" s="423" t="s">
        <v>2795</v>
      </c>
      <c r="JXF728" s="424"/>
      <c r="JXG728" s="424"/>
      <c r="JXH728" s="424"/>
      <c r="JXI728" s="423" t="s">
        <v>2795</v>
      </c>
      <c r="JXJ728" s="424"/>
      <c r="JXK728" s="424"/>
      <c r="JXL728" s="424"/>
      <c r="JXM728" s="423" t="s">
        <v>2795</v>
      </c>
      <c r="JXN728" s="424"/>
      <c r="JXO728" s="424"/>
      <c r="JXP728" s="424"/>
      <c r="JXQ728" s="423" t="s">
        <v>2795</v>
      </c>
      <c r="JXR728" s="424"/>
      <c r="JXS728" s="424"/>
      <c r="JXT728" s="424"/>
      <c r="JXU728" s="423" t="s">
        <v>2795</v>
      </c>
      <c r="JXV728" s="424"/>
      <c r="JXW728" s="424"/>
      <c r="JXX728" s="424"/>
      <c r="JXY728" s="423" t="s">
        <v>2795</v>
      </c>
      <c r="JXZ728" s="424"/>
      <c r="JYA728" s="424"/>
      <c r="JYB728" s="424"/>
      <c r="JYC728" s="423" t="s">
        <v>2795</v>
      </c>
      <c r="JYD728" s="424"/>
      <c r="JYE728" s="424"/>
      <c r="JYF728" s="424"/>
      <c r="JYG728" s="423" t="s">
        <v>2795</v>
      </c>
      <c r="JYH728" s="424"/>
      <c r="JYI728" s="424"/>
      <c r="JYJ728" s="424"/>
      <c r="JYK728" s="423" t="s">
        <v>2795</v>
      </c>
      <c r="JYL728" s="424"/>
      <c r="JYM728" s="424"/>
      <c r="JYN728" s="424"/>
      <c r="JYO728" s="423" t="s">
        <v>2795</v>
      </c>
      <c r="JYP728" s="424"/>
      <c r="JYQ728" s="424"/>
      <c r="JYR728" s="424"/>
      <c r="JYS728" s="423" t="s">
        <v>2795</v>
      </c>
      <c r="JYT728" s="424"/>
      <c r="JYU728" s="424"/>
      <c r="JYV728" s="424"/>
      <c r="JYW728" s="423" t="s">
        <v>2795</v>
      </c>
      <c r="JYX728" s="424"/>
      <c r="JYY728" s="424"/>
      <c r="JYZ728" s="424"/>
      <c r="JZA728" s="423" t="s">
        <v>2795</v>
      </c>
      <c r="JZB728" s="424"/>
      <c r="JZC728" s="424"/>
      <c r="JZD728" s="424"/>
      <c r="JZE728" s="423" t="s">
        <v>2795</v>
      </c>
      <c r="JZF728" s="424"/>
      <c r="JZG728" s="424"/>
      <c r="JZH728" s="424"/>
      <c r="JZI728" s="423" t="s">
        <v>2795</v>
      </c>
      <c r="JZJ728" s="424"/>
      <c r="JZK728" s="424"/>
      <c r="JZL728" s="424"/>
      <c r="JZM728" s="423" t="s">
        <v>2795</v>
      </c>
      <c r="JZN728" s="424"/>
      <c r="JZO728" s="424"/>
      <c r="JZP728" s="424"/>
      <c r="JZQ728" s="423" t="s">
        <v>2795</v>
      </c>
      <c r="JZR728" s="424"/>
      <c r="JZS728" s="424"/>
      <c r="JZT728" s="424"/>
      <c r="JZU728" s="423" t="s">
        <v>2795</v>
      </c>
      <c r="JZV728" s="424"/>
      <c r="JZW728" s="424"/>
      <c r="JZX728" s="424"/>
      <c r="JZY728" s="423" t="s">
        <v>2795</v>
      </c>
      <c r="JZZ728" s="424"/>
      <c r="KAA728" s="424"/>
      <c r="KAB728" s="424"/>
      <c r="KAC728" s="423" t="s">
        <v>2795</v>
      </c>
      <c r="KAD728" s="424"/>
      <c r="KAE728" s="424"/>
      <c r="KAF728" s="424"/>
      <c r="KAG728" s="423" t="s">
        <v>2795</v>
      </c>
      <c r="KAH728" s="424"/>
      <c r="KAI728" s="424"/>
      <c r="KAJ728" s="424"/>
      <c r="KAK728" s="423" t="s">
        <v>2795</v>
      </c>
      <c r="KAL728" s="424"/>
      <c r="KAM728" s="424"/>
      <c r="KAN728" s="424"/>
      <c r="KAO728" s="423" t="s">
        <v>2795</v>
      </c>
      <c r="KAP728" s="424"/>
      <c r="KAQ728" s="424"/>
      <c r="KAR728" s="424"/>
      <c r="KAS728" s="423" t="s">
        <v>2795</v>
      </c>
      <c r="KAT728" s="424"/>
      <c r="KAU728" s="424"/>
      <c r="KAV728" s="424"/>
      <c r="KAW728" s="423" t="s">
        <v>2795</v>
      </c>
      <c r="KAX728" s="424"/>
      <c r="KAY728" s="424"/>
      <c r="KAZ728" s="424"/>
      <c r="KBA728" s="423" t="s">
        <v>2795</v>
      </c>
      <c r="KBB728" s="424"/>
      <c r="KBC728" s="424"/>
      <c r="KBD728" s="424"/>
      <c r="KBE728" s="423" t="s">
        <v>2795</v>
      </c>
      <c r="KBF728" s="424"/>
      <c r="KBG728" s="424"/>
      <c r="KBH728" s="424"/>
      <c r="KBI728" s="423" t="s">
        <v>2795</v>
      </c>
      <c r="KBJ728" s="424"/>
      <c r="KBK728" s="424"/>
      <c r="KBL728" s="424"/>
      <c r="KBM728" s="423" t="s">
        <v>2795</v>
      </c>
      <c r="KBN728" s="424"/>
      <c r="KBO728" s="424"/>
      <c r="KBP728" s="424"/>
      <c r="KBQ728" s="423" t="s">
        <v>2795</v>
      </c>
      <c r="KBR728" s="424"/>
      <c r="KBS728" s="424"/>
      <c r="KBT728" s="424"/>
      <c r="KBU728" s="423" t="s">
        <v>2795</v>
      </c>
      <c r="KBV728" s="424"/>
      <c r="KBW728" s="424"/>
      <c r="KBX728" s="424"/>
      <c r="KBY728" s="423" t="s">
        <v>2795</v>
      </c>
      <c r="KBZ728" s="424"/>
      <c r="KCA728" s="424"/>
      <c r="KCB728" s="424"/>
      <c r="KCC728" s="423" t="s">
        <v>2795</v>
      </c>
      <c r="KCD728" s="424"/>
      <c r="KCE728" s="424"/>
      <c r="KCF728" s="424"/>
      <c r="KCG728" s="423" t="s">
        <v>2795</v>
      </c>
      <c r="KCH728" s="424"/>
      <c r="KCI728" s="424"/>
      <c r="KCJ728" s="424"/>
      <c r="KCK728" s="423" t="s">
        <v>2795</v>
      </c>
      <c r="KCL728" s="424"/>
      <c r="KCM728" s="424"/>
      <c r="KCN728" s="424"/>
      <c r="KCO728" s="423" t="s">
        <v>2795</v>
      </c>
      <c r="KCP728" s="424"/>
      <c r="KCQ728" s="424"/>
      <c r="KCR728" s="424"/>
      <c r="KCS728" s="423" t="s">
        <v>2795</v>
      </c>
      <c r="KCT728" s="424"/>
      <c r="KCU728" s="424"/>
      <c r="KCV728" s="424"/>
      <c r="KCW728" s="423" t="s">
        <v>2795</v>
      </c>
      <c r="KCX728" s="424"/>
      <c r="KCY728" s="424"/>
      <c r="KCZ728" s="424"/>
      <c r="KDA728" s="423" t="s">
        <v>2795</v>
      </c>
      <c r="KDB728" s="424"/>
      <c r="KDC728" s="424"/>
      <c r="KDD728" s="424"/>
      <c r="KDE728" s="423" t="s">
        <v>2795</v>
      </c>
      <c r="KDF728" s="424"/>
      <c r="KDG728" s="424"/>
      <c r="KDH728" s="424"/>
      <c r="KDI728" s="423" t="s">
        <v>2795</v>
      </c>
      <c r="KDJ728" s="424"/>
      <c r="KDK728" s="424"/>
      <c r="KDL728" s="424"/>
      <c r="KDM728" s="423" t="s">
        <v>2795</v>
      </c>
      <c r="KDN728" s="424"/>
      <c r="KDO728" s="424"/>
      <c r="KDP728" s="424"/>
      <c r="KDQ728" s="423" t="s">
        <v>2795</v>
      </c>
      <c r="KDR728" s="424"/>
      <c r="KDS728" s="424"/>
      <c r="KDT728" s="424"/>
      <c r="KDU728" s="423" t="s">
        <v>2795</v>
      </c>
      <c r="KDV728" s="424"/>
      <c r="KDW728" s="424"/>
      <c r="KDX728" s="424"/>
      <c r="KDY728" s="423" t="s">
        <v>2795</v>
      </c>
      <c r="KDZ728" s="424"/>
      <c r="KEA728" s="424"/>
      <c r="KEB728" s="424"/>
      <c r="KEC728" s="423" t="s">
        <v>2795</v>
      </c>
      <c r="KED728" s="424"/>
      <c r="KEE728" s="424"/>
      <c r="KEF728" s="424"/>
      <c r="KEG728" s="423" t="s">
        <v>2795</v>
      </c>
      <c r="KEH728" s="424"/>
      <c r="KEI728" s="424"/>
      <c r="KEJ728" s="424"/>
      <c r="KEK728" s="423" t="s">
        <v>2795</v>
      </c>
      <c r="KEL728" s="424"/>
      <c r="KEM728" s="424"/>
      <c r="KEN728" s="424"/>
      <c r="KEO728" s="423" t="s">
        <v>2795</v>
      </c>
      <c r="KEP728" s="424"/>
      <c r="KEQ728" s="424"/>
      <c r="KER728" s="424"/>
      <c r="KES728" s="423" t="s">
        <v>2795</v>
      </c>
      <c r="KET728" s="424"/>
      <c r="KEU728" s="424"/>
      <c r="KEV728" s="424"/>
      <c r="KEW728" s="423" t="s">
        <v>2795</v>
      </c>
      <c r="KEX728" s="424"/>
      <c r="KEY728" s="424"/>
      <c r="KEZ728" s="424"/>
      <c r="KFA728" s="423" t="s">
        <v>2795</v>
      </c>
      <c r="KFB728" s="424"/>
      <c r="KFC728" s="424"/>
      <c r="KFD728" s="424"/>
      <c r="KFE728" s="423" t="s">
        <v>2795</v>
      </c>
      <c r="KFF728" s="424"/>
      <c r="KFG728" s="424"/>
      <c r="KFH728" s="424"/>
      <c r="KFI728" s="423" t="s">
        <v>2795</v>
      </c>
      <c r="KFJ728" s="424"/>
      <c r="KFK728" s="424"/>
      <c r="KFL728" s="424"/>
      <c r="KFM728" s="423" t="s">
        <v>2795</v>
      </c>
      <c r="KFN728" s="424"/>
      <c r="KFO728" s="424"/>
      <c r="KFP728" s="424"/>
      <c r="KFQ728" s="423" t="s">
        <v>2795</v>
      </c>
      <c r="KFR728" s="424"/>
      <c r="KFS728" s="424"/>
      <c r="KFT728" s="424"/>
      <c r="KFU728" s="423" t="s">
        <v>2795</v>
      </c>
      <c r="KFV728" s="424"/>
      <c r="KFW728" s="424"/>
      <c r="KFX728" s="424"/>
      <c r="KFY728" s="423" t="s">
        <v>2795</v>
      </c>
      <c r="KFZ728" s="424"/>
      <c r="KGA728" s="424"/>
      <c r="KGB728" s="424"/>
      <c r="KGC728" s="423" t="s">
        <v>2795</v>
      </c>
      <c r="KGD728" s="424"/>
      <c r="KGE728" s="424"/>
      <c r="KGF728" s="424"/>
      <c r="KGG728" s="423" t="s">
        <v>2795</v>
      </c>
      <c r="KGH728" s="424"/>
      <c r="KGI728" s="424"/>
      <c r="KGJ728" s="424"/>
      <c r="KGK728" s="423" t="s">
        <v>2795</v>
      </c>
      <c r="KGL728" s="424"/>
      <c r="KGM728" s="424"/>
      <c r="KGN728" s="424"/>
      <c r="KGO728" s="423" t="s">
        <v>2795</v>
      </c>
      <c r="KGP728" s="424"/>
      <c r="KGQ728" s="424"/>
      <c r="KGR728" s="424"/>
      <c r="KGS728" s="423" t="s">
        <v>2795</v>
      </c>
      <c r="KGT728" s="424"/>
      <c r="KGU728" s="424"/>
      <c r="KGV728" s="424"/>
      <c r="KGW728" s="423" t="s">
        <v>2795</v>
      </c>
      <c r="KGX728" s="424"/>
      <c r="KGY728" s="424"/>
      <c r="KGZ728" s="424"/>
      <c r="KHA728" s="423" t="s">
        <v>2795</v>
      </c>
      <c r="KHB728" s="424"/>
      <c r="KHC728" s="424"/>
      <c r="KHD728" s="424"/>
      <c r="KHE728" s="423" t="s">
        <v>2795</v>
      </c>
      <c r="KHF728" s="424"/>
      <c r="KHG728" s="424"/>
      <c r="KHH728" s="424"/>
      <c r="KHI728" s="423" t="s">
        <v>2795</v>
      </c>
      <c r="KHJ728" s="424"/>
      <c r="KHK728" s="424"/>
      <c r="KHL728" s="424"/>
      <c r="KHM728" s="423" t="s">
        <v>2795</v>
      </c>
      <c r="KHN728" s="424"/>
      <c r="KHO728" s="424"/>
      <c r="KHP728" s="424"/>
      <c r="KHQ728" s="423" t="s">
        <v>2795</v>
      </c>
      <c r="KHR728" s="424"/>
      <c r="KHS728" s="424"/>
      <c r="KHT728" s="424"/>
      <c r="KHU728" s="423" t="s">
        <v>2795</v>
      </c>
      <c r="KHV728" s="424"/>
      <c r="KHW728" s="424"/>
      <c r="KHX728" s="424"/>
      <c r="KHY728" s="423" t="s">
        <v>2795</v>
      </c>
      <c r="KHZ728" s="424"/>
      <c r="KIA728" s="424"/>
      <c r="KIB728" s="424"/>
      <c r="KIC728" s="423" t="s">
        <v>2795</v>
      </c>
      <c r="KID728" s="424"/>
      <c r="KIE728" s="424"/>
      <c r="KIF728" s="424"/>
      <c r="KIG728" s="423" t="s">
        <v>2795</v>
      </c>
      <c r="KIH728" s="424"/>
      <c r="KII728" s="424"/>
      <c r="KIJ728" s="424"/>
      <c r="KIK728" s="423" t="s">
        <v>2795</v>
      </c>
      <c r="KIL728" s="424"/>
      <c r="KIM728" s="424"/>
      <c r="KIN728" s="424"/>
      <c r="KIO728" s="423" t="s">
        <v>2795</v>
      </c>
      <c r="KIP728" s="424"/>
      <c r="KIQ728" s="424"/>
      <c r="KIR728" s="424"/>
      <c r="KIS728" s="423" t="s">
        <v>2795</v>
      </c>
      <c r="KIT728" s="424"/>
      <c r="KIU728" s="424"/>
      <c r="KIV728" s="424"/>
      <c r="KIW728" s="423" t="s">
        <v>2795</v>
      </c>
      <c r="KIX728" s="424"/>
      <c r="KIY728" s="424"/>
      <c r="KIZ728" s="424"/>
      <c r="KJA728" s="423" t="s">
        <v>2795</v>
      </c>
      <c r="KJB728" s="424"/>
      <c r="KJC728" s="424"/>
      <c r="KJD728" s="424"/>
      <c r="KJE728" s="423" t="s">
        <v>2795</v>
      </c>
      <c r="KJF728" s="424"/>
      <c r="KJG728" s="424"/>
      <c r="KJH728" s="424"/>
      <c r="KJI728" s="423" t="s">
        <v>2795</v>
      </c>
      <c r="KJJ728" s="424"/>
      <c r="KJK728" s="424"/>
      <c r="KJL728" s="424"/>
      <c r="KJM728" s="423" t="s">
        <v>2795</v>
      </c>
      <c r="KJN728" s="424"/>
      <c r="KJO728" s="424"/>
      <c r="KJP728" s="424"/>
      <c r="KJQ728" s="423" t="s">
        <v>2795</v>
      </c>
      <c r="KJR728" s="424"/>
      <c r="KJS728" s="424"/>
      <c r="KJT728" s="424"/>
      <c r="KJU728" s="423" t="s">
        <v>2795</v>
      </c>
      <c r="KJV728" s="424"/>
      <c r="KJW728" s="424"/>
      <c r="KJX728" s="424"/>
      <c r="KJY728" s="423" t="s">
        <v>2795</v>
      </c>
      <c r="KJZ728" s="424"/>
      <c r="KKA728" s="424"/>
      <c r="KKB728" s="424"/>
      <c r="KKC728" s="423" t="s">
        <v>2795</v>
      </c>
      <c r="KKD728" s="424"/>
      <c r="KKE728" s="424"/>
      <c r="KKF728" s="424"/>
      <c r="KKG728" s="423" t="s">
        <v>2795</v>
      </c>
      <c r="KKH728" s="424"/>
      <c r="KKI728" s="424"/>
      <c r="KKJ728" s="424"/>
      <c r="KKK728" s="423" t="s">
        <v>2795</v>
      </c>
      <c r="KKL728" s="424"/>
      <c r="KKM728" s="424"/>
      <c r="KKN728" s="424"/>
      <c r="KKO728" s="423" t="s">
        <v>2795</v>
      </c>
      <c r="KKP728" s="424"/>
      <c r="KKQ728" s="424"/>
      <c r="KKR728" s="424"/>
      <c r="KKS728" s="423" t="s">
        <v>2795</v>
      </c>
      <c r="KKT728" s="424"/>
      <c r="KKU728" s="424"/>
      <c r="KKV728" s="424"/>
      <c r="KKW728" s="423" t="s">
        <v>2795</v>
      </c>
      <c r="KKX728" s="424"/>
      <c r="KKY728" s="424"/>
      <c r="KKZ728" s="424"/>
      <c r="KLA728" s="423" t="s">
        <v>2795</v>
      </c>
      <c r="KLB728" s="424"/>
      <c r="KLC728" s="424"/>
      <c r="KLD728" s="424"/>
      <c r="KLE728" s="423" t="s">
        <v>2795</v>
      </c>
      <c r="KLF728" s="424"/>
      <c r="KLG728" s="424"/>
      <c r="KLH728" s="424"/>
      <c r="KLI728" s="423" t="s">
        <v>2795</v>
      </c>
      <c r="KLJ728" s="424"/>
      <c r="KLK728" s="424"/>
      <c r="KLL728" s="424"/>
      <c r="KLM728" s="423" t="s">
        <v>2795</v>
      </c>
      <c r="KLN728" s="424"/>
      <c r="KLO728" s="424"/>
      <c r="KLP728" s="424"/>
      <c r="KLQ728" s="423" t="s">
        <v>2795</v>
      </c>
      <c r="KLR728" s="424"/>
      <c r="KLS728" s="424"/>
      <c r="KLT728" s="424"/>
      <c r="KLU728" s="423" t="s">
        <v>2795</v>
      </c>
      <c r="KLV728" s="424"/>
      <c r="KLW728" s="424"/>
      <c r="KLX728" s="424"/>
      <c r="KLY728" s="423" t="s">
        <v>2795</v>
      </c>
      <c r="KLZ728" s="424"/>
      <c r="KMA728" s="424"/>
      <c r="KMB728" s="424"/>
      <c r="KMC728" s="423" t="s">
        <v>2795</v>
      </c>
      <c r="KMD728" s="424"/>
      <c r="KME728" s="424"/>
      <c r="KMF728" s="424"/>
      <c r="KMG728" s="423" t="s">
        <v>2795</v>
      </c>
      <c r="KMH728" s="424"/>
      <c r="KMI728" s="424"/>
      <c r="KMJ728" s="424"/>
      <c r="KMK728" s="423" t="s">
        <v>2795</v>
      </c>
      <c r="KML728" s="424"/>
      <c r="KMM728" s="424"/>
      <c r="KMN728" s="424"/>
      <c r="KMO728" s="423" t="s">
        <v>2795</v>
      </c>
      <c r="KMP728" s="424"/>
      <c r="KMQ728" s="424"/>
      <c r="KMR728" s="424"/>
      <c r="KMS728" s="423" t="s">
        <v>2795</v>
      </c>
      <c r="KMT728" s="424"/>
      <c r="KMU728" s="424"/>
      <c r="KMV728" s="424"/>
      <c r="KMW728" s="423" t="s">
        <v>2795</v>
      </c>
      <c r="KMX728" s="424"/>
      <c r="KMY728" s="424"/>
      <c r="KMZ728" s="424"/>
      <c r="KNA728" s="423" t="s">
        <v>2795</v>
      </c>
      <c r="KNB728" s="424"/>
      <c r="KNC728" s="424"/>
      <c r="KND728" s="424"/>
      <c r="KNE728" s="423" t="s">
        <v>2795</v>
      </c>
      <c r="KNF728" s="424"/>
      <c r="KNG728" s="424"/>
      <c r="KNH728" s="424"/>
      <c r="KNI728" s="423" t="s">
        <v>2795</v>
      </c>
      <c r="KNJ728" s="424"/>
      <c r="KNK728" s="424"/>
      <c r="KNL728" s="424"/>
      <c r="KNM728" s="423" t="s">
        <v>2795</v>
      </c>
      <c r="KNN728" s="424"/>
      <c r="KNO728" s="424"/>
      <c r="KNP728" s="424"/>
      <c r="KNQ728" s="423" t="s">
        <v>2795</v>
      </c>
      <c r="KNR728" s="424"/>
      <c r="KNS728" s="424"/>
      <c r="KNT728" s="424"/>
      <c r="KNU728" s="423" t="s">
        <v>2795</v>
      </c>
      <c r="KNV728" s="424"/>
      <c r="KNW728" s="424"/>
      <c r="KNX728" s="424"/>
      <c r="KNY728" s="423" t="s">
        <v>2795</v>
      </c>
      <c r="KNZ728" s="424"/>
      <c r="KOA728" s="424"/>
      <c r="KOB728" s="424"/>
      <c r="KOC728" s="423" t="s">
        <v>2795</v>
      </c>
      <c r="KOD728" s="424"/>
      <c r="KOE728" s="424"/>
      <c r="KOF728" s="424"/>
      <c r="KOG728" s="423" t="s">
        <v>2795</v>
      </c>
      <c r="KOH728" s="424"/>
      <c r="KOI728" s="424"/>
      <c r="KOJ728" s="424"/>
      <c r="KOK728" s="423" t="s">
        <v>2795</v>
      </c>
      <c r="KOL728" s="424"/>
      <c r="KOM728" s="424"/>
      <c r="KON728" s="424"/>
      <c r="KOO728" s="423" t="s">
        <v>2795</v>
      </c>
      <c r="KOP728" s="424"/>
      <c r="KOQ728" s="424"/>
      <c r="KOR728" s="424"/>
      <c r="KOS728" s="423" t="s">
        <v>2795</v>
      </c>
      <c r="KOT728" s="424"/>
      <c r="KOU728" s="424"/>
      <c r="KOV728" s="424"/>
      <c r="KOW728" s="423" t="s">
        <v>2795</v>
      </c>
      <c r="KOX728" s="424"/>
      <c r="KOY728" s="424"/>
      <c r="KOZ728" s="424"/>
      <c r="KPA728" s="423" t="s">
        <v>2795</v>
      </c>
      <c r="KPB728" s="424"/>
      <c r="KPC728" s="424"/>
      <c r="KPD728" s="424"/>
      <c r="KPE728" s="423" t="s">
        <v>2795</v>
      </c>
      <c r="KPF728" s="424"/>
      <c r="KPG728" s="424"/>
      <c r="KPH728" s="424"/>
      <c r="KPI728" s="423" t="s">
        <v>2795</v>
      </c>
      <c r="KPJ728" s="424"/>
      <c r="KPK728" s="424"/>
      <c r="KPL728" s="424"/>
      <c r="KPM728" s="423" t="s">
        <v>2795</v>
      </c>
      <c r="KPN728" s="424"/>
      <c r="KPO728" s="424"/>
      <c r="KPP728" s="424"/>
      <c r="KPQ728" s="423" t="s">
        <v>2795</v>
      </c>
      <c r="KPR728" s="424"/>
      <c r="KPS728" s="424"/>
      <c r="KPT728" s="424"/>
      <c r="KPU728" s="423" t="s">
        <v>2795</v>
      </c>
      <c r="KPV728" s="424"/>
      <c r="KPW728" s="424"/>
      <c r="KPX728" s="424"/>
      <c r="KPY728" s="423" t="s">
        <v>2795</v>
      </c>
      <c r="KPZ728" s="424"/>
      <c r="KQA728" s="424"/>
      <c r="KQB728" s="424"/>
      <c r="KQC728" s="423" t="s">
        <v>2795</v>
      </c>
      <c r="KQD728" s="424"/>
      <c r="KQE728" s="424"/>
      <c r="KQF728" s="424"/>
      <c r="KQG728" s="423" t="s">
        <v>2795</v>
      </c>
      <c r="KQH728" s="424"/>
      <c r="KQI728" s="424"/>
      <c r="KQJ728" s="424"/>
      <c r="KQK728" s="423" t="s">
        <v>2795</v>
      </c>
      <c r="KQL728" s="424"/>
      <c r="KQM728" s="424"/>
      <c r="KQN728" s="424"/>
      <c r="KQO728" s="423" t="s">
        <v>2795</v>
      </c>
      <c r="KQP728" s="424"/>
      <c r="KQQ728" s="424"/>
      <c r="KQR728" s="424"/>
      <c r="KQS728" s="423" t="s">
        <v>2795</v>
      </c>
      <c r="KQT728" s="424"/>
      <c r="KQU728" s="424"/>
      <c r="KQV728" s="424"/>
      <c r="KQW728" s="423" t="s">
        <v>2795</v>
      </c>
      <c r="KQX728" s="424"/>
      <c r="KQY728" s="424"/>
      <c r="KQZ728" s="424"/>
      <c r="KRA728" s="423" t="s">
        <v>2795</v>
      </c>
      <c r="KRB728" s="424"/>
      <c r="KRC728" s="424"/>
      <c r="KRD728" s="424"/>
      <c r="KRE728" s="423" t="s">
        <v>2795</v>
      </c>
      <c r="KRF728" s="424"/>
      <c r="KRG728" s="424"/>
      <c r="KRH728" s="424"/>
      <c r="KRI728" s="423" t="s">
        <v>2795</v>
      </c>
      <c r="KRJ728" s="424"/>
      <c r="KRK728" s="424"/>
      <c r="KRL728" s="424"/>
      <c r="KRM728" s="423" t="s">
        <v>2795</v>
      </c>
      <c r="KRN728" s="424"/>
      <c r="KRO728" s="424"/>
      <c r="KRP728" s="424"/>
      <c r="KRQ728" s="423" t="s">
        <v>2795</v>
      </c>
      <c r="KRR728" s="424"/>
      <c r="KRS728" s="424"/>
      <c r="KRT728" s="424"/>
      <c r="KRU728" s="423" t="s">
        <v>2795</v>
      </c>
      <c r="KRV728" s="424"/>
      <c r="KRW728" s="424"/>
      <c r="KRX728" s="424"/>
      <c r="KRY728" s="423" t="s">
        <v>2795</v>
      </c>
      <c r="KRZ728" s="424"/>
      <c r="KSA728" s="424"/>
      <c r="KSB728" s="424"/>
      <c r="KSC728" s="423" t="s">
        <v>2795</v>
      </c>
      <c r="KSD728" s="424"/>
      <c r="KSE728" s="424"/>
      <c r="KSF728" s="424"/>
      <c r="KSG728" s="423" t="s">
        <v>2795</v>
      </c>
      <c r="KSH728" s="424"/>
      <c r="KSI728" s="424"/>
      <c r="KSJ728" s="424"/>
      <c r="KSK728" s="423" t="s">
        <v>2795</v>
      </c>
      <c r="KSL728" s="424"/>
      <c r="KSM728" s="424"/>
      <c r="KSN728" s="424"/>
      <c r="KSO728" s="423" t="s">
        <v>2795</v>
      </c>
      <c r="KSP728" s="424"/>
      <c r="KSQ728" s="424"/>
      <c r="KSR728" s="424"/>
      <c r="KSS728" s="423" t="s">
        <v>2795</v>
      </c>
      <c r="KST728" s="424"/>
      <c r="KSU728" s="424"/>
      <c r="KSV728" s="424"/>
      <c r="KSW728" s="423" t="s">
        <v>2795</v>
      </c>
      <c r="KSX728" s="424"/>
      <c r="KSY728" s="424"/>
      <c r="KSZ728" s="424"/>
      <c r="KTA728" s="423" t="s">
        <v>2795</v>
      </c>
      <c r="KTB728" s="424"/>
      <c r="KTC728" s="424"/>
      <c r="KTD728" s="424"/>
      <c r="KTE728" s="423" t="s">
        <v>2795</v>
      </c>
      <c r="KTF728" s="424"/>
      <c r="KTG728" s="424"/>
      <c r="KTH728" s="424"/>
      <c r="KTI728" s="423" t="s">
        <v>2795</v>
      </c>
      <c r="KTJ728" s="424"/>
      <c r="KTK728" s="424"/>
      <c r="KTL728" s="424"/>
      <c r="KTM728" s="423" t="s">
        <v>2795</v>
      </c>
      <c r="KTN728" s="424"/>
      <c r="KTO728" s="424"/>
      <c r="KTP728" s="424"/>
      <c r="KTQ728" s="423" t="s">
        <v>2795</v>
      </c>
      <c r="KTR728" s="424"/>
      <c r="KTS728" s="424"/>
      <c r="KTT728" s="424"/>
      <c r="KTU728" s="423" t="s">
        <v>2795</v>
      </c>
      <c r="KTV728" s="424"/>
      <c r="KTW728" s="424"/>
      <c r="KTX728" s="424"/>
      <c r="KTY728" s="423" t="s">
        <v>2795</v>
      </c>
      <c r="KTZ728" s="424"/>
      <c r="KUA728" s="424"/>
      <c r="KUB728" s="424"/>
      <c r="KUC728" s="423" t="s">
        <v>2795</v>
      </c>
      <c r="KUD728" s="424"/>
      <c r="KUE728" s="424"/>
      <c r="KUF728" s="424"/>
      <c r="KUG728" s="423" t="s">
        <v>2795</v>
      </c>
      <c r="KUH728" s="424"/>
      <c r="KUI728" s="424"/>
      <c r="KUJ728" s="424"/>
      <c r="KUK728" s="423" t="s">
        <v>2795</v>
      </c>
      <c r="KUL728" s="424"/>
      <c r="KUM728" s="424"/>
      <c r="KUN728" s="424"/>
      <c r="KUO728" s="423" t="s">
        <v>2795</v>
      </c>
      <c r="KUP728" s="424"/>
      <c r="KUQ728" s="424"/>
      <c r="KUR728" s="424"/>
      <c r="KUS728" s="423" t="s">
        <v>2795</v>
      </c>
      <c r="KUT728" s="424"/>
      <c r="KUU728" s="424"/>
      <c r="KUV728" s="424"/>
      <c r="KUW728" s="423" t="s">
        <v>2795</v>
      </c>
      <c r="KUX728" s="424"/>
      <c r="KUY728" s="424"/>
      <c r="KUZ728" s="424"/>
      <c r="KVA728" s="423" t="s">
        <v>2795</v>
      </c>
      <c r="KVB728" s="424"/>
      <c r="KVC728" s="424"/>
      <c r="KVD728" s="424"/>
      <c r="KVE728" s="423" t="s">
        <v>2795</v>
      </c>
      <c r="KVF728" s="424"/>
      <c r="KVG728" s="424"/>
      <c r="KVH728" s="424"/>
      <c r="KVI728" s="423" t="s">
        <v>2795</v>
      </c>
      <c r="KVJ728" s="424"/>
      <c r="KVK728" s="424"/>
      <c r="KVL728" s="424"/>
      <c r="KVM728" s="423" t="s">
        <v>2795</v>
      </c>
      <c r="KVN728" s="424"/>
      <c r="KVO728" s="424"/>
      <c r="KVP728" s="424"/>
      <c r="KVQ728" s="423" t="s">
        <v>2795</v>
      </c>
      <c r="KVR728" s="424"/>
      <c r="KVS728" s="424"/>
      <c r="KVT728" s="424"/>
      <c r="KVU728" s="423" t="s">
        <v>2795</v>
      </c>
      <c r="KVV728" s="424"/>
      <c r="KVW728" s="424"/>
      <c r="KVX728" s="424"/>
      <c r="KVY728" s="423" t="s">
        <v>2795</v>
      </c>
      <c r="KVZ728" s="424"/>
      <c r="KWA728" s="424"/>
      <c r="KWB728" s="424"/>
      <c r="KWC728" s="423" t="s">
        <v>2795</v>
      </c>
      <c r="KWD728" s="424"/>
      <c r="KWE728" s="424"/>
      <c r="KWF728" s="424"/>
      <c r="KWG728" s="423" t="s">
        <v>2795</v>
      </c>
      <c r="KWH728" s="424"/>
      <c r="KWI728" s="424"/>
      <c r="KWJ728" s="424"/>
      <c r="KWK728" s="423" t="s">
        <v>2795</v>
      </c>
      <c r="KWL728" s="424"/>
      <c r="KWM728" s="424"/>
      <c r="KWN728" s="424"/>
      <c r="KWO728" s="423" t="s">
        <v>2795</v>
      </c>
      <c r="KWP728" s="424"/>
      <c r="KWQ728" s="424"/>
      <c r="KWR728" s="424"/>
      <c r="KWS728" s="423" t="s">
        <v>2795</v>
      </c>
      <c r="KWT728" s="424"/>
      <c r="KWU728" s="424"/>
      <c r="KWV728" s="424"/>
      <c r="KWW728" s="423" t="s">
        <v>2795</v>
      </c>
      <c r="KWX728" s="424"/>
      <c r="KWY728" s="424"/>
      <c r="KWZ728" s="424"/>
      <c r="KXA728" s="423" t="s">
        <v>2795</v>
      </c>
      <c r="KXB728" s="424"/>
      <c r="KXC728" s="424"/>
      <c r="KXD728" s="424"/>
      <c r="KXE728" s="423" t="s">
        <v>2795</v>
      </c>
      <c r="KXF728" s="424"/>
      <c r="KXG728" s="424"/>
      <c r="KXH728" s="424"/>
      <c r="KXI728" s="423" t="s">
        <v>2795</v>
      </c>
      <c r="KXJ728" s="424"/>
      <c r="KXK728" s="424"/>
      <c r="KXL728" s="424"/>
      <c r="KXM728" s="423" t="s">
        <v>2795</v>
      </c>
      <c r="KXN728" s="424"/>
      <c r="KXO728" s="424"/>
      <c r="KXP728" s="424"/>
      <c r="KXQ728" s="423" t="s">
        <v>2795</v>
      </c>
      <c r="KXR728" s="424"/>
      <c r="KXS728" s="424"/>
      <c r="KXT728" s="424"/>
      <c r="KXU728" s="423" t="s">
        <v>2795</v>
      </c>
      <c r="KXV728" s="424"/>
      <c r="KXW728" s="424"/>
      <c r="KXX728" s="424"/>
      <c r="KXY728" s="423" t="s">
        <v>2795</v>
      </c>
      <c r="KXZ728" s="424"/>
      <c r="KYA728" s="424"/>
      <c r="KYB728" s="424"/>
      <c r="KYC728" s="423" t="s">
        <v>2795</v>
      </c>
      <c r="KYD728" s="424"/>
      <c r="KYE728" s="424"/>
      <c r="KYF728" s="424"/>
      <c r="KYG728" s="423" t="s">
        <v>2795</v>
      </c>
      <c r="KYH728" s="424"/>
      <c r="KYI728" s="424"/>
      <c r="KYJ728" s="424"/>
      <c r="KYK728" s="423" t="s">
        <v>2795</v>
      </c>
      <c r="KYL728" s="424"/>
      <c r="KYM728" s="424"/>
      <c r="KYN728" s="424"/>
      <c r="KYO728" s="423" t="s">
        <v>2795</v>
      </c>
      <c r="KYP728" s="424"/>
      <c r="KYQ728" s="424"/>
      <c r="KYR728" s="424"/>
      <c r="KYS728" s="423" t="s">
        <v>2795</v>
      </c>
      <c r="KYT728" s="424"/>
      <c r="KYU728" s="424"/>
      <c r="KYV728" s="424"/>
      <c r="KYW728" s="423" t="s">
        <v>2795</v>
      </c>
      <c r="KYX728" s="424"/>
      <c r="KYY728" s="424"/>
      <c r="KYZ728" s="424"/>
      <c r="KZA728" s="423" t="s">
        <v>2795</v>
      </c>
      <c r="KZB728" s="424"/>
      <c r="KZC728" s="424"/>
      <c r="KZD728" s="424"/>
      <c r="KZE728" s="423" t="s">
        <v>2795</v>
      </c>
      <c r="KZF728" s="424"/>
      <c r="KZG728" s="424"/>
      <c r="KZH728" s="424"/>
      <c r="KZI728" s="423" t="s">
        <v>2795</v>
      </c>
      <c r="KZJ728" s="424"/>
      <c r="KZK728" s="424"/>
      <c r="KZL728" s="424"/>
      <c r="KZM728" s="423" t="s">
        <v>2795</v>
      </c>
      <c r="KZN728" s="424"/>
      <c r="KZO728" s="424"/>
      <c r="KZP728" s="424"/>
      <c r="KZQ728" s="423" t="s">
        <v>2795</v>
      </c>
      <c r="KZR728" s="424"/>
      <c r="KZS728" s="424"/>
      <c r="KZT728" s="424"/>
      <c r="KZU728" s="423" t="s">
        <v>2795</v>
      </c>
      <c r="KZV728" s="424"/>
      <c r="KZW728" s="424"/>
      <c r="KZX728" s="424"/>
      <c r="KZY728" s="423" t="s">
        <v>2795</v>
      </c>
      <c r="KZZ728" s="424"/>
      <c r="LAA728" s="424"/>
      <c r="LAB728" s="424"/>
      <c r="LAC728" s="423" t="s">
        <v>2795</v>
      </c>
      <c r="LAD728" s="424"/>
      <c r="LAE728" s="424"/>
      <c r="LAF728" s="424"/>
      <c r="LAG728" s="423" t="s">
        <v>2795</v>
      </c>
      <c r="LAH728" s="424"/>
      <c r="LAI728" s="424"/>
      <c r="LAJ728" s="424"/>
      <c r="LAK728" s="423" t="s">
        <v>2795</v>
      </c>
      <c r="LAL728" s="424"/>
      <c r="LAM728" s="424"/>
      <c r="LAN728" s="424"/>
      <c r="LAO728" s="423" t="s">
        <v>2795</v>
      </c>
      <c r="LAP728" s="424"/>
      <c r="LAQ728" s="424"/>
      <c r="LAR728" s="424"/>
      <c r="LAS728" s="423" t="s">
        <v>2795</v>
      </c>
      <c r="LAT728" s="424"/>
      <c r="LAU728" s="424"/>
      <c r="LAV728" s="424"/>
      <c r="LAW728" s="423" t="s">
        <v>2795</v>
      </c>
      <c r="LAX728" s="424"/>
      <c r="LAY728" s="424"/>
      <c r="LAZ728" s="424"/>
      <c r="LBA728" s="423" t="s">
        <v>2795</v>
      </c>
      <c r="LBB728" s="424"/>
      <c r="LBC728" s="424"/>
      <c r="LBD728" s="424"/>
      <c r="LBE728" s="423" t="s">
        <v>2795</v>
      </c>
      <c r="LBF728" s="424"/>
      <c r="LBG728" s="424"/>
      <c r="LBH728" s="424"/>
      <c r="LBI728" s="423" t="s">
        <v>2795</v>
      </c>
      <c r="LBJ728" s="424"/>
      <c r="LBK728" s="424"/>
      <c r="LBL728" s="424"/>
      <c r="LBM728" s="423" t="s">
        <v>2795</v>
      </c>
      <c r="LBN728" s="424"/>
      <c r="LBO728" s="424"/>
      <c r="LBP728" s="424"/>
      <c r="LBQ728" s="423" t="s">
        <v>2795</v>
      </c>
      <c r="LBR728" s="424"/>
      <c r="LBS728" s="424"/>
      <c r="LBT728" s="424"/>
      <c r="LBU728" s="423" t="s">
        <v>2795</v>
      </c>
      <c r="LBV728" s="424"/>
      <c r="LBW728" s="424"/>
      <c r="LBX728" s="424"/>
      <c r="LBY728" s="423" t="s">
        <v>2795</v>
      </c>
      <c r="LBZ728" s="424"/>
      <c r="LCA728" s="424"/>
      <c r="LCB728" s="424"/>
      <c r="LCC728" s="423" t="s">
        <v>2795</v>
      </c>
      <c r="LCD728" s="424"/>
      <c r="LCE728" s="424"/>
      <c r="LCF728" s="424"/>
      <c r="LCG728" s="423" t="s">
        <v>2795</v>
      </c>
      <c r="LCH728" s="424"/>
      <c r="LCI728" s="424"/>
      <c r="LCJ728" s="424"/>
      <c r="LCK728" s="423" t="s">
        <v>2795</v>
      </c>
      <c r="LCL728" s="424"/>
      <c r="LCM728" s="424"/>
      <c r="LCN728" s="424"/>
      <c r="LCO728" s="423" t="s">
        <v>2795</v>
      </c>
      <c r="LCP728" s="424"/>
      <c r="LCQ728" s="424"/>
      <c r="LCR728" s="424"/>
      <c r="LCS728" s="423" t="s">
        <v>2795</v>
      </c>
      <c r="LCT728" s="424"/>
      <c r="LCU728" s="424"/>
      <c r="LCV728" s="424"/>
      <c r="LCW728" s="423" t="s">
        <v>2795</v>
      </c>
      <c r="LCX728" s="424"/>
      <c r="LCY728" s="424"/>
      <c r="LCZ728" s="424"/>
      <c r="LDA728" s="423" t="s">
        <v>2795</v>
      </c>
      <c r="LDB728" s="424"/>
      <c r="LDC728" s="424"/>
      <c r="LDD728" s="424"/>
      <c r="LDE728" s="423" t="s">
        <v>2795</v>
      </c>
      <c r="LDF728" s="424"/>
      <c r="LDG728" s="424"/>
      <c r="LDH728" s="424"/>
      <c r="LDI728" s="423" t="s">
        <v>2795</v>
      </c>
      <c r="LDJ728" s="424"/>
      <c r="LDK728" s="424"/>
      <c r="LDL728" s="424"/>
      <c r="LDM728" s="423" t="s">
        <v>2795</v>
      </c>
      <c r="LDN728" s="424"/>
      <c r="LDO728" s="424"/>
      <c r="LDP728" s="424"/>
      <c r="LDQ728" s="423" t="s">
        <v>2795</v>
      </c>
      <c r="LDR728" s="424"/>
      <c r="LDS728" s="424"/>
      <c r="LDT728" s="424"/>
      <c r="LDU728" s="423" t="s">
        <v>2795</v>
      </c>
      <c r="LDV728" s="424"/>
      <c r="LDW728" s="424"/>
      <c r="LDX728" s="424"/>
      <c r="LDY728" s="423" t="s">
        <v>2795</v>
      </c>
      <c r="LDZ728" s="424"/>
      <c r="LEA728" s="424"/>
      <c r="LEB728" s="424"/>
      <c r="LEC728" s="423" t="s">
        <v>2795</v>
      </c>
      <c r="LED728" s="424"/>
      <c r="LEE728" s="424"/>
      <c r="LEF728" s="424"/>
      <c r="LEG728" s="423" t="s">
        <v>2795</v>
      </c>
      <c r="LEH728" s="424"/>
      <c r="LEI728" s="424"/>
      <c r="LEJ728" s="424"/>
      <c r="LEK728" s="423" t="s">
        <v>2795</v>
      </c>
      <c r="LEL728" s="424"/>
      <c r="LEM728" s="424"/>
      <c r="LEN728" s="424"/>
      <c r="LEO728" s="423" t="s">
        <v>2795</v>
      </c>
      <c r="LEP728" s="424"/>
      <c r="LEQ728" s="424"/>
      <c r="LER728" s="424"/>
      <c r="LES728" s="423" t="s">
        <v>2795</v>
      </c>
      <c r="LET728" s="424"/>
      <c r="LEU728" s="424"/>
      <c r="LEV728" s="424"/>
      <c r="LEW728" s="423" t="s">
        <v>2795</v>
      </c>
      <c r="LEX728" s="424"/>
      <c r="LEY728" s="424"/>
      <c r="LEZ728" s="424"/>
      <c r="LFA728" s="423" t="s">
        <v>2795</v>
      </c>
      <c r="LFB728" s="424"/>
      <c r="LFC728" s="424"/>
      <c r="LFD728" s="424"/>
      <c r="LFE728" s="423" t="s">
        <v>2795</v>
      </c>
      <c r="LFF728" s="424"/>
      <c r="LFG728" s="424"/>
      <c r="LFH728" s="424"/>
      <c r="LFI728" s="423" t="s">
        <v>2795</v>
      </c>
      <c r="LFJ728" s="424"/>
      <c r="LFK728" s="424"/>
      <c r="LFL728" s="424"/>
      <c r="LFM728" s="423" t="s">
        <v>2795</v>
      </c>
      <c r="LFN728" s="424"/>
      <c r="LFO728" s="424"/>
      <c r="LFP728" s="424"/>
      <c r="LFQ728" s="423" t="s">
        <v>2795</v>
      </c>
      <c r="LFR728" s="424"/>
      <c r="LFS728" s="424"/>
      <c r="LFT728" s="424"/>
      <c r="LFU728" s="423" t="s">
        <v>2795</v>
      </c>
      <c r="LFV728" s="424"/>
      <c r="LFW728" s="424"/>
      <c r="LFX728" s="424"/>
      <c r="LFY728" s="423" t="s">
        <v>2795</v>
      </c>
      <c r="LFZ728" s="424"/>
      <c r="LGA728" s="424"/>
      <c r="LGB728" s="424"/>
      <c r="LGC728" s="423" t="s">
        <v>2795</v>
      </c>
      <c r="LGD728" s="424"/>
      <c r="LGE728" s="424"/>
      <c r="LGF728" s="424"/>
      <c r="LGG728" s="423" t="s">
        <v>2795</v>
      </c>
      <c r="LGH728" s="424"/>
      <c r="LGI728" s="424"/>
      <c r="LGJ728" s="424"/>
      <c r="LGK728" s="423" t="s">
        <v>2795</v>
      </c>
      <c r="LGL728" s="424"/>
      <c r="LGM728" s="424"/>
      <c r="LGN728" s="424"/>
      <c r="LGO728" s="423" t="s">
        <v>2795</v>
      </c>
      <c r="LGP728" s="424"/>
      <c r="LGQ728" s="424"/>
      <c r="LGR728" s="424"/>
      <c r="LGS728" s="423" t="s">
        <v>2795</v>
      </c>
      <c r="LGT728" s="424"/>
      <c r="LGU728" s="424"/>
      <c r="LGV728" s="424"/>
      <c r="LGW728" s="423" t="s">
        <v>2795</v>
      </c>
      <c r="LGX728" s="424"/>
      <c r="LGY728" s="424"/>
      <c r="LGZ728" s="424"/>
      <c r="LHA728" s="423" t="s">
        <v>2795</v>
      </c>
      <c r="LHB728" s="424"/>
      <c r="LHC728" s="424"/>
      <c r="LHD728" s="424"/>
      <c r="LHE728" s="423" t="s">
        <v>2795</v>
      </c>
      <c r="LHF728" s="424"/>
      <c r="LHG728" s="424"/>
      <c r="LHH728" s="424"/>
      <c r="LHI728" s="423" t="s">
        <v>2795</v>
      </c>
      <c r="LHJ728" s="424"/>
      <c r="LHK728" s="424"/>
      <c r="LHL728" s="424"/>
      <c r="LHM728" s="423" t="s">
        <v>2795</v>
      </c>
      <c r="LHN728" s="424"/>
      <c r="LHO728" s="424"/>
      <c r="LHP728" s="424"/>
      <c r="LHQ728" s="423" t="s">
        <v>2795</v>
      </c>
      <c r="LHR728" s="424"/>
      <c r="LHS728" s="424"/>
      <c r="LHT728" s="424"/>
      <c r="LHU728" s="423" t="s">
        <v>2795</v>
      </c>
      <c r="LHV728" s="424"/>
      <c r="LHW728" s="424"/>
      <c r="LHX728" s="424"/>
      <c r="LHY728" s="423" t="s">
        <v>2795</v>
      </c>
      <c r="LHZ728" s="424"/>
      <c r="LIA728" s="424"/>
      <c r="LIB728" s="424"/>
      <c r="LIC728" s="423" t="s">
        <v>2795</v>
      </c>
      <c r="LID728" s="424"/>
      <c r="LIE728" s="424"/>
      <c r="LIF728" s="424"/>
      <c r="LIG728" s="423" t="s">
        <v>2795</v>
      </c>
      <c r="LIH728" s="424"/>
      <c r="LII728" s="424"/>
      <c r="LIJ728" s="424"/>
      <c r="LIK728" s="423" t="s">
        <v>2795</v>
      </c>
      <c r="LIL728" s="424"/>
      <c r="LIM728" s="424"/>
      <c r="LIN728" s="424"/>
      <c r="LIO728" s="423" t="s">
        <v>2795</v>
      </c>
      <c r="LIP728" s="424"/>
      <c r="LIQ728" s="424"/>
      <c r="LIR728" s="424"/>
      <c r="LIS728" s="423" t="s">
        <v>2795</v>
      </c>
      <c r="LIT728" s="424"/>
      <c r="LIU728" s="424"/>
      <c r="LIV728" s="424"/>
      <c r="LIW728" s="423" t="s">
        <v>2795</v>
      </c>
      <c r="LIX728" s="424"/>
      <c r="LIY728" s="424"/>
      <c r="LIZ728" s="424"/>
      <c r="LJA728" s="423" t="s">
        <v>2795</v>
      </c>
      <c r="LJB728" s="424"/>
      <c r="LJC728" s="424"/>
      <c r="LJD728" s="424"/>
      <c r="LJE728" s="423" t="s">
        <v>2795</v>
      </c>
      <c r="LJF728" s="424"/>
      <c r="LJG728" s="424"/>
      <c r="LJH728" s="424"/>
      <c r="LJI728" s="423" t="s">
        <v>2795</v>
      </c>
      <c r="LJJ728" s="424"/>
      <c r="LJK728" s="424"/>
      <c r="LJL728" s="424"/>
      <c r="LJM728" s="423" t="s">
        <v>2795</v>
      </c>
      <c r="LJN728" s="424"/>
      <c r="LJO728" s="424"/>
      <c r="LJP728" s="424"/>
      <c r="LJQ728" s="423" t="s">
        <v>2795</v>
      </c>
      <c r="LJR728" s="424"/>
      <c r="LJS728" s="424"/>
      <c r="LJT728" s="424"/>
      <c r="LJU728" s="423" t="s">
        <v>2795</v>
      </c>
      <c r="LJV728" s="424"/>
      <c r="LJW728" s="424"/>
      <c r="LJX728" s="424"/>
      <c r="LJY728" s="423" t="s">
        <v>2795</v>
      </c>
      <c r="LJZ728" s="424"/>
      <c r="LKA728" s="424"/>
      <c r="LKB728" s="424"/>
      <c r="LKC728" s="423" t="s">
        <v>2795</v>
      </c>
      <c r="LKD728" s="424"/>
      <c r="LKE728" s="424"/>
      <c r="LKF728" s="424"/>
      <c r="LKG728" s="423" t="s">
        <v>2795</v>
      </c>
      <c r="LKH728" s="424"/>
      <c r="LKI728" s="424"/>
      <c r="LKJ728" s="424"/>
      <c r="LKK728" s="423" t="s">
        <v>2795</v>
      </c>
      <c r="LKL728" s="424"/>
      <c r="LKM728" s="424"/>
      <c r="LKN728" s="424"/>
      <c r="LKO728" s="423" t="s">
        <v>2795</v>
      </c>
      <c r="LKP728" s="424"/>
      <c r="LKQ728" s="424"/>
      <c r="LKR728" s="424"/>
      <c r="LKS728" s="423" t="s">
        <v>2795</v>
      </c>
      <c r="LKT728" s="424"/>
      <c r="LKU728" s="424"/>
      <c r="LKV728" s="424"/>
      <c r="LKW728" s="423" t="s">
        <v>2795</v>
      </c>
      <c r="LKX728" s="424"/>
      <c r="LKY728" s="424"/>
      <c r="LKZ728" s="424"/>
      <c r="LLA728" s="423" t="s">
        <v>2795</v>
      </c>
      <c r="LLB728" s="424"/>
      <c r="LLC728" s="424"/>
      <c r="LLD728" s="424"/>
      <c r="LLE728" s="423" t="s">
        <v>2795</v>
      </c>
      <c r="LLF728" s="424"/>
      <c r="LLG728" s="424"/>
      <c r="LLH728" s="424"/>
      <c r="LLI728" s="423" t="s">
        <v>2795</v>
      </c>
      <c r="LLJ728" s="424"/>
      <c r="LLK728" s="424"/>
      <c r="LLL728" s="424"/>
      <c r="LLM728" s="423" t="s">
        <v>2795</v>
      </c>
      <c r="LLN728" s="424"/>
      <c r="LLO728" s="424"/>
      <c r="LLP728" s="424"/>
      <c r="LLQ728" s="423" t="s">
        <v>2795</v>
      </c>
      <c r="LLR728" s="424"/>
      <c r="LLS728" s="424"/>
      <c r="LLT728" s="424"/>
      <c r="LLU728" s="423" t="s">
        <v>2795</v>
      </c>
      <c r="LLV728" s="424"/>
      <c r="LLW728" s="424"/>
      <c r="LLX728" s="424"/>
      <c r="LLY728" s="423" t="s">
        <v>2795</v>
      </c>
      <c r="LLZ728" s="424"/>
      <c r="LMA728" s="424"/>
      <c r="LMB728" s="424"/>
      <c r="LMC728" s="423" t="s">
        <v>2795</v>
      </c>
      <c r="LMD728" s="424"/>
      <c r="LME728" s="424"/>
      <c r="LMF728" s="424"/>
      <c r="LMG728" s="423" t="s">
        <v>2795</v>
      </c>
      <c r="LMH728" s="424"/>
      <c r="LMI728" s="424"/>
      <c r="LMJ728" s="424"/>
      <c r="LMK728" s="423" t="s">
        <v>2795</v>
      </c>
      <c r="LML728" s="424"/>
      <c r="LMM728" s="424"/>
      <c r="LMN728" s="424"/>
      <c r="LMO728" s="423" t="s">
        <v>2795</v>
      </c>
      <c r="LMP728" s="424"/>
      <c r="LMQ728" s="424"/>
      <c r="LMR728" s="424"/>
      <c r="LMS728" s="423" t="s">
        <v>2795</v>
      </c>
      <c r="LMT728" s="424"/>
      <c r="LMU728" s="424"/>
      <c r="LMV728" s="424"/>
      <c r="LMW728" s="423" t="s">
        <v>2795</v>
      </c>
      <c r="LMX728" s="424"/>
      <c r="LMY728" s="424"/>
      <c r="LMZ728" s="424"/>
      <c r="LNA728" s="423" t="s">
        <v>2795</v>
      </c>
      <c r="LNB728" s="424"/>
      <c r="LNC728" s="424"/>
      <c r="LND728" s="424"/>
      <c r="LNE728" s="423" t="s">
        <v>2795</v>
      </c>
      <c r="LNF728" s="424"/>
      <c r="LNG728" s="424"/>
      <c r="LNH728" s="424"/>
      <c r="LNI728" s="423" t="s">
        <v>2795</v>
      </c>
      <c r="LNJ728" s="424"/>
      <c r="LNK728" s="424"/>
      <c r="LNL728" s="424"/>
      <c r="LNM728" s="423" t="s">
        <v>2795</v>
      </c>
      <c r="LNN728" s="424"/>
      <c r="LNO728" s="424"/>
      <c r="LNP728" s="424"/>
      <c r="LNQ728" s="423" t="s">
        <v>2795</v>
      </c>
      <c r="LNR728" s="424"/>
      <c r="LNS728" s="424"/>
      <c r="LNT728" s="424"/>
      <c r="LNU728" s="423" t="s">
        <v>2795</v>
      </c>
      <c r="LNV728" s="424"/>
      <c r="LNW728" s="424"/>
      <c r="LNX728" s="424"/>
      <c r="LNY728" s="423" t="s">
        <v>2795</v>
      </c>
      <c r="LNZ728" s="424"/>
      <c r="LOA728" s="424"/>
      <c r="LOB728" s="424"/>
      <c r="LOC728" s="423" t="s">
        <v>2795</v>
      </c>
      <c r="LOD728" s="424"/>
      <c r="LOE728" s="424"/>
      <c r="LOF728" s="424"/>
      <c r="LOG728" s="423" t="s">
        <v>2795</v>
      </c>
      <c r="LOH728" s="424"/>
      <c r="LOI728" s="424"/>
      <c r="LOJ728" s="424"/>
      <c r="LOK728" s="423" t="s">
        <v>2795</v>
      </c>
      <c r="LOL728" s="424"/>
      <c r="LOM728" s="424"/>
      <c r="LON728" s="424"/>
      <c r="LOO728" s="423" t="s">
        <v>2795</v>
      </c>
      <c r="LOP728" s="424"/>
      <c r="LOQ728" s="424"/>
      <c r="LOR728" s="424"/>
      <c r="LOS728" s="423" t="s">
        <v>2795</v>
      </c>
      <c r="LOT728" s="424"/>
      <c r="LOU728" s="424"/>
      <c r="LOV728" s="424"/>
      <c r="LOW728" s="423" t="s">
        <v>2795</v>
      </c>
      <c r="LOX728" s="424"/>
      <c r="LOY728" s="424"/>
      <c r="LOZ728" s="424"/>
      <c r="LPA728" s="423" t="s">
        <v>2795</v>
      </c>
      <c r="LPB728" s="424"/>
      <c r="LPC728" s="424"/>
      <c r="LPD728" s="424"/>
      <c r="LPE728" s="423" t="s">
        <v>2795</v>
      </c>
      <c r="LPF728" s="424"/>
      <c r="LPG728" s="424"/>
      <c r="LPH728" s="424"/>
      <c r="LPI728" s="423" t="s">
        <v>2795</v>
      </c>
      <c r="LPJ728" s="424"/>
      <c r="LPK728" s="424"/>
      <c r="LPL728" s="424"/>
      <c r="LPM728" s="423" t="s">
        <v>2795</v>
      </c>
      <c r="LPN728" s="424"/>
      <c r="LPO728" s="424"/>
      <c r="LPP728" s="424"/>
      <c r="LPQ728" s="423" t="s">
        <v>2795</v>
      </c>
      <c r="LPR728" s="424"/>
      <c r="LPS728" s="424"/>
      <c r="LPT728" s="424"/>
      <c r="LPU728" s="423" t="s">
        <v>2795</v>
      </c>
      <c r="LPV728" s="424"/>
      <c r="LPW728" s="424"/>
      <c r="LPX728" s="424"/>
      <c r="LPY728" s="423" t="s">
        <v>2795</v>
      </c>
      <c r="LPZ728" s="424"/>
      <c r="LQA728" s="424"/>
      <c r="LQB728" s="424"/>
      <c r="LQC728" s="423" t="s">
        <v>2795</v>
      </c>
      <c r="LQD728" s="424"/>
      <c r="LQE728" s="424"/>
      <c r="LQF728" s="424"/>
      <c r="LQG728" s="423" t="s">
        <v>2795</v>
      </c>
      <c r="LQH728" s="424"/>
      <c r="LQI728" s="424"/>
      <c r="LQJ728" s="424"/>
      <c r="LQK728" s="423" t="s">
        <v>2795</v>
      </c>
      <c r="LQL728" s="424"/>
      <c r="LQM728" s="424"/>
      <c r="LQN728" s="424"/>
      <c r="LQO728" s="423" t="s">
        <v>2795</v>
      </c>
      <c r="LQP728" s="424"/>
      <c r="LQQ728" s="424"/>
      <c r="LQR728" s="424"/>
      <c r="LQS728" s="423" t="s">
        <v>2795</v>
      </c>
      <c r="LQT728" s="424"/>
      <c r="LQU728" s="424"/>
      <c r="LQV728" s="424"/>
      <c r="LQW728" s="423" t="s">
        <v>2795</v>
      </c>
      <c r="LQX728" s="424"/>
      <c r="LQY728" s="424"/>
      <c r="LQZ728" s="424"/>
      <c r="LRA728" s="423" t="s">
        <v>2795</v>
      </c>
      <c r="LRB728" s="424"/>
      <c r="LRC728" s="424"/>
      <c r="LRD728" s="424"/>
      <c r="LRE728" s="423" t="s">
        <v>2795</v>
      </c>
      <c r="LRF728" s="424"/>
      <c r="LRG728" s="424"/>
      <c r="LRH728" s="424"/>
      <c r="LRI728" s="423" t="s">
        <v>2795</v>
      </c>
      <c r="LRJ728" s="424"/>
      <c r="LRK728" s="424"/>
      <c r="LRL728" s="424"/>
      <c r="LRM728" s="423" t="s">
        <v>2795</v>
      </c>
      <c r="LRN728" s="424"/>
      <c r="LRO728" s="424"/>
      <c r="LRP728" s="424"/>
      <c r="LRQ728" s="423" t="s">
        <v>2795</v>
      </c>
      <c r="LRR728" s="424"/>
      <c r="LRS728" s="424"/>
      <c r="LRT728" s="424"/>
      <c r="LRU728" s="423" t="s">
        <v>2795</v>
      </c>
      <c r="LRV728" s="424"/>
      <c r="LRW728" s="424"/>
      <c r="LRX728" s="424"/>
      <c r="LRY728" s="423" t="s">
        <v>2795</v>
      </c>
      <c r="LRZ728" s="424"/>
      <c r="LSA728" s="424"/>
      <c r="LSB728" s="424"/>
      <c r="LSC728" s="423" t="s">
        <v>2795</v>
      </c>
      <c r="LSD728" s="424"/>
      <c r="LSE728" s="424"/>
      <c r="LSF728" s="424"/>
      <c r="LSG728" s="423" t="s">
        <v>2795</v>
      </c>
      <c r="LSH728" s="424"/>
      <c r="LSI728" s="424"/>
      <c r="LSJ728" s="424"/>
      <c r="LSK728" s="423" t="s">
        <v>2795</v>
      </c>
      <c r="LSL728" s="424"/>
      <c r="LSM728" s="424"/>
      <c r="LSN728" s="424"/>
      <c r="LSO728" s="423" t="s">
        <v>2795</v>
      </c>
      <c r="LSP728" s="424"/>
      <c r="LSQ728" s="424"/>
      <c r="LSR728" s="424"/>
      <c r="LSS728" s="423" t="s">
        <v>2795</v>
      </c>
      <c r="LST728" s="424"/>
      <c r="LSU728" s="424"/>
      <c r="LSV728" s="424"/>
      <c r="LSW728" s="423" t="s">
        <v>2795</v>
      </c>
      <c r="LSX728" s="424"/>
      <c r="LSY728" s="424"/>
      <c r="LSZ728" s="424"/>
      <c r="LTA728" s="423" t="s">
        <v>2795</v>
      </c>
      <c r="LTB728" s="424"/>
      <c r="LTC728" s="424"/>
      <c r="LTD728" s="424"/>
      <c r="LTE728" s="423" t="s">
        <v>2795</v>
      </c>
      <c r="LTF728" s="424"/>
      <c r="LTG728" s="424"/>
      <c r="LTH728" s="424"/>
      <c r="LTI728" s="423" t="s">
        <v>2795</v>
      </c>
      <c r="LTJ728" s="424"/>
      <c r="LTK728" s="424"/>
      <c r="LTL728" s="424"/>
      <c r="LTM728" s="423" t="s">
        <v>2795</v>
      </c>
      <c r="LTN728" s="424"/>
      <c r="LTO728" s="424"/>
      <c r="LTP728" s="424"/>
      <c r="LTQ728" s="423" t="s">
        <v>2795</v>
      </c>
      <c r="LTR728" s="424"/>
      <c r="LTS728" s="424"/>
      <c r="LTT728" s="424"/>
      <c r="LTU728" s="423" t="s">
        <v>2795</v>
      </c>
      <c r="LTV728" s="424"/>
      <c r="LTW728" s="424"/>
      <c r="LTX728" s="424"/>
      <c r="LTY728" s="423" t="s">
        <v>2795</v>
      </c>
      <c r="LTZ728" s="424"/>
      <c r="LUA728" s="424"/>
      <c r="LUB728" s="424"/>
      <c r="LUC728" s="423" t="s">
        <v>2795</v>
      </c>
      <c r="LUD728" s="424"/>
      <c r="LUE728" s="424"/>
      <c r="LUF728" s="424"/>
      <c r="LUG728" s="423" t="s">
        <v>2795</v>
      </c>
      <c r="LUH728" s="424"/>
      <c r="LUI728" s="424"/>
      <c r="LUJ728" s="424"/>
      <c r="LUK728" s="423" t="s">
        <v>2795</v>
      </c>
      <c r="LUL728" s="424"/>
      <c r="LUM728" s="424"/>
      <c r="LUN728" s="424"/>
      <c r="LUO728" s="423" t="s">
        <v>2795</v>
      </c>
      <c r="LUP728" s="424"/>
      <c r="LUQ728" s="424"/>
      <c r="LUR728" s="424"/>
      <c r="LUS728" s="423" t="s">
        <v>2795</v>
      </c>
      <c r="LUT728" s="424"/>
      <c r="LUU728" s="424"/>
      <c r="LUV728" s="424"/>
      <c r="LUW728" s="423" t="s">
        <v>2795</v>
      </c>
      <c r="LUX728" s="424"/>
      <c r="LUY728" s="424"/>
      <c r="LUZ728" s="424"/>
      <c r="LVA728" s="423" t="s">
        <v>2795</v>
      </c>
      <c r="LVB728" s="424"/>
      <c r="LVC728" s="424"/>
      <c r="LVD728" s="424"/>
      <c r="LVE728" s="423" t="s">
        <v>2795</v>
      </c>
      <c r="LVF728" s="424"/>
      <c r="LVG728" s="424"/>
      <c r="LVH728" s="424"/>
      <c r="LVI728" s="423" t="s">
        <v>2795</v>
      </c>
      <c r="LVJ728" s="424"/>
      <c r="LVK728" s="424"/>
      <c r="LVL728" s="424"/>
      <c r="LVM728" s="423" t="s">
        <v>2795</v>
      </c>
      <c r="LVN728" s="424"/>
      <c r="LVO728" s="424"/>
      <c r="LVP728" s="424"/>
      <c r="LVQ728" s="423" t="s">
        <v>2795</v>
      </c>
      <c r="LVR728" s="424"/>
      <c r="LVS728" s="424"/>
      <c r="LVT728" s="424"/>
      <c r="LVU728" s="423" t="s">
        <v>2795</v>
      </c>
      <c r="LVV728" s="424"/>
      <c r="LVW728" s="424"/>
      <c r="LVX728" s="424"/>
      <c r="LVY728" s="423" t="s">
        <v>2795</v>
      </c>
      <c r="LVZ728" s="424"/>
      <c r="LWA728" s="424"/>
      <c r="LWB728" s="424"/>
      <c r="LWC728" s="423" t="s">
        <v>2795</v>
      </c>
      <c r="LWD728" s="424"/>
      <c r="LWE728" s="424"/>
      <c r="LWF728" s="424"/>
      <c r="LWG728" s="423" t="s">
        <v>2795</v>
      </c>
      <c r="LWH728" s="424"/>
      <c r="LWI728" s="424"/>
      <c r="LWJ728" s="424"/>
      <c r="LWK728" s="423" t="s">
        <v>2795</v>
      </c>
      <c r="LWL728" s="424"/>
      <c r="LWM728" s="424"/>
      <c r="LWN728" s="424"/>
      <c r="LWO728" s="423" t="s">
        <v>2795</v>
      </c>
      <c r="LWP728" s="424"/>
      <c r="LWQ728" s="424"/>
      <c r="LWR728" s="424"/>
      <c r="LWS728" s="423" t="s">
        <v>2795</v>
      </c>
      <c r="LWT728" s="424"/>
      <c r="LWU728" s="424"/>
      <c r="LWV728" s="424"/>
      <c r="LWW728" s="423" t="s">
        <v>2795</v>
      </c>
      <c r="LWX728" s="424"/>
      <c r="LWY728" s="424"/>
      <c r="LWZ728" s="424"/>
      <c r="LXA728" s="423" t="s">
        <v>2795</v>
      </c>
      <c r="LXB728" s="424"/>
      <c r="LXC728" s="424"/>
      <c r="LXD728" s="424"/>
      <c r="LXE728" s="423" t="s">
        <v>2795</v>
      </c>
      <c r="LXF728" s="424"/>
      <c r="LXG728" s="424"/>
      <c r="LXH728" s="424"/>
      <c r="LXI728" s="423" t="s">
        <v>2795</v>
      </c>
      <c r="LXJ728" s="424"/>
      <c r="LXK728" s="424"/>
      <c r="LXL728" s="424"/>
      <c r="LXM728" s="423" t="s">
        <v>2795</v>
      </c>
      <c r="LXN728" s="424"/>
      <c r="LXO728" s="424"/>
      <c r="LXP728" s="424"/>
      <c r="LXQ728" s="423" t="s">
        <v>2795</v>
      </c>
      <c r="LXR728" s="424"/>
      <c r="LXS728" s="424"/>
      <c r="LXT728" s="424"/>
      <c r="LXU728" s="423" t="s">
        <v>2795</v>
      </c>
      <c r="LXV728" s="424"/>
      <c r="LXW728" s="424"/>
      <c r="LXX728" s="424"/>
      <c r="LXY728" s="423" t="s">
        <v>2795</v>
      </c>
      <c r="LXZ728" s="424"/>
      <c r="LYA728" s="424"/>
      <c r="LYB728" s="424"/>
      <c r="LYC728" s="423" t="s">
        <v>2795</v>
      </c>
      <c r="LYD728" s="424"/>
      <c r="LYE728" s="424"/>
      <c r="LYF728" s="424"/>
      <c r="LYG728" s="423" t="s">
        <v>2795</v>
      </c>
      <c r="LYH728" s="424"/>
      <c r="LYI728" s="424"/>
      <c r="LYJ728" s="424"/>
      <c r="LYK728" s="423" t="s">
        <v>2795</v>
      </c>
      <c r="LYL728" s="424"/>
      <c r="LYM728" s="424"/>
      <c r="LYN728" s="424"/>
      <c r="LYO728" s="423" t="s">
        <v>2795</v>
      </c>
      <c r="LYP728" s="424"/>
      <c r="LYQ728" s="424"/>
      <c r="LYR728" s="424"/>
      <c r="LYS728" s="423" t="s">
        <v>2795</v>
      </c>
      <c r="LYT728" s="424"/>
      <c r="LYU728" s="424"/>
      <c r="LYV728" s="424"/>
      <c r="LYW728" s="423" t="s">
        <v>2795</v>
      </c>
      <c r="LYX728" s="424"/>
      <c r="LYY728" s="424"/>
      <c r="LYZ728" s="424"/>
      <c r="LZA728" s="423" t="s">
        <v>2795</v>
      </c>
      <c r="LZB728" s="424"/>
      <c r="LZC728" s="424"/>
      <c r="LZD728" s="424"/>
      <c r="LZE728" s="423" t="s">
        <v>2795</v>
      </c>
      <c r="LZF728" s="424"/>
      <c r="LZG728" s="424"/>
      <c r="LZH728" s="424"/>
      <c r="LZI728" s="423" t="s">
        <v>2795</v>
      </c>
      <c r="LZJ728" s="424"/>
      <c r="LZK728" s="424"/>
      <c r="LZL728" s="424"/>
      <c r="LZM728" s="423" t="s">
        <v>2795</v>
      </c>
      <c r="LZN728" s="424"/>
      <c r="LZO728" s="424"/>
      <c r="LZP728" s="424"/>
      <c r="LZQ728" s="423" t="s">
        <v>2795</v>
      </c>
      <c r="LZR728" s="424"/>
      <c r="LZS728" s="424"/>
      <c r="LZT728" s="424"/>
      <c r="LZU728" s="423" t="s">
        <v>2795</v>
      </c>
      <c r="LZV728" s="424"/>
      <c r="LZW728" s="424"/>
      <c r="LZX728" s="424"/>
      <c r="LZY728" s="423" t="s">
        <v>2795</v>
      </c>
      <c r="LZZ728" s="424"/>
      <c r="MAA728" s="424"/>
      <c r="MAB728" s="424"/>
      <c r="MAC728" s="423" t="s">
        <v>2795</v>
      </c>
      <c r="MAD728" s="424"/>
      <c r="MAE728" s="424"/>
      <c r="MAF728" s="424"/>
      <c r="MAG728" s="423" t="s">
        <v>2795</v>
      </c>
      <c r="MAH728" s="424"/>
      <c r="MAI728" s="424"/>
      <c r="MAJ728" s="424"/>
      <c r="MAK728" s="423" t="s">
        <v>2795</v>
      </c>
      <c r="MAL728" s="424"/>
      <c r="MAM728" s="424"/>
      <c r="MAN728" s="424"/>
      <c r="MAO728" s="423" t="s">
        <v>2795</v>
      </c>
      <c r="MAP728" s="424"/>
      <c r="MAQ728" s="424"/>
      <c r="MAR728" s="424"/>
      <c r="MAS728" s="423" t="s">
        <v>2795</v>
      </c>
      <c r="MAT728" s="424"/>
      <c r="MAU728" s="424"/>
      <c r="MAV728" s="424"/>
      <c r="MAW728" s="423" t="s">
        <v>2795</v>
      </c>
      <c r="MAX728" s="424"/>
      <c r="MAY728" s="424"/>
      <c r="MAZ728" s="424"/>
      <c r="MBA728" s="423" t="s">
        <v>2795</v>
      </c>
      <c r="MBB728" s="424"/>
      <c r="MBC728" s="424"/>
      <c r="MBD728" s="424"/>
      <c r="MBE728" s="423" t="s">
        <v>2795</v>
      </c>
      <c r="MBF728" s="424"/>
      <c r="MBG728" s="424"/>
      <c r="MBH728" s="424"/>
      <c r="MBI728" s="423" t="s">
        <v>2795</v>
      </c>
      <c r="MBJ728" s="424"/>
      <c r="MBK728" s="424"/>
      <c r="MBL728" s="424"/>
      <c r="MBM728" s="423" t="s">
        <v>2795</v>
      </c>
      <c r="MBN728" s="424"/>
      <c r="MBO728" s="424"/>
      <c r="MBP728" s="424"/>
      <c r="MBQ728" s="423" t="s">
        <v>2795</v>
      </c>
      <c r="MBR728" s="424"/>
      <c r="MBS728" s="424"/>
      <c r="MBT728" s="424"/>
      <c r="MBU728" s="423" t="s">
        <v>2795</v>
      </c>
      <c r="MBV728" s="424"/>
      <c r="MBW728" s="424"/>
      <c r="MBX728" s="424"/>
      <c r="MBY728" s="423" t="s">
        <v>2795</v>
      </c>
      <c r="MBZ728" s="424"/>
      <c r="MCA728" s="424"/>
      <c r="MCB728" s="424"/>
      <c r="MCC728" s="423" t="s">
        <v>2795</v>
      </c>
      <c r="MCD728" s="424"/>
      <c r="MCE728" s="424"/>
      <c r="MCF728" s="424"/>
      <c r="MCG728" s="423" t="s">
        <v>2795</v>
      </c>
      <c r="MCH728" s="424"/>
      <c r="MCI728" s="424"/>
      <c r="MCJ728" s="424"/>
      <c r="MCK728" s="423" t="s">
        <v>2795</v>
      </c>
      <c r="MCL728" s="424"/>
      <c r="MCM728" s="424"/>
      <c r="MCN728" s="424"/>
      <c r="MCO728" s="423" t="s">
        <v>2795</v>
      </c>
      <c r="MCP728" s="424"/>
      <c r="MCQ728" s="424"/>
      <c r="MCR728" s="424"/>
      <c r="MCS728" s="423" t="s">
        <v>2795</v>
      </c>
      <c r="MCT728" s="424"/>
      <c r="MCU728" s="424"/>
      <c r="MCV728" s="424"/>
      <c r="MCW728" s="423" t="s">
        <v>2795</v>
      </c>
      <c r="MCX728" s="424"/>
      <c r="MCY728" s="424"/>
      <c r="MCZ728" s="424"/>
      <c r="MDA728" s="423" t="s">
        <v>2795</v>
      </c>
      <c r="MDB728" s="424"/>
      <c r="MDC728" s="424"/>
      <c r="MDD728" s="424"/>
      <c r="MDE728" s="423" t="s">
        <v>2795</v>
      </c>
      <c r="MDF728" s="424"/>
      <c r="MDG728" s="424"/>
      <c r="MDH728" s="424"/>
      <c r="MDI728" s="423" t="s">
        <v>2795</v>
      </c>
      <c r="MDJ728" s="424"/>
      <c r="MDK728" s="424"/>
      <c r="MDL728" s="424"/>
      <c r="MDM728" s="423" t="s">
        <v>2795</v>
      </c>
      <c r="MDN728" s="424"/>
      <c r="MDO728" s="424"/>
      <c r="MDP728" s="424"/>
      <c r="MDQ728" s="423" t="s">
        <v>2795</v>
      </c>
      <c r="MDR728" s="424"/>
      <c r="MDS728" s="424"/>
      <c r="MDT728" s="424"/>
      <c r="MDU728" s="423" t="s">
        <v>2795</v>
      </c>
      <c r="MDV728" s="424"/>
      <c r="MDW728" s="424"/>
      <c r="MDX728" s="424"/>
      <c r="MDY728" s="423" t="s">
        <v>2795</v>
      </c>
      <c r="MDZ728" s="424"/>
      <c r="MEA728" s="424"/>
      <c r="MEB728" s="424"/>
      <c r="MEC728" s="423" t="s">
        <v>2795</v>
      </c>
      <c r="MED728" s="424"/>
      <c r="MEE728" s="424"/>
      <c r="MEF728" s="424"/>
      <c r="MEG728" s="423" t="s">
        <v>2795</v>
      </c>
      <c r="MEH728" s="424"/>
      <c r="MEI728" s="424"/>
      <c r="MEJ728" s="424"/>
      <c r="MEK728" s="423" t="s">
        <v>2795</v>
      </c>
      <c r="MEL728" s="424"/>
      <c r="MEM728" s="424"/>
      <c r="MEN728" s="424"/>
      <c r="MEO728" s="423" t="s">
        <v>2795</v>
      </c>
      <c r="MEP728" s="424"/>
      <c r="MEQ728" s="424"/>
      <c r="MER728" s="424"/>
      <c r="MES728" s="423" t="s">
        <v>2795</v>
      </c>
      <c r="MET728" s="424"/>
      <c r="MEU728" s="424"/>
      <c r="MEV728" s="424"/>
      <c r="MEW728" s="423" t="s">
        <v>2795</v>
      </c>
      <c r="MEX728" s="424"/>
      <c r="MEY728" s="424"/>
      <c r="MEZ728" s="424"/>
      <c r="MFA728" s="423" t="s">
        <v>2795</v>
      </c>
      <c r="MFB728" s="424"/>
      <c r="MFC728" s="424"/>
      <c r="MFD728" s="424"/>
      <c r="MFE728" s="423" t="s">
        <v>2795</v>
      </c>
      <c r="MFF728" s="424"/>
      <c r="MFG728" s="424"/>
      <c r="MFH728" s="424"/>
      <c r="MFI728" s="423" t="s">
        <v>2795</v>
      </c>
      <c r="MFJ728" s="424"/>
      <c r="MFK728" s="424"/>
      <c r="MFL728" s="424"/>
      <c r="MFM728" s="423" t="s">
        <v>2795</v>
      </c>
      <c r="MFN728" s="424"/>
      <c r="MFO728" s="424"/>
      <c r="MFP728" s="424"/>
      <c r="MFQ728" s="423" t="s">
        <v>2795</v>
      </c>
      <c r="MFR728" s="424"/>
      <c r="MFS728" s="424"/>
      <c r="MFT728" s="424"/>
      <c r="MFU728" s="423" t="s">
        <v>2795</v>
      </c>
      <c r="MFV728" s="424"/>
      <c r="MFW728" s="424"/>
      <c r="MFX728" s="424"/>
      <c r="MFY728" s="423" t="s">
        <v>2795</v>
      </c>
      <c r="MFZ728" s="424"/>
      <c r="MGA728" s="424"/>
      <c r="MGB728" s="424"/>
      <c r="MGC728" s="423" t="s">
        <v>2795</v>
      </c>
      <c r="MGD728" s="424"/>
      <c r="MGE728" s="424"/>
      <c r="MGF728" s="424"/>
      <c r="MGG728" s="423" t="s">
        <v>2795</v>
      </c>
      <c r="MGH728" s="424"/>
      <c r="MGI728" s="424"/>
      <c r="MGJ728" s="424"/>
      <c r="MGK728" s="423" t="s">
        <v>2795</v>
      </c>
      <c r="MGL728" s="424"/>
      <c r="MGM728" s="424"/>
      <c r="MGN728" s="424"/>
      <c r="MGO728" s="423" t="s">
        <v>2795</v>
      </c>
      <c r="MGP728" s="424"/>
      <c r="MGQ728" s="424"/>
      <c r="MGR728" s="424"/>
      <c r="MGS728" s="423" t="s">
        <v>2795</v>
      </c>
      <c r="MGT728" s="424"/>
      <c r="MGU728" s="424"/>
      <c r="MGV728" s="424"/>
      <c r="MGW728" s="423" t="s">
        <v>2795</v>
      </c>
      <c r="MGX728" s="424"/>
      <c r="MGY728" s="424"/>
      <c r="MGZ728" s="424"/>
      <c r="MHA728" s="423" t="s">
        <v>2795</v>
      </c>
      <c r="MHB728" s="424"/>
      <c r="MHC728" s="424"/>
      <c r="MHD728" s="424"/>
      <c r="MHE728" s="423" t="s">
        <v>2795</v>
      </c>
      <c r="MHF728" s="424"/>
      <c r="MHG728" s="424"/>
      <c r="MHH728" s="424"/>
      <c r="MHI728" s="423" t="s">
        <v>2795</v>
      </c>
      <c r="MHJ728" s="424"/>
      <c r="MHK728" s="424"/>
      <c r="MHL728" s="424"/>
      <c r="MHM728" s="423" t="s">
        <v>2795</v>
      </c>
      <c r="MHN728" s="424"/>
      <c r="MHO728" s="424"/>
      <c r="MHP728" s="424"/>
      <c r="MHQ728" s="423" t="s">
        <v>2795</v>
      </c>
      <c r="MHR728" s="424"/>
      <c r="MHS728" s="424"/>
      <c r="MHT728" s="424"/>
      <c r="MHU728" s="423" t="s">
        <v>2795</v>
      </c>
      <c r="MHV728" s="424"/>
      <c r="MHW728" s="424"/>
      <c r="MHX728" s="424"/>
      <c r="MHY728" s="423" t="s">
        <v>2795</v>
      </c>
      <c r="MHZ728" s="424"/>
      <c r="MIA728" s="424"/>
      <c r="MIB728" s="424"/>
      <c r="MIC728" s="423" t="s">
        <v>2795</v>
      </c>
      <c r="MID728" s="424"/>
      <c r="MIE728" s="424"/>
      <c r="MIF728" s="424"/>
      <c r="MIG728" s="423" t="s">
        <v>2795</v>
      </c>
      <c r="MIH728" s="424"/>
      <c r="MII728" s="424"/>
      <c r="MIJ728" s="424"/>
      <c r="MIK728" s="423" t="s">
        <v>2795</v>
      </c>
      <c r="MIL728" s="424"/>
      <c r="MIM728" s="424"/>
      <c r="MIN728" s="424"/>
      <c r="MIO728" s="423" t="s">
        <v>2795</v>
      </c>
      <c r="MIP728" s="424"/>
      <c r="MIQ728" s="424"/>
      <c r="MIR728" s="424"/>
      <c r="MIS728" s="423" t="s">
        <v>2795</v>
      </c>
      <c r="MIT728" s="424"/>
      <c r="MIU728" s="424"/>
      <c r="MIV728" s="424"/>
      <c r="MIW728" s="423" t="s">
        <v>2795</v>
      </c>
      <c r="MIX728" s="424"/>
      <c r="MIY728" s="424"/>
      <c r="MIZ728" s="424"/>
      <c r="MJA728" s="423" t="s">
        <v>2795</v>
      </c>
      <c r="MJB728" s="424"/>
      <c r="MJC728" s="424"/>
      <c r="MJD728" s="424"/>
      <c r="MJE728" s="423" t="s">
        <v>2795</v>
      </c>
      <c r="MJF728" s="424"/>
      <c r="MJG728" s="424"/>
      <c r="MJH728" s="424"/>
      <c r="MJI728" s="423" t="s">
        <v>2795</v>
      </c>
      <c r="MJJ728" s="424"/>
      <c r="MJK728" s="424"/>
      <c r="MJL728" s="424"/>
      <c r="MJM728" s="423" t="s">
        <v>2795</v>
      </c>
      <c r="MJN728" s="424"/>
      <c r="MJO728" s="424"/>
      <c r="MJP728" s="424"/>
      <c r="MJQ728" s="423" t="s">
        <v>2795</v>
      </c>
      <c r="MJR728" s="424"/>
      <c r="MJS728" s="424"/>
      <c r="MJT728" s="424"/>
      <c r="MJU728" s="423" t="s">
        <v>2795</v>
      </c>
      <c r="MJV728" s="424"/>
      <c r="MJW728" s="424"/>
      <c r="MJX728" s="424"/>
      <c r="MJY728" s="423" t="s">
        <v>2795</v>
      </c>
      <c r="MJZ728" s="424"/>
      <c r="MKA728" s="424"/>
      <c r="MKB728" s="424"/>
      <c r="MKC728" s="423" t="s">
        <v>2795</v>
      </c>
      <c r="MKD728" s="424"/>
      <c r="MKE728" s="424"/>
      <c r="MKF728" s="424"/>
      <c r="MKG728" s="423" t="s">
        <v>2795</v>
      </c>
      <c r="MKH728" s="424"/>
      <c r="MKI728" s="424"/>
      <c r="MKJ728" s="424"/>
      <c r="MKK728" s="423" t="s">
        <v>2795</v>
      </c>
      <c r="MKL728" s="424"/>
      <c r="MKM728" s="424"/>
      <c r="MKN728" s="424"/>
      <c r="MKO728" s="423" t="s">
        <v>2795</v>
      </c>
      <c r="MKP728" s="424"/>
      <c r="MKQ728" s="424"/>
      <c r="MKR728" s="424"/>
      <c r="MKS728" s="423" t="s">
        <v>2795</v>
      </c>
      <c r="MKT728" s="424"/>
      <c r="MKU728" s="424"/>
      <c r="MKV728" s="424"/>
      <c r="MKW728" s="423" t="s">
        <v>2795</v>
      </c>
      <c r="MKX728" s="424"/>
      <c r="MKY728" s="424"/>
      <c r="MKZ728" s="424"/>
      <c r="MLA728" s="423" t="s">
        <v>2795</v>
      </c>
      <c r="MLB728" s="424"/>
      <c r="MLC728" s="424"/>
      <c r="MLD728" s="424"/>
      <c r="MLE728" s="423" t="s">
        <v>2795</v>
      </c>
      <c r="MLF728" s="424"/>
      <c r="MLG728" s="424"/>
      <c r="MLH728" s="424"/>
      <c r="MLI728" s="423" t="s">
        <v>2795</v>
      </c>
      <c r="MLJ728" s="424"/>
      <c r="MLK728" s="424"/>
      <c r="MLL728" s="424"/>
      <c r="MLM728" s="423" t="s">
        <v>2795</v>
      </c>
      <c r="MLN728" s="424"/>
      <c r="MLO728" s="424"/>
      <c r="MLP728" s="424"/>
      <c r="MLQ728" s="423" t="s">
        <v>2795</v>
      </c>
      <c r="MLR728" s="424"/>
      <c r="MLS728" s="424"/>
      <c r="MLT728" s="424"/>
      <c r="MLU728" s="423" t="s">
        <v>2795</v>
      </c>
      <c r="MLV728" s="424"/>
      <c r="MLW728" s="424"/>
      <c r="MLX728" s="424"/>
      <c r="MLY728" s="423" t="s">
        <v>2795</v>
      </c>
      <c r="MLZ728" s="424"/>
      <c r="MMA728" s="424"/>
      <c r="MMB728" s="424"/>
      <c r="MMC728" s="423" t="s">
        <v>2795</v>
      </c>
      <c r="MMD728" s="424"/>
      <c r="MME728" s="424"/>
      <c r="MMF728" s="424"/>
      <c r="MMG728" s="423" t="s">
        <v>2795</v>
      </c>
      <c r="MMH728" s="424"/>
      <c r="MMI728" s="424"/>
      <c r="MMJ728" s="424"/>
      <c r="MMK728" s="423" t="s">
        <v>2795</v>
      </c>
      <c r="MML728" s="424"/>
      <c r="MMM728" s="424"/>
      <c r="MMN728" s="424"/>
      <c r="MMO728" s="423" t="s">
        <v>2795</v>
      </c>
      <c r="MMP728" s="424"/>
      <c r="MMQ728" s="424"/>
      <c r="MMR728" s="424"/>
      <c r="MMS728" s="423" t="s">
        <v>2795</v>
      </c>
      <c r="MMT728" s="424"/>
      <c r="MMU728" s="424"/>
      <c r="MMV728" s="424"/>
      <c r="MMW728" s="423" t="s">
        <v>2795</v>
      </c>
      <c r="MMX728" s="424"/>
      <c r="MMY728" s="424"/>
      <c r="MMZ728" s="424"/>
      <c r="MNA728" s="423" t="s">
        <v>2795</v>
      </c>
      <c r="MNB728" s="424"/>
      <c r="MNC728" s="424"/>
      <c r="MND728" s="424"/>
      <c r="MNE728" s="423" t="s">
        <v>2795</v>
      </c>
      <c r="MNF728" s="424"/>
      <c r="MNG728" s="424"/>
      <c r="MNH728" s="424"/>
      <c r="MNI728" s="423" t="s">
        <v>2795</v>
      </c>
      <c r="MNJ728" s="424"/>
      <c r="MNK728" s="424"/>
      <c r="MNL728" s="424"/>
      <c r="MNM728" s="423" t="s">
        <v>2795</v>
      </c>
      <c r="MNN728" s="424"/>
      <c r="MNO728" s="424"/>
      <c r="MNP728" s="424"/>
      <c r="MNQ728" s="423" t="s">
        <v>2795</v>
      </c>
      <c r="MNR728" s="424"/>
      <c r="MNS728" s="424"/>
      <c r="MNT728" s="424"/>
      <c r="MNU728" s="423" t="s">
        <v>2795</v>
      </c>
      <c r="MNV728" s="424"/>
      <c r="MNW728" s="424"/>
      <c r="MNX728" s="424"/>
      <c r="MNY728" s="423" t="s">
        <v>2795</v>
      </c>
      <c r="MNZ728" s="424"/>
      <c r="MOA728" s="424"/>
      <c r="MOB728" s="424"/>
      <c r="MOC728" s="423" t="s">
        <v>2795</v>
      </c>
      <c r="MOD728" s="424"/>
      <c r="MOE728" s="424"/>
      <c r="MOF728" s="424"/>
      <c r="MOG728" s="423" t="s">
        <v>2795</v>
      </c>
      <c r="MOH728" s="424"/>
      <c r="MOI728" s="424"/>
      <c r="MOJ728" s="424"/>
      <c r="MOK728" s="423" t="s">
        <v>2795</v>
      </c>
      <c r="MOL728" s="424"/>
      <c r="MOM728" s="424"/>
      <c r="MON728" s="424"/>
      <c r="MOO728" s="423" t="s">
        <v>2795</v>
      </c>
      <c r="MOP728" s="424"/>
      <c r="MOQ728" s="424"/>
      <c r="MOR728" s="424"/>
      <c r="MOS728" s="423" t="s">
        <v>2795</v>
      </c>
      <c r="MOT728" s="424"/>
      <c r="MOU728" s="424"/>
      <c r="MOV728" s="424"/>
      <c r="MOW728" s="423" t="s">
        <v>2795</v>
      </c>
      <c r="MOX728" s="424"/>
      <c r="MOY728" s="424"/>
      <c r="MOZ728" s="424"/>
      <c r="MPA728" s="423" t="s">
        <v>2795</v>
      </c>
      <c r="MPB728" s="424"/>
      <c r="MPC728" s="424"/>
      <c r="MPD728" s="424"/>
      <c r="MPE728" s="423" t="s">
        <v>2795</v>
      </c>
      <c r="MPF728" s="424"/>
      <c r="MPG728" s="424"/>
      <c r="MPH728" s="424"/>
      <c r="MPI728" s="423" t="s">
        <v>2795</v>
      </c>
      <c r="MPJ728" s="424"/>
      <c r="MPK728" s="424"/>
      <c r="MPL728" s="424"/>
      <c r="MPM728" s="423" t="s">
        <v>2795</v>
      </c>
      <c r="MPN728" s="424"/>
      <c r="MPO728" s="424"/>
      <c r="MPP728" s="424"/>
      <c r="MPQ728" s="423" t="s">
        <v>2795</v>
      </c>
      <c r="MPR728" s="424"/>
      <c r="MPS728" s="424"/>
      <c r="MPT728" s="424"/>
      <c r="MPU728" s="423" t="s">
        <v>2795</v>
      </c>
      <c r="MPV728" s="424"/>
      <c r="MPW728" s="424"/>
      <c r="MPX728" s="424"/>
      <c r="MPY728" s="423" t="s">
        <v>2795</v>
      </c>
      <c r="MPZ728" s="424"/>
      <c r="MQA728" s="424"/>
      <c r="MQB728" s="424"/>
      <c r="MQC728" s="423" t="s">
        <v>2795</v>
      </c>
      <c r="MQD728" s="424"/>
      <c r="MQE728" s="424"/>
      <c r="MQF728" s="424"/>
      <c r="MQG728" s="423" t="s">
        <v>2795</v>
      </c>
      <c r="MQH728" s="424"/>
      <c r="MQI728" s="424"/>
      <c r="MQJ728" s="424"/>
      <c r="MQK728" s="423" t="s">
        <v>2795</v>
      </c>
      <c r="MQL728" s="424"/>
      <c r="MQM728" s="424"/>
      <c r="MQN728" s="424"/>
      <c r="MQO728" s="423" t="s">
        <v>2795</v>
      </c>
      <c r="MQP728" s="424"/>
      <c r="MQQ728" s="424"/>
      <c r="MQR728" s="424"/>
      <c r="MQS728" s="423" t="s">
        <v>2795</v>
      </c>
      <c r="MQT728" s="424"/>
      <c r="MQU728" s="424"/>
      <c r="MQV728" s="424"/>
      <c r="MQW728" s="423" t="s">
        <v>2795</v>
      </c>
      <c r="MQX728" s="424"/>
      <c r="MQY728" s="424"/>
      <c r="MQZ728" s="424"/>
      <c r="MRA728" s="423" t="s">
        <v>2795</v>
      </c>
      <c r="MRB728" s="424"/>
      <c r="MRC728" s="424"/>
      <c r="MRD728" s="424"/>
      <c r="MRE728" s="423" t="s">
        <v>2795</v>
      </c>
      <c r="MRF728" s="424"/>
      <c r="MRG728" s="424"/>
      <c r="MRH728" s="424"/>
      <c r="MRI728" s="423" t="s">
        <v>2795</v>
      </c>
      <c r="MRJ728" s="424"/>
      <c r="MRK728" s="424"/>
      <c r="MRL728" s="424"/>
      <c r="MRM728" s="423" t="s">
        <v>2795</v>
      </c>
      <c r="MRN728" s="424"/>
      <c r="MRO728" s="424"/>
      <c r="MRP728" s="424"/>
      <c r="MRQ728" s="423" t="s">
        <v>2795</v>
      </c>
      <c r="MRR728" s="424"/>
      <c r="MRS728" s="424"/>
      <c r="MRT728" s="424"/>
      <c r="MRU728" s="423" t="s">
        <v>2795</v>
      </c>
      <c r="MRV728" s="424"/>
      <c r="MRW728" s="424"/>
      <c r="MRX728" s="424"/>
      <c r="MRY728" s="423" t="s">
        <v>2795</v>
      </c>
      <c r="MRZ728" s="424"/>
      <c r="MSA728" s="424"/>
      <c r="MSB728" s="424"/>
      <c r="MSC728" s="423" t="s">
        <v>2795</v>
      </c>
      <c r="MSD728" s="424"/>
      <c r="MSE728" s="424"/>
      <c r="MSF728" s="424"/>
      <c r="MSG728" s="423" t="s">
        <v>2795</v>
      </c>
      <c r="MSH728" s="424"/>
      <c r="MSI728" s="424"/>
      <c r="MSJ728" s="424"/>
      <c r="MSK728" s="423" t="s">
        <v>2795</v>
      </c>
      <c r="MSL728" s="424"/>
      <c r="MSM728" s="424"/>
      <c r="MSN728" s="424"/>
      <c r="MSO728" s="423" t="s">
        <v>2795</v>
      </c>
      <c r="MSP728" s="424"/>
      <c r="MSQ728" s="424"/>
      <c r="MSR728" s="424"/>
      <c r="MSS728" s="423" t="s">
        <v>2795</v>
      </c>
      <c r="MST728" s="424"/>
      <c r="MSU728" s="424"/>
      <c r="MSV728" s="424"/>
      <c r="MSW728" s="423" t="s">
        <v>2795</v>
      </c>
      <c r="MSX728" s="424"/>
      <c r="MSY728" s="424"/>
      <c r="MSZ728" s="424"/>
      <c r="MTA728" s="423" t="s">
        <v>2795</v>
      </c>
      <c r="MTB728" s="424"/>
      <c r="MTC728" s="424"/>
      <c r="MTD728" s="424"/>
      <c r="MTE728" s="423" t="s">
        <v>2795</v>
      </c>
      <c r="MTF728" s="424"/>
      <c r="MTG728" s="424"/>
      <c r="MTH728" s="424"/>
      <c r="MTI728" s="423" t="s">
        <v>2795</v>
      </c>
      <c r="MTJ728" s="424"/>
      <c r="MTK728" s="424"/>
      <c r="MTL728" s="424"/>
      <c r="MTM728" s="423" t="s">
        <v>2795</v>
      </c>
      <c r="MTN728" s="424"/>
      <c r="MTO728" s="424"/>
      <c r="MTP728" s="424"/>
      <c r="MTQ728" s="423" t="s">
        <v>2795</v>
      </c>
      <c r="MTR728" s="424"/>
      <c r="MTS728" s="424"/>
      <c r="MTT728" s="424"/>
      <c r="MTU728" s="423" t="s">
        <v>2795</v>
      </c>
      <c r="MTV728" s="424"/>
      <c r="MTW728" s="424"/>
      <c r="MTX728" s="424"/>
      <c r="MTY728" s="423" t="s">
        <v>2795</v>
      </c>
      <c r="MTZ728" s="424"/>
      <c r="MUA728" s="424"/>
      <c r="MUB728" s="424"/>
      <c r="MUC728" s="423" t="s">
        <v>2795</v>
      </c>
      <c r="MUD728" s="424"/>
      <c r="MUE728" s="424"/>
      <c r="MUF728" s="424"/>
      <c r="MUG728" s="423" t="s">
        <v>2795</v>
      </c>
      <c r="MUH728" s="424"/>
      <c r="MUI728" s="424"/>
      <c r="MUJ728" s="424"/>
      <c r="MUK728" s="423" t="s">
        <v>2795</v>
      </c>
      <c r="MUL728" s="424"/>
      <c r="MUM728" s="424"/>
      <c r="MUN728" s="424"/>
      <c r="MUO728" s="423" t="s">
        <v>2795</v>
      </c>
      <c r="MUP728" s="424"/>
      <c r="MUQ728" s="424"/>
      <c r="MUR728" s="424"/>
      <c r="MUS728" s="423" t="s">
        <v>2795</v>
      </c>
      <c r="MUT728" s="424"/>
      <c r="MUU728" s="424"/>
      <c r="MUV728" s="424"/>
      <c r="MUW728" s="423" t="s">
        <v>2795</v>
      </c>
      <c r="MUX728" s="424"/>
      <c r="MUY728" s="424"/>
      <c r="MUZ728" s="424"/>
      <c r="MVA728" s="423" t="s">
        <v>2795</v>
      </c>
      <c r="MVB728" s="424"/>
      <c r="MVC728" s="424"/>
      <c r="MVD728" s="424"/>
      <c r="MVE728" s="423" t="s">
        <v>2795</v>
      </c>
      <c r="MVF728" s="424"/>
      <c r="MVG728" s="424"/>
      <c r="MVH728" s="424"/>
      <c r="MVI728" s="423" t="s">
        <v>2795</v>
      </c>
      <c r="MVJ728" s="424"/>
      <c r="MVK728" s="424"/>
      <c r="MVL728" s="424"/>
      <c r="MVM728" s="423" t="s">
        <v>2795</v>
      </c>
      <c r="MVN728" s="424"/>
      <c r="MVO728" s="424"/>
      <c r="MVP728" s="424"/>
      <c r="MVQ728" s="423" t="s">
        <v>2795</v>
      </c>
      <c r="MVR728" s="424"/>
      <c r="MVS728" s="424"/>
      <c r="MVT728" s="424"/>
      <c r="MVU728" s="423" t="s">
        <v>2795</v>
      </c>
      <c r="MVV728" s="424"/>
      <c r="MVW728" s="424"/>
      <c r="MVX728" s="424"/>
      <c r="MVY728" s="423" t="s">
        <v>2795</v>
      </c>
      <c r="MVZ728" s="424"/>
      <c r="MWA728" s="424"/>
      <c r="MWB728" s="424"/>
      <c r="MWC728" s="423" t="s">
        <v>2795</v>
      </c>
      <c r="MWD728" s="424"/>
      <c r="MWE728" s="424"/>
      <c r="MWF728" s="424"/>
      <c r="MWG728" s="423" t="s">
        <v>2795</v>
      </c>
      <c r="MWH728" s="424"/>
      <c r="MWI728" s="424"/>
      <c r="MWJ728" s="424"/>
      <c r="MWK728" s="423" t="s">
        <v>2795</v>
      </c>
      <c r="MWL728" s="424"/>
      <c r="MWM728" s="424"/>
      <c r="MWN728" s="424"/>
      <c r="MWO728" s="423" t="s">
        <v>2795</v>
      </c>
      <c r="MWP728" s="424"/>
      <c r="MWQ728" s="424"/>
      <c r="MWR728" s="424"/>
      <c r="MWS728" s="423" t="s">
        <v>2795</v>
      </c>
      <c r="MWT728" s="424"/>
      <c r="MWU728" s="424"/>
      <c r="MWV728" s="424"/>
      <c r="MWW728" s="423" t="s">
        <v>2795</v>
      </c>
      <c r="MWX728" s="424"/>
      <c r="MWY728" s="424"/>
      <c r="MWZ728" s="424"/>
      <c r="MXA728" s="423" t="s">
        <v>2795</v>
      </c>
      <c r="MXB728" s="424"/>
      <c r="MXC728" s="424"/>
      <c r="MXD728" s="424"/>
      <c r="MXE728" s="423" t="s">
        <v>2795</v>
      </c>
      <c r="MXF728" s="424"/>
      <c r="MXG728" s="424"/>
      <c r="MXH728" s="424"/>
      <c r="MXI728" s="423" t="s">
        <v>2795</v>
      </c>
      <c r="MXJ728" s="424"/>
      <c r="MXK728" s="424"/>
      <c r="MXL728" s="424"/>
      <c r="MXM728" s="423" t="s">
        <v>2795</v>
      </c>
      <c r="MXN728" s="424"/>
      <c r="MXO728" s="424"/>
      <c r="MXP728" s="424"/>
      <c r="MXQ728" s="423" t="s">
        <v>2795</v>
      </c>
      <c r="MXR728" s="424"/>
      <c r="MXS728" s="424"/>
      <c r="MXT728" s="424"/>
      <c r="MXU728" s="423" t="s">
        <v>2795</v>
      </c>
      <c r="MXV728" s="424"/>
      <c r="MXW728" s="424"/>
      <c r="MXX728" s="424"/>
      <c r="MXY728" s="423" t="s">
        <v>2795</v>
      </c>
      <c r="MXZ728" s="424"/>
      <c r="MYA728" s="424"/>
      <c r="MYB728" s="424"/>
      <c r="MYC728" s="423" t="s">
        <v>2795</v>
      </c>
      <c r="MYD728" s="424"/>
      <c r="MYE728" s="424"/>
      <c r="MYF728" s="424"/>
      <c r="MYG728" s="423" t="s">
        <v>2795</v>
      </c>
      <c r="MYH728" s="424"/>
      <c r="MYI728" s="424"/>
      <c r="MYJ728" s="424"/>
      <c r="MYK728" s="423" t="s">
        <v>2795</v>
      </c>
      <c r="MYL728" s="424"/>
      <c r="MYM728" s="424"/>
      <c r="MYN728" s="424"/>
      <c r="MYO728" s="423" t="s">
        <v>2795</v>
      </c>
      <c r="MYP728" s="424"/>
      <c r="MYQ728" s="424"/>
      <c r="MYR728" s="424"/>
      <c r="MYS728" s="423" t="s">
        <v>2795</v>
      </c>
      <c r="MYT728" s="424"/>
      <c r="MYU728" s="424"/>
      <c r="MYV728" s="424"/>
      <c r="MYW728" s="423" t="s">
        <v>2795</v>
      </c>
      <c r="MYX728" s="424"/>
      <c r="MYY728" s="424"/>
      <c r="MYZ728" s="424"/>
      <c r="MZA728" s="423" t="s">
        <v>2795</v>
      </c>
      <c r="MZB728" s="424"/>
      <c r="MZC728" s="424"/>
      <c r="MZD728" s="424"/>
      <c r="MZE728" s="423" t="s">
        <v>2795</v>
      </c>
      <c r="MZF728" s="424"/>
      <c r="MZG728" s="424"/>
      <c r="MZH728" s="424"/>
      <c r="MZI728" s="423" t="s">
        <v>2795</v>
      </c>
      <c r="MZJ728" s="424"/>
      <c r="MZK728" s="424"/>
      <c r="MZL728" s="424"/>
      <c r="MZM728" s="423" t="s">
        <v>2795</v>
      </c>
      <c r="MZN728" s="424"/>
      <c r="MZO728" s="424"/>
      <c r="MZP728" s="424"/>
      <c r="MZQ728" s="423" t="s">
        <v>2795</v>
      </c>
      <c r="MZR728" s="424"/>
      <c r="MZS728" s="424"/>
      <c r="MZT728" s="424"/>
      <c r="MZU728" s="423" t="s">
        <v>2795</v>
      </c>
      <c r="MZV728" s="424"/>
      <c r="MZW728" s="424"/>
      <c r="MZX728" s="424"/>
      <c r="MZY728" s="423" t="s">
        <v>2795</v>
      </c>
      <c r="MZZ728" s="424"/>
      <c r="NAA728" s="424"/>
      <c r="NAB728" s="424"/>
      <c r="NAC728" s="423" t="s">
        <v>2795</v>
      </c>
      <c r="NAD728" s="424"/>
      <c r="NAE728" s="424"/>
      <c r="NAF728" s="424"/>
      <c r="NAG728" s="423" t="s">
        <v>2795</v>
      </c>
      <c r="NAH728" s="424"/>
      <c r="NAI728" s="424"/>
      <c r="NAJ728" s="424"/>
      <c r="NAK728" s="423" t="s">
        <v>2795</v>
      </c>
      <c r="NAL728" s="424"/>
      <c r="NAM728" s="424"/>
      <c r="NAN728" s="424"/>
      <c r="NAO728" s="423" t="s">
        <v>2795</v>
      </c>
      <c r="NAP728" s="424"/>
      <c r="NAQ728" s="424"/>
      <c r="NAR728" s="424"/>
      <c r="NAS728" s="423" t="s">
        <v>2795</v>
      </c>
      <c r="NAT728" s="424"/>
      <c r="NAU728" s="424"/>
      <c r="NAV728" s="424"/>
      <c r="NAW728" s="423" t="s">
        <v>2795</v>
      </c>
      <c r="NAX728" s="424"/>
      <c r="NAY728" s="424"/>
      <c r="NAZ728" s="424"/>
      <c r="NBA728" s="423" t="s">
        <v>2795</v>
      </c>
      <c r="NBB728" s="424"/>
      <c r="NBC728" s="424"/>
      <c r="NBD728" s="424"/>
      <c r="NBE728" s="423" t="s">
        <v>2795</v>
      </c>
      <c r="NBF728" s="424"/>
      <c r="NBG728" s="424"/>
      <c r="NBH728" s="424"/>
      <c r="NBI728" s="423" t="s">
        <v>2795</v>
      </c>
      <c r="NBJ728" s="424"/>
      <c r="NBK728" s="424"/>
      <c r="NBL728" s="424"/>
      <c r="NBM728" s="423" t="s">
        <v>2795</v>
      </c>
      <c r="NBN728" s="424"/>
      <c r="NBO728" s="424"/>
      <c r="NBP728" s="424"/>
      <c r="NBQ728" s="423" t="s">
        <v>2795</v>
      </c>
      <c r="NBR728" s="424"/>
      <c r="NBS728" s="424"/>
      <c r="NBT728" s="424"/>
      <c r="NBU728" s="423" t="s">
        <v>2795</v>
      </c>
      <c r="NBV728" s="424"/>
      <c r="NBW728" s="424"/>
      <c r="NBX728" s="424"/>
      <c r="NBY728" s="423" t="s">
        <v>2795</v>
      </c>
      <c r="NBZ728" s="424"/>
      <c r="NCA728" s="424"/>
      <c r="NCB728" s="424"/>
      <c r="NCC728" s="423" t="s">
        <v>2795</v>
      </c>
      <c r="NCD728" s="424"/>
      <c r="NCE728" s="424"/>
      <c r="NCF728" s="424"/>
      <c r="NCG728" s="423" t="s">
        <v>2795</v>
      </c>
      <c r="NCH728" s="424"/>
      <c r="NCI728" s="424"/>
      <c r="NCJ728" s="424"/>
      <c r="NCK728" s="423" t="s">
        <v>2795</v>
      </c>
      <c r="NCL728" s="424"/>
      <c r="NCM728" s="424"/>
      <c r="NCN728" s="424"/>
      <c r="NCO728" s="423" t="s">
        <v>2795</v>
      </c>
      <c r="NCP728" s="424"/>
      <c r="NCQ728" s="424"/>
      <c r="NCR728" s="424"/>
      <c r="NCS728" s="423" t="s">
        <v>2795</v>
      </c>
      <c r="NCT728" s="424"/>
      <c r="NCU728" s="424"/>
      <c r="NCV728" s="424"/>
      <c r="NCW728" s="423" t="s">
        <v>2795</v>
      </c>
      <c r="NCX728" s="424"/>
      <c r="NCY728" s="424"/>
      <c r="NCZ728" s="424"/>
      <c r="NDA728" s="423" t="s">
        <v>2795</v>
      </c>
      <c r="NDB728" s="424"/>
      <c r="NDC728" s="424"/>
      <c r="NDD728" s="424"/>
      <c r="NDE728" s="423" t="s">
        <v>2795</v>
      </c>
      <c r="NDF728" s="424"/>
      <c r="NDG728" s="424"/>
      <c r="NDH728" s="424"/>
      <c r="NDI728" s="423" t="s">
        <v>2795</v>
      </c>
      <c r="NDJ728" s="424"/>
      <c r="NDK728" s="424"/>
      <c r="NDL728" s="424"/>
      <c r="NDM728" s="423" t="s">
        <v>2795</v>
      </c>
      <c r="NDN728" s="424"/>
      <c r="NDO728" s="424"/>
      <c r="NDP728" s="424"/>
      <c r="NDQ728" s="423" t="s">
        <v>2795</v>
      </c>
      <c r="NDR728" s="424"/>
      <c r="NDS728" s="424"/>
      <c r="NDT728" s="424"/>
      <c r="NDU728" s="423" t="s">
        <v>2795</v>
      </c>
      <c r="NDV728" s="424"/>
      <c r="NDW728" s="424"/>
      <c r="NDX728" s="424"/>
      <c r="NDY728" s="423" t="s">
        <v>2795</v>
      </c>
      <c r="NDZ728" s="424"/>
      <c r="NEA728" s="424"/>
      <c r="NEB728" s="424"/>
      <c r="NEC728" s="423" t="s">
        <v>2795</v>
      </c>
      <c r="NED728" s="424"/>
      <c r="NEE728" s="424"/>
      <c r="NEF728" s="424"/>
      <c r="NEG728" s="423" t="s">
        <v>2795</v>
      </c>
      <c r="NEH728" s="424"/>
      <c r="NEI728" s="424"/>
      <c r="NEJ728" s="424"/>
      <c r="NEK728" s="423" t="s">
        <v>2795</v>
      </c>
      <c r="NEL728" s="424"/>
      <c r="NEM728" s="424"/>
      <c r="NEN728" s="424"/>
      <c r="NEO728" s="423" t="s">
        <v>2795</v>
      </c>
      <c r="NEP728" s="424"/>
      <c r="NEQ728" s="424"/>
      <c r="NER728" s="424"/>
      <c r="NES728" s="423" t="s">
        <v>2795</v>
      </c>
      <c r="NET728" s="424"/>
      <c r="NEU728" s="424"/>
      <c r="NEV728" s="424"/>
      <c r="NEW728" s="423" t="s">
        <v>2795</v>
      </c>
      <c r="NEX728" s="424"/>
      <c r="NEY728" s="424"/>
      <c r="NEZ728" s="424"/>
      <c r="NFA728" s="423" t="s">
        <v>2795</v>
      </c>
      <c r="NFB728" s="424"/>
      <c r="NFC728" s="424"/>
      <c r="NFD728" s="424"/>
      <c r="NFE728" s="423" t="s">
        <v>2795</v>
      </c>
      <c r="NFF728" s="424"/>
      <c r="NFG728" s="424"/>
      <c r="NFH728" s="424"/>
      <c r="NFI728" s="423" t="s">
        <v>2795</v>
      </c>
      <c r="NFJ728" s="424"/>
      <c r="NFK728" s="424"/>
      <c r="NFL728" s="424"/>
      <c r="NFM728" s="423" t="s">
        <v>2795</v>
      </c>
      <c r="NFN728" s="424"/>
      <c r="NFO728" s="424"/>
      <c r="NFP728" s="424"/>
      <c r="NFQ728" s="423" t="s">
        <v>2795</v>
      </c>
      <c r="NFR728" s="424"/>
      <c r="NFS728" s="424"/>
      <c r="NFT728" s="424"/>
      <c r="NFU728" s="423" t="s">
        <v>2795</v>
      </c>
      <c r="NFV728" s="424"/>
      <c r="NFW728" s="424"/>
      <c r="NFX728" s="424"/>
      <c r="NFY728" s="423" t="s">
        <v>2795</v>
      </c>
      <c r="NFZ728" s="424"/>
      <c r="NGA728" s="424"/>
      <c r="NGB728" s="424"/>
      <c r="NGC728" s="423" t="s">
        <v>2795</v>
      </c>
      <c r="NGD728" s="424"/>
      <c r="NGE728" s="424"/>
      <c r="NGF728" s="424"/>
      <c r="NGG728" s="423" t="s">
        <v>2795</v>
      </c>
      <c r="NGH728" s="424"/>
      <c r="NGI728" s="424"/>
      <c r="NGJ728" s="424"/>
      <c r="NGK728" s="423" t="s">
        <v>2795</v>
      </c>
      <c r="NGL728" s="424"/>
      <c r="NGM728" s="424"/>
      <c r="NGN728" s="424"/>
      <c r="NGO728" s="423" t="s">
        <v>2795</v>
      </c>
      <c r="NGP728" s="424"/>
      <c r="NGQ728" s="424"/>
      <c r="NGR728" s="424"/>
      <c r="NGS728" s="423" t="s">
        <v>2795</v>
      </c>
      <c r="NGT728" s="424"/>
      <c r="NGU728" s="424"/>
      <c r="NGV728" s="424"/>
      <c r="NGW728" s="423" t="s">
        <v>2795</v>
      </c>
      <c r="NGX728" s="424"/>
      <c r="NGY728" s="424"/>
      <c r="NGZ728" s="424"/>
      <c r="NHA728" s="423" t="s">
        <v>2795</v>
      </c>
      <c r="NHB728" s="424"/>
      <c r="NHC728" s="424"/>
      <c r="NHD728" s="424"/>
      <c r="NHE728" s="423" t="s">
        <v>2795</v>
      </c>
      <c r="NHF728" s="424"/>
      <c r="NHG728" s="424"/>
      <c r="NHH728" s="424"/>
      <c r="NHI728" s="423" t="s">
        <v>2795</v>
      </c>
      <c r="NHJ728" s="424"/>
      <c r="NHK728" s="424"/>
      <c r="NHL728" s="424"/>
      <c r="NHM728" s="423" t="s">
        <v>2795</v>
      </c>
      <c r="NHN728" s="424"/>
      <c r="NHO728" s="424"/>
      <c r="NHP728" s="424"/>
      <c r="NHQ728" s="423" t="s">
        <v>2795</v>
      </c>
      <c r="NHR728" s="424"/>
      <c r="NHS728" s="424"/>
      <c r="NHT728" s="424"/>
      <c r="NHU728" s="423" t="s">
        <v>2795</v>
      </c>
      <c r="NHV728" s="424"/>
      <c r="NHW728" s="424"/>
      <c r="NHX728" s="424"/>
      <c r="NHY728" s="423" t="s">
        <v>2795</v>
      </c>
      <c r="NHZ728" s="424"/>
      <c r="NIA728" s="424"/>
      <c r="NIB728" s="424"/>
      <c r="NIC728" s="423" t="s">
        <v>2795</v>
      </c>
      <c r="NID728" s="424"/>
      <c r="NIE728" s="424"/>
      <c r="NIF728" s="424"/>
      <c r="NIG728" s="423" t="s">
        <v>2795</v>
      </c>
      <c r="NIH728" s="424"/>
      <c r="NII728" s="424"/>
      <c r="NIJ728" s="424"/>
      <c r="NIK728" s="423" t="s">
        <v>2795</v>
      </c>
      <c r="NIL728" s="424"/>
      <c r="NIM728" s="424"/>
      <c r="NIN728" s="424"/>
      <c r="NIO728" s="423" t="s">
        <v>2795</v>
      </c>
      <c r="NIP728" s="424"/>
      <c r="NIQ728" s="424"/>
      <c r="NIR728" s="424"/>
      <c r="NIS728" s="423" t="s">
        <v>2795</v>
      </c>
      <c r="NIT728" s="424"/>
      <c r="NIU728" s="424"/>
      <c r="NIV728" s="424"/>
      <c r="NIW728" s="423" t="s">
        <v>2795</v>
      </c>
      <c r="NIX728" s="424"/>
      <c r="NIY728" s="424"/>
      <c r="NIZ728" s="424"/>
      <c r="NJA728" s="423" t="s">
        <v>2795</v>
      </c>
      <c r="NJB728" s="424"/>
      <c r="NJC728" s="424"/>
      <c r="NJD728" s="424"/>
      <c r="NJE728" s="423" t="s">
        <v>2795</v>
      </c>
      <c r="NJF728" s="424"/>
      <c r="NJG728" s="424"/>
      <c r="NJH728" s="424"/>
      <c r="NJI728" s="423" t="s">
        <v>2795</v>
      </c>
      <c r="NJJ728" s="424"/>
      <c r="NJK728" s="424"/>
      <c r="NJL728" s="424"/>
      <c r="NJM728" s="423" t="s">
        <v>2795</v>
      </c>
      <c r="NJN728" s="424"/>
      <c r="NJO728" s="424"/>
      <c r="NJP728" s="424"/>
      <c r="NJQ728" s="423" t="s">
        <v>2795</v>
      </c>
      <c r="NJR728" s="424"/>
      <c r="NJS728" s="424"/>
      <c r="NJT728" s="424"/>
      <c r="NJU728" s="423" t="s">
        <v>2795</v>
      </c>
      <c r="NJV728" s="424"/>
      <c r="NJW728" s="424"/>
      <c r="NJX728" s="424"/>
      <c r="NJY728" s="423" t="s">
        <v>2795</v>
      </c>
      <c r="NJZ728" s="424"/>
      <c r="NKA728" s="424"/>
      <c r="NKB728" s="424"/>
      <c r="NKC728" s="423" t="s">
        <v>2795</v>
      </c>
      <c r="NKD728" s="424"/>
      <c r="NKE728" s="424"/>
      <c r="NKF728" s="424"/>
      <c r="NKG728" s="423" t="s">
        <v>2795</v>
      </c>
      <c r="NKH728" s="424"/>
      <c r="NKI728" s="424"/>
      <c r="NKJ728" s="424"/>
      <c r="NKK728" s="423" t="s">
        <v>2795</v>
      </c>
      <c r="NKL728" s="424"/>
      <c r="NKM728" s="424"/>
      <c r="NKN728" s="424"/>
      <c r="NKO728" s="423" t="s">
        <v>2795</v>
      </c>
      <c r="NKP728" s="424"/>
      <c r="NKQ728" s="424"/>
      <c r="NKR728" s="424"/>
      <c r="NKS728" s="423" t="s">
        <v>2795</v>
      </c>
      <c r="NKT728" s="424"/>
      <c r="NKU728" s="424"/>
      <c r="NKV728" s="424"/>
      <c r="NKW728" s="423" t="s">
        <v>2795</v>
      </c>
      <c r="NKX728" s="424"/>
      <c r="NKY728" s="424"/>
      <c r="NKZ728" s="424"/>
      <c r="NLA728" s="423" t="s">
        <v>2795</v>
      </c>
      <c r="NLB728" s="424"/>
      <c r="NLC728" s="424"/>
      <c r="NLD728" s="424"/>
      <c r="NLE728" s="423" t="s">
        <v>2795</v>
      </c>
      <c r="NLF728" s="424"/>
      <c r="NLG728" s="424"/>
      <c r="NLH728" s="424"/>
      <c r="NLI728" s="423" t="s">
        <v>2795</v>
      </c>
      <c r="NLJ728" s="424"/>
      <c r="NLK728" s="424"/>
      <c r="NLL728" s="424"/>
      <c r="NLM728" s="423" t="s">
        <v>2795</v>
      </c>
      <c r="NLN728" s="424"/>
      <c r="NLO728" s="424"/>
      <c r="NLP728" s="424"/>
      <c r="NLQ728" s="423" t="s">
        <v>2795</v>
      </c>
      <c r="NLR728" s="424"/>
      <c r="NLS728" s="424"/>
      <c r="NLT728" s="424"/>
      <c r="NLU728" s="423" t="s">
        <v>2795</v>
      </c>
      <c r="NLV728" s="424"/>
      <c r="NLW728" s="424"/>
      <c r="NLX728" s="424"/>
      <c r="NLY728" s="423" t="s">
        <v>2795</v>
      </c>
      <c r="NLZ728" s="424"/>
      <c r="NMA728" s="424"/>
      <c r="NMB728" s="424"/>
      <c r="NMC728" s="423" t="s">
        <v>2795</v>
      </c>
      <c r="NMD728" s="424"/>
      <c r="NME728" s="424"/>
      <c r="NMF728" s="424"/>
      <c r="NMG728" s="423" t="s">
        <v>2795</v>
      </c>
      <c r="NMH728" s="424"/>
      <c r="NMI728" s="424"/>
      <c r="NMJ728" s="424"/>
      <c r="NMK728" s="423" t="s">
        <v>2795</v>
      </c>
      <c r="NML728" s="424"/>
      <c r="NMM728" s="424"/>
      <c r="NMN728" s="424"/>
      <c r="NMO728" s="423" t="s">
        <v>2795</v>
      </c>
      <c r="NMP728" s="424"/>
      <c r="NMQ728" s="424"/>
      <c r="NMR728" s="424"/>
      <c r="NMS728" s="423" t="s">
        <v>2795</v>
      </c>
      <c r="NMT728" s="424"/>
      <c r="NMU728" s="424"/>
      <c r="NMV728" s="424"/>
      <c r="NMW728" s="423" t="s">
        <v>2795</v>
      </c>
      <c r="NMX728" s="424"/>
      <c r="NMY728" s="424"/>
      <c r="NMZ728" s="424"/>
      <c r="NNA728" s="423" t="s">
        <v>2795</v>
      </c>
      <c r="NNB728" s="424"/>
      <c r="NNC728" s="424"/>
      <c r="NND728" s="424"/>
      <c r="NNE728" s="423" t="s">
        <v>2795</v>
      </c>
      <c r="NNF728" s="424"/>
      <c r="NNG728" s="424"/>
      <c r="NNH728" s="424"/>
      <c r="NNI728" s="423" t="s">
        <v>2795</v>
      </c>
      <c r="NNJ728" s="424"/>
      <c r="NNK728" s="424"/>
      <c r="NNL728" s="424"/>
      <c r="NNM728" s="423" t="s">
        <v>2795</v>
      </c>
      <c r="NNN728" s="424"/>
      <c r="NNO728" s="424"/>
      <c r="NNP728" s="424"/>
      <c r="NNQ728" s="423" t="s">
        <v>2795</v>
      </c>
      <c r="NNR728" s="424"/>
      <c r="NNS728" s="424"/>
      <c r="NNT728" s="424"/>
      <c r="NNU728" s="423" t="s">
        <v>2795</v>
      </c>
      <c r="NNV728" s="424"/>
      <c r="NNW728" s="424"/>
      <c r="NNX728" s="424"/>
      <c r="NNY728" s="423" t="s">
        <v>2795</v>
      </c>
      <c r="NNZ728" s="424"/>
      <c r="NOA728" s="424"/>
      <c r="NOB728" s="424"/>
      <c r="NOC728" s="423" t="s">
        <v>2795</v>
      </c>
      <c r="NOD728" s="424"/>
      <c r="NOE728" s="424"/>
      <c r="NOF728" s="424"/>
      <c r="NOG728" s="423" t="s">
        <v>2795</v>
      </c>
      <c r="NOH728" s="424"/>
      <c r="NOI728" s="424"/>
      <c r="NOJ728" s="424"/>
      <c r="NOK728" s="423" t="s">
        <v>2795</v>
      </c>
      <c r="NOL728" s="424"/>
      <c r="NOM728" s="424"/>
      <c r="NON728" s="424"/>
      <c r="NOO728" s="423" t="s">
        <v>2795</v>
      </c>
      <c r="NOP728" s="424"/>
      <c r="NOQ728" s="424"/>
      <c r="NOR728" s="424"/>
      <c r="NOS728" s="423" t="s">
        <v>2795</v>
      </c>
      <c r="NOT728" s="424"/>
      <c r="NOU728" s="424"/>
      <c r="NOV728" s="424"/>
      <c r="NOW728" s="423" t="s">
        <v>2795</v>
      </c>
      <c r="NOX728" s="424"/>
      <c r="NOY728" s="424"/>
      <c r="NOZ728" s="424"/>
      <c r="NPA728" s="423" t="s">
        <v>2795</v>
      </c>
      <c r="NPB728" s="424"/>
      <c r="NPC728" s="424"/>
      <c r="NPD728" s="424"/>
      <c r="NPE728" s="423" t="s">
        <v>2795</v>
      </c>
      <c r="NPF728" s="424"/>
      <c r="NPG728" s="424"/>
      <c r="NPH728" s="424"/>
      <c r="NPI728" s="423" t="s">
        <v>2795</v>
      </c>
      <c r="NPJ728" s="424"/>
      <c r="NPK728" s="424"/>
      <c r="NPL728" s="424"/>
      <c r="NPM728" s="423" t="s">
        <v>2795</v>
      </c>
      <c r="NPN728" s="424"/>
      <c r="NPO728" s="424"/>
      <c r="NPP728" s="424"/>
      <c r="NPQ728" s="423" t="s">
        <v>2795</v>
      </c>
      <c r="NPR728" s="424"/>
      <c r="NPS728" s="424"/>
      <c r="NPT728" s="424"/>
      <c r="NPU728" s="423" t="s">
        <v>2795</v>
      </c>
      <c r="NPV728" s="424"/>
      <c r="NPW728" s="424"/>
      <c r="NPX728" s="424"/>
      <c r="NPY728" s="423" t="s">
        <v>2795</v>
      </c>
      <c r="NPZ728" s="424"/>
      <c r="NQA728" s="424"/>
      <c r="NQB728" s="424"/>
      <c r="NQC728" s="423" t="s">
        <v>2795</v>
      </c>
      <c r="NQD728" s="424"/>
      <c r="NQE728" s="424"/>
      <c r="NQF728" s="424"/>
      <c r="NQG728" s="423" t="s">
        <v>2795</v>
      </c>
      <c r="NQH728" s="424"/>
      <c r="NQI728" s="424"/>
      <c r="NQJ728" s="424"/>
      <c r="NQK728" s="423" t="s">
        <v>2795</v>
      </c>
      <c r="NQL728" s="424"/>
      <c r="NQM728" s="424"/>
      <c r="NQN728" s="424"/>
      <c r="NQO728" s="423" t="s">
        <v>2795</v>
      </c>
      <c r="NQP728" s="424"/>
      <c r="NQQ728" s="424"/>
      <c r="NQR728" s="424"/>
      <c r="NQS728" s="423" t="s">
        <v>2795</v>
      </c>
      <c r="NQT728" s="424"/>
      <c r="NQU728" s="424"/>
      <c r="NQV728" s="424"/>
      <c r="NQW728" s="423" t="s">
        <v>2795</v>
      </c>
      <c r="NQX728" s="424"/>
      <c r="NQY728" s="424"/>
      <c r="NQZ728" s="424"/>
      <c r="NRA728" s="423" t="s">
        <v>2795</v>
      </c>
      <c r="NRB728" s="424"/>
      <c r="NRC728" s="424"/>
      <c r="NRD728" s="424"/>
      <c r="NRE728" s="423" t="s">
        <v>2795</v>
      </c>
      <c r="NRF728" s="424"/>
      <c r="NRG728" s="424"/>
      <c r="NRH728" s="424"/>
      <c r="NRI728" s="423" t="s">
        <v>2795</v>
      </c>
      <c r="NRJ728" s="424"/>
      <c r="NRK728" s="424"/>
      <c r="NRL728" s="424"/>
      <c r="NRM728" s="423" t="s">
        <v>2795</v>
      </c>
      <c r="NRN728" s="424"/>
      <c r="NRO728" s="424"/>
      <c r="NRP728" s="424"/>
      <c r="NRQ728" s="423" t="s">
        <v>2795</v>
      </c>
      <c r="NRR728" s="424"/>
      <c r="NRS728" s="424"/>
      <c r="NRT728" s="424"/>
      <c r="NRU728" s="423" t="s">
        <v>2795</v>
      </c>
      <c r="NRV728" s="424"/>
      <c r="NRW728" s="424"/>
      <c r="NRX728" s="424"/>
      <c r="NRY728" s="423" t="s">
        <v>2795</v>
      </c>
      <c r="NRZ728" s="424"/>
      <c r="NSA728" s="424"/>
      <c r="NSB728" s="424"/>
      <c r="NSC728" s="423" t="s">
        <v>2795</v>
      </c>
      <c r="NSD728" s="424"/>
      <c r="NSE728" s="424"/>
      <c r="NSF728" s="424"/>
      <c r="NSG728" s="423" t="s">
        <v>2795</v>
      </c>
      <c r="NSH728" s="424"/>
      <c r="NSI728" s="424"/>
      <c r="NSJ728" s="424"/>
      <c r="NSK728" s="423" t="s">
        <v>2795</v>
      </c>
      <c r="NSL728" s="424"/>
      <c r="NSM728" s="424"/>
      <c r="NSN728" s="424"/>
      <c r="NSO728" s="423" t="s">
        <v>2795</v>
      </c>
      <c r="NSP728" s="424"/>
      <c r="NSQ728" s="424"/>
      <c r="NSR728" s="424"/>
      <c r="NSS728" s="423" t="s">
        <v>2795</v>
      </c>
      <c r="NST728" s="424"/>
      <c r="NSU728" s="424"/>
      <c r="NSV728" s="424"/>
      <c r="NSW728" s="423" t="s">
        <v>2795</v>
      </c>
      <c r="NSX728" s="424"/>
      <c r="NSY728" s="424"/>
      <c r="NSZ728" s="424"/>
      <c r="NTA728" s="423" t="s">
        <v>2795</v>
      </c>
      <c r="NTB728" s="424"/>
      <c r="NTC728" s="424"/>
      <c r="NTD728" s="424"/>
      <c r="NTE728" s="423" t="s">
        <v>2795</v>
      </c>
      <c r="NTF728" s="424"/>
      <c r="NTG728" s="424"/>
      <c r="NTH728" s="424"/>
      <c r="NTI728" s="423" t="s">
        <v>2795</v>
      </c>
      <c r="NTJ728" s="424"/>
      <c r="NTK728" s="424"/>
      <c r="NTL728" s="424"/>
      <c r="NTM728" s="423" t="s">
        <v>2795</v>
      </c>
      <c r="NTN728" s="424"/>
      <c r="NTO728" s="424"/>
      <c r="NTP728" s="424"/>
      <c r="NTQ728" s="423" t="s">
        <v>2795</v>
      </c>
      <c r="NTR728" s="424"/>
      <c r="NTS728" s="424"/>
      <c r="NTT728" s="424"/>
      <c r="NTU728" s="423" t="s">
        <v>2795</v>
      </c>
      <c r="NTV728" s="424"/>
      <c r="NTW728" s="424"/>
      <c r="NTX728" s="424"/>
      <c r="NTY728" s="423" t="s">
        <v>2795</v>
      </c>
      <c r="NTZ728" s="424"/>
      <c r="NUA728" s="424"/>
      <c r="NUB728" s="424"/>
      <c r="NUC728" s="423" t="s">
        <v>2795</v>
      </c>
      <c r="NUD728" s="424"/>
      <c r="NUE728" s="424"/>
      <c r="NUF728" s="424"/>
      <c r="NUG728" s="423" t="s">
        <v>2795</v>
      </c>
      <c r="NUH728" s="424"/>
      <c r="NUI728" s="424"/>
      <c r="NUJ728" s="424"/>
      <c r="NUK728" s="423" t="s">
        <v>2795</v>
      </c>
      <c r="NUL728" s="424"/>
      <c r="NUM728" s="424"/>
      <c r="NUN728" s="424"/>
      <c r="NUO728" s="423" t="s">
        <v>2795</v>
      </c>
      <c r="NUP728" s="424"/>
      <c r="NUQ728" s="424"/>
      <c r="NUR728" s="424"/>
      <c r="NUS728" s="423" t="s">
        <v>2795</v>
      </c>
      <c r="NUT728" s="424"/>
      <c r="NUU728" s="424"/>
      <c r="NUV728" s="424"/>
      <c r="NUW728" s="423" t="s">
        <v>2795</v>
      </c>
      <c r="NUX728" s="424"/>
      <c r="NUY728" s="424"/>
      <c r="NUZ728" s="424"/>
      <c r="NVA728" s="423" t="s">
        <v>2795</v>
      </c>
      <c r="NVB728" s="424"/>
      <c r="NVC728" s="424"/>
      <c r="NVD728" s="424"/>
      <c r="NVE728" s="423" t="s">
        <v>2795</v>
      </c>
      <c r="NVF728" s="424"/>
      <c r="NVG728" s="424"/>
      <c r="NVH728" s="424"/>
      <c r="NVI728" s="423" t="s">
        <v>2795</v>
      </c>
      <c r="NVJ728" s="424"/>
      <c r="NVK728" s="424"/>
      <c r="NVL728" s="424"/>
      <c r="NVM728" s="423" t="s">
        <v>2795</v>
      </c>
      <c r="NVN728" s="424"/>
      <c r="NVO728" s="424"/>
      <c r="NVP728" s="424"/>
      <c r="NVQ728" s="423" t="s">
        <v>2795</v>
      </c>
      <c r="NVR728" s="424"/>
      <c r="NVS728" s="424"/>
      <c r="NVT728" s="424"/>
      <c r="NVU728" s="423" t="s">
        <v>2795</v>
      </c>
      <c r="NVV728" s="424"/>
      <c r="NVW728" s="424"/>
      <c r="NVX728" s="424"/>
      <c r="NVY728" s="423" t="s">
        <v>2795</v>
      </c>
      <c r="NVZ728" s="424"/>
      <c r="NWA728" s="424"/>
      <c r="NWB728" s="424"/>
      <c r="NWC728" s="423" t="s">
        <v>2795</v>
      </c>
      <c r="NWD728" s="424"/>
      <c r="NWE728" s="424"/>
      <c r="NWF728" s="424"/>
      <c r="NWG728" s="423" t="s">
        <v>2795</v>
      </c>
      <c r="NWH728" s="424"/>
      <c r="NWI728" s="424"/>
      <c r="NWJ728" s="424"/>
      <c r="NWK728" s="423" t="s">
        <v>2795</v>
      </c>
      <c r="NWL728" s="424"/>
      <c r="NWM728" s="424"/>
      <c r="NWN728" s="424"/>
      <c r="NWO728" s="423" t="s">
        <v>2795</v>
      </c>
      <c r="NWP728" s="424"/>
      <c r="NWQ728" s="424"/>
      <c r="NWR728" s="424"/>
      <c r="NWS728" s="423" t="s">
        <v>2795</v>
      </c>
      <c r="NWT728" s="424"/>
      <c r="NWU728" s="424"/>
      <c r="NWV728" s="424"/>
      <c r="NWW728" s="423" t="s">
        <v>2795</v>
      </c>
      <c r="NWX728" s="424"/>
      <c r="NWY728" s="424"/>
      <c r="NWZ728" s="424"/>
      <c r="NXA728" s="423" t="s">
        <v>2795</v>
      </c>
      <c r="NXB728" s="424"/>
      <c r="NXC728" s="424"/>
      <c r="NXD728" s="424"/>
      <c r="NXE728" s="423" t="s">
        <v>2795</v>
      </c>
      <c r="NXF728" s="424"/>
      <c r="NXG728" s="424"/>
      <c r="NXH728" s="424"/>
      <c r="NXI728" s="423" t="s">
        <v>2795</v>
      </c>
      <c r="NXJ728" s="424"/>
      <c r="NXK728" s="424"/>
      <c r="NXL728" s="424"/>
      <c r="NXM728" s="423" t="s">
        <v>2795</v>
      </c>
      <c r="NXN728" s="424"/>
      <c r="NXO728" s="424"/>
      <c r="NXP728" s="424"/>
      <c r="NXQ728" s="423" t="s">
        <v>2795</v>
      </c>
      <c r="NXR728" s="424"/>
      <c r="NXS728" s="424"/>
      <c r="NXT728" s="424"/>
      <c r="NXU728" s="423" t="s">
        <v>2795</v>
      </c>
      <c r="NXV728" s="424"/>
      <c r="NXW728" s="424"/>
      <c r="NXX728" s="424"/>
      <c r="NXY728" s="423" t="s">
        <v>2795</v>
      </c>
      <c r="NXZ728" s="424"/>
      <c r="NYA728" s="424"/>
      <c r="NYB728" s="424"/>
      <c r="NYC728" s="423" t="s">
        <v>2795</v>
      </c>
      <c r="NYD728" s="424"/>
      <c r="NYE728" s="424"/>
      <c r="NYF728" s="424"/>
      <c r="NYG728" s="423" t="s">
        <v>2795</v>
      </c>
      <c r="NYH728" s="424"/>
      <c r="NYI728" s="424"/>
      <c r="NYJ728" s="424"/>
      <c r="NYK728" s="423" t="s">
        <v>2795</v>
      </c>
      <c r="NYL728" s="424"/>
      <c r="NYM728" s="424"/>
      <c r="NYN728" s="424"/>
      <c r="NYO728" s="423" t="s">
        <v>2795</v>
      </c>
      <c r="NYP728" s="424"/>
      <c r="NYQ728" s="424"/>
      <c r="NYR728" s="424"/>
      <c r="NYS728" s="423" t="s">
        <v>2795</v>
      </c>
      <c r="NYT728" s="424"/>
      <c r="NYU728" s="424"/>
      <c r="NYV728" s="424"/>
      <c r="NYW728" s="423" t="s">
        <v>2795</v>
      </c>
      <c r="NYX728" s="424"/>
      <c r="NYY728" s="424"/>
      <c r="NYZ728" s="424"/>
      <c r="NZA728" s="423" t="s">
        <v>2795</v>
      </c>
      <c r="NZB728" s="424"/>
      <c r="NZC728" s="424"/>
      <c r="NZD728" s="424"/>
      <c r="NZE728" s="423" t="s">
        <v>2795</v>
      </c>
      <c r="NZF728" s="424"/>
      <c r="NZG728" s="424"/>
      <c r="NZH728" s="424"/>
      <c r="NZI728" s="423" t="s">
        <v>2795</v>
      </c>
      <c r="NZJ728" s="424"/>
      <c r="NZK728" s="424"/>
      <c r="NZL728" s="424"/>
      <c r="NZM728" s="423" t="s">
        <v>2795</v>
      </c>
      <c r="NZN728" s="424"/>
      <c r="NZO728" s="424"/>
      <c r="NZP728" s="424"/>
      <c r="NZQ728" s="423" t="s">
        <v>2795</v>
      </c>
      <c r="NZR728" s="424"/>
      <c r="NZS728" s="424"/>
      <c r="NZT728" s="424"/>
      <c r="NZU728" s="423" t="s">
        <v>2795</v>
      </c>
      <c r="NZV728" s="424"/>
      <c r="NZW728" s="424"/>
      <c r="NZX728" s="424"/>
      <c r="NZY728" s="423" t="s">
        <v>2795</v>
      </c>
      <c r="NZZ728" s="424"/>
      <c r="OAA728" s="424"/>
      <c r="OAB728" s="424"/>
      <c r="OAC728" s="423" t="s">
        <v>2795</v>
      </c>
      <c r="OAD728" s="424"/>
      <c r="OAE728" s="424"/>
      <c r="OAF728" s="424"/>
      <c r="OAG728" s="423" t="s">
        <v>2795</v>
      </c>
      <c r="OAH728" s="424"/>
      <c r="OAI728" s="424"/>
      <c r="OAJ728" s="424"/>
      <c r="OAK728" s="423" t="s">
        <v>2795</v>
      </c>
      <c r="OAL728" s="424"/>
      <c r="OAM728" s="424"/>
      <c r="OAN728" s="424"/>
      <c r="OAO728" s="423" t="s">
        <v>2795</v>
      </c>
      <c r="OAP728" s="424"/>
      <c r="OAQ728" s="424"/>
      <c r="OAR728" s="424"/>
      <c r="OAS728" s="423" t="s">
        <v>2795</v>
      </c>
      <c r="OAT728" s="424"/>
      <c r="OAU728" s="424"/>
      <c r="OAV728" s="424"/>
      <c r="OAW728" s="423" t="s">
        <v>2795</v>
      </c>
      <c r="OAX728" s="424"/>
      <c r="OAY728" s="424"/>
      <c r="OAZ728" s="424"/>
      <c r="OBA728" s="423" t="s">
        <v>2795</v>
      </c>
      <c r="OBB728" s="424"/>
      <c r="OBC728" s="424"/>
      <c r="OBD728" s="424"/>
      <c r="OBE728" s="423" t="s">
        <v>2795</v>
      </c>
      <c r="OBF728" s="424"/>
      <c r="OBG728" s="424"/>
      <c r="OBH728" s="424"/>
      <c r="OBI728" s="423" t="s">
        <v>2795</v>
      </c>
      <c r="OBJ728" s="424"/>
      <c r="OBK728" s="424"/>
      <c r="OBL728" s="424"/>
      <c r="OBM728" s="423" t="s">
        <v>2795</v>
      </c>
      <c r="OBN728" s="424"/>
      <c r="OBO728" s="424"/>
      <c r="OBP728" s="424"/>
      <c r="OBQ728" s="423" t="s">
        <v>2795</v>
      </c>
      <c r="OBR728" s="424"/>
      <c r="OBS728" s="424"/>
      <c r="OBT728" s="424"/>
      <c r="OBU728" s="423" t="s">
        <v>2795</v>
      </c>
      <c r="OBV728" s="424"/>
      <c r="OBW728" s="424"/>
      <c r="OBX728" s="424"/>
      <c r="OBY728" s="423" t="s">
        <v>2795</v>
      </c>
      <c r="OBZ728" s="424"/>
      <c r="OCA728" s="424"/>
      <c r="OCB728" s="424"/>
      <c r="OCC728" s="423" t="s">
        <v>2795</v>
      </c>
      <c r="OCD728" s="424"/>
      <c r="OCE728" s="424"/>
      <c r="OCF728" s="424"/>
      <c r="OCG728" s="423" t="s">
        <v>2795</v>
      </c>
      <c r="OCH728" s="424"/>
      <c r="OCI728" s="424"/>
      <c r="OCJ728" s="424"/>
      <c r="OCK728" s="423" t="s">
        <v>2795</v>
      </c>
      <c r="OCL728" s="424"/>
      <c r="OCM728" s="424"/>
      <c r="OCN728" s="424"/>
      <c r="OCO728" s="423" t="s">
        <v>2795</v>
      </c>
      <c r="OCP728" s="424"/>
      <c r="OCQ728" s="424"/>
      <c r="OCR728" s="424"/>
      <c r="OCS728" s="423" t="s">
        <v>2795</v>
      </c>
      <c r="OCT728" s="424"/>
      <c r="OCU728" s="424"/>
      <c r="OCV728" s="424"/>
      <c r="OCW728" s="423" t="s">
        <v>2795</v>
      </c>
      <c r="OCX728" s="424"/>
      <c r="OCY728" s="424"/>
      <c r="OCZ728" s="424"/>
      <c r="ODA728" s="423" t="s">
        <v>2795</v>
      </c>
      <c r="ODB728" s="424"/>
      <c r="ODC728" s="424"/>
      <c r="ODD728" s="424"/>
      <c r="ODE728" s="423" t="s">
        <v>2795</v>
      </c>
      <c r="ODF728" s="424"/>
      <c r="ODG728" s="424"/>
      <c r="ODH728" s="424"/>
      <c r="ODI728" s="423" t="s">
        <v>2795</v>
      </c>
      <c r="ODJ728" s="424"/>
      <c r="ODK728" s="424"/>
      <c r="ODL728" s="424"/>
      <c r="ODM728" s="423" t="s">
        <v>2795</v>
      </c>
      <c r="ODN728" s="424"/>
      <c r="ODO728" s="424"/>
      <c r="ODP728" s="424"/>
      <c r="ODQ728" s="423" t="s">
        <v>2795</v>
      </c>
      <c r="ODR728" s="424"/>
      <c r="ODS728" s="424"/>
      <c r="ODT728" s="424"/>
      <c r="ODU728" s="423" t="s">
        <v>2795</v>
      </c>
      <c r="ODV728" s="424"/>
      <c r="ODW728" s="424"/>
      <c r="ODX728" s="424"/>
      <c r="ODY728" s="423" t="s">
        <v>2795</v>
      </c>
      <c r="ODZ728" s="424"/>
      <c r="OEA728" s="424"/>
      <c r="OEB728" s="424"/>
      <c r="OEC728" s="423" t="s">
        <v>2795</v>
      </c>
      <c r="OED728" s="424"/>
      <c r="OEE728" s="424"/>
      <c r="OEF728" s="424"/>
      <c r="OEG728" s="423" t="s">
        <v>2795</v>
      </c>
      <c r="OEH728" s="424"/>
      <c r="OEI728" s="424"/>
      <c r="OEJ728" s="424"/>
      <c r="OEK728" s="423" t="s">
        <v>2795</v>
      </c>
      <c r="OEL728" s="424"/>
      <c r="OEM728" s="424"/>
      <c r="OEN728" s="424"/>
      <c r="OEO728" s="423" t="s">
        <v>2795</v>
      </c>
      <c r="OEP728" s="424"/>
      <c r="OEQ728" s="424"/>
      <c r="OER728" s="424"/>
      <c r="OES728" s="423" t="s">
        <v>2795</v>
      </c>
      <c r="OET728" s="424"/>
      <c r="OEU728" s="424"/>
      <c r="OEV728" s="424"/>
      <c r="OEW728" s="423" t="s">
        <v>2795</v>
      </c>
      <c r="OEX728" s="424"/>
      <c r="OEY728" s="424"/>
      <c r="OEZ728" s="424"/>
      <c r="OFA728" s="423" t="s">
        <v>2795</v>
      </c>
      <c r="OFB728" s="424"/>
      <c r="OFC728" s="424"/>
      <c r="OFD728" s="424"/>
      <c r="OFE728" s="423" t="s">
        <v>2795</v>
      </c>
      <c r="OFF728" s="424"/>
      <c r="OFG728" s="424"/>
      <c r="OFH728" s="424"/>
      <c r="OFI728" s="423" t="s">
        <v>2795</v>
      </c>
      <c r="OFJ728" s="424"/>
      <c r="OFK728" s="424"/>
      <c r="OFL728" s="424"/>
      <c r="OFM728" s="423" t="s">
        <v>2795</v>
      </c>
      <c r="OFN728" s="424"/>
      <c r="OFO728" s="424"/>
      <c r="OFP728" s="424"/>
      <c r="OFQ728" s="423" t="s">
        <v>2795</v>
      </c>
      <c r="OFR728" s="424"/>
      <c r="OFS728" s="424"/>
      <c r="OFT728" s="424"/>
      <c r="OFU728" s="423" t="s">
        <v>2795</v>
      </c>
      <c r="OFV728" s="424"/>
      <c r="OFW728" s="424"/>
      <c r="OFX728" s="424"/>
      <c r="OFY728" s="423" t="s">
        <v>2795</v>
      </c>
      <c r="OFZ728" s="424"/>
      <c r="OGA728" s="424"/>
      <c r="OGB728" s="424"/>
      <c r="OGC728" s="423" t="s">
        <v>2795</v>
      </c>
      <c r="OGD728" s="424"/>
      <c r="OGE728" s="424"/>
      <c r="OGF728" s="424"/>
      <c r="OGG728" s="423" t="s">
        <v>2795</v>
      </c>
      <c r="OGH728" s="424"/>
      <c r="OGI728" s="424"/>
      <c r="OGJ728" s="424"/>
      <c r="OGK728" s="423" t="s">
        <v>2795</v>
      </c>
      <c r="OGL728" s="424"/>
      <c r="OGM728" s="424"/>
      <c r="OGN728" s="424"/>
      <c r="OGO728" s="423" t="s">
        <v>2795</v>
      </c>
      <c r="OGP728" s="424"/>
      <c r="OGQ728" s="424"/>
      <c r="OGR728" s="424"/>
      <c r="OGS728" s="423" t="s">
        <v>2795</v>
      </c>
      <c r="OGT728" s="424"/>
      <c r="OGU728" s="424"/>
      <c r="OGV728" s="424"/>
      <c r="OGW728" s="423" t="s">
        <v>2795</v>
      </c>
      <c r="OGX728" s="424"/>
      <c r="OGY728" s="424"/>
      <c r="OGZ728" s="424"/>
      <c r="OHA728" s="423" t="s">
        <v>2795</v>
      </c>
      <c r="OHB728" s="424"/>
      <c r="OHC728" s="424"/>
      <c r="OHD728" s="424"/>
      <c r="OHE728" s="423" t="s">
        <v>2795</v>
      </c>
      <c r="OHF728" s="424"/>
      <c r="OHG728" s="424"/>
      <c r="OHH728" s="424"/>
      <c r="OHI728" s="423" t="s">
        <v>2795</v>
      </c>
      <c r="OHJ728" s="424"/>
      <c r="OHK728" s="424"/>
      <c r="OHL728" s="424"/>
      <c r="OHM728" s="423" t="s">
        <v>2795</v>
      </c>
      <c r="OHN728" s="424"/>
      <c r="OHO728" s="424"/>
      <c r="OHP728" s="424"/>
      <c r="OHQ728" s="423" t="s">
        <v>2795</v>
      </c>
      <c r="OHR728" s="424"/>
      <c r="OHS728" s="424"/>
      <c r="OHT728" s="424"/>
      <c r="OHU728" s="423" t="s">
        <v>2795</v>
      </c>
      <c r="OHV728" s="424"/>
      <c r="OHW728" s="424"/>
      <c r="OHX728" s="424"/>
      <c r="OHY728" s="423" t="s">
        <v>2795</v>
      </c>
      <c r="OHZ728" s="424"/>
      <c r="OIA728" s="424"/>
      <c r="OIB728" s="424"/>
      <c r="OIC728" s="423" t="s">
        <v>2795</v>
      </c>
      <c r="OID728" s="424"/>
      <c r="OIE728" s="424"/>
      <c r="OIF728" s="424"/>
      <c r="OIG728" s="423" t="s">
        <v>2795</v>
      </c>
      <c r="OIH728" s="424"/>
      <c r="OII728" s="424"/>
      <c r="OIJ728" s="424"/>
      <c r="OIK728" s="423" t="s">
        <v>2795</v>
      </c>
      <c r="OIL728" s="424"/>
      <c r="OIM728" s="424"/>
      <c r="OIN728" s="424"/>
      <c r="OIO728" s="423" t="s">
        <v>2795</v>
      </c>
      <c r="OIP728" s="424"/>
      <c r="OIQ728" s="424"/>
      <c r="OIR728" s="424"/>
      <c r="OIS728" s="423" t="s">
        <v>2795</v>
      </c>
      <c r="OIT728" s="424"/>
      <c r="OIU728" s="424"/>
      <c r="OIV728" s="424"/>
      <c r="OIW728" s="423" t="s">
        <v>2795</v>
      </c>
      <c r="OIX728" s="424"/>
      <c r="OIY728" s="424"/>
      <c r="OIZ728" s="424"/>
      <c r="OJA728" s="423" t="s">
        <v>2795</v>
      </c>
      <c r="OJB728" s="424"/>
      <c r="OJC728" s="424"/>
      <c r="OJD728" s="424"/>
      <c r="OJE728" s="423" t="s">
        <v>2795</v>
      </c>
      <c r="OJF728" s="424"/>
      <c r="OJG728" s="424"/>
      <c r="OJH728" s="424"/>
      <c r="OJI728" s="423" t="s">
        <v>2795</v>
      </c>
      <c r="OJJ728" s="424"/>
      <c r="OJK728" s="424"/>
      <c r="OJL728" s="424"/>
      <c r="OJM728" s="423" t="s">
        <v>2795</v>
      </c>
      <c r="OJN728" s="424"/>
      <c r="OJO728" s="424"/>
      <c r="OJP728" s="424"/>
      <c r="OJQ728" s="423" t="s">
        <v>2795</v>
      </c>
      <c r="OJR728" s="424"/>
      <c r="OJS728" s="424"/>
      <c r="OJT728" s="424"/>
      <c r="OJU728" s="423" t="s">
        <v>2795</v>
      </c>
      <c r="OJV728" s="424"/>
      <c r="OJW728" s="424"/>
      <c r="OJX728" s="424"/>
      <c r="OJY728" s="423" t="s">
        <v>2795</v>
      </c>
      <c r="OJZ728" s="424"/>
      <c r="OKA728" s="424"/>
      <c r="OKB728" s="424"/>
      <c r="OKC728" s="423" t="s">
        <v>2795</v>
      </c>
      <c r="OKD728" s="424"/>
      <c r="OKE728" s="424"/>
      <c r="OKF728" s="424"/>
      <c r="OKG728" s="423" t="s">
        <v>2795</v>
      </c>
      <c r="OKH728" s="424"/>
      <c r="OKI728" s="424"/>
      <c r="OKJ728" s="424"/>
      <c r="OKK728" s="423" t="s">
        <v>2795</v>
      </c>
      <c r="OKL728" s="424"/>
      <c r="OKM728" s="424"/>
      <c r="OKN728" s="424"/>
      <c r="OKO728" s="423" t="s">
        <v>2795</v>
      </c>
      <c r="OKP728" s="424"/>
      <c r="OKQ728" s="424"/>
      <c r="OKR728" s="424"/>
      <c r="OKS728" s="423" t="s">
        <v>2795</v>
      </c>
      <c r="OKT728" s="424"/>
      <c r="OKU728" s="424"/>
      <c r="OKV728" s="424"/>
      <c r="OKW728" s="423" t="s">
        <v>2795</v>
      </c>
      <c r="OKX728" s="424"/>
      <c r="OKY728" s="424"/>
      <c r="OKZ728" s="424"/>
      <c r="OLA728" s="423" t="s">
        <v>2795</v>
      </c>
      <c r="OLB728" s="424"/>
      <c r="OLC728" s="424"/>
      <c r="OLD728" s="424"/>
      <c r="OLE728" s="423" t="s">
        <v>2795</v>
      </c>
      <c r="OLF728" s="424"/>
      <c r="OLG728" s="424"/>
      <c r="OLH728" s="424"/>
      <c r="OLI728" s="423" t="s">
        <v>2795</v>
      </c>
      <c r="OLJ728" s="424"/>
      <c r="OLK728" s="424"/>
      <c r="OLL728" s="424"/>
      <c r="OLM728" s="423" t="s">
        <v>2795</v>
      </c>
      <c r="OLN728" s="424"/>
      <c r="OLO728" s="424"/>
      <c r="OLP728" s="424"/>
      <c r="OLQ728" s="423" t="s">
        <v>2795</v>
      </c>
      <c r="OLR728" s="424"/>
      <c r="OLS728" s="424"/>
      <c r="OLT728" s="424"/>
      <c r="OLU728" s="423" t="s">
        <v>2795</v>
      </c>
      <c r="OLV728" s="424"/>
      <c r="OLW728" s="424"/>
      <c r="OLX728" s="424"/>
      <c r="OLY728" s="423" t="s">
        <v>2795</v>
      </c>
      <c r="OLZ728" s="424"/>
      <c r="OMA728" s="424"/>
      <c r="OMB728" s="424"/>
      <c r="OMC728" s="423" t="s">
        <v>2795</v>
      </c>
      <c r="OMD728" s="424"/>
      <c r="OME728" s="424"/>
      <c r="OMF728" s="424"/>
      <c r="OMG728" s="423" t="s">
        <v>2795</v>
      </c>
      <c r="OMH728" s="424"/>
      <c r="OMI728" s="424"/>
      <c r="OMJ728" s="424"/>
      <c r="OMK728" s="423" t="s">
        <v>2795</v>
      </c>
      <c r="OML728" s="424"/>
      <c r="OMM728" s="424"/>
      <c r="OMN728" s="424"/>
      <c r="OMO728" s="423" t="s">
        <v>2795</v>
      </c>
      <c r="OMP728" s="424"/>
      <c r="OMQ728" s="424"/>
      <c r="OMR728" s="424"/>
      <c r="OMS728" s="423" t="s">
        <v>2795</v>
      </c>
      <c r="OMT728" s="424"/>
      <c r="OMU728" s="424"/>
      <c r="OMV728" s="424"/>
      <c r="OMW728" s="423" t="s">
        <v>2795</v>
      </c>
      <c r="OMX728" s="424"/>
      <c r="OMY728" s="424"/>
      <c r="OMZ728" s="424"/>
      <c r="ONA728" s="423" t="s">
        <v>2795</v>
      </c>
      <c r="ONB728" s="424"/>
      <c r="ONC728" s="424"/>
      <c r="OND728" s="424"/>
      <c r="ONE728" s="423" t="s">
        <v>2795</v>
      </c>
      <c r="ONF728" s="424"/>
      <c r="ONG728" s="424"/>
      <c r="ONH728" s="424"/>
      <c r="ONI728" s="423" t="s">
        <v>2795</v>
      </c>
      <c r="ONJ728" s="424"/>
      <c r="ONK728" s="424"/>
      <c r="ONL728" s="424"/>
      <c r="ONM728" s="423" t="s">
        <v>2795</v>
      </c>
      <c r="ONN728" s="424"/>
      <c r="ONO728" s="424"/>
      <c r="ONP728" s="424"/>
      <c r="ONQ728" s="423" t="s">
        <v>2795</v>
      </c>
      <c r="ONR728" s="424"/>
      <c r="ONS728" s="424"/>
      <c r="ONT728" s="424"/>
      <c r="ONU728" s="423" t="s">
        <v>2795</v>
      </c>
      <c r="ONV728" s="424"/>
      <c r="ONW728" s="424"/>
      <c r="ONX728" s="424"/>
      <c r="ONY728" s="423" t="s">
        <v>2795</v>
      </c>
      <c r="ONZ728" s="424"/>
      <c r="OOA728" s="424"/>
      <c r="OOB728" s="424"/>
      <c r="OOC728" s="423" t="s">
        <v>2795</v>
      </c>
      <c r="OOD728" s="424"/>
      <c r="OOE728" s="424"/>
      <c r="OOF728" s="424"/>
      <c r="OOG728" s="423" t="s">
        <v>2795</v>
      </c>
      <c r="OOH728" s="424"/>
      <c r="OOI728" s="424"/>
      <c r="OOJ728" s="424"/>
      <c r="OOK728" s="423" t="s">
        <v>2795</v>
      </c>
      <c r="OOL728" s="424"/>
      <c r="OOM728" s="424"/>
      <c r="OON728" s="424"/>
      <c r="OOO728" s="423" t="s">
        <v>2795</v>
      </c>
      <c r="OOP728" s="424"/>
      <c r="OOQ728" s="424"/>
      <c r="OOR728" s="424"/>
      <c r="OOS728" s="423" t="s">
        <v>2795</v>
      </c>
      <c r="OOT728" s="424"/>
      <c r="OOU728" s="424"/>
      <c r="OOV728" s="424"/>
      <c r="OOW728" s="423" t="s">
        <v>2795</v>
      </c>
      <c r="OOX728" s="424"/>
      <c r="OOY728" s="424"/>
      <c r="OOZ728" s="424"/>
      <c r="OPA728" s="423" t="s">
        <v>2795</v>
      </c>
      <c r="OPB728" s="424"/>
      <c r="OPC728" s="424"/>
      <c r="OPD728" s="424"/>
      <c r="OPE728" s="423" t="s">
        <v>2795</v>
      </c>
      <c r="OPF728" s="424"/>
      <c r="OPG728" s="424"/>
      <c r="OPH728" s="424"/>
      <c r="OPI728" s="423" t="s">
        <v>2795</v>
      </c>
      <c r="OPJ728" s="424"/>
      <c r="OPK728" s="424"/>
      <c r="OPL728" s="424"/>
      <c r="OPM728" s="423" t="s">
        <v>2795</v>
      </c>
      <c r="OPN728" s="424"/>
      <c r="OPO728" s="424"/>
      <c r="OPP728" s="424"/>
      <c r="OPQ728" s="423" t="s">
        <v>2795</v>
      </c>
      <c r="OPR728" s="424"/>
      <c r="OPS728" s="424"/>
      <c r="OPT728" s="424"/>
      <c r="OPU728" s="423" t="s">
        <v>2795</v>
      </c>
      <c r="OPV728" s="424"/>
      <c r="OPW728" s="424"/>
      <c r="OPX728" s="424"/>
      <c r="OPY728" s="423" t="s">
        <v>2795</v>
      </c>
      <c r="OPZ728" s="424"/>
      <c r="OQA728" s="424"/>
      <c r="OQB728" s="424"/>
      <c r="OQC728" s="423" t="s">
        <v>2795</v>
      </c>
      <c r="OQD728" s="424"/>
      <c r="OQE728" s="424"/>
      <c r="OQF728" s="424"/>
      <c r="OQG728" s="423" t="s">
        <v>2795</v>
      </c>
      <c r="OQH728" s="424"/>
      <c r="OQI728" s="424"/>
      <c r="OQJ728" s="424"/>
      <c r="OQK728" s="423" t="s">
        <v>2795</v>
      </c>
      <c r="OQL728" s="424"/>
      <c r="OQM728" s="424"/>
      <c r="OQN728" s="424"/>
      <c r="OQO728" s="423" t="s">
        <v>2795</v>
      </c>
      <c r="OQP728" s="424"/>
      <c r="OQQ728" s="424"/>
      <c r="OQR728" s="424"/>
      <c r="OQS728" s="423" t="s">
        <v>2795</v>
      </c>
      <c r="OQT728" s="424"/>
      <c r="OQU728" s="424"/>
      <c r="OQV728" s="424"/>
      <c r="OQW728" s="423" t="s">
        <v>2795</v>
      </c>
      <c r="OQX728" s="424"/>
      <c r="OQY728" s="424"/>
      <c r="OQZ728" s="424"/>
      <c r="ORA728" s="423" t="s">
        <v>2795</v>
      </c>
      <c r="ORB728" s="424"/>
      <c r="ORC728" s="424"/>
      <c r="ORD728" s="424"/>
      <c r="ORE728" s="423" t="s">
        <v>2795</v>
      </c>
      <c r="ORF728" s="424"/>
      <c r="ORG728" s="424"/>
      <c r="ORH728" s="424"/>
      <c r="ORI728" s="423" t="s">
        <v>2795</v>
      </c>
      <c r="ORJ728" s="424"/>
      <c r="ORK728" s="424"/>
      <c r="ORL728" s="424"/>
      <c r="ORM728" s="423" t="s">
        <v>2795</v>
      </c>
      <c r="ORN728" s="424"/>
      <c r="ORO728" s="424"/>
      <c r="ORP728" s="424"/>
      <c r="ORQ728" s="423" t="s">
        <v>2795</v>
      </c>
      <c r="ORR728" s="424"/>
      <c r="ORS728" s="424"/>
      <c r="ORT728" s="424"/>
      <c r="ORU728" s="423" t="s">
        <v>2795</v>
      </c>
      <c r="ORV728" s="424"/>
      <c r="ORW728" s="424"/>
      <c r="ORX728" s="424"/>
      <c r="ORY728" s="423" t="s">
        <v>2795</v>
      </c>
      <c r="ORZ728" s="424"/>
      <c r="OSA728" s="424"/>
      <c r="OSB728" s="424"/>
      <c r="OSC728" s="423" t="s">
        <v>2795</v>
      </c>
      <c r="OSD728" s="424"/>
      <c r="OSE728" s="424"/>
      <c r="OSF728" s="424"/>
      <c r="OSG728" s="423" t="s">
        <v>2795</v>
      </c>
      <c r="OSH728" s="424"/>
      <c r="OSI728" s="424"/>
      <c r="OSJ728" s="424"/>
      <c r="OSK728" s="423" t="s">
        <v>2795</v>
      </c>
      <c r="OSL728" s="424"/>
      <c r="OSM728" s="424"/>
      <c r="OSN728" s="424"/>
      <c r="OSO728" s="423" t="s">
        <v>2795</v>
      </c>
      <c r="OSP728" s="424"/>
      <c r="OSQ728" s="424"/>
      <c r="OSR728" s="424"/>
      <c r="OSS728" s="423" t="s">
        <v>2795</v>
      </c>
      <c r="OST728" s="424"/>
      <c r="OSU728" s="424"/>
      <c r="OSV728" s="424"/>
      <c r="OSW728" s="423" t="s">
        <v>2795</v>
      </c>
      <c r="OSX728" s="424"/>
      <c r="OSY728" s="424"/>
      <c r="OSZ728" s="424"/>
      <c r="OTA728" s="423" t="s">
        <v>2795</v>
      </c>
      <c r="OTB728" s="424"/>
      <c r="OTC728" s="424"/>
      <c r="OTD728" s="424"/>
      <c r="OTE728" s="423" t="s">
        <v>2795</v>
      </c>
      <c r="OTF728" s="424"/>
      <c r="OTG728" s="424"/>
      <c r="OTH728" s="424"/>
      <c r="OTI728" s="423" t="s">
        <v>2795</v>
      </c>
      <c r="OTJ728" s="424"/>
      <c r="OTK728" s="424"/>
      <c r="OTL728" s="424"/>
      <c r="OTM728" s="423" t="s">
        <v>2795</v>
      </c>
      <c r="OTN728" s="424"/>
      <c r="OTO728" s="424"/>
      <c r="OTP728" s="424"/>
      <c r="OTQ728" s="423" t="s">
        <v>2795</v>
      </c>
      <c r="OTR728" s="424"/>
      <c r="OTS728" s="424"/>
      <c r="OTT728" s="424"/>
      <c r="OTU728" s="423" t="s">
        <v>2795</v>
      </c>
      <c r="OTV728" s="424"/>
      <c r="OTW728" s="424"/>
      <c r="OTX728" s="424"/>
      <c r="OTY728" s="423" t="s">
        <v>2795</v>
      </c>
      <c r="OTZ728" s="424"/>
      <c r="OUA728" s="424"/>
      <c r="OUB728" s="424"/>
      <c r="OUC728" s="423" t="s">
        <v>2795</v>
      </c>
      <c r="OUD728" s="424"/>
      <c r="OUE728" s="424"/>
      <c r="OUF728" s="424"/>
      <c r="OUG728" s="423" t="s">
        <v>2795</v>
      </c>
      <c r="OUH728" s="424"/>
      <c r="OUI728" s="424"/>
      <c r="OUJ728" s="424"/>
      <c r="OUK728" s="423" t="s">
        <v>2795</v>
      </c>
      <c r="OUL728" s="424"/>
      <c r="OUM728" s="424"/>
      <c r="OUN728" s="424"/>
      <c r="OUO728" s="423" t="s">
        <v>2795</v>
      </c>
      <c r="OUP728" s="424"/>
      <c r="OUQ728" s="424"/>
      <c r="OUR728" s="424"/>
      <c r="OUS728" s="423" t="s">
        <v>2795</v>
      </c>
      <c r="OUT728" s="424"/>
      <c r="OUU728" s="424"/>
      <c r="OUV728" s="424"/>
      <c r="OUW728" s="423" t="s">
        <v>2795</v>
      </c>
      <c r="OUX728" s="424"/>
      <c r="OUY728" s="424"/>
      <c r="OUZ728" s="424"/>
      <c r="OVA728" s="423" t="s">
        <v>2795</v>
      </c>
      <c r="OVB728" s="424"/>
      <c r="OVC728" s="424"/>
      <c r="OVD728" s="424"/>
      <c r="OVE728" s="423" t="s">
        <v>2795</v>
      </c>
      <c r="OVF728" s="424"/>
      <c r="OVG728" s="424"/>
      <c r="OVH728" s="424"/>
      <c r="OVI728" s="423" t="s">
        <v>2795</v>
      </c>
      <c r="OVJ728" s="424"/>
      <c r="OVK728" s="424"/>
      <c r="OVL728" s="424"/>
      <c r="OVM728" s="423" t="s">
        <v>2795</v>
      </c>
      <c r="OVN728" s="424"/>
      <c r="OVO728" s="424"/>
      <c r="OVP728" s="424"/>
      <c r="OVQ728" s="423" t="s">
        <v>2795</v>
      </c>
      <c r="OVR728" s="424"/>
      <c r="OVS728" s="424"/>
      <c r="OVT728" s="424"/>
      <c r="OVU728" s="423" t="s">
        <v>2795</v>
      </c>
      <c r="OVV728" s="424"/>
      <c r="OVW728" s="424"/>
      <c r="OVX728" s="424"/>
      <c r="OVY728" s="423" t="s">
        <v>2795</v>
      </c>
      <c r="OVZ728" s="424"/>
      <c r="OWA728" s="424"/>
      <c r="OWB728" s="424"/>
      <c r="OWC728" s="423" t="s">
        <v>2795</v>
      </c>
      <c r="OWD728" s="424"/>
      <c r="OWE728" s="424"/>
      <c r="OWF728" s="424"/>
      <c r="OWG728" s="423" t="s">
        <v>2795</v>
      </c>
      <c r="OWH728" s="424"/>
      <c r="OWI728" s="424"/>
      <c r="OWJ728" s="424"/>
      <c r="OWK728" s="423" t="s">
        <v>2795</v>
      </c>
      <c r="OWL728" s="424"/>
      <c r="OWM728" s="424"/>
      <c r="OWN728" s="424"/>
      <c r="OWO728" s="423" t="s">
        <v>2795</v>
      </c>
      <c r="OWP728" s="424"/>
      <c r="OWQ728" s="424"/>
      <c r="OWR728" s="424"/>
      <c r="OWS728" s="423" t="s">
        <v>2795</v>
      </c>
      <c r="OWT728" s="424"/>
      <c r="OWU728" s="424"/>
      <c r="OWV728" s="424"/>
      <c r="OWW728" s="423" t="s">
        <v>2795</v>
      </c>
      <c r="OWX728" s="424"/>
      <c r="OWY728" s="424"/>
      <c r="OWZ728" s="424"/>
      <c r="OXA728" s="423" t="s">
        <v>2795</v>
      </c>
      <c r="OXB728" s="424"/>
      <c r="OXC728" s="424"/>
      <c r="OXD728" s="424"/>
      <c r="OXE728" s="423" t="s">
        <v>2795</v>
      </c>
      <c r="OXF728" s="424"/>
      <c r="OXG728" s="424"/>
      <c r="OXH728" s="424"/>
      <c r="OXI728" s="423" t="s">
        <v>2795</v>
      </c>
      <c r="OXJ728" s="424"/>
      <c r="OXK728" s="424"/>
      <c r="OXL728" s="424"/>
      <c r="OXM728" s="423" t="s">
        <v>2795</v>
      </c>
      <c r="OXN728" s="424"/>
      <c r="OXO728" s="424"/>
      <c r="OXP728" s="424"/>
      <c r="OXQ728" s="423" t="s">
        <v>2795</v>
      </c>
      <c r="OXR728" s="424"/>
      <c r="OXS728" s="424"/>
      <c r="OXT728" s="424"/>
      <c r="OXU728" s="423" t="s">
        <v>2795</v>
      </c>
      <c r="OXV728" s="424"/>
      <c r="OXW728" s="424"/>
      <c r="OXX728" s="424"/>
      <c r="OXY728" s="423" t="s">
        <v>2795</v>
      </c>
      <c r="OXZ728" s="424"/>
      <c r="OYA728" s="424"/>
      <c r="OYB728" s="424"/>
      <c r="OYC728" s="423" t="s">
        <v>2795</v>
      </c>
      <c r="OYD728" s="424"/>
      <c r="OYE728" s="424"/>
      <c r="OYF728" s="424"/>
      <c r="OYG728" s="423" t="s">
        <v>2795</v>
      </c>
      <c r="OYH728" s="424"/>
      <c r="OYI728" s="424"/>
      <c r="OYJ728" s="424"/>
      <c r="OYK728" s="423" t="s">
        <v>2795</v>
      </c>
      <c r="OYL728" s="424"/>
      <c r="OYM728" s="424"/>
      <c r="OYN728" s="424"/>
      <c r="OYO728" s="423" t="s">
        <v>2795</v>
      </c>
      <c r="OYP728" s="424"/>
      <c r="OYQ728" s="424"/>
      <c r="OYR728" s="424"/>
      <c r="OYS728" s="423" t="s">
        <v>2795</v>
      </c>
      <c r="OYT728" s="424"/>
      <c r="OYU728" s="424"/>
      <c r="OYV728" s="424"/>
      <c r="OYW728" s="423" t="s">
        <v>2795</v>
      </c>
      <c r="OYX728" s="424"/>
      <c r="OYY728" s="424"/>
      <c r="OYZ728" s="424"/>
      <c r="OZA728" s="423" t="s">
        <v>2795</v>
      </c>
      <c r="OZB728" s="424"/>
      <c r="OZC728" s="424"/>
      <c r="OZD728" s="424"/>
      <c r="OZE728" s="423" t="s">
        <v>2795</v>
      </c>
      <c r="OZF728" s="424"/>
      <c r="OZG728" s="424"/>
      <c r="OZH728" s="424"/>
      <c r="OZI728" s="423" t="s">
        <v>2795</v>
      </c>
      <c r="OZJ728" s="424"/>
      <c r="OZK728" s="424"/>
      <c r="OZL728" s="424"/>
      <c r="OZM728" s="423" t="s">
        <v>2795</v>
      </c>
      <c r="OZN728" s="424"/>
      <c r="OZO728" s="424"/>
      <c r="OZP728" s="424"/>
      <c r="OZQ728" s="423" t="s">
        <v>2795</v>
      </c>
      <c r="OZR728" s="424"/>
      <c r="OZS728" s="424"/>
      <c r="OZT728" s="424"/>
      <c r="OZU728" s="423" t="s">
        <v>2795</v>
      </c>
      <c r="OZV728" s="424"/>
      <c r="OZW728" s="424"/>
      <c r="OZX728" s="424"/>
      <c r="OZY728" s="423" t="s">
        <v>2795</v>
      </c>
      <c r="OZZ728" s="424"/>
      <c r="PAA728" s="424"/>
      <c r="PAB728" s="424"/>
      <c r="PAC728" s="423" t="s">
        <v>2795</v>
      </c>
      <c r="PAD728" s="424"/>
      <c r="PAE728" s="424"/>
      <c r="PAF728" s="424"/>
      <c r="PAG728" s="423" t="s">
        <v>2795</v>
      </c>
      <c r="PAH728" s="424"/>
      <c r="PAI728" s="424"/>
      <c r="PAJ728" s="424"/>
      <c r="PAK728" s="423" t="s">
        <v>2795</v>
      </c>
      <c r="PAL728" s="424"/>
      <c r="PAM728" s="424"/>
      <c r="PAN728" s="424"/>
      <c r="PAO728" s="423" t="s">
        <v>2795</v>
      </c>
      <c r="PAP728" s="424"/>
      <c r="PAQ728" s="424"/>
      <c r="PAR728" s="424"/>
      <c r="PAS728" s="423" t="s">
        <v>2795</v>
      </c>
      <c r="PAT728" s="424"/>
      <c r="PAU728" s="424"/>
      <c r="PAV728" s="424"/>
      <c r="PAW728" s="423" t="s">
        <v>2795</v>
      </c>
      <c r="PAX728" s="424"/>
      <c r="PAY728" s="424"/>
      <c r="PAZ728" s="424"/>
      <c r="PBA728" s="423" t="s">
        <v>2795</v>
      </c>
      <c r="PBB728" s="424"/>
      <c r="PBC728" s="424"/>
      <c r="PBD728" s="424"/>
      <c r="PBE728" s="423" t="s">
        <v>2795</v>
      </c>
      <c r="PBF728" s="424"/>
      <c r="PBG728" s="424"/>
      <c r="PBH728" s="424"/>
      <c r="PBI728" s="423" t="s">
        <v>2795</v>
      </c>
      <c r="PBJ728" s="424"/>
      <c r="PBK728" s="424"/>
      <c r="PBL728" s="424"/>
      <c r="PBM728" s="423" t="s">
        <v>2795</v>
      </c>
      <c r="PBN728" s="424"/>
      <c r="PBO728" s="424"/>
      <c r="PBP728" s="424"/>
      <c r="PBQ728" s="423" t="s">
        <v>2795</v>
      </c>
      <c r="PBR728" s="424"/>
      <c r="PBS728" s="424"/>
      <c r="PBT728" s="424"/>
      <c r="PBU728" s="423" t="s">
        <v>2795</v>
      </c>
      <c r="PBV728" s="424"/>
      <c r="PBW728" s="424"/>
      <c r="PBX728" s="424"/>
      <c r="PBY728" s="423" t="s">
        <v>2795</v>
      </c>
      <c r="PBZ728" s="424"/>
      <c r="PCA728" s="424"/>
      <c r="PCB728" s="424"/>
      <c r="PCC728" s="423" t="s">
        <v>2795</v>
      </c>
      <c r="PCD728" s="424"/>
      <c r="PCE728" s="424"/>
      <c r="PCF728" s="424"/>
      <c r="PCG728" s="423" t="s">
        <v>2795</v>
      </c>
      <c r="PCH728" s="424"/>
      <c r="PCI728" s="424"/>
      <c r="PCJ728" s="424"/>
      <c r="PCK728" s="423" t="s">
        <v>2795</v>
      </c>
      <c r="PCL728" s="424"/>
      <c r="PCM728" s="424"/>
      <c r="PCN728" s="424"/>
      <c r="PCO728" s="423" t="s">
        <v>2795</v>
      </c>
      <c r="PCP728" s="424"/>
      <c r="PCQ728" s="424"/>
      <c r="PCR728" s="424"/>
      <c r="PCS728" s="423" t="s">
        <v>2795</v>
      </c>
      <c r="PCT728" s="424"/>
      <c r="PCU728" s="424"/>
      <c r="PCV728" s="424"/>
      <c r="PCW728" s="423" t="s">
        <v>2795</v>
      </c>
      <c r="PCX728" s="424"/>
      <c r="PCY728" s="424"/>
      <c r="PCZ728" s="424"/>
      <c r="PDA728" s="423" t="s">
        <v>2795</v>
      </c>
      <c r="PDB728" s="424"/>
      <c r="PDC728" s="424"/>
      <c r="PDD728" s="424"/>
      <c r="PDE728" s="423" t="s">
        <v>2795</v>
      </c>
      <c r="PDF728" s="424"/>
      <c r="PDG728" s="424"/>
      <c r="PDH728" s="424"/>
      <c r="PDI728" s="423" t="s">
        <v>2795</v>
      </c>
      <c r="PDJ728" s="424"/>
      <c r="PDK728" s="424"/>
      <c r="PDL728" s="424"/>
      <c r="PDM728" s="423" t="s">
        <v>2795</v>
      </c>
      <c r="PDN728" s="424"/>
      <c r="PDO728" s="424"/>
      <c r="PDP728" s="424"/>
      <c r="PDQ728" s="423" t="s">
        <v>2795</v>
      </c>
      <c r="PDR728" s="424"/>
      <c r="PDS728" s="424"/>
      <c r="PDT728" s="424"/>
      <c r="PDU728" s="423" t="s">
        <v>2795</v>
      </c>
      <c r="PDV728" s="424"/>
      <c r="PDW728" s="424"/>
      <c r="PDX728" s="424"/>
      <c r="PDY728" s="423" t="s">
        <v>2795</v>
      </c>
      <c r="PDZ728" s="424"/>
      <c r="PEA728" s="424"/>
      <c r="PEB728" s="424"/>
      <c r="PEC728" s="423" t="s">
        <v>2795</v>
      </c>
      <c r="PED728" s="424"/>
      <c r="PEE728" s="424"/>
      <c r="PEF728" s="424"/>
      <c r="PEG728" s="423" t="s">
        <v>2795</v>
      </c>
      <c r="PEH728" s="424"/>
      <c r="PEI728" s="424"/>
      <c r="PEJ728" s="424"/>
      <c r="PEK728" s="423" t="s">
        <v>2795</v>
      </c>
      <c r="PEL728" s="424"/>
      <c r="PEM728" s="424"/>
      <c r="PEN728" s="424"/>
      <c r="PEO728" s="423" t="s">
        <v>2795</v>
      </c>
      <c r="PEP728" s="424"/>
      <c r="PEQ728" s="424"/>
      <c r="PER728" s="424"/>
      <c r="PES728" s="423" t="s">
        <v>2795</v>
      </c>
      <c r="PET728" s="424"/>
      <c r="PEU728" s="424"/>
      <c r="PEV728" s="424"/>
      <c r="PEW728" s="423" t="s">
        <v>2795</v>
      </c>
      <c r="PEX728" s="424"/>
      <c r="PEY728" s="424"/>
      <c r="PEZ728" s="424"/>
      <c r="PFA728" s="423" t="s">
        <v>2795</v>
      </c>
      <c r="PFB728" s="424"/>
      <c r="PFC728" s="424"/>
      <c r="PFD728" s="424"/>
      <c r="PFE728" s="423" t="s">
        <v>2795</v>
      </c>
      <c r="PFF728" s="424"/>
      <c r="PFG728" s="424"/>
      <c r="PFH728" s="424"/>
      <c r="PFI728" s="423" t="s">
        <v>2795</v>
      </c>
      <c r="PFJ728" s="424"/>
      <c r="PFK728" s="424"/>
      <c r="PFL728" s="424"/>
      <c r="PFM728" s="423" t="s">
        <v>2795</v>
      </c>
      <c r="PFN728" s="424"/>
      <c r="PFO728" s="424"/>
      <c r="PFP728" s="424"/>
      <c r="PFQ728" s="423" t="s">
        <v>2795</v>
      </c>
      <c r="PFR728" s="424"/>
      <c r="PFS728" s="424"/>
      <c r="PFT728" s="424"/>
      <c r="PFU728" s="423" t="s">
        <v>2795</v>
      </c>
      <c r="PFV728" s="424"/>
      <c r="PFW728" s="424"/>
      <c r="PFX728" s="424"/>
      <c r="PFY728" s="423" t="s">
        <v>2795</v>
      </c>
      <c r="PFZ728" s="424"/>
      <c r="PGA728" s="424"/>
      <c r="PGB728" s="424"/>
      <c r="PGC728" s="423" t="s">
        <v>2795</v>
      </c>
      <c r="PGD728" s="424"/>
      <c r="PGE728" s="424"/>
      <c r="PGF728" s="424"/>
      <c r="PGG728" s="423" t="s">
        <v>2795</v>
      </c>
      <c r="PGH728" s="424"/>
      <c r="PGI728" s="424"/>
      <c r="PGJ728" s="424"/>
      <c r="PGK728" s="423" t="s">
        <v>2795</v>
      </c>
      <c r="PGL728" s="424"/>
      <c r="PGM728" s="424"/>
      <c r="PGN728" s="424"/>
      <c r="PGO728" s="423" t="s">
        <v>2795</v>
      </c>
      <c r="PGP728" s="424"/>
      <c r="PGQ728" s="424"/>
      <c r="PGR728" s="424"/>
      <c r="PGS728" s="423" t="s">
        <v>2795</v>
      </c>
      <c r="PGT728" s="424"/>
      <c r="PGU728" s="424"/>
      <c r="PGV728" s="424"/>
      <c r="PGW728" s="423" t="s">
        <v>2795</v>
      </c>
      <c r="PGX728" s="424"/>
      <c r="PGY728" s="424"/>
      <c r="PGZ728" s="424"/>
      <c r="PHA728" s="423" t="s">
        <v>2795</v>
      </c>
      <c r="PHB728" s="424"/>
      <c r="PHC728" s="424"/>
      <c r="PHD728" s="424"/>
      <c r="PHE728" s="423" t="s">
        <v>2795</v>
      </c>
      <c r="PHF728" s="424"/>
      <c r="PHG728" s="424"/>
      <c r="PHH728" s="424"/>
      <c r="PHI728" s="423" t="s">
        <v>2795</v>
      </c>
      <c r="PHJ728" s="424"/>
      <c r="PHK728" s="424"/>
      <c r="PHL728" s="424"/>
      <c r="PHM728" s="423" t="s">
        <v>2795</v>
      </c>
      <c r="PHN728" s="424"/>
      <c r="PHO728" s="424"/>
      <c r="PHP728" s="424"/>
      <c r="PHQ728" s="423" t="s">
        <v>2795</v>
      </c>
      <c r="PHR728" s="424"/>
      <c r="PHS728" s="424"/>
      <c r="PHT728" s="424"/>
      <c r="PHU728" s="423" t="s">
        <v>2795</v>
      </c>
      <c r="PHV728" s="424"/>
      <c r="PHW728" s="424"/>
      <c r="PHX728" s="424"/>
      <c r="PHY728" s="423" t="s">
        <v>2795</v>
      </c>
      <c r="PHZ728" s="424"/>
      <c r="PIA728" s="424"/>
      <c r="PIB728" s="424"/>
      <c r="PIC728" s="423" t="s">
        <v>2795</v>
      </c>
      <c r="PID728" s="424"/>
      <c r="PIE728" s="424"/>
      <c r="PIF728" s="424"/>
      <c r="PIG728" s="423" t="s">
        <v>2795</v>
      </c>
      <c r="PIH728" s="424"/>
      <c r="PII728" s="424"/>
      <c r="PIJ728" s="424"/>
      <c r="PIK728" s="423" t="s">
        <v>2795</v>
      </c>
      <c r="PIL728" s="424"/>
      <c r="PIM728" s="424"/>
      <c r="PIN728" s="424"/>
      <c r="PIO728" s="423" t="s">
        <v>2795</v>
      </c>
      <c r="PIP728" s="424"/>
      <c r="PIQ728" s="424"/>
      <c r="PIR728" s="424"/>
      <c r="PIS728" s="423" t="s">
        <v>2795</v>
      </c>
      <c r="PIT728" s="424"/>
      <c r="PIU728" s="424"/>
      <c r="PIV728" s="424"/>
      <c r="PIW728" s="423" t="s">
        <v>2795</v>
      </c>
      <c r="PIX728" s="424"/>
      <c r="PIY728" s="424"/>
      <c r="PIZ728" s="424"/>
      <c r="PJA728" s="423" t="s">
        <v>2795</v>
      </c>
      <c r="PJB728" s="424"/>
      <c r="PJC728" s="424"/>
      <c r="PJD728" s="424"/>
      <c r="PJE728" s="423" t="s">
        <v>2795</v>
      </c>
      <c r="PJF728" s="424"/>
      <c r="PJG728" s="424"/>
      <c r="PJH728" s="424"/>
      <c r="PJI728" s="423" t="s">
        <v>2795</v>
      </c>
      <c r="PJJ728" s="424"/>
      <c r="PJK728" s="424"/>
      <c r="PJL728" s="424"/>
      <c r="PJM728" s="423" t="s">
        <v>2795</v>
      </c>
      <c r="PJN728" s="424"/>
      <c r="PJO728" s="424"/>
      <c r="PJP728" s="424"/>
      <c r="PJQ728" s="423" t="s">
        <v>2795</v>
      </c>
      <c r="PJR728" s="424"/>
      <c r="PJS728" s="424"/>
      <c r="PJT728" s="424"/>
      <c r="PJU728" s="423" t="s">
        <v>2795</v>
      </c>
      <c r="PJV728" s="424"/>
      <c r="PJW728" s="424"/>
      <c r="PJX728" s="424"/>
      <c r="PJY728" s="423" t="s">
        <v>2795</v>
      </c>
      <c r="PJZ728" s="424"/>
      <c r="PKA728" s="424"/>
      <c r="PKB728" s="424"/>
      <c r="PKC728" s="423" t="s">
        <v>2795</v>
      </c>
      <c r="PKD728" s="424"/>
      <c r="PKE728" s="424"/>
      <c r="PKF728" s="424"/>
      <c r="PKG728" s="423" t="s">
        <v>2795</v>
      </c>
      <c r="PKH728" s="424"/>
      <c r="PKI728" s="424"/>
      <c r="PKJ728" s="424"/>
      <c r="PKK728" s="423" t="s">
        <v>2795</v>
      </c>
      <c r="PKL728" s="424"/>
      <c r="PKM728" s="424"/>
      <c r="PKN728" s="424"/>
      <c r="PKO728" s="423" t="s">
        <v>2795</v>
      </c>
      <c r="PKP728" s="424"/>
      <c r="PKQ728" s="424"/>
      <c r="PKR728" s="424"/>
      <c r="PKS728" s="423" t="s">
        <v>2795</v>
      </c>
      <c r="PKT728" s="424"/>
      <c r="PKU728" s="424"/>
      <c r="PKV728" s="424"/>
      <c r="PKW728" s="423" t="s">
        <v>2795</v>
      </c>
      <c r="PKX728" s="424"/>
      <c r="PKY728" s="424"/>
      <c r="PKZ728" s="424"/>
      <c r="PLA728" s="423" t="s">
        <v>2795</v>
      </c>
      <c r="PLB728" s="424"/>
      <c r="PLC728" s="424"/>
      <c r="PLD728" s="424"/>
      <c r="PLE728" s="423" t="s">
        <v>2795</v>
      </c>
      <c r="PLF728" s="424"/>
      <c r="PLG728" s="424"/>
      <c r="PLH728" s="424"/>
      <c r="PLI728" s="423" t="s">
        <v>2795</v>
      </c>
      <c r="PLJ728" s="424"/>
      <c r="PLK728" s="424"/>
      <c r="PLL728" s="424"/>
      <c r="PLM728" s="423" t="s">
        <v>2795</v>
      </c>
      <c r="PLN728" s="424"/>
      <c r="PLO728" s="424"/>
      <c r="PLP728" s="424"/>
      <c r="PLQ728" s="423" t="s">
        <v>2795</v>
      </c>
      <c r="PLR728" s="424"/>
      <c r="PLS728" s="424"/>
      <c r="PLT728" s="424"/>
      <c r="PLU728" s="423" t="s">
        <v>2795</v>
      </c>
      <c r="PLV728" s="424"/>
      <c r="PLW728" s="424"/>
      <c r="PLX728" s="424"/>
      <c r="PLY728" s="423" t="s">
        <v>2795</v>
      </c>
      <c r="PLZ728" s="424"/>
      <c r="PMA728" s="424"/>
      <c r="PMB728" s="424"/>
      <c r="PMC728" s="423" t="s">
        <v>2795</v>
      </c>
      <c r="PMD728" s="424"/>
      <c r="PME728" s="424"/>
      <c r="PMF728" s="424"/>
      <c r="PMG728" s="423" t="s">
        <v>2795</v>
      </c>
      <c r="PMH728" s="424"/>
      <c r="PMI728" s="424"/>
      <c r="PMJ728" s="424"/>
      <c r="PMK728" s="423" t="s">
        <v>2795</v>
      </c>
      <c r="PML728" s="424"/>
      <c r="PMM728" s="424"/>
      <c r="PMN728" s="424"/>
      <c r="PMO728" s="423" t="s">
        <v>2795</v>
      </c>
      <c r="PMP728" s="424"/>
      <c r="PMQ728" s="424"/>
      <c r="PMR728" s="424"/>
      <c r="PMS728" s="423" t="s">
        <v>2795</v>
      </c>
      <c r="PMT728" s="424"/>
      <c r="PMU728" s="424"/>
      <c r="PMV728" s="424"/>
      <c r="PMW728" s="423" t="s">
        <v>2795</v>
      </c>
      <c r="PMX728" s="424"/>
      <c r="PMY728" s="424"/>
      <c r="PMZ728" s="424"/>
      <c r="PNA728" s="423" t="s">
        <v>2795</v>
      </c>
      <c r="PNB728" s="424"/>
      <c r="PNC728" s="424"/>
      <c r="PND728" s="424"/>
      <c r="PNE728" s="423" t="s">
        <v>2795</v>
      </c>
      <c r="PNF728" s="424"/>
      <c r="PNG728" s="424"/>
      <c r="PNH728" s="424"/>
      <c r="PNI728" s="423" t="s">
        <v>2795</v>
      </c>
      <c r="PNJ728" s="424"/>
      <c r="PNK728" s="424"/>
      <c r="PNL728" s="424"/>
      <c r="PNM728" s="423" t="s">
        <v>2795</v>
      </c>
      <c r="PNN728" s="424"/>
      <c r="PNO728" s="424"/>
      <c r="PNP728" s="424"/>
      <c r="PNQ728" s="423" t="s">
        <v>2795</v>
      </c>
      <c r="PNR728" s="424"/>
      <c r="PNS728" s="424"/>
      <c r="PNT728" s="424"/>
      <c r="PNU728" s="423" t="s">
        <v>2795</v>
      </c>
      <c r="PNV728" s="424"/>
      <c r="PNW728" s="424"/>
      <c r="PNX728" s="424"/>
      <c r="PNY728" s="423" t="s">
        <v>2795</v>
      </c>
      <c r="PNZ728" s="424"/>
      <c r="POA728" s="424"/>
      <c r="POB728" s="424"/>
      <c r="POC728" s="423" t="s">
        <v>2795</v>
      </c>
      <c r="POD728" s="424"/>
      <c r="POE728" s="424"/>
      <c r="POF728" s="424"/>
      <c r="POG728" s="423" t="s">
        <v>2795</v>
      </c>
      <c r="POH728" s="424"/>
      <c r="POI728" s="424"/>
      <c r="POJ728" s="424"/>
      <c r="POK728" s="423" t="s">
        <v>2795</v>
      </c>
      <c r="POL728" s="424"/>
      <c r="POM728" s="424"/>
      <c r="PON728" s="424"/>
      <c r="POO728" s="423" t="s">
        <v>2795</v>
      </c>
      <c r="POP728" s="424"/>
      <c r="POQ728" s="424"/>
      <c r="POR728" s="424"/>
      <c r="POS728" s="423" t="s">
        <v>2795</v>
      </c>
      <c r="POT728" s="424"/>
      <c r="POU728" s="424"/>
      <c r="POV728" s="424"/>
      <c r="POW728" s="423" t="s">
        <v>2795</v>
      </c>
      <c r="POX728" s="424"/>
      <c r="POY728" s="424"/>
      <c r="POZ728" s="424"/>
      <c r="PPA728" s="423" t="s">
        <v>2795</v>
      </c>
      <c r="PPB728" s="424"/>
      <c r="PPC728" s="424"/>
      <c r="PPD728" s="424"/>
      <c r="PPE728" s="423" t="s">
        <v>2795</v>
      </c>
      <c r="PPF728" s="424"/>
      <c r="PPG728" s="424"/>
      <c r="PPH728" s="424"/>
      <c r="PPI728" s="423" t="s">
        <v>2795</v>
      </c>
      <c r="PPJ728" s="424"/>
      <c r="PPK728" s="424"/>
      <c r="PPL728" s="424"/>
      <c r="PPM728" s="423" t="s">
        <v>2795</v>
      </c>
      <c r="PPN728" s="424"/>
      <c r="PPO728" s="424"/>
      <c r="PPP728" s="424"/>
      <c r="PPQ728" s="423" t="s">
        <v>2795</v>
      </c>
      <c r="PPR728" s="424"/>
      <c r="PPS728" s="424"/>
      <c r="PPT728" s="424"/>
      <c r="PPU728" s="423" t="s">
        <v>2795</v>
      </c>
      <c r="PPV728" s="424"/>
      <c r="PPW728" s="424"/>
      <c r="PPX728" s="424"/>
      <c r="PPY728" s="423" t="s">
        <v>2795</v>
      </c>
      <c r="PPZ728" s="424"/>
      <c r="PQA728" s="424"/>
      <c r="PQB728" s="424"/>
      <c r="PQC728" s="423" t="s">
        <v>2795</v>
      </c>
      <c r="PQD728" s="424"/>
      <c r="PQE728" s="424"/>
      <c r="PQF728" s="424"/>
      <c r="PQG728" s="423" t="s">
        <v>2795</v>
      </c>
      <c r="PQH728" s="424"/>
      <c r="PQI728" s="424"/>
      <c r="PQJ728" s="424"/>
      <c r="PQK728" s="423" t="s">
        <v>2795</v>
      </c>
      <c r="PQL728" s="424"/>
      <c r="PQM728" s="424"/>
      <c r="PQN728" s="424"/>
      <c r="PQO728" s="423" t="s">
        <v>2795</v>
      </c>
      <c r="PQP728" s="424"/>
      <c r="PQQ728" s="424"/>
      <c r="PQR728" s="424"/>
      <c r="PQS728" s="423" t="s">
        <v>2795</v>
      </c>
      <c r="PQT728" s="424"/>
      <c r="PQU728" s="424"/>
      <c r="PQV728" s="424"/>
      <c r="PQW728" s="423" t="s">
        <v>2795</v>
      </c>
      <c r="PQX728" s="424"/>
      <c r="PQY728" s="424"/>
      <c r="PQZ728" s="424"/>
      <c r="PRA728" s="423" t="s">
        <v>2795</v>
      </c>
      <c r="PRB728" s="424"/>
      <c r="PRC728" s="424"/>
      <c r="PRD728" s="424"/>
      <c r="PRE728" s="423" t="s">
        <v>2795</v>
      </c>
      <c r="PRF728" s="424"/>
      <c r="PRG728" s="424"/>
      <c r="PRH728" s="424"/>
      <c r="PRI728" s="423" t="s">
        <v>2795</v>
      </c>
      <c r="PRJ728" s="424"/>
      <c r="PRK728" s="424"/>
      <c r="PRL728" s="424"/>
      <c r="PRM728" s="423" t="s">
        <v>2795</v>
      </c>
      <c r="PRN728" s="424"/>
      <c r="PRO728" s="424"/>
      <c r="PRP728" s="424"/>
      <c r="PRQ728" s="423" t="s">
        <v>2795</v>
      </c>
      <c r="PRR728" s="424"/>
      <c r="PRS728" s="424"/>
      <c r="PRT728" s="424"/>
      <c r="PRU728" s="423" t="s">
        <v>2795</v>
      </c>
      <c r="PRV728" s="424"/>
      <c r="PRW728" s="424"/>
      <c r="PRX728" s="424"/>
      <c r="PRY728" s="423" t="s">
        <v>2795</v>
      </c>
      <c r="PRZ728" s="424"/>
      <c r="PSA728" s="424"/>
      <c r="PSB728" s="424"/>
      <c r="PSC728" s="423" t="s">
        <v>2795</v>
      </c>
      <c r="PSD728" s="424"/>
      <c r="PSE728" s="424"/>
      <c r="PSF728" s="424"/>
      <c r="PSG728" s="423" t="s">
        <v>2795</v>
      </c>
      <c r="PSH728" s="424"/>
      <c r="PSI728" s="424"/>
      <c r="PSJ728" s="424"/>
      <c r="PSK728" s="423" t="s">
        <v>2795</v>
      </c>
      <c r="PSL728" s="424"/>
      <c r="PSM728" s="424"/>
      <c r="PSN728" s="424"/>
      <c r="PSO728" s="423" t="s">
        <v>2795</v>
      </c>
      <c r="PSP728" s="424"/>
      <c r="PSQ728" s="424"/>
      <c r="PSR728" s="424"/>
      <c r="PSS728" s="423" t="s">
        <v>2795</v>
      </c>
      <c r="PST728" s="424"/>
      <c r="PSU728" s="424"/>
      <c r="PSV728" s="424"/>
      <c r="PSW728" s="423" t="s">
        <v>2795</v>
      </c>
      <c r="PSX728" s="424"/>
      <c r="PSY728" s="424"/>
      <c r="PSZ728" s="424"/>
      <c r="PTA728" s="423" t="s">
        <v>2795</v>
      </c>
      <c r="PTB728" s="424"/>
      <c r="PTC728" s="424"/>
      <c r="PTD728" s="424"/>
      <c r="PTE728" s="423" t="s">
        <v>2795</v>
      </c>
      <c r="PTF728" s="424"/>
      <c r="PTG728" s="424"/>
      <c r="PTH728" s="424"/>
      <c r="PTI728" s="423" t="s">
        <v>2795</v>
      </c>
      <c r="PTJ728" s="424"/>
      <c r="PTK728" s="424"/>
      <c r="PTL728" s="424"/>
      <c r="PTM728" s="423" t="s">
        <v>2795</v>
      </c>
      <c r="PTN728" s="424"/>
      <c r="PTO728" s="424"/>
      <c r="PTP728" s="424"/>
      <c r="PTQ728" s="423" t="s">
        <v>2795</v>
      </c>
      <c r="PTR728" s="424"/>
      <c r="PTS728" s="424"/>
      <c r="PTT728" s="424"/>
      <c r="PTU728" s="423" t="s">
        <v>2795</v>
      </c>
      <c r="PTV728" s="424"/>
      <c r="PTW728" s="424"/>
      <c r="PTX728" s="424"/>
      <c r="PTY728" s="423" t="s">
        <v>2795</v>
      </c>
      <c r="PTZ728" s="424"/>
      <c r="PUA728" s="424"/>
      <c r="PUB728" s="424"/>
      <c r="PUC728" s="423" t="s">
        <v>2795</v>
      </c>
      <c r="PUD728" s="424"/>
      <c r="PUE728" s="424"/>
      <c r="PUF728" s="424"/>
      <c r="PUG728" s="423" t="s">
        <v>2795</v>
      </c>
      <c r="PUH728" s="424"/>
      <c r="PUI728" s="424"/>
      <c r="PUJ728" s="424"/>
      <c r="PUK728" s="423" t="s">
        <v>2795</v>
      </c>
      <c r="PUL728" s="424"/>
      <c r="PUM728" s="424"/>
      <c r="PUN728" s="424"/>
      <c r="PUO728" s="423" t="s">
        <v>2795</v>
      </c>
      <c r="PUP728" s="424"/>
      <c r="PUQ728" s="424"/>
      <c r="PUR728" s="424"/>
      <c r="PUS728" s="423" t="s">
        <v>2795</v>
      </c>
      <c r="PUT728" s="424"/>
      <c r="PUU728" s="424"/>
      <c r="PUV728" s="424"/>
      <c r="PUW728" s="423" t="s">
        <v>2795</v>
      </c>
      <c r="PUX728" s="424"/>
      <c r="PUY728" s="424"/>
      <c r="PUZ728" s="424"/>
      <c r="PVA728" s="423" t="s">
        <v>2795</v>
      </c>
      <c r="PVB728" s="424"/>
      <c r="PVC728" s="424"/>
      <c r="PVD728" s="424"/>
      <c r="PVE728" s="423" t="s">
        <v>2795</v>
      </c>
      <c r="PVF728" s="424"/>
      <c r="PVG728" s="424"/>
      <c r="PVH728" s="424"/>
      <c r="PVI728" s="423" t="s">
        <v>2795</v>
      </c>
      <c r="PVJ728" s="424"/>
      <c r="PVK728" s="424"/>
      <c r="PVL728" s="424"/>
      <c r="PVM728" s="423" t="s">
        <v>2795</v>
      </c>
      <c r="PVN728" s="424"/>
      <c r="PVO728" s="424"/>
      <c r="PVP728" s="424"/>
      <c r="PVQ728" s="423" t="s">
        <v>2795</v>
      </c>
      <c r="PVR728" s="424"/>
      <c r="PVS728" s="424"/>
      <c r="PVT728" s="424"/>
      <c r="PVU728" s="423" t="s">
        <v>2795</v>
      </c>
      <c r="PVV728" s="424"/>
      <c r="PVW728" s="424"/>
      <c r="PVX728" s="424"/>
      <c r="PVY728" s="423" t="s">
        <v>2795</v>
      </c>
      <c r="PVZ728" s="424"/>
      <c r="PWA728" s="424"/>
      <c r="PWB728" s="424"/>
      <c r="PWC728" s="423" t="s">
        <v>2795</v>
      </c>
      <c r="PWD728" s="424"/>
      <c r="PWE728" s="424"/>
      <c r="PWF728" s="424"/>
      <c r="PWG728" s="423" t="s">
        <v>2795</v>
      </c>
      <c r="PWH728" s="424"/>
      <c r="PWI728" s="424"/>
      <c r="PWJ728" s="424"/>
      <c r="PWK728" s="423" t="s">
        <v>2795</v>
      </c>
      <c r="PWL728" s="424"/>
      <c r="PWM728" s="424"/>
      <c r="PWN728" s="424"/>
      <c r="PWO728" s="423" t="s">
        <v>2795</v>
      </c>
      <c r="PWP728" s="424"/>
      <c r="PWQ728" s="424"/>
      <c r="PWR728" s="424"/>
      <c r="PWS728" s="423" t="s">
        <v>2795</v>
      </c>
      <c r="PWT728" s="424"/>
      <c r="PWU728" s="424"/>
      <c r="PWV728" s="424"/>
      <c r="PWW728" s="423" t="s">
        <v>2795</v>
      </c>
      <c r="PWX728" s="424"/>
      <c r="PWY728" s="424"/>
      <c r="PWZ728" s="424"/>
      <c r="PXA728" s="423" t="s">
        <v>2795</v>
      </c>
      <c r="PXB728" s="424"/>
      <c r="PXC728" s="424"/>
      <c r="PXD728" s="424"/>
      <c r="PXE728" s="423" t="s">
        <v>2795</v>
      </c>
      <c r="PXF728" s="424"/>
      <c r="PXG728" s="424"/>
      <c r="PXH728" s="424"/>
      <c r="PXI728" s="423" t="s">
        <v>2795</v>
      </c>
      <c r="PXJ728" s="424"/>
      <c r="PXK728" s="424"/>
      <c r="PXL728" s="424"/>
      <c r="PXM728" s="423" t="s">
        <v>2795</v>
      </c>
      <c r="PXN728" s="424"/>
      <c r="PXO728" s="424"/>
      <c r="PXP728" s="424"/>
      <c r="PXQ728" s="423" t="s">
        <v>2795</v>
      </c>
      <c r="PXR728" s="424"/>
      <c r="PXS728" s="424"/>
      <c r="PXT728" s="424"/>
      <c r="PXU728" s="423" t="s">
        <v>2795</v>
      </c>
      <c r="PXV728" s="424"/>
      <c r="PXW728" s="424"/>
      <c r="PXX728" s="424"/>
      <c r="PXY728" s="423" t="s">
        <v>2795</v>
      </c>
      <c r="PXZ728" s="424"/>
      <c r="PYA728" s="424"/>
      <c r="PYB728" s="424"/>
      <c r="PYC728" s="423" t="s">
        <v>2795</v>
      </c>
      <c r="PYD728" s="424"/>
      <c r="PYE728" s="424"/>
      <c r="PYF728" s="424"/>
      <c r="PYG728" s="423" t="s">
        <v>2795</v>
      </c>
      <c r="PYH728" s="424"/>
      <c r="PYI728" s="424"/>
      <c r="PYJ728" s="424"/>
      <c r="PYK728" s="423" t="s">
        <v>2795</v>
      </c>
      <c r="PYL728" s="424"/>
      <c r="PYM728" s="424"/>
      <c r="PYN728" s="424"/>
      <c r="PYO728" s="423" t="s">
        <v>2795</v>
      </c>
      <c r="PYP728" s="424"/>
      <c r="PYQ728" s="424"/>
      <c r="PYR728" s="424"/>
      <c r="PYS728" s="423" t="s">
        <v>2795</v>
      </c>
      <c r="PYT728" s="424"/>
      <c r="PYU728" s="424"/>
      <c r="PYV728" s="424"/>
      <c r="PYW728" s="423" t="s">
        <v>2795</v>
      </c>
      <c r="PYX728" s="424"/>
      <c r="PYY728" s="424"/>
      <c r="PYZ728" s="424"/>
      <c r="PZA728" s="423" t="s">
        <v>2795</v>
      </c>
      <c r="PZB728" s="424"/>
      <c r="PZC728" s="424"/>
      <c r="PZD728" s="424"/>
      <c r="PZE728" s="423" t="s">
        <v>2795</v>
      </c>
      <c r="PZF728" s="424"/>
      <c r="PZG728" s="424"/>
      <c r="PZH728" s="424"/>
      <c r="PZI728" s="423" t="s">
        <v>2795</v>
      </c>
      <c r="PZJ728" s="424"/>
      <c r="PZK728" s="424"/>
      <c r="PZL728" s="424"/>
      <c r="PZM728" s="423" t="s">
        <v>2795</v>
      </c>
      <c r="PZN728" s="424"/>
      <c r="PZO728" s="424"/>
      <c r="PZP728" s="424"/>
      <c r="PZQ728" s="423" t="s">
        <v>2795</v>
      </c>
      <c r="PZR728" s="424"/>
      <c r="PZS728" s="424"/>
      <c r="PZT728" s="424"/>
      <c r="PZU728" s="423" t="s">
        <v>2795</v>
      </c>
      <c r="PZV728" s="424"/>
      <c r="PZW728" s="424"/>
      <c r="PZX728" s="424"/>
      <c r="PZY728" s="423" t="s">
        <v>2795</v>
      </c>
      <c r="PZZ728" s="424"/>
      <c r="QAA728" s="424"/>
      <c r="QAB728" s="424"/>
      <c r="QAC728" s="423" t="s">
        <v>2795</v>
      </c>
      <c r="QAD728" s="424"/>
      <c r="QAE728" s="424"/>
      <c r="QAF728" s="424"/>
      <c r="QAG728" s="423" t="s">
        <v>2795</v>
      </c>
      <c r="QAH728" s="424"/>
      <c r="QAI728" s="424"/>
      <c r="QAJ728" s="424"/>
      <c r="QAK728" s="423" t="s">
        <v>2795</v>
      </c>
      <c r="QAL728" s="424"/>
      <c r="QAM728" s="424"/>
      <c r="QAN728" s="424"/>
      <c r="QAO728" s="423" t="s">
        <v>2795</v>
      </c>
      <c r="QAP728" s="424"/>
      <c r="QAQ728" s="424"/>
      <c r="QAR728" s="424"/>
      <c r="QAS728" s="423" t="s">
        <v>2795</v>
      </c>
      <c r="QAT728" s="424"/>
      <c r="QAU728" s="424"/>
      <c r="QAV728" s="424"/>
      <c r="QAW728" s="423" t="s">
        <v>2795</v>
      </c>
      <c r="QAX728" s="424"/>
      <c r="QAY728" s="424"/>
      <c r="QAZ728" s="424"/>
      <c r="QBA728" s="423" t="s">
        <v>2795</v>
      </c>
      <c r="QBB728" s="424"/>
      <c r="QBC728" s="424"/>
      <c r="QBD728" s="424"/>
      <c r="QBE728" s="423" t="s">
        <v>2795</v>
      </c>
      <c r="QBF728" s="424"/>
      <c r="QBG728" s="424"/>
      <c r="QBH728" s="424"/>
      <c r="QBI728" s="423" t="s">
        <v>2795</v>
      </c>
      <c r="QBJ728" s="424"/>
      <c r="QBK728" s="424"/>
      <c r="QBL728" s="424"/>
      <c r="QBM728" s="423" t="s">
        <v>2795</v>
      </c>
      <c r="QBN728" s="424"/>
      <c r="QBO728" s="424"/>
      <c r="QBP728" s="424"/>
      <c r="QBQ728" s="423" t="s">
        <v>2795</v>
      </c>
      <c r="QBR728" s="424"/>
      <c r="QBS728" s="424"/>
      <c r="QBT728" s="424"/>
      <c r="QBU728" s="423" t="s">
        <v>2795</v>
      </c>
      <c r="QBV728" s="424"/>
      <c r="QBW728" s="424"/>
      <c r="QBX728" s="424"/>
      <c r="QBY728" s="423" t="s">
        <v>2795</v>
      </c>
      <c r="QBZ728" s="424"/>
      <c r="QCA728" s="424"/>
      <c r="QCB728" s="424"/>
      <c r="QCC728" s="423" t="s">
        <v>2795</v>
      </c>
      <c r="QCD728" s="424"/>
      <c r="QCE728" s="424"/>
      <c r="QCF728" s="424"/>
      <c r="QCG728" s="423" t="s">
        <v>2795</v>
      </c>
      <c r="QCH728" s="424"/>
      <c r="QCI728" s="424"/>
      <c r="QCJ728" s="424"/>
      <c r="QCK728" s="423" t="s">
        <v>2795</v>
      </c>
      <c r="QCL728" s="424"/>
      <c r="QCM728" s="424"/>
      <c r="QCN728" s="424"/>
      <c r="QCO728" s="423" t="s">
        <v>2795</v>
      </c>
      <c r="QCP728" s="424"/>
      <c r="QCQ728" s="424"/>
      <c r="QCR728" s="424"/>
      <c r="QCS728" s="423" t="s">
        <v>2795</v>
      </c>
      <c r="QCT728" s="424"/>
      <c r="QCU728" s="424"/>
      <c r="QCV728" s="424"/>
      <c r="QCW728" s="423" t="s">
        <v>2795</v>
      </c>
      <c r="QCX728" s="424"/>
      <c r="QCY728" s="424"/>
      <c r="QCZ728" s="424"/>
      <c r="QDA728" s="423" t="s">
        <v>2795</v>
      </c>
      <c r="QDB728" s="424"/>
      <c r="QDC728" s="424"/>
      <c r="QDD728" s="424"/>
      <c r="QDE728" s="423" t="s">
        <v>2795</v>
      </c>
      <c r="QDF728" s="424"/>
      <c r="QDG728" s="424"/>
      <c r="QDH728" s="424"/>
      <c r="QDI728" s="423" t="s">
        <v>2795</v>
      </c>
      <c r="QDJ728" s="424"/>
      <c r="QDK728" s="424"/>
      <c r="QDL728" s="424"/>
      <c r="QDM728" s="423" t="s">
        <v>2795</v>
      </c>
      <c r="QDN728" s="424"/>
      <c r="QDO728" s="424"/>
      <c r="QDP728" s="424"/>
      <c r="QDQ728" s="423" t="s">
        <v>2795</v>
      </c>
      <c r="QDR728" s="424"/>
      <c r="QDS728" s="424"/>
      <c r="QDT728" s="424"/>
      <c r="QDU728" s="423" t="s">
        <v>2795</v>
      </c>
      <c r="QDV728" s="424"/>
      <c r="QDW728" s="424"/>
      <c r="QDX728" s="424"/>
      <c r="QDY728" s="423" t="s">
        <v>2795</v>
      </c>
      <c r="QDZ728" s="424"/>
      <c r="QEA728" s="424"/>
      <c r="QEB728" s="424"/>
      <c r="QEC728" s="423" t="s">
        <v>2795</v>
      </c>
      <c r="QED728" s="424"/>
      <c r="QEE728" s="424"/>
      <c r="QEF728" s="424"/>
      <c r="QEG728" s="423" t="s">
        <v>2795</v>
      </c>
      <c r="QEH728" s="424"/>
      <c r="QEI728" s="424"/>
      <c r="QEJ728" s="424"/>
      <c r="QEK728" s="423" t="s">
        <v>2795</v>
      </c>
      <c r="QEL728" s="424"/>
      <c r="QEM728" s="424"/>
      <c r="QEN728" s="424"/>
      <c r="QEO728" s="423" t="s">
        <v>2795</v>
      </c>
      <c r="QEP728" s="424"/>
      <c r="QEQ728" s="424"/>
      <c r="QER728" s="424"/>
      <c r="QES728" s="423" t="s">
        <v>2795</v>
      </c>
      <c r="QET728" s="424"/>
      <c r="QEU728" s="424"/>
      <c r="QEV728" s="424"/>
      <c r="QEW728" s="423" t="s">
        <v>2795</v>
      </c>
      <c r="QEX728" s="424"/>
      <c r="QEY728" s="424"/>
      <c r="QEZ728" s="424"/>
      <c r="QFA728" s="423" t="s">
        <v>2795</v>
      </c>
      <c r="QFB728" s="424"/>
      <c r="QFC728" s="424"/>
      <c r="QFD728" s="424"/>
      <c r="QFE728" s="423" t="s">
        <v>2795</v>
      </c>
      <c r="QFF728" s="424"/>
      <c r="QFG728" s="424"/>
      <c r="QFH728" s="424"/>
      <c r="QFI728" s="423" t="s">
        <v>2795</v>
      </c>
      <c r="QFJ728" s="424"/>
      <c r="QFK728" s="424"/>
      <c r="QFL728" s="424"/>
      <c r="QFM728" s="423" t="s">
        <v>2795</v>
      </c>
      <c r="QFN728" s="424"/>
      <c r="QFO728" s="424"/>
      <c r="QFP728" s="424"/>
      <c r="QFQ728" s="423" t="s">
        <v>2795</v>
      </c>
      <c r="QFR728" s="424"/>
      <c r="QFS728" s="424"/>
      <c r="QFT728" s="424"/>
      <c r="QFU728" s="423" t="s">
        <v>2795</v>
      </c>
      <c r="QFV728" s="424"/>
      <c r="QFW728" s="424"/>
      <c r="QFX728" s="424"/>
      <c r="QFY728" s="423" t="s">
        <v>2795</v>
      </c>
      <c r="QFZ728" s="424"/>
      <c r="QGA728" s="424"/>
      <c r="QGB728" s="424"/>
      <c r="QGC728" s="423" t="s">
        <v>2795</v>
      </c>
      <c r="QGD728" s="424"/>
      <c r="QGE728" s="424"/>
      <c r="QGF728" s="424"/>
      <c r="QGG728" s="423" t="s">
        <v>2795</v>
      </c>
      <c r="QGH728" s="424"/>
      <c r="QGI728" s="424"/>
      <c r="QGJ728" s="424"/>
      <c r="QGK728" s="423" t="s">
        <v>2795</v>
      </c>
      <c r="QGL728" s="424"/>
      <c r="QGM728" s="424"/>
      <c r="QGN728" s="424"/>
      <c r="QGO728" s="423" t="s">
        <v>2795</v>
      </c>
      <c r="QGP728" s="424"/>
      <c r="QGQ728" s="424"/>
      <c r="QGR728" s="424"/>
      <c r="QGS728" s="423" t="s">
        <v>2795</v>
      </c>
      <c r="QGT728" s="424"/>
      <c r="QGU728" s="424"/>
      <c r="QGV728" s="424"/>
      <c r="QGW728" s="423" t="s">
        <v>2795</v>
      </c>
      <c r="QGX728" s="424"/>
      <c r="QGY728" s="424"/>
      <c r="QGZ728" s="424"/>
      <c r="QHA728" s="423" t="s">
        <v>2795</v>
      </c>
      <c r="QHB728" s="424"/>
      <c r="QHC728" s="424"/>
      <c r="QHD728" s="424"/>
      <c r="QHE728" s="423" t="s">
        <v>2795</v>
      </c>
      <c r="QHF728" s="424"/>
      <c r="QHG728" s="424"/>
      <c r="QHH728" s="424"/>
      <c r="QHI728" s="423" t="s">
        <v>2795</v>
      </c>
      <c r="QHJ728" s="424"/>
      <c r="QHK728" s="424"/>
      <c r="QHL728" s="424"/>
      <c r="QHM728" s="423" t="s">
        <v>2795</v>
      </c>
      <c r="QHN728" s="424"/>
      <c r="QHO728" s="424"/>
      <c r="QHP728" s="424"/>
      <c r="QHQ728" s="423" t="s">
        <v>2795</v>
      </c>
      <c r="QHR728" s="424"/>
      <c r="QHS728" s="424"/>
      <c r="QHT728" s="424"/>
      <c r="QHU728" s="423" t="s">
        <v>2795</v>
      </c>
      <c r="QHV728" s="424"/>
      <c r="QHW728" s="424"/>
      <c r="QHX728" s="424"/>
      <c r="QHY728" s="423" t="s">
        <v>2795</v>
      </c>
      <c r="QHZ728" s="424"/>
      <c r="QIA728" s="424"/>
      <c r="QIB728" s="424"/>
      <c r="QIC728" s="423" t="s">
        <v>2795</v>
      </c>
      <c r="QID728" s="424"/>
      <c r="QIE728" s="424"/>
      <c r="QIF728" s="424"/>
      <c r="QIG728" s="423" t="s">
        <v>2795</v>
      </c>
      <c r="QIH728" s="424"/>
      <c r="QII728" s="424"/>
      <c r="QIJ728" s="424"/>
      <c r="QIK728" s="423" t="s">
        <v>2795</v>
      </c>
      <c r="QIL728" s="424"/>
      <c r="QIM728" s="424"/>
      <c r="QIN728" s="424"/>
      <c r="QIO728" s="423" t="s">
        <v>2795</v>
      </c>
      <c r="QIP728" s="424"/>
      <c r="QIQ728" s="424"/>
      <c r="QIR728" s="424"/>
      <c r="QIS728" s="423" t="s">
        <v>2795</v>
      </c>
      <c r="QIT728" s="424"/>
      <c r="QIU728" s="424"/>
      <c r="QIV728" s="424"/>
      <c r="QIW728" s="423" t="s">
        <v>2795</v>
      </c>
      <c r="QIX728" s="424"/>
      <c r="QIY728" s="424"/>
      <c r="QIZ728" s="424"/>
      <c r="QJA728" s="423" t="s">
        <v>2795</v>
      </c>
      <c r="QJB728" s="424"/>
      <c r="QJC728" s="424"/>
      <c r="QJD728" s="424"/>
      <c r="QJE728" s="423" t="s">
        <v>2795</v>
      </c>
      <c r="QJF728" s="424"/>
      <c r="QJG728" s="424"/>
      <c r="QJH728" s="424"/>
      <c r="QJI728" s="423" t="s">
        <v>2795</v>
      </c>
      <c r="QJJ728" s="424"/>
      <c r="QJK728" s="424"/>
      <c r="QJL728" s="424"/>
      <c r="QJM728" s="423" t="s">
        <v>2795</v>
      </c>
      <c r="QJN728" s="424"/>
      <c r="QJO728" s="424"/>
      <c r="QJP728" s="424"/>
      <c r="QJQ728" s="423" t="s">
        <v>2795</v>
      </c>
      <c r="QJR728" s="424"/>
      <c r="QJS728" s="424"/>
      <c r="QJT728" s="424"/>
      <c r="QJU728" s="423" t="s">
        <v>2795</v>
      </c>
      <c r="QJV728" s="424"/>
      <c r="QJW728" s="424"/>
      <c r="QJX728" s="424"/>
      <c r="QJY728" s="423" t="s">
        <v>2795</v>
      </c>
      <c r="QJZ728" s="424"/>
      <c r="QKA728" s="424"/>
      <c r="QKB728" s="424"/>
      <c r="QKC728" s="423" t="s">
        <v>2795</v>
      </c>
      <c r="QKD728" s="424"/>
      <c r="QKE728" s="424"/>
      <c r="QKF728" s="424"/>
      <c r="QKG728" s="423" t="s">
        <v>2795</v>
      </c>
      <c r="QKH728" s="424"/>
      <c r="QKI728" s="424"/>
      <c r="QKJ728" s="424"/>
      <c r="QKK728" s="423" t="s">
        <v>2795</v>
      </c>
      <c r="QKL728" s="424"/>
      <c r="QKM728" s="424"/>
      <c r="QKN728" s="424"/>
      <c r="QKO728" s="423" t="s">
        <v>2795</v>
      </c>
      <c r="QKP728" s="424"/>
      <c r="QKQ728" s="424"/>
      <c r="QKR728" s="424"/>
      <c r="QKS728" s="423" t="s">
        <v>2795</v>
      </c>
      <c r="QKT728" s="424"/>
      <c r="QKU728" s="424"/>
      <c r="QKV728" s="424"/>
      <c r="QKW728" s="423" t="s">
        <v>2795</v>
      </c>
      <c r="QKX728" s="424"/>
      <c r="QKY728" s="424"/>
      <c r="QKZ728" s="424"/>
      <c r="QLA728" s="423" t="s">
        <v>2795</v>
      </c>
      <c r="QLB728" s="424"/>
      <c r="QLC728" s="424"/>
      <c r="QLD728" s="424"/>
      <c r="QLE728" s="423" t="s">
        <v>2795</v>
      </c>
      <c r="QLF728" s="424"/>
      <c r="QLG728" s="424"/>
      <c r="QLH728" s="424"/>
      <c r="QLI728" s="423" t="s">
        <v>2795</v>
      </c>
      <c r="QLJ728" s="424"/>
      <c r="QLK728" s="424"/>
      <c r="QLL728" s="424"/>
      <c r="QLM728" s="423" t="s">
        <v>2795</v>
      </c>
      <c r="QLN728" s="424"/>
      <c r="QLO728" s="424"/>
      <c r="QLP728" s="424"/>
      <c r="QLQ728" s="423" t="s">
        <v>2795</v>
      </c>
      <c r="QLR728" s="424"/>
      <c r="QLS728" s="424"/>
      <c r="QLT728" s="424"/>
      <c r="QLU728" s="423" t="s">
        <v>2795</v>
      </c>
      <c r="QLV728" s="424"/>
      <c r="QLW728" s="424"/>
      <c r="QLX728" s="424"/>
      <c r="QLY728" s="423" t="s">
        <v>2795</v>
      </c>
      <c r="QLZ728" s="424"/>
      <c r="QMA728" s="424"/>
      <c r="QMB728" s="424"/>
      <c r="QMC728" s="423" t="s">
        <v>2795</v>
      </c>
      <c r="QMD728" s="424"/>
      <c r="QME728" s="424"/>
      <c r="QMF728" s="424"/>
      <c r="QMG728" s="423" t="s">
        <v>2795</v>
      </c>
      <c r="QMH728" s="424"/>
      <c r="QMI728" s="424"/>
      <c r="QMJ728" s="424"/>
      <c r="QMK728" s="423" t="s">
        <v>2795</v>
      </c>
      <c r="QML728" s="424"/>
      <c r="QMM728" s="424"/>
      <c r="QMN728" s="424"/>
      <c r="QMO728" s="423" t="s">
        <v>2795</v>
      </c>
      <c r="QMP728" s="424"/>
      <c r="QMQ728" s="424"/>
      <c r="QMR728" s="424"/>
      <c r="QMS728" s="423" t="s">
        <v>2795</v>
      </c>
      <c r="QMT728" s="424"/>
      <c r="QMU728" s="424"/>
      <c r="QMV728" s="424"/>
      <c r="QMW728" s="423" t="s">
        <v>2795</v>
      </c>
      <c r="QMX728" s="424"/>
      <c r="QMY728" s="424"/>
      <c r="QMZ728" s="424"/>
      <c r="QNA728" s="423" t="s">
        <v>2795</v>
      </c>
      <c r="QNB728" s="424"/>
      <c r="QNC728" s="424"/>
      <c r="QND728" s="424"/>
      <c r="QNE728" s="423" t="s">
        <v>2795</v>
      </c>
      <c r="QNF728" s="424"/>
      <c r="QNG728" s="424"/>
      <c r="QNH728" s="424"/>
      <c r="QNI728" s="423" t="s">
        <v>2795</v>
      </c>
      <c r="QNJ728" s="424"/>
      <c r="QNK728" s="424"/>
      <c r="QNL728" s="424"/>
      <c r="QNM728" s="423" t="s">
        <v>2795</v>
      </c>
      <c r="QNN728" s="424"/>
      <c r="QNO728" s="424"/>
      <c r="QNP728" s="424"/>
      <c r="QNQ728" s="423" t="s">
        <v>2795</v>
      </c>
      <c r="QNR728" s="424"/>
      <c r="QNS728" s="424"/>
      <c r="QNT728" s="424"/>
      <c r="QNU728" s="423" t="s">
        <v>2795</v>
      </c>
      <c r="QNV728" s="424"/>
      <c r="QNW728" s="424"/>
      <c r="QNX728" s="424"/>
      <c r="QNY728" s="423" t="s">
        <v>2795</v>
      </c>
      <c r="QNZ728" s="424"/>
      <c r="QOA728" s="424"/>
      <c r="QOB728" s="424"/>
      <c r="QOC728" s="423" t="s">
        <v>2795</v>
      </c>
      <c r="QOD728" s="424"/>
      <c r="QOE728" s="424"/>
      <c r="QOF728" s="424"/>
      <c r="QOG728" s="423" t="s">
        <v>2795</v>
      </c>
      <c r="QOH728" s="424"/>
      <c r="QOI728" s="424"/>
      <c r="QOJ728" s="424"/>
      <c r="QOK728" s="423" t="s">
        <v>2795</v>
      </c>
      <c r="QOL728" s="424"/>
      <c r="QOM728" s="424"/>
      <c r="QON728" s="424"/>
      <c r="QOO728" s="423" t="s">
        <v>2795</v>
      </c>
      <c r="QOP728" s="424"/>
      <c r="QOQ728" s="424"/>
      <c r="QOR728" s="424"/>
      <c r="QOS728" s="423" t="s">
        <v>2795</v>
      </c>
      <c r="QOT728" s="424"/>
      <c r="QOU728" s="424"/>
      <c r="QOV728" s="424"/>
      <c r="QOW728" s="423" t="s">
        <v>2795</v>
      </c>
      <c r="QOX728" s="424"/>
      <c r="QOY728" s="424"/>
      <c r="QOZ728" s="424"/>
      <c r="QPA728" s="423" t="s">
        <v>2795</v>
      </c>
      <c r="QPB728" s="424"/>
      <c r="QPC728" s="424"/>
      <c r="QPD728" s="424"/>
      <c r="QPE728" s="423" t="s">
        <v>2795</v>
      </c>
      <c r="QPF728" s="424"/>
      <c r="QPG728" s="424"/>
      <c r="QPH728" s="424"/>
      <c r="QPI728" s="423" t="s">
        <v>2795</v>
      </c>
      <c r="QPJ728" s="424"/>
      <c r="QPK728" s="424"/>
      <c r="QPL728" s="424"/>
      <c r="QPM728" s="423" t="s">
        <v>2795</v>
      </c>
      <c r="QPN728" s="424"/>
      <c r="QPO728" s="424"/>
      <c r="QPP728" s="424"/>
      <c r="QPQ728" s="423" t="s">
        <v>2795</v>
      </c>
      <c r="QPR728" s="424"/>
      <c r="QPS728" s="424"/>
      <c r="QPT728" s="424"/>
      <c r="QPU728" s="423" t="s">
        <v>2795</v>
      </c>
      <c r="QPV728" s="424"/>
      <c r="QPW728" s="424"/>
      <c r="QPX728" s="424"/>
      <c r="QPY728" s="423" t="s">
        <v>2795</v>
      </c>
      <c r="QPZ728" s="424"/>
      <c r="QQA728" s="424"/>
      <c r="QQB728" s="424"/>
      <c r="QQC728" s="423" t="s">
        <v>2795</v>
      </c>
      <c r="QQD728" s="424"/>
      <c r="QQE728" s="424"/>
      <c r="QQF728" s="424"/>
      <c r="QQG728" s="423" t="s">
        <v>2795</v>
      </c>
      <c r="QQH728" s="424"/>
      <c r="QQI728" s="424"/>
      <c r="QQJ728" s="424"/>
      <c r="QQK728" s="423" t="s">
        <v>2795</v>
      </c>
      <c r="QQL728" s="424"/>
      <c r="QQM728" s="424"/>
      <c r="QQN728" s="424"/>
      <c r="QQO728" s="423" t="s">
        <v>2795</v>
      </c>
      <c r="QQP728" s="424"/>
      <c r="QQQ728" s="424"/>
      <c r="QQR728" s="424"/>
      <c r="QQS728" s="423" t="s">
        <v>2795</v>
      </c>
      <c r="QQT728" s="424"/>
      <c r="QQU728" s="424"/>
      <c r="QQV728" s="424"/>
      <c r="QQW728" s="423" t="s">
        <v>2795</v>
      </c>
      <c r="QQX728" s="424"/>
      <c r="QQY728" s="424"/>
      <c r="QQZ728" s="424"/>
      <c r="QRA728" s="423" t="s">
        <v>2795</v>
      </c>
      <c r="QRB728" s="424"/>
      <c r="QRC728" s="424"/>
      <c r="QRD728" s="424"/>
      <c r="QRE728" s="423" t="s">
        <v>2795</v>
      </c>
      <c r="QRF728" s="424"/>
      <c r="QRG728" s="424"/>
      <c r="QRH728" s="424"/>
      <c r="QRI728" s="423" t="s">
        <v>2795</v>
      </c>
      <c r="QRJ728" s="424"/>
      <c r="QRK728" s="424"/>
      <c r="QRL728" s="424"/>
      <c r="QRM728" s="423" t="s">
        <v>2795</v>
      </c>
      <c r="QRN728" s="424"/>
      <c r="QRO728" s="424"/>
      <c r="QRP728" s="424"/>
      <c r="QRQ728" s="423" t="s">
        <v>2795</v>
      </c>
      <c r="QRR728" s="424"/>
      <c r="QRS728" s="424"/>
      <c r="QRT728" s="424"/>
      <c r="QRU728" s="423" t="s">
        <v>2795</v>
      </c>
      <c r="QRV728" s="424"/>
      <c r="QRW728" s="424"/>
      <c r="QRX728" s="424"/>
      <c r="QRY728" s="423" t="s">
        <v>2795</v>
      </c>
      <c r="QRZ728" s="424"/>
      <c r="QSA728" s="424"/>
      <c r="QSB728" s="424"/>
      <c r="QSC728" s="423" t="s">
        <v>2795</v>
      </c>
      <c r="QSD728" s="424"/>
      <c r="QSE728" s="424"/>
      <c r="QSF728" s="424"/>
      <c r="QSG728" s="423" t="s">
        <v>2795</v>
      </c>
      <c r="QSH728" s="424"/>
      <c r="QSI728" s="424"/>
      <c r="QSJ728" s="424"/>
      <c r="QSK728" s="423" t="s">
        <v>2795</v>
      </c>
      <c r="QSL728" s="424"/>
      <c r="QSM728" s="424"/>
      <c r="QSN728" s="424"/>
      <c r="QSO728" s="423" t="s">
        <v>2795</v>
      </c>
      <c r="QSP728" s="424"/>
      <c r="QSQ728" s="424"/>
      <c r="QSR728" s="424"/>
      <c r="QSS728" s="423" t="s">
        <v>2795</v>
      </c>
      <c r="QST728" s="424"/>
      <c r="QSU728" s="424"/>
      <c r="QSV728" s="424"/>
      <c r="QSW728" s="423" t="s">
        <v>2795</v>
      </c>
      <c r="QSX728" s="424"/>
      <c r="QSY728" s="424"/>
      <c r="QSZ728" s="424"/>
      <c r="QTA728" s="423" t="s">
        <v>2795</v>
      </c>
      <c r="QTB728" s="424"/>
      <c r="QTC728" s="424"/>
      <c r="QTD728" s="424"/>
      <c r="QTE728" s="423" t="s">
        <v>2795</v>
      </c>
      <c r="QTF728" s="424"/>
      <c r="QTG728" s="424"/>
      <c r="QTH728" s="424"/>
      <c r="QTI728" s="423" t="s">
        <v>2795</v>
      </c>
      <c r="QTJ728" s="424"/>
      <c r="QTK728" s="424"/>
      <c r="QTL728" s="424"/>
      <c r="QTM728" s="423" t="s">
        <v>2795</v>
      </c>
      <c r="QTN728" s="424"/>
      <c r="QTO728" s="424"/>
      <c r="QTP728" s="424"/>
      <c r="QTQ728" s="423" t="s">
        <v>2795</v>
      </c>
      <c r="QTR728" s="424"/>
      <c r="QTS728" s="424"/>
      <c r="QTT728" s="424"/>
      <c r="QTU728" s="423" t="s">
        <v>2795</v>
      </c>
      <c r="QTV728" s="424"/>
      <c r="QTW728" s="424"/>
      <c r="QTX728" s="424"/>
      <c r="QTY728" s="423" t="s">
        <v>2795</v>
      </c>
      <c r="QTZ728" s="424"/>
      <c r="QUA728" s="424"/>
      <c r="QUB728" s="424"/>
      <c r="QUC728" s="423" t="s">
        <v>2795</v>
      </c>
      <c r="QUD728" s="424"/>
      <c r="QUE728" s="424"/>
      <c r="QUF728" s="424"/>
      <c r="QUG728" s="423" t="s">
        <v>2795</v>
      </c>
      <c r="QUH728" s="424"/>
      <c r="QUI728" s="424"/>
      <c r="QUJ728" s="424"/>
      <c r="QUK728" s="423" t="s">
        <v>2795</v>
      </c>
      <c r="QUL728" s="424"/>
      <c r="QUM728" s="424"/>
      <c r="QUN728" s="424"/>
      <c r="QUO728" s="423" t="s">
        <v>2795</v>
      </c>
      <c r="QUP728" s="424"/>
      <c r="QUQ728" s="424"/>
      <c r="QUR728" s="424"/>
      <c r="QUS728" s="423" t="s">
        <v>2795</v>
      </c>
      <c r="QUT728" s="424"/>
      <c r="QUU728" s="424"/>
      <c r="QUV728" s="424"/>
      <c r="QUW728" s="423" t="s">
        <v>2795</v>
      </c>
      <c r="QUX728" s="424"/>
      <c r="QUY728" s="424"/>
      <c r="QUZ728" s="424"/>
      <c r="QVA728" s="423" t="s">
        <v>2795</v>
      </c>
      <c r="QVB728" s="424"/>
      <c r="QVC728" s="424"/>
      <c r="QVD728" s="424"/>
      <c r="QVE728" s="423" t="s">
        <v>2795</v>
      </c>
      <c r="QVF728" s="424"/>
      <c r="QVG728" s="424"/>
      <c r="QVH728" s="424"/>
      <c r="QVI728" s="423" t="s">
        <v>2795</v>
      </c>
      <c r="QVJ728" s="424"/>
      <c r="QVK728" s="424"/>
      <c r="QVL728" s="424"/>
      <c r="QVM728" s="423" t="s">
        <v>2795</v>
      </c>
      <c r="QVN728" s="424"/>
      <c r="QVO728" s="424"/>
      <c r="QVP728" s="424"/>
      <c r="QVQ728" s="423" t="s">
        <v>2795</v>
      </c>
      <c r="QVR728" s="424"/>
      <c r="QVS728" s="424"/>
      <c r="QVT728" s="424"/>
      <c r="QVU728" s="423" t="s">
        <v>2795</v>
      </c>
      <c r="QVV728" s="424"/>
      <c r="QVW728" s="424"/>
      <c r="QVX728" s="424"/>
      <c r="QVY728" s="423" t="s">
        <v>2795</v>
      </c>
      <c r="QVZ728" s="424"/>
      <c r="QWA728" s="424"/>
      <c r="QWB728" s="424"/>
      <c r="QWC728" s="423" t="s">
        <v>2795</v>
      </c>
      <c r="QWD728" s="424"/>
      <c r="QWE728" s="424"/>
      <c r="QWF728" s="424"/>
      <c r="QWG728" s="423" t="s">
        <v>2795</v>
      </c>
      <c r="QWH728" s="424"/>
      <c r="QWI728" s="424"/>
      <c r="QWJ728" s="424"/>
      <c r="QWK728" s="423" t="s">
        <v>2795</v>
      </c>
      <c r="QWL728" s="424"/>
      <c r="QWM728" s="424"/>
      <c r="QWN728" s="424"/>
      <c r="QWO728" s="423" t="s">
        <v>2795</v>
      </c>
      <c r="QWP728" s="424"/>
      <c r="QWQ728" s="424"/>
      <c r="QWR728" s="424"/>
      <c r="QWS728" s="423" t="s">
        <v>2795</v>
      </c>
      <c r="QWT728" s="424"/>
      <c r="QWU728" s="424"/>
      <c r="QWV728" s="424"/>
      <c r="QWW728" s="423" t="s">
        <v>2795</v>
      </c>
      <c r="QWX728" s="424"/>
      <c r="QWY728" s="424"/>
      <c r="QWZ728" s="424"/>
      <c r="QXA728" s="423" t="s">
        <v>2795</v>
      </c>
      <c r="QXB728" s="424"/>
      <c r="QXC728" s="424"/>
      <c r="QXD728" s="424"/>
      <c r="QXE728" s="423" t="s">
        <v>2795</v>
      </c>
      <c r="QXF728" s="424"/>
      <c r="QXG728" s="424"/>
      <c r="QXH728" s="424"/>
      <c r="QXI728" s="423" t="s">
        <v>2795</v>
      </c>
      <c r="QXJ728" s="424"/>
      <c r="QXK728" s="424"/>
      <c r="QXL728" s="424"/>
      <c r="QXM728" s="423" t="s">
        <v>2795</v>
      </c>
      <c r="QXN728" s="424"/>
      <c r="QXO728" s="424"/>
      <c r="QXP728" s="424"/>
      <c r="QXQ728" s="423" t="s">
        <v>2795</v>
      </c>
      <c r="QXR728" s="424"/>
      <c r="QXS728" s="424"/>
      <c r="QXT728" s="424"/>
      <c r="QXU728" s="423" t="s">
        <v>2795</v>
      </c>
      <c r="QXV728" s="424"/>
      <c r="QXW728" s="424"/>
      <c r="QXX728" s="424"/>
      <c r="QXY728" s="423" t="s">
        <v>2795</v>
      </c>
      <c r="QXZ728" s="424"/>
      <c r="QYA728" s="424"/>
      <c r="QYB728" s="424"/>
      <c r="QYC728" s="423" t="s">
        <v>2795</v>
      </c>
      <c r="QYD728" s="424"/>
      <c r="QYE728" s="424"/>
      <c r="QYF728" s="424"/>
      <c r="QYG728" s="423" t="s">
        <v>2795</v>
      </c>
      <c r="QYH728" s="424"/>
      <c r="QYI728" s="424"/>
      <c r="QYJ728" s="424"/>
      <c r="QYK728" s="423" t="s">
        <v>2795</v>
      </c>
      <c r="QYL728" s="424"/>
      <c r="QYM728" s="424"/>
      <c r="QYN728" s="424"/>
      <c r="QYO728" s="423" t="s">
        <v>2795</v>
      </c>
      <c r="QYP728" s="424"/>
      <c r="QYQ728" s="424"/>
      <c r="QYR728" s="424"/>
      <c r="QYS728" s="423" t="s">
        <v>2795</v>
      </c>
      <c r="QYT728" s="424"/>
      <c r="QYU728" s="424"/>
      <c r="QYV728" s="424"/>
      <c r="QYW728" s="423" t="s">
        <v>2795</v>
      </c>
      <c r="QYX728" s="424"/>
      <c r="QYY728" s="424"/>
      <c r="QYZ728" s="424"/>
      <c r="QZA728" s="423" t="s">
        <v>2795</v>
      </c>
      <c r="QZB728" s="424"/>
      <c r="QZC728" s="424"/>
      <c r="QZD728" s="424"/>
      <c r="QZE728" s="423" t="s">
        <v>2795</v>
      </c>
      <c r="QZF728" s="424"/>
      <c r="QZG728" s="424"/>
      <c r="QZH728" s="424"/>
      <c r="QZI728" s="423" t="s">
        <v>2795</v>
      </c>
      <c r="QZJ728" s="424"/>
      <c r="QZK728" s="424"/>
      <c r="QZL728" s="424"/>
      <c r="QZM728" s="423" t="s">
        <v>2795</v>
      </c>
      <c r="QZN728" s="424"/>
      <c r="QZO728" s="424"/>
      <c r="QZP728" s="424"/>
      <c r="QZQ728" s="423" t="s">
        <v>2795</v>
      </c>
      <c r="QZR728" s="424"/>
      <c r="QZS728" s="424"/>
      <c r="QZT728" s="424"/>
      <c r="QZU728" s="423" t="s">
        <v>2795</v>
      </c>
      <c r="QZV728" s="424"/>
      <c r="QZW728" s="424"/>
      <c r="QZX728" s="424"/>
      <c r="QZY728" s="423" t="s">
        <v>2795</v>
      </c>
      <c r="QZZ728" s="424"/>
      <c r="RAA728" s="424"/>
      <c r="RAB728" s="424"/>
      <c r="RAC728" s="423" t="s">
        <v>2795</v>
      </c>
      <c r="RAD728" s="424"/>
      <c r="RAE728" s="424"/>
      <c r="RAF728" s="424"/>
      <c r="RAG728" s="423" t="s">
        <v>2795</v>
      </c>
      <c r="RAH728" s="424"/>
      <c r="RAI728" s="424"/>
      <c r="RAJ728" s="424"/>
      <c r="RAK728" s="423" t="s">
        <v>2795</v>
      </c>
      <c r="RAL728" s="424"/>
      <c r="RAM728" s="424"/>
      <c r="RAN728" s="424"/>
      <c r="RAO728" s="423" t="s">
        <v>2795</v>
      </c>
      <c r="RAP728" s="424"/>
      <c r="RAQ728" s="424"/>
      <c r="RAR728" s="424"/>
      <c r="RAS728" s="423" t="s">
        <v>2795</v>
      </c>
      <c r="RAT728" s="424"/>
      <c r="RAU728" s="424"/>
      <c r="RAV728" s="424"/>
      <c r="RAW728" s="423" t="s">
        <v>2795</v>
      </c>
      <c r="RAX728" s="424"/>
      <c r="RAY728" s="424"/>
      <c r="RAZ728" s="424"/>
      <c r="RBA728" s="423" t="s">
        <v>2795</v>
      </c>
      <c r="RBB728" s="424"/>
      <c r="RBC728" s="424"/>
      <c r="RBD728" s="424"/>
      <c r="RBE728" s="423" t="s">
        <v>2795</v>
      </c>
      <c r="RBF728" s="424"/>
      <c r="RBG728" s="424"/>
      <c r="RBH728" s="424"/>
      <c r="RBI728" s="423" t="s">
        <v>2795</v>
      </c>
      <c r="RBJ728" s="424"/>
      <c r="RBK728" s="424"/>
      <c r="RBL728" s="424"/>
      <c r="RBM728" s="423" t="s">
        <v>2795</v>
      </c>
      <c r="RBN728" s="424"/>
      <c r="RBO728" s="424"/>
      <c r="RBP728" s="424"/>
      <c r="RBQ728" s="423" t="s">
        <v>2795</v>
      </c>
      <c r="RBR728" s="424"/>
      <c r="RBS728" s="424"/>
      <c r="RBT728" s="424"/>
      <c r="RBU728" s="423" t="s">
        <v>2795</v>
      </c>
      <c r="RBV728" s="424"/>
      <c r="RBW728" s="424"/>
      <c r="RBX728" s="424"/>
      <c r="RBY728" s="423" t="s">
        <v>2795</v>
      </c>
      <c r="RBZ728" s="424"/>
      <c r="RCA728" s="424"/>
      <c r="RCB728" s="424"/>
      <c r="RCC728" s="423" t="s">
        <v>2795</v>
      </c>
      <c r="RCD728" s="424"/>
      <c r="RCE728" s="424"/>
      <c r="RCF728" s="424"/>
      <c r="RCG728" s="423" t="s">
        <v>2795</v>
      </c>
      <c r="RCH728" s="424"/>
      <c r="RCI728" s="424"/>
      <c r="RCJ728" s="424"/>
      <c r="RCK728" s="423" t="s">
        <v>2795</v>
      </c>
      <c r="RCL728" s="424"/>
      <c r="RCM728" s="424"/>
      <c r="RCN728" s="424"/>
      <c r="RCO728" s="423" t="s">
        <v>2795</v>
      </c>
      <c r="RCP728" s="424"/>
      <c r="RCQ728" s="424"/>
      <c r="RCR728" s="424"/>
      <c r="RCS728" s="423" t="s">
        <v>2795</v>
      </c>
      <c r="RCT728" s="424"/>
      <c r="RCU728" s="424"/>
      <c r="RCV728" s="424"/>
      <c r="RCW728" s="423" t="s">
        <v>2795</v>
      </c>
      <c r="RCX728" s="424"/>
      <c r="RCY728" s="424"/>
      <c r="RCZ728" s="424"/>
      <c r="RDA728" s="423" t="s">
        <v>2795</v>
      </c>
      <c r="RDB728" s="424"/>
      <c r="RDC728" s="424"/>
      <c r="RDD728" s="424"/>
      <c r="RDE728" s="423" t="s">
        <v>2795</v>
      </c>
      <c r="RDF728" s="424"/>
      <c r="RDG728" s="424"/>
      <c r="RDH728" s="424"/>
      <c r="RDI728" s="423" t="s">
        <v>2795</v>
      </c>
      <c r="RDJ728" s="424"/>
      <c r="RDK728" s="424"/>
      <c r="RDL728" s="424"/>
      <c r="RDM728" s="423" t="s">
        <v>2795</v>
      </c>
      <c r="RDN728" s="424"/>
      <c r="RDO728" s="424"/>
      <c r="RDP728" s="424"/>
      <c r="RDQ728" s="423" t="s">
        <v>2795</v>
      </c>
      <c r="RDR728" s="424"/>
      <c r="RDS728" s="424"/>
      <c r="RDT728" s="424"/>
      <c r="RDU728" s="423" t="s">
        <v>2795</v>
      </c>
      <c r="RDV728" s="424"/>
      <c r="RDW728" s="424"/>
      <c r="RDX728" s="424"/>
      <c r="RDY728" s="423" t="s">
        <v>2795</v>
      </c>
      <c r="RDZ728" s="424"/>
      <c r="REA728" s="424"/>
      <c r="REB728" s="424"/>
      <c r="REC728" s="423" t="s">
        <v>2795</v>
      </c>
      <c r="RED728" s="424"/>
      <c r="REE728" s="424"/>
      <c r="REF728" s="424"/>
      <c r="REG728" s="423" t="s">
        <v>2795</v>
      </c>
      <c r="REH728" s="424"/>
      <c r="REI728" s="424"/>
      <c r="REJ728" s="424"/>
      <c r="REK728" s="423" t="s">
        <v>2795</v>
      </c>
      <c r="REL728" s="424"/>
      <c r="REM728" s="424"/>
      <c r="REN728" s="424"/>
      <c r="REO728" s="423" t="s">
        <v>2795</v>
      </c>
      <c r="REP728" s="424"/>
      <c r="REQ728" s="424"/>
      <c r="RER728" s="424"/>
      <c r="RES728" s="423" t="s">
        <v>2795</v>
      </c>
      <c r="RET728" s="424"/>
      <c r="REU728" s="424"/>
      <c r="REV728" s="424"/>
      <c r="REW728" s="423" t="s">
        <v>2795</v>
      </c>
      <c r="REX728" s="424"/>
      <c r="REY728" s="424"/>
      <c r="REZ728" s="424"/>
      <c r="RFA728" s="423" t="s">
        <v>2795</v>
      </c>
      <c r="RFB728" s="424"/>
      <c r="RFC728" s="424"/>
      <c r="RFD728" s="424"/>
      <c r="RFE728" s="423" t="s">
        <v>2795</v>
      </c>
      <c r="RFF728" s="424"/>
      <c r="RFG728" s="424"/>
      <c r="RFH728" s="424"/>
      <c r="RFI728" s="423" t="s">
        <v>2795</v>
      </c>
      <c r="RFJ728" s="424"/>
      <c r="RFK728" s="424"/>
      <c r="RFL728" s="424"/>
      <c r="RFM728" s="423" t="s">
        <v>2795</v>
      </c>
      <c r="RFN728" s="424"/>
      <c r="RFO728" s="424"/>
      <c r="RFP728" s="424"/>
      <c r="RFQ728" s="423" t="s">
        <v>2795</v>
      </c>
      <c r="RFR728" s="424"/>
      <c r="RFS728" s="424"/>
      <c r="RFT728" s="424"/>
      <c r="RFU728" s="423" t="s">
        <v>2795</v>
      </c>
      <c r="RFV728" s="424"/>
      <c r="RFW728" s="424"/>
      <c r="RFX728" s="424"/>
      <c r="RFY728" s="423" t="s">
        <v>2795</v>
      </c>
      <c r="RFZ728" s="424"/>
      <c r="RGA728" s="424"/>
      <c r="RGB728" s="424"/>
      <c r="RGC728" s="423" t="s">
        <v>2795</v>
      </c>
      <c r="RGD728" s="424"/>
      <c r="RGE728" s="424"/>
      <c r="RGF728" s="424"/>
      <c r="RGG728" s="423" t="s">
        <v>2795</v>
      </c>
      <c r="RGH728" s="424"/>
      <c r="RGI728" s="424"/>
      <c r="RGJ728" s="424"/>
      <c r="RGK728" s="423" t="s">
        <v>2795</v>
      </c>
      <c r="RGL728" s="424"/>
      <c r="RGM728" s="424"/>
      <c r="RGN728" s="424"/>
      <c r="RGO728" s="423" t="s">
        <v>2795</v>
      </c>
      <c r="RGP728" s="424"/>
      <c r="RGQ728" s="424"/>
      <c r="RGR728" s="424"/>
      <c r="RGS728" s="423" t="s">
        <v>2795</v>
      </c>
      <c r="RGT728" s="424"/>
      <c r="RGU728" s="424"/>
      <c r="RGV728" s="424"/>
      <c r="RGW728" s="423" t="s">
        <v>2795</v>
      </c>
      <c r="RGX728" s="424"/>
      <c r="RGY728" s="424"/>
      <c r="RGZ728" s="424"/>
      <c r="RHA728" s="423" t="s">
        <v>2795</v>
      </c>
      <c r="RHB728" s="424"/>
      <c r="RHC728" s="424"/>
      <c r="RHD728" s="424"/>
      <c r="RHE728" s="423" t="s">
        <v>2795</v>
      </c>
      <c r="RHF728" s="424"/>
      <c r="RHG728" s="424"/>
      <c r="RHH728" s="424"/>
      <c r="RHI728" s="423" t="s">
        <v>2795</v>
      </c>
      <c r="RHJ728" s="424"/>
      <c r="RHK728" s="424"/>
      <c r="RHL728" s="424"/>
      <c r="RHM728" s="423" t="s">
        <v>2795</v>
      </c>
      <c r="RHN728" s="424"/>
      <c r="RHO728" s="424"/>
      <c r="RHP728" s="424"/>
      <c r="RHQ728" s="423" t="s">
        <v>2795</v>
      </c>
      <c r="RHR728" s="424"/>
      <c r="RHS728" s="424"/>
      <c r="RHT728" s="424"/>
      <c r="RHU728" s="423" t="s">
        <v>2795</v>
      </c>
      <c r="RHV728" s="424"/>
      <c r="RHW728" s="424"/>
      <c r="RHX728" s="424"/>
      <c r="RHY728" s="423" t="s">
        <v>2795</v>
      </c>
      <c r="RHZ728" s="424"/>
      <c r="RIA728" s="424"/>
      <c r="RIB728" s="424"/>
      <c r="RIC728" s="423" t="s">
        <v>2795</v>
      </c>
      <c r="RID728" s="424"/>
      <c r="RIE728" s="424"/>
      <c r="RIF728" s="424"/>
      <c r="RIG728" s="423" t="s">
        <v>2795</v>
      </c>
      <c r="RIH728" s="424"/>
      <c r="RII728" s="424"/>
      <c r="RIJ728" s="424"/>
      <c r="RIK728" s="423" t="s">
        <v>2795</v>
      </c>
      <c r="RIL728" s="424"/>
      <c r="RIM728" s="424"/>
      <c r="RIN728" s="424"/>
      <c r="RIO728" s="423" t="s">
        <v>2795</v>
      </c>
      <c r="RIP728" s="424"/>
      <c r="RIQ728" s="424"/>
      <c r="RIR728" s="424"/>
      <c r="RIS728" s="423" t="s">
        <v>2795</v>
      </c>
      <c r="RIT728" s="424"/>
      <c r="RIU728" s="424"/>
      <c r="RIV728" s="424"/>
      <c r="RIW728" s="423" t="s">
        <v>2795</v>
      </c>
      <c r="RIX728" s="424"/>
      <c r="RIY728" s="424"/>
      <c r="RIZ728" s="424"/>
      <c r="RJA728" s="423" t="s">
        <v>2795</v>
      </c>
      <c r="RJB728" s="424"/>
      <c r="RJC728" s="424"/>
      <c r="RJD728" s="424"/>
      <c r="RJE728" s="423" t="s">
        <v>2795</v>
      </c>
      <c r="RJF728" s="424"/>
      <c r="RJG728" s="424"/>
      <c r="RJH728" s="424"/>
      <c r="RJI728" s="423" t="s">
        <v>2795</v>
      </c>
      <c r="RJJ728" s="424"/>
      <c r="RJK728" s="424"/>
      <c r="RJL728" s="424"/>
      <c r="RJM728" s="423" t="s">
        <v>2795</v>
      </c>
      <c r="RJN728" s="424"/>
      <c r="RJO728" s="424"/>
      <c r="RJP728" s="424"/>
      <c r="RJQ728" s="423" t="s">
        <v>2795</v>
      </c>
      <c r="RJR728" s="424"/>
      <c r="RJS728" s="424"/>
      <c r="RJT728" s="424"/>
      <c r="RJU728" s="423" t="s">
        <v>2795</v>
      </c>
      <c r="RJV728" s="424"/>
      <c r="RJW728" s="424"/>
      <c r="RJX728" s="424"/>
      <c r="RJY728" s="423" t="s">
        <v>2795</v>
      </c>
      <c r="RJZ728" s="424"/>
      <c r="RKA728" s="424"/>
      <c r="RKB728" s="424"/>
      <c r="RKC728" s="423" t="s">
        <v>2795</v>
      </c>
      <c r="RKD728" s="424"/>
      <c r="RKE728" s="424"/>
      <c r="RKF728" s="424"/>
      <c r="RKG728" s="423" t="s">
        <v>2795</v>
      </c>
      <c r="RKH728" s="424"/>
      <c r="RKI728" s="424"/>
      <c r="RKJ728" s="424"/>
      <c r="RKK728" s="423" t="s">
        <v>2795</v>
      </c>
      <c r="RKL728" s="424"/>
      <c r="RKM728" s="424"/>
      <c r="RKN728" s="424"/>
      <c r="RKO728" s="423" t="s">
        <v>2795</v>
      </c>
      <c r="RKP728" s="424"/>
      <c r="RKQ728" s="424"/>
      <c r="RKR728" s="424"/>
      <c r="RKS728" s="423" t="s">
        <v>2795</v>
      </c>
      <c r="RKT728" s="424"/>
      <c r="RKU728" s="424"/>
      <c r="RKV728" s="424"/>
      <c r="RKW728" s="423" t="s">
        <v>2795</v>
      </c>
      <c r="RKX728" s="424"/>
      <c r="RKY728" s="424"/>
      <c r="RKZ728" s="424"/>
      <c r="RLA728" s="423" t="s">
        <v>2795</v>
      </c>
      <c r="RLB728" s="424"/>
      <c r="RLC728" s="424"/>
      <c r="RLD728" s="424"/>
      <c r="RLE728" s="423" t="s">
        <v>2795</v>
      </c>
      <c r="RLF728" s="424"/>
      <c r="RLG728" s="424"/>
      <c r="RLH728" s="424"/>
      <c r="RLI728" s="423" t="s">
        <v>2795</v>
      </c>
      <c r="RLJ728" s="424"/>
      <c r="RLK728" s="424"/>
      <c r="RLL728" s="424"/>
      <c r="RLM728" s="423" t="s">
        <v>2795</v>
      </c>
      <c r="RLN728" s="424"/>
      <c r="RLO728" s="424"/>
      <c r="RLP728" s="424"/>
      <c r="RLQ728" s="423" t="s">
        <v>2795</v>
      </c>
      <c r="RLR728" s="424"/>
      <c r="RLS728" s="424"/>
      <c r="RLT728" s="424"/>
      <c r="RLU728" s="423" t="s">
        <v>2795</v>
      </c>
      <c r="RLV728" s="424"/>
      <c r="RLW728" s="424"/>
      <c r="RLX728" s="424"/>
      <c r="RLY728" s="423" t="s">
        <v>2795</v>
      </c>
      <c r="RLZ728" s="424"/>
      <c r="RMA728" s="424"/>
      <c r="RMB728" s="424"/>
      <c r="RMC728" s="423" t="s">
        <v>2795</v>
      </c>
      <c r="RMD728" s="424"/>
      <c r="RME728" s="424"/>
      <c r="RMF728" s="424"/>
      <c r="RMG728" s="423" t="s">
        <v>2795</v>
      </c>
      <c r="RMH728" s="424"/>
      <c r="RMI728" s="424"/>
      <c r="RMJ728" s="424"/>
      <c r="RMK728" s="423" t="s">
        <v>2795</v>
      </c>
      <c r="RML728" s="424"/>
      <c r="RMM728" s="424"/>
      <c r="RMN728" s="424"/>
      <c r="RMO728" s="423" t="s">
        <v>2795</v>
      </c>
      <c r="RMP728" s="424"/>
      <c r="RMQ728" s="424"/>
      <c r="RMR728" s="424"/>
      <c r="RMS728" s="423" t="s">
        <v>2795</v>
      </c>
      <c r="RMT728" s="424"/>
      <c r="RMU728" s="424"/>
      <c r="RMV728" s="424"/>
      <c r="RMW728" s="423" t="s">
        <v>2795</v>
      </c>
      <c r="RMX728" s="424"/>
      <c r="RMY728" s="424"/>
      <c r="RMZ728" s="424"/>
      <c r="RNA728" s="423" t="s">
        <v>2795</v>
      </c>
      <c r="RNB728" s="424"/>
      <c r="RNC728" s="424"/>
      <c r="RND728" s="424"/>
      <c r="RNE728" s="423" t="s">
        <v>2795</v>
      </c>
      <c r="RNF728" s="424"/>
      <c r="RNG728" s="424"/>
      <c r="RNH728" s="424"/>
      <c r="RNI728" s="423" t="s">
        <v>2795</v>
      </c>
      <c r="RNJ728" s="424"/>
      <c r="RNK728" s="424"/>
      <c r="RNL728" s="424"/>
      <c r="RNM728" s="423" t="s">
        <v>2795</v>
      </c>
      <c r="RNN728" s="424"/>
      <c r="RNO728" s="424"/>
      <c r="RNP728" s="424"/>
      <c r="RNQ728" s="423" t="s">
        <v>2795</v>
      </c>
      <c r="RNR728" s="424"/>
      <c r="RNS728" s="424"/>
      <c r="RNT728" s="424"/>
      <c r="RNU728" s="423" t="s">
        <v>2795</v>
      </c>
      <c r="RNV728" s="424"/>
      <c r="RNW728" s="424"/>
      <c r="RNX728" s="424"/>
      <c r="RNY728" s="423" t="s">
        <v>2795</v>
      </c>
      <c r="RNZ728" s="424"/>
      <c r="ROA728" s="424"/>
      <c r="ROB728" s="424"/>
      <c r="ROC728" s="423" t="s">
        <v>2795</v>
      </c>
      <c r="ROD728" s="424"/>
      <c r="ROE728" s="424"/>
      <c r="ROF728" s="424"/>
      <c r="ROG728" s="423" t="s">
        <v>2795</v>
      </c>
      <c r="ROH728" s="424"/>
      <c r="ROI728" s="424"/>
      <c r="ROJ728" s="424"/>
      <c r="ROK728" s="423" t="s">
        <v>2795</v>
      </c>
      <c r="ROL728" s="424"/>
      <c r="ROM728" s="424"/>
      <c r="RON728" s="424"/>
      <c r="ROO728" s="423" t="s">
        <v>2795</v>
      </c>
      <c r="ROP728" s="424"/>
      <c r="ROQ728" s="424"/>
      <c r="ROR728" s="424"/>
      <c r="ROS728" s="423" t="s">
        <v>2795</v>
      </c>
      <c r="ROT728" s="424"/>
      <c r="ROU728" s="424"/>
      <c r="ROV728" s="424"/>
      <c r="ROW728" s="423" t="s">
        <v>2795</v>
      </c>
      <c r="ROX728" s="424"/>
      <c r="ROY728" s="424"/>
      <c r="ROZ728" s="424"/>
      <c r="RPA728" s="423" t="s">
        <v>2795</v>
      </c>
      <c r="RPB728" s="424"/>
      <c r="RPC728" s="424"/>
      <c r="RPD728" s="424"/>
      <c r="RPE728" s="423" t="s">
        <v>2795</v>
      </c>
      <c r="RPF728" s="424"/>
      <c r="RPG728" s="424"/>
      <c r="RPH728" s="424"/>
      <c r="RPI728" s="423" t="s">
        <v>2795</v>
      </c>
      <c r="RPJ728" s="424"/>
      <c r="RPK728" s="424"/>
      <c r="RPL728" s="424"/>
      <c r="RPM728" s="423" t="s">
        <v>2795</v>
      </c>
      <c r="RPN728" s="424"/>
      <c r="RPO728" s="424"/>
      <c r="RPP728" s="424"/>
      <c r="RPQ728" s="423" t="s">
        <v>2795</v>
      </c>
      <c r="RPR728" s="424"/>
      <c r="RPS728" s="424"/>
      <c r="RPT728" s="424"/>
      <c r="RPU728" s="423" t="s">
        <v>2795</v>
      </c>
      <c r="RPV728" s="424"/>
      <c r="RPW728" s="424"/>
      <c r="RPX728" s="424"/>
      <c r="RPY728" s="423" t="s">
        <v>2795</v>
      </c>
      <c r="RPZ728" s="424"/>
      <c r="RQA728" s="424"/>
      <c r="RQB728" s="424"/>
      <c r="RQC728" s="423" t="s">
        <v>2795</v>
      </c>
      <c r="RQD728" s="424"/>
      <c r="RQE728" s="424"/>
      <c r="RQF728" s="424"/>
      <c r="RQG728" s="423" t="s">
        <v>2795</v>
      </c>
      <c r="RQH728" s="424"/>
      <c r="RQI728" s="424"/>
      <c r="RQJ728" s="424"/>
      <c r="RQK728" s="423" t="s">
        <v>2795</v>
      </c>
      <c r="RQL728" s="424"/>
      <c r="RQM728" s="424"/>
      <c r="RQN728" s="424"/>
      <c r="RQO728" s="423" t="s">
        <v>2795</v>
      </c>
      <c r="RQP728" s="424"/>
      <c r="RQQ728" s="424"/>
      <c r="RQR728" s="424"/>
      <c r="RQS728" s="423" t="s">
        <v>2795</v>
      </c>
      <c r="RQT728" s="424"/>
      <c r="RQU728" s="424"/>
      <c r="RQV728" s="424"/>
      <c r="RQW728" s="423" t="s">
        <v>2795</v>
      </c>
      <c r="RQX728" s="424"/>
      <c r="RQY728" s="424"/>
      <c r="RQZ728" s="424"/>
      <c r="RRA728" s="423" t="s">
        <v>2795</v>
      </c>
      <c r="RRB728" s="424"/>
      <c r="RRC728" s="424"/>
      <c r="RRD728" s="424"/>
      <c r="RRE728" s="423" t="s">
        <v>2795</v>
      </c>
      <c r="RRF728" s="424"/>
      <c r="RRG728" s="424"/>
      <c r="RRH728" s="424"/>
      <c r="RRI728" s="423" t="s">
        <v>2795</v>
      </c>
      <c r="RRJ728" s="424"/>
      <c r="RRK728" s="424"/>
      <c r="RRL728" s="424"/>
      <c r="RRM728" s="423" t="s">
        <v>2795</v>
      </c>
      <c r="RRN728" s="424"/>
      <c r="RRO728" s="424"/>
      <c r="RRP728" s="424"/>
      <c r="RRQ728" s="423" t="s">
        <v>2795</v>
      </c>
      <c r="RRR728" s="424"/>
      <c r="RRS728" s="424"/>
      <c r="RRT728" s="424"/>
      <c r="RRU728" s="423" t="s">
        <v>2795</v>
      </c>
      <c r="RRV728" s="424"/>
      <c r="RRW728" s="424"/>
      <c r="RRX728" s="424"/>
      <c r="RRY728" s="423" t="s">
        <v>2795</v>
      </c>
      <c r="RRZ728" s="424"/>
      <c r="RSA728" s="424"/>
      <c r="RSB728" s="424"/>
      <c r="RSC728" s="423" t="s">
        <v>2795</v>
      </c>
      <c r="RSD728" s="424"/>
      <c r="RSE728" s="424"/>
      <c r="RSF728" s="424"/>
      <c r="RSG728" s="423" t="s">
        <v>2795</v>
      </c>
      <c r="RSH728" s="424"/>
      <c r="RSI728" s="424"/>
      <c r="RSJ728" s="424"/>
      <c r="RSK728" s="423" t="s">
        <v>2795</v>
      </c>
      <c r="RSL728" s="424"/>
      <c r="RSM728" s="424"/>
      <c r="RSN728" s="424"/>
      <c r="RSO728" s="423" t="s">
        <v>2795</v>
      </c>
      <c r="RSP728" s="424"/>
      <c r="RSQ728" s="424"/>
      <c r="RSR728" s="424"/>
      <c r="RSS728" s="423" t="s">
        <v>2795</v>
      </c>
      <c r="RST728" s="424"/>
      <c r="RSU728" s="424"/>
      <c r="RSV728" s="424"/>
      <c r="RSW728" s="423" t="s">
        <v>2795</v>
      </c>
      <c r="RSX728" s="424"/>
      <c r="RSY728" s="424"/>
      <c r="RSZ728" s="424"/>
      <c r="RTA728" s="423" t="s">
        <v>2795</v>
      </c>
      <c r="RTB728" s="424"/>
      <c r="RTC728" s="424"/>
      <c r="RTD728" s="424"/>
      <c r="RTE728" s="423" t="s">
        <v>2795</v>
      </c>
      <c r="RTF728" s="424"/>
      <c r="RTG728" s="424"/>
      <c r="RTH728" s="424"/>
      <c r="RTI728" s="423" t="s">
        <v>2795</v>
      </c>
      <c r="RTJ728" s="424"/>
      <c r="RTK728" s="424"/>
      <c r="RTL728" s="424"/>
      <c r="RTM728" s="423" t="s">
        <v>2795</v>
      </c>
      <c r="RTN728" s="424"/>
      <c r="RTO728" s="424"/>
      <c r="RTP728" s="424"/>
      <c r="RTQ728" s="423" t="s">
        <v>2795</v>
      </c>
      <c r="RTR728" s="424"/>
      <c r="RTS728" s="424"/>
      <c r="RTT728" s="424"/>
      <c r="RTU728" s="423" t="s">
        <v>2795</v>
      </c>
      <c r="RTV728" s="424"/>
      <c r="RTW728" s="424"/>
      <c r="RTX728" s="424"/>
      <c r="RTY728" s="423" t="s">
        <v>2795</v>
      </c>
      <c r="RTZ728" s="424"/>
      <c r="RUA728" s="424"/>
      <c r="RUB728" s="424"/>
      <c r="RUC728" s="423" t="s">
        <v>2795</v>
      </c>
      <c r="RUD728" s="424"/>
      <c r="RUE728" s="424"/>
      <c r="RUF728" s="424"/>
      <c r="RUG728" s="423" t="s">
        <v>2795</v>
      </c>
      <c r="RUH728" s="424"/>
      <c r="RUI728" s="424"/>
      <c r="RUJ728" s="424"/>
      <c r="RUK728" s="423" t="s">
        <v>2795</v>
      </c>
      <c r="RUL728" s="424"/>
      <c r="RUM728" s="424"/>
      <c r="RUN728" s="424"/>
      <c r="RUO728" s="423" t="s">
        <v>2795</v>
      </c>
      <c r="RUP728" s="424"/>
      <c r="RUQ728" s="424"/>
      <c r="RUR728" s="424"/>
      <c r="RUS728" s="423" t="s">
        <v>2795</v>
      </c>
      <c r="RUT728" s="424"/>
      <c r="RUU728" s="424"/>
      <c r="RUV728" s="424"/>
      <c r="RUW728" s="423" t="s">
        <v>2795</v>
      </c>
      <c r="RUX728" s="424"/>
      <c r="RUY728" s="424"/>
      <c r="RUZ728" s="424"/>
      <c r="RVA728" s="423" t="s">
        <v>2795</v>
      </c>
      <c r="RVB728" s="424"/>
      <c r="RVC728" s="424"/>
      <c r="RVD728" s="424"/>
      <c r="RVE728" s="423" t="s">
        <v>2795</v>
      </c>
      <c r="RVF728" s="424"/>
      <c r="RVG728" s="424"/>
      <c r="RVH728" s="424"/>
      <c r="RVI728" s="423" t="s">
        <v>2795</v>
      </c>
      <c r="RVJ728" s="424"/>
      <c r="RVK728" s="424"/>
      <c r="RVL728" s="424"/>
      <c r="RVM728" s="423" t="s">
        <v>2795</v>
      </c>
      <c r="RVN728" s="424"/>
      <c r="RVO728" s="424"/>
      <c r="RVP728" s="424"/>
      <c r="RVQ728" s="423" t="s">
        <v>2795</v>
      </c>
      <c r="RVR728" s="424"/>
      <c r="RVS728" s="424"/>
      <c r="RVT728" s="424"/>
      <c r="RVU728" s="423" t="s">
        <v>2795</v>
      </c>
      <c r="RVV728" s="424"/>
      <c r="RVW728" s="424"/>
      <c r="RVX728" s="424"/>
      <c r="RVY728" s="423" t="s">
        <v>2795</v>
      </c>
      <c r="RVZ728" s="424"/>
      <c r="RWA728" s="424"/>
      <c r="RWB728" s="424"/>
      <c r="RWC728" s="423" t="s">
        <v>2795</v>
      </c>
      <c r="RWD728" s="424"/>
      <c r="RWE728" s="424"/>
      <c r="RWF728" s="424"/>
      <c r="RWG728" s="423" t="s">
        <v>2795</v>
      </c>
      <c r="RWH728" s="424"/>
      <c r="RWI728" s="424"/>
      <c r="RWJ728" s="424"/>
      <c r="RWK728" s="423" t="s">
        <v>2795</v>
      </c>
      <c r="RWL728" s="424"/>
      <c r="RWM728" s="424"/>
      <c r="RWN728" s="424"/>
      <c r="RWO728" s="423" t="s">
        <v>2795</v>
      </c>
      <c r="RWP728" s="424"/>
      <c r="RWQ728" s="424"/>
      <c r="RWR728" s="424"/>
      <c r="RWS728" s="423" t="s">
        <v>2795</v>
      </c>
      <c r="RWT728" s="424"/>
      <c r="RWU728" s="424"/>
      <c r="RWV728" s="424"/>
      <c r="RWW728" s="423" t="s">
        <v>2795</v>
      </c>
      <c r="RWX728" s="424"/>
      <c r="RWY728" s="424"/>
      <c r="RWZ728" s="424"/>
      <c r="RXA728" s="423" t="s">
        <v>2795</v>
      </c>
      <c r="RXB728" s="424"/>
      <c r="RXC728" s="424"/>
      <c r="RXD728" s="424"/>
      <c r="RXE728" s="423" t="s">
        <v>2795</v>
      </c>
      <c r="RXF728" s="424"/>
      <c r="RXG728" s="424"/>
      <c r="RXH728" s="424"/>
      <c r="RXI728" s="423" t="s">
        <v>2795</v>
      </c>
      <c r="RXJ728" s="424"/>
      <c r="RXK728" s="424"/>
      <c r="RXL728" s="424"/>
      <c r="RXM728" s="423" t="s">
        <v>2795</v>
      </c>
      <c r="RXN728" s="424"/>
      <c r="RXO728" s="424"/>
      <c r="RXP728" s="424"/>
      <c r="RXQ728" s="423" t="s">
        <v>2795</v>
      </c>
      <c r="RXR728" s="424"/>
      <c r="RXS728" s="424"/>
      <c r="RXT728" s="424"/>
      <c r="RXU728" s="423" t="s">
        <v>2795</v>
      </c>
      <c r="RXV728" s="424"/>
      <c r="RXW728" s="424"/>
      <c r="RXX728" s="424"/>
      <c r="RXY728" s="423" t="s">
        <v>2795</v>
      </c>
      <c r="RXZ728" s="424"/>
      <c r="RYA728" s="424"/>
      <c r="RYB728" s="424"/>
      <c r="RYC728" s="423" t="s">
        <v>2795</v>
      </c>
      <c r="RYD728" s="424"/>
      <c r="RYE728" s="424"/>
      <c r="RYF728" s="424"/>
      <c r="RYG728" s="423" t="s">
        <v>2795</v>
      </c>
      <c r="RYH728" s="424"/>
      <c r="RYI728" s="424"/>
      <c r="RYJ728" s="424"/>
      <c r="RYK728" s="423" t="s">
        <v>2795</v>
      </c>
      <c r="RYL728" s="424"/>
      <c r="RYM728" s="424"/>
      <c r="RYN728" s="424"/>
      <c r="RYO728" s="423" t="s">
        <v>2795</v>
      </c>
      <c r="RYP728" s="424"/>
      <c r="RYQ728" s="424"/>
      <c r="RYR728" s="424"/>
      <c r="RYS728" s="423" t="s">
        <v>2795</v>
      </c>
      <c r="RYT728" s="424"/>
      <c r="RYU728" s="424"/>
      <c r="RYV728" s="424"/>
      <c r="RYW728" s="423" t="s">
        <v>2795</v>
      </c>
      <c r="RYX728" s="424"/>
      <c r="RYY728" s="424"/>
      <c r="RYZ728" s="424"/>
      <c r="RZA728" s="423" t="s">
        <v>2795</v>
      </c>
      <c r="RZB728" s="424"/>
      <c r="RZC728" s="424"/>
      <c r="RZD728" s="424"/>
      <c r="RZE728" s="423" t="s">
        <v>2795</v>
      </c>
      <c r="RZF728" s="424"/>
      <c r="RZG728" s="424"/>
      <c r="RZH728" s="424"/>
      <c r="RZI728" s="423" t="s">
        <v>2795</v>
      </c>
      <c r="RZJ728" s="424"/>
      <c r="RZK728" s="424"/>
      <c r="RZL728" s="424"/>
      <c r="RZM728" s="423" t="s">
        <v>2795</v>
      </c>
      <c r="RZN728" s="424"/>
      <c r="RZO728" s="424"/>
      <c r="RZP728" s="424"/>
      <c r="RZQ728" s="423" t="s">
        <v>2795</v>
      </c>
      <c r="RZR728" s="424"/>
      <c r="RZS728" s="424"/>
      <c r="RZT728" s="424"/>
      <c r="RZU728" s="423" t="s">
        <v>2795</v>
      </c>
      <c r="RZV728" s="424"/>
      <c r="RZW728" s="424"/>
      <c r="RZX728" s="424"/>
      <c r="RZY728" s="423" t="s">
        <v>2795</v>
      </c>
      <c r="RZZ728" s="424"/>
      <c r="SAA728" s="424"/>
      <c r="SAB728" s="424"/>
      <c r="SAC728" s="423" t="s">
        <v>2795</v>
      </c>
      <c r="SAD728" s="424"/>
      <c r="SAE728" s="424"/>
      <c r="SAF728" s="424"/>
      <c r="SAG728" s="423" t="s">
        <v>2795</v>
      </c>
      <c r="SAH728" s="424"/>
      <c r="SAI728" s="424"/>
      <c r="SAJ728" s="424"/>
      <c r="SAK728" s="423" t="s">
        <v>2795</v>
      </c>
      <c r="SAL728" s="424"/>
      <c r="SAM728" s="424"/>
      <c r="SAN728" s="424"/>
      <c r="SAO728" s="423" t="s">
        <v>2795</v>
      </c>
      <c r="SAP728" s="424"/>
      <c r="SAQ728" s="424"/>
      <c r="SAR728" s="424"/>
      <c r="SAS728" s="423" t="s">
        <v>2795</v>
      </c>
      <c r="SAT728" s="424"/>
      <c r="SAU728" s="424"/>
      <c r="SAV728" s="424"/>
      <c r="SAW728" s="423" t="s">
        <v>2795</v>
      </c>
      <c r="SAX728" s="424"/>
      <c r="SAY728" s="424"/>
      <c r="SAZ728" s="424"/>
      <c r="SBA728" s="423" t="s">
        <v>2795</v>
      </c>
      <c r="SBB728" s="424"/>
      <c r="SBC728" s="424"/>
      <c r="SBD728" s="424"/>
      <c r="SBE728" s="423" t="s">
        <v>2795</v>
      </c>
      <c r="SBF728" s="424"/>
      <c r="SBG728" s="424"/>
      <c r="SBH728" s="424"/>
      <c r="SBI728" s="423" t="s">
        <v>2795</v>
      </c>
      <c r="SBJ728" s="424"/>
      <c r="SBK728" s="424"/>
      <c r="SBL728" s="424"/>
      <c r="SBM728" s="423" t="s">
        <v>2795</v>
      </c>
      <c r="SBN728" s="424"/>
      <c r="SBO728" s="424"/>
      <c r="SBP728" s="424"/>
      <c r="SBQ728" s="423" t="s">
        <v>2795</v>
      </c>
      <c r="SBR728" s="424"/>
      <c r="SBS728" s="424"/>
      <c r="SBT728" s="424"/>
      <c r="SBU728" s="423" t="s">
        <v>2795</v>
      </c>
      <c r="SBV728" s="424"/>
      <c r="SBW728" s="424"/>
      <c r="SBX728" s="424"/>
      <c r="SBY728" s="423" t="s">
        <v>2795</v>
      </c>
      <c r="SBZ728" s="424"/>
      <c r="SCA728" s="424"/>
      <c r="SCB728" s="424"/>
      <c r="SCC728" s="423" t="s">
        <v>2795</v>
      </c>
      <c r="SCD728" s="424"/>
      <c r="SCE728" s="424"/>
      <c r="SCF728" s="424"/>
      <c r="SCG728" s="423" t="s">
        <v>2795</v>
      </c>
      <c r="SCH728" s="424"/>
      <c r="SCI728" s="424"/>
      <c r="SCJ728" s="424"/>
      <c r="SCK728" s="423" t="s">
        <v>2795</v>
      </c>
      <c r="SCL728" s="424"/>
      <c r="SCM728" s="424"/>
      <c r="SCN728" s="424"/>
      <c r="SCO728" s="423" t="s">
        <v>2795</v>
      </c>
      <c r="SCP728" s="424"/>
      <c r="SCQ728" s="424"/>
      <c r="SCR728" s="424"/>
      <c r="SCS728" s="423" t="s">
        <v>2795</v>
      </c>
      <c r="SCT728" s="424"/>
      <c r="SCU728" s="424"/>
      <c r="SCV728" s="424"/>
      <c r="SCW728" s="423" t="s">
        <v>2795</v>
      </c>
      <c r="SCX728" s="424"/>
      <c r="SCY728" s="424"/>
      <c r="SCZ728" s="424"/>
      <c r="SDA728" s="423" t="s">
        <v>2795</v>
      </c>
      <c r="SDB728" s="424"/>
      <c r="SDC728" s="424"/>
      <c r="SDD728" s="424"/>
      <c r="SDE728" s="423" t="s">
        <v>2795</v>
      </c>
      <c r="SDF728" s="424"/>
      <c r="SDG728" s="424"/>
      <c r="SDH728" s="424"/>
      <c r="SDI728" s="423" t="s">
        <v>2795</v>
      </c>
      <c r="SDJ728" s="424"/>
      <c r="SDK728" s="424"/>
      <c r="SDL728" s="424"/>
      <c r="SDM728" s="423" t="s">
        <v>2795</v>
      </c>
      <c r="SDN728" s="424"/>
      <c r="SDO728" s="424"/>
      <c r="SDP728" s="424"/>
      <c r="SDQ728" s="423" t="s">
        <v>2795</v>
      </c>
      <c r="SDR728" s="424"/>
      <c r="SDS728" s="424"/>
      <c r="SDT728" s="424"/>
      <c r="SDU728" s="423" t="s">
        <v>2795</v>
      </c>
      <c r="SDV728" s="424"/>
      <c r="SDW728" s="424"/>
      <c r="SDX728" s="424"/>
      <c r="SDY728" s="423" t="s">
        <v>2795</v>
      </c>
      <c r="SDZ728" s="424"/>
      <c r="SEA728" s="424"/>
      <c r="SEB728" s="424"/>
      <c r="SEC728" s="423" t="s">
        <v>2795</v>
      </c>
      <c r="SED728" s="424"/>
      <c r="SEE728" s="424"/>
      <c r="SEF728" s="424"/>
      <c r="SEG728" s="423" t="s">
        <v>2795</v>
      </c>
      <c r="SEH728" s="424"/>
      <c r="SEI728" s="424"/>
      <c r="SEJ728" s="424"/>
      <c r="SEK728" s="423" t="s">
        <v>2795</v>
      </c>
      <c r="SEL728" s="424"/>
      <c r="SEM728" s="424"/>
      <c r="SEN728" s="424"/>
      <c r="SEO728" s="423" t="s">
        <v>2795</v>
      </c>
      <c r="SEP728" s="424"/>
      <c r="SEQ728" s="424"/>
      <c r="SER728" s="424"/>
      <c r="SES728" s="423" t="s">
        <v>2795</v>
      </c>
      <c r="SET728" s="424"/>
      <c r="SEU728" s="424"/>
      <c r="SEV728" s="424"/>
      <c r="SEW728" s="423" t="s">
        <v>2795</v>
      </c>
      <c r="SEX728" s="424"/>
      <c r="SEY728" s="424"/>
      <c r="SEZ728" s="424"/>
      <c r="SFA728" s="423" t="s">
        <v>2795</v>
      </c>
      <c r="SFB728" s="424"/>
      <c r="SFC728" s="424"/>
      <c r="SFD728" s="424"/>
      <c r="SFE728" s="423" t="s">
        <v>2795</v>
      </c>
      <c r="SFF728" s="424"/>
      <c r="SFG728" s="424"/>
      <c r="SFH728" s="424"/>
      <c r="SFI728" s="423" t="s">
        <v>2795</v>
      </c>
      <c r="SFJ728" s="424"/>
      <c r="SFK728" s="424"/>
      <c r="SFL728" s="424"/>
      <c r="SFM728" s="423" t="s">
        <v>2795</v>
      </c>
      <c r="SFN728" s="424"/>
      <c r="SFO728" s="424"/>
      <c r="SFP728" s="424"/>
      <c r="SFQ728" s="423" t="s">
        <v>2795</v>
      </c>
      <c r="SFR728" s="424"/>
      <c r="SFS728" s="424"/>
      <c r="SFT728" s="424"/>
      <c r="SFU728" s="423" t="s">
        <v>2795</v>
      </c>
      <c r="SFV728" s="424"/>
      <c r="SFW728" s="424"/>
      <c r="SFX728" s="424"/>
      <c r="SFY728" s="423" t="s">
        <v>2795</v>
      </c>
      <c r="SFZ728" s="424"/>
      <c r="SGA728" s="424"/>
      <c r="SGB728" s="424"/>
      <c r="SGC728" s="423" t="s">
        <v>2795</v>
      </c>
      <c r="SGD728" s="424"/>
      <c r="SGE728" s="424"/>
      <c r="SGF728" s="424"/>
      <c r="SGG728" s="423" t="s">
        <v>2795</v>
      </c>
      <c r="SGH728" s="424"/>
      <c r="SGI728" s="424"/>
      <c r="SGJ728" s="424"/>
      <c r="SGK728" s="423" t="s">
        <v>2795</v>
      </c>
      <c r="SGL728" s="424"/>
      <c r="SGM728" s="424"/>
      <c r="SGN728" s="424"/>
      <c r="SGO728" s="423" t="s">
        <v>2795</v>
      </c>
      <c r="SGP728" s="424"/>
      <c r="SGQ728" s="424"/>
      <c r="SGR728" s="424"/>
      <c r="SGS728" s="423" t="s">
        <v>2795</v>
      </c>
      <c r="SGT728" s="424"/>
      <c r="SGU728" s="424"/>
      <c r="SGV728" s="424"/>
      <c r="SGW728" s="423" t="s">
        <v>2795</v>
      </c>
      <c r="SGX728" s="424"/>
      <c r="SGY728" s="424"/>
      <c r="SGZ728" s="424"/>
      <c r="SHA728" s="423" t="s">
        <v>2795</v>
      </c>
      <c r="SHB728" s="424"/>
      <c r="SHC728" s="424"/>
      <c r="SHD728" s="424"/>
      <c r="SHE728" s="423" t="s">
        <v>2795</v>
      </c>
      <c r="SHF728" s="424"/>
      <c r="SHG728" s="424"/>
      <c r="SHH728" s="424"/>
      <c r="SHI728" s="423" t="s">
        <v>2795</v>
      </c>
      <c r="SHJ728" s="424"/>
      <c r="SHK728" s="424"/>
      <c r="SHL728" s="424"/>
      <c r="SHM728" s="423" t="s">
        <v>2795</v>
      </c>
      <c r="SHN728" s="424"/>
      <c r="SHO728" s="424"/>
      <c r="SHP728" s="424"/>
      <c r="SHQ728" s="423" t="s">
        <v>2795</v>
      </c>
      <c r="SHR728" s="424"/>
      <c r="SHS728" s="424"/>
      <c r="SHT728" s="424"/>
      <c r="SHU728" s="423" t="s">
        <v>2795</v>
      </c>
      <c r="SHV728" s="424"/>
      <c r="SHW728" s="424"/>
      <c r="SHX728" s="424"/>
      <c r="SHY728" s="423" t="s">
        <v>2795</v>
      </c>
      <c r="SHZ728" s="424"/>
      <c r="SIA728" s="424"/>
      <c r="SIB728" s="424"/>
      <c r="SIC728" s="423" t="s">
        <v>2795</v>
      </c>
      <c r="SID728" s="424"/>
      <c r="SIE728" s="424"/>
      <c r="SIF728" s="424"/>
      <c r="SIG728" s="423" t="s">
        <v>2795</v>
      </c>
      <c r="SIH728" s="424"/>
      <c r="SII728" s="424"/>
      <c r="SIJ728" s="424"/>
      <c r="SIK728" s="423" t="s">
        <v>2795</v>
      </c>
      <c r="SIL728" s="424"/>
      <c r="SIM728" s="424"/>
      <c r="SIN728" s="424"/>
      <c r="SIO728" s="423" t="s">
        <v>2795</v>
      </c>
      <c r="SIP728" s="424"/>
      <c r="SIQ728" s="424"/>
      <c r="SIR728" s="424"/>
      <c r="SIS728" s="423" t="s">
        <v>2795</v>
      </c>
      <c r="SIT728" s="424"/>
      <c r="SIU728" s="424"/>
      <c r="SIV728" s="424"/>
      <c r="SIW728" s="423" t="s">
        <v>2795</v>
      </c>
      <c r="SIX728" s="424"/>
      <c r="SIY728" s="424"/>
      <c r="SIZ728" s="424"/>
      <c r="SJA728" s="423" t="s">
        <v>2795</v>
      </c>
      <c r="SJB728" s="424"/>
      <c r="SJC728" s="424"/>
      <c r="SJD728" s="424"/>
      <c r="SJE728" s="423" t="s">
        <v>2795</v>
      </c>
      <c r="SJF728" s="424"/>
      <c r="SJG728" s="424"/>
      <c r="SJH728" s="424"/>
      <c r="SJI728" s="423" t="s">
        <v>2795</v>
      </c>
      <c r="SJJ728" s="424"/>
      <c r="SJK728" s="424"/>
      <c r="SJL728" s="424"/>
      <c r="SJM728" s="423" t="s">
        <v>2795</v>
      </c>
      <c r="SJN728" s="424"/>
      <c r="SJO728" s="424"/>
      <c r="SJP728" s="424"/>
      <c r="SJQ728" s="423" t="s">
        <v>2795</v>
      </c>
      <c r="SJR728" s="424"/>
      <c r="SJS728" s="424"/>
      <c r="SJT728" s="424"/>
      <c r="SJU728" s="423" t="s">
        <v>2795</v>
      </c>
      <c r="SJV728" s="424"/>
      <c r="SJW728" s="424"/>
      <c r="SJX728" s="424"/>
      <c r="SJY728" s="423" t="s">
        <v>2795</v>
      </c>
      <c r="SJZ728" s="424"/>
      <c r="SKA728" s="424"/>
      <c r="SKB728" s="424"/>
      <c r="SKC728" s="423" t="s">
        <v>2795</v>
      </c>
      <c r="SKD728" s="424"/>
      <c r="SKE728" s="424"/>
      <c r="SKF728" s="424"/>
      <c r="SKG728" s="423" t="s">
        <v>2795</v>
      </c>
      <c r="SKH728" s="424"/>
      <c r="SKI728" s="424"/>
      <c r="SKJ728" s="424"/>
      <c r="SKK728" s="423" t="s">
        <v>2795</v>
      </c>
      <c r="SKL728" s="424"/>
      <c r="SKM728" s="424"/>
      <c r="SKN728" s="424"/>
      <c r="SKO728" s="423" t="s">
        <v>2795</v>
      </c>
      <c r="SKP728" s="424"/>
      <c r="SKQ728" s="424"/>
      <c r="SKR728" s="424"/>
      <c r="SKS728" s="423" t="s">
        <v>2795</v>
      </c>
      <c r="SKT728" s="424"/>
      <c r="SKU728" s="424"/>
      <c r="SKV728" s="424"/>
      <c r="SKW728" s="423" t="s">
        <v>2795</v>
      </c>
      <c r="SKX728" s="424"/>
      <c r="SKY728" s="424"/>
      <c r="SKZ728" s="424"/>
      <c r="SLA728" s="423" t="s">
        <v>2795</v>
      </c>
      <c r="SLB728" s="424"/>
      <c r="SLC728" s="424"/>
      <c r="SLD728" s="424"/>
      <c r="SLE728" s="423" t="s">
        <v>2795</v>
      </c>
      <c r="SLF728" s="424"/>
      <c r="SLG728" s="424"/>
      <c r="SLH728" s="424"/>
      <c r="SLI728" s="423" t="s">
        <v>2795</v>
      </c>
      <c r="SLJ728" s="424"/>
      <c r="SLK728" s="424"/>
      <c r="SLL728" s="424"/>
      <c r="SLM728" s="423" t="s">
        <v>2795</v>
      </c>
      <c r="SLN728" s="424"/>
      <c r="SLO728" s="424"/>
      <c r="SLP728" s="424"/>
      <c r="SLQ728" s="423" t="s">
        <v>2795</v>
      </c>
      <c r="SLR728" s="424"/>
      <c r="SLS728" s="424"/>
      <c r="SLT728" s="424"/>
      <c r="SLU728" s="423" t="s">
        <v>2795</v>
      </c>
      <c r="SLV728" s="424"/>
      <c r="SLW728" s="424"/>
      <c r="SLX728" s="424"/>
      <c r="SLY728" s="423" t="s">
        <v>2795</v>
      </c>
      <c r="SLZ728" s="424"/>
      <c r="SMA728" s="424"/>
      <c r="SMB728" s="424"/>
      <c r="SMC728" s="423" t="s">
        <v>2795</v>
      </c>
      <c r="SMD728" s="424"/>
      <c r="SME728" s="424"/>
      <c r="SMF728" s="424"/>
      <c r="SMG728" s="423" t="s">
        <v>2795</v>
      </c>
      <c r="SMH728" s="424"/>
      <c r="SMI728" s="424"/>
      <c r="SMJ728" s="424"/>
      <c r="SMK728" s="423" t="s">
        <v>2795</v>
      </c>
      <c r="SML728" s="424"/>
      <c r="SMM728" s="424"/>
      <c r="SMN728" s="424"/>
      <c r="SMO728" s="423" t="s">
        <v>2795</v>
      </c>
      <c r="SMP728" s="424"/>
      <c r="SMQ728" s="424"/>
      <c r="SMR728" s="424"/>
      <c r="SMS728" s="423" t="s">
        <v>2795</v>
      </c>
      <c r="SMT728" s="424"/>
      <c r="SMU728" s="424"/>
      <c r="SMV728" s="424"/>
      <c r="SMW728" s="423" t="s">
        <v>2795</v>
      </c>
      <c r="SMX728" s="424"/>
      <c r="SMY728" s="424"/>
      <c r="SMZ728" s="424"/>
      <c r="SNA728" s="423" t="s">
        <v>2795</v>
      </c>
      <c r="SNB728" s="424"/>
      <c r="SNC728" s="424"/>
      <c r="SND728" s="424"/>
      <c r="SNE728" s="423" t="s">
        <v>2795</v>
      </c>
      <c r="SNF728" s="424"/>
      <c r="SNG728" s="424"/>
      <c r="SNH728" s="424"/>
      <c r="SNI728" s="423" t="s">
        <v>2795</v>
      </c>
      <c r="SNJ728" s="424"/>
      <c r="SNK728" s="424"/>
      <c r="SNL728" s="424"/>
      <c r="SNM728" s="423" t="s">
        <v>2795</v>
      </c>
      <c r="SNN728" s="424"/>
      <c r="SNO728" s="424"/>
      <c r="SNP728" s="424"/>
      <c r="SNQ728" s="423" t="s">
        <v>2795</v>
      </c>
      <c r="SNR728" s="424"/>
      <c r="SNS728" s="424"/>
      <c r="SNT728" s="424"/>
      <c r="SNU728" s="423" t="s">
        <v>2795</v>
      </c>
      <c r="SNV728" s="424"/>
      <c r="SNW728" s="424"/>
      <c r="SNX728" s="424"/>
      <c r="SNY728" s="423" t="s">
        <v>2795</v>
      </c>
      <c r="SNZ728" s="424"/>
      <c r="SOA728" s="424"/>
      <c r="SOB728" s="424"/>
      <c r="SOC728" s="423" t="s">
        <v>2795</v>
      </c>
      <c r="SOD728" s="424"/>
      <c r="SOE728" s="424"/>
      <c r="SOF728" s="424"/>
      <c r="SOG728" s="423" t="s">
        <v>2795</v>
      </c>
      <c r="SOH728" s="424"/>
      <c r="SOI728" s="424"/>
      <c r="SOJ728" s="424"/>
      <c r="SOK728" s="423" t="s">
        <v>2795</v>
      </c>
      <c r="SOL728" s="424"/>
      <c r="SOM728" s="424"/>
      <c r="SON728" s="424"/>
      <c r="SOO728" s="423" t="s">
        <v>2795</v>
      </c>
      <c r="SOP728" s="424"/>
      <c r="SOQ728" s="424"/>
      <c r="SOR728" s="424"/>
      <c r="SOS728" s="423" t="s">
        <v>2795</v>
      </c>
      <c r="SOT728" s="424"/>
      <c r="SOU728" s="424"/>
      <c r="SOV728" s="424"/>
      <c r="SOW728" s="423" t="s">
        <v>2795</v>
      </c>
      <c r="SOX728" s="424"/>
      <c r="SOY728" s="424"/>
      <c r="SOZ728" s="424"/>
      <c r="SPA728" s="423" t="s">
        <v>2795</v>
      </c>
      <c r="SPB728" s="424"/>
      <c r="SPC728" s="424"/>
      <c r="SPD728" s="424"/>
      <c r="SPE728" s="423" t="s">
        <v>2795</v>
      </c>
      <c r="SPF728" s="424"/>
      <c r="SPG728" s="424"/>
      <c r="SPH728" s="424"/>
      <c r="SPI728" s="423" t="s">
        <v>2795</v>
      </c>
      <c r="SPJ728" s="424"/>
      <c r="SPK728" s="424"/>
      <c r="SPL728" s="424"/>
      <c r="SPM728" s="423" t="s">
        <v>2795</v>
      </c>
      <c r="SPN728" s="424"/>
      <c r="SPO728" s="424"/>
      <c r="SPP728" s="424"/>
      <c r="SPQ728" s="423" t="s">
        <v>2795</v>
      </c>
      <c r="SPR728" s="424"/>
      <c r="SPS728" s="424"/>
      <c r="SPT728" s="424"/>
      <c r="SPU728" s="423" t="s">
        <v>2795</v>
      </c>
      <c r="SPV728" s="424"/>
      <c r="SPW728" s="424"/>
      <c r="SPX728" s="424"/>
      <c r="SPY728" s="423" t="s">
        <v>2795</v>
      </c>
      <c r="SPZ728" s="424"/>
      <c r="SQA728" s="424"/>
      <c r="SQB728" s="424"/>
      <c r="SQC728" s="423" t="s">
        <v>2795</v>
      </c>
      <c r="SQD728" s="424"/>
      <c r="SQE728" s="424"/>
      <c r="SQF728" s="424"/>
      <c r="SQG728" s="423" t="s">
        <v>2795</v>
      </c>
      <c r="SQH728" s="424"/>
      <c r="SQI728" s="424"/>
      <c r="SQJ728" s="424"/>
      <c r="SQK728" s="423" t="s">
        <v>2795</v>
      </c>
      <c r="SQL728" s="424"/>
      <c r="SQM728" s="424"/>
      <c r="SQN728" s="424"/>
      <c r="SQO728" s="423" t="s">
        <v>2795</v>
      </c>
      <c r="SQP728" s="424"/>
      <c r="SQQ728" s="424"/>
      <c r="SQR728" s="424"/>
      <c r="SQS728" s="423" t="s">
        <v>2795</v>
      </c>
      <c r="SQT728" s="424"/>
      <c r="SQU728" s="424"/>
      <c r="SQV728" s="424"/>
      <c r="SQW728" s="423" t="s">
        <v>2795</v>
      </c>
      <c r="SQX728" s="424"/>
      <c r="SQY728" s="424"/>
      <c r="SQZ728" s="424"/>
      <c r="SRA728" s="423" t="s">
        <v>2795</v>
      </c>
      <c r="SRB728" s="424"/>
      <c r="SRC728" s="424"/>
      <c r="SRD728" s="424"/>
      <c r="SRE728" s="423" t="s">
        <v>2795</v>
      </c>
      <c r="SRF728" s="424"/>
      <c r="SRG728" s="424"/>
      <c r="SRH728" s="424"/>
      <c r="SRI728" s="423" t="s">
        <v>2795</v>
      </c>
      <c r="SRJ728" s="424"/>
      <c r="SRK728" s="424"/>
      <c r="SRL728" s="424"/>
      <c r="SRM728" s="423" t="s">
        <v>2795</v>
      </c>
      <c r="SRN728" s="424"/>
      <c r="SRO728" s="424"/>
      <c r="SRP728" s="424"/>
      <c r="SRQ728" s="423" t="s">
        <v>2795</v>
      </c>
      <c r="SRR728" s="424"/>
      <c r="SRS728" s="424"/>
      <c r="SRT728" s="424"/>
      <c r="SRU728" s="423" t="s">
        <v>2795</v>
      </c>
      <c r="SRV728" s="424"/>
      <c r="SRW728" s="424"/>
      <c r="SRX728" s="424"/>
      <c r="SRY728" s="423" t="s">
        <v>2795</v>
      </c>
      <c r="SRZ728" s="424"/>
      <c r="SSA728" s="424"/>
      <c r="SSB728" s="424"/>
      <c r="SSC728" s="423" t="s">
        <v>2795</v>
      </c>
      <c r="SSD728" s="424"/>
      <c r="SSE728" s="424"/>
      <c r="SSF728" s="424"/>
      <c r="SSG728" s="423" t="s">
        <v>2795</v>
      </c>
      <c r="SSH728" s="424"/>
      <c r="SSI728" s="424"/>
      <c r="SSJ728" s="424"/>
      <c r="SSK728" s="423" t="s">
        <v>2795</v>
      </c>
      <c r="SSL728" s="424"/>
      <c r="SSM728" s="424"/>
      <c r="SSN728" s="424"/>
      <c r="SSO728" s="423" t="s">
        <v>2795</v>
      </c>
      <c r="SSP728" s="424"/>
      <c r="SSQ728" s="424"/>
      <c r="SSR728" s="424"/>
      <c r="SSS728" s="423" t="s">
        <v>2795</v>
      </c>
      <c r="SST728" s="424"/>
      <c r="SSU728" s="424"/>
      <c r="SSV728" s="424"/>
      <c r="SSW728" s="423" t="s">
        <v>2795</v>
      </c>
      <c r="SSX728" s="424"/>
      <c r="SSY728" s="424"/>
      <c r="SSZ728" s="424"/>
      <c r="STA728" s="423" t="s">
        <v>2795</v>
      </c>
      <c r="STB728" s="424"/>
      <c r="STC728" s="424"/>
      <c r="STD728" s="424"/>
      <c r="STE728" s="423" t="s">
        <v>2795</v>
      </c>
      <c r="STF728" s="424"/>
      <c r="STG728" s="424"/>
      <c r="STH728" s="424"/>
      <c r="STI728" s="423" t="s">
        <v>2795</v>
      </c>
      <c r="STJ728" s="424"/>
      <c r="STK728" s="424"/>
      <c r="STL728" s="424"/>
      <c r="STM728" s="423" t="s">
        <v>2795</v>
      </c>
      <c r="STN728" s="424"/>
      <c r="STO728" s="424"/>
      <c r="STP728" s="424"/>
      <c r="STQ728" s="423" t="s">
        <v>2795</v>
      </c>
      <c r="STR728" s="424"/>
      <c r="STS728" s="424"/>
      <c r="STT728" s="424"/>
      <c r="STU728" s="423" t="s">
        <v>2795</v>
      </c>
      <c r="STV728" s="424"/>
      <c r="STW728" s="424"/>
      <c r="STX728" s="424"/>
      <c r="STY728" s="423" t="s">
        <v>2795</v>
      </c>
      <c r="STZ728" s="424"/>
      <c r="SUA728" s="424"/>
      <c r="SUB728" s="424"/>
      <c r="SUC728" s="423" t="s">
        <v>2795</v>
      </c>
      <c r="SUD728" s="424"/>
      <c r="SUE728" s="424"/>
      <c r="SUF728" s="424"/>
      <c r="SUG728" s="423" t="s">
        <v>2795</v>
      </c>
      <c r="SUH728" s="424"/>
      <c r="SUI728" s="424"/>
      <c r="SUJ728" s="424"/>
      <c r="SUK728" s="423" t="s">
        <v>2795</v>
      </c>
      <c r="SUL728" s="424"/>
      <c r="SUM728" s="424"/>
      <c r="SUN728" s="424"/>
      <c r="SUO728" s="423" t="s">
        <v>2795</v>
      </c>
      <c r="SUP728" s="424"/>
      <c r="SUQ728" s="424"/>
      <c r="SUR728" s="424"/>
      <c r="SUS728" s="423" t="s">
        <v>2795</v>
      </c>
      <c r="SUT728" s="424"/>
      <c r="SUU728" s="424"/>
      <c r="SUV728" s="424"/>
      <c r="SUW728" s="423" t="s">
        <v>2795</v>
      </c>
      <c r="SUX728" s="424"/>
      <c r="SUY728" s="424"/>
      <c r="SUZ728" s="424"/>
      <c r="SVA728" s="423" t="s">
        <v>2795</v>
      </c>
      <c r="SVB728" s="424"/>
      <c r="SVC728" s="424"/>
      <c r="SVD728" s="424"/>
      <c r="SVE728" s="423" t="s">
        <v>2795</v>
      </c>
      <c r="SVF728" s="424"/>
      <c r="SVG728" s="424"/>
      <c r="SVH728" s="424"/>
      <c r="SVI728" s="423" t="s">
        <v>2795</v>
      </c>
      <c r="SVJ728" s="424"/>
      <c r="SVK728" s="424"/>
      <c r="SVL728" s="424"/>
      <c r="SVM728" s="423" t="s">
        <v>2795</v>
      </c>
      <c r="SVN728" s="424"/>
      <c r="SVO728" s="424"/>
      <c r="SVP728" s="424"/>
      <c r="SVQ728" s="423" t="s">
        <v>2795</v>
      </c>
      <c r="SVR728" s="424"/>
      <c r="SVS728" s="424"/>
      <c r="SVT728" s="424"/>
      <c r="SVU728" s="423" t="s">
        <v>2795</v>
      </c>
      <c r="SVV728" s="424"/>
      <c r="SVW728" s="424"/>
      <c r="SVX728" s="424"/>
      <c r="SVY728" s="423" t="s">
        <v>2795</v>
      </c>
      <c r="SVZ728" s="424"/>
      <c r="SWA728" s="424"/>
      <c r="SWB728" s="424"/>
      <c r="SWC728" s="423" t="s">
        <v>2795</v>
      </c>
      <c r="SWD728" s="424"/>
      <c r="SWE728" s="424"/>
      <c r="SWF728" s="424"/>
      <c r="SWG728" s="423" t="s">
        <v>2795</v>
      </c>
      <c r="SWH728" s="424"/>
      <c r="SWI728" s="424"/>
      <c r="SWJ728" s="424"/>
      <c r="SWK728" s="423" t="s">
        <v>2795</v>
      </c>
      <c r="SWL728" s="424"/>
      <c r="SWM728" s="424"/>
      <c r="SWN728" s="424"/>
      <c r="SWO728" s="423" t="s">
        <v>2795</v>
      </c>
      <c r="SWP728" s="424"/>
      <c r="SWQ728" s="424"/>
      <c r="SWR728" s="424"/>
      <c r="SWS728" s="423" t="s">
        <v>2795</v>
      </c>
      <c r="SWT728" s="424"/>
      <c r="SWU728" s="424"/>
      <c r="SWV728" s="424"/>
      <c r="SWW728" s="423" t="s">
        <v>2795</v>
      </c>
      <c r="SWX728" s="424"/>
      <c r="SWY728" s="424"/>
      <c r="SWZ728" s="424"/>
      <c r="SXA728" s="423" t="s">
        <v>2795</v>
      </c>
      <c r="SXB728" s="424"/>
      <c r="SXC728" s="424"/>
      <c r="SXD728" s="424"/>
      <c r="SXE728" s="423" t="s">
        <v>2795</v>
      </c>
      <c r="SXF728" s="424"/>
      <c r="SXG728" s="424"/>
      <c r="SXH728" s="424"/>
      <c r="SXI728" s="423" t="s">
        <v>2795</v>
      </c>
      <c r="SXJ728" s="424"/>
      <c r="SXK728" s="424"/>
      <c r="SXL728" s="424"/>
      <c r="SXM728" s="423" t="s">
        <v>2795</v>
      </c>
      <c r="SXN728" s="424"/>
      <c r="SXO728" s="424"/>
      <c r="SXP728" s="424"/>
      <c r="SXQ728" s="423" t="s">
        <v>2795</v>
      </c>
      <c r="SXR728" s="424"/>
      <c r="SXS728" s="424"/>
      <c r="SXT728" s="424"/>
      <c r="SXU728" s="423" t="s">
        <v>2795</v>
      </c>
      <c r="SXV728" s="424"/>
      <c r="SXW728" s="424"/>
      <c r="SXX728" s="424"/>
      <c r="SXY728" s="423" t="s">
        <v>2795</v>
      </c>
      <c r="SXZ728" s="424"/>
      <c r="SYA728" s="424"/>
      <c r="SYB728" s="424"/>
      <c r="SYC728" s="423" t="s">
        <v>2795</v>
      </c>
      <c r="SYD728" s="424"/>
      <c r="SYE728" s="424"/>
      <c r="SYF728" s="424"/>
      <c r="SYG728" s="423" t="s">
        <v>2795</v>
      </c>
      <c r="SYH728" s="424"/>
      <c r="SYI728" s="424"/>
      <c r="SYJ728" s="424"/>
      <c r="SYK728" s="423" t="s">
        <v>2795</v>
      </c>
      <c r="SYL728" s="424"/>
      <c r="SYM728" s="424"/>
      <c r="SYN728" s="424"/>
      <c r="SYO728" s="423" t="s">
        <v>2795</v>
      </c>
      <c r="SYP728" s="424"/>
      <c r="SYQ728" s="424"/>
      <c r="SYR728" s="424"/>
      <c r="SYS728" s="423" t="s">
        <v>2795</v>
      </c>
      <c r="SYT728" s="424"/>
      <c r="SYU728" s="424"/>
      <c r="SYV728" s="424"/>
      <c r="SYW728" s="423" t="s">
        <v>2795</v>
      </c>
      <c r="SYX728" s="424"/>
      <c r="SYY728" s="424"/>
      <c r="SYZ728" s="424"/>
      <c r="SZA728" s="423" t="s">
        <v>2795</v>
      </c>
      <c r="SZB728" s="424"/>
      <c r="SZC728" s="424"/>
      <c r="SZD728" s="424"/>
      <c r="SZE728" s="423" t="s">
        <v>2795</v>
      </c>
      <c r="SZF728" s="424"/>
      <c r="SZG728" s="424"/>
      <c r="SZH728" s="424"/>
      <c r="SZI728" s="423" t="s">
        <v>2795</v>
      </c>
      <c r="SZJ728" s="424"/>
      <c r="SZK728" s="424"/>
      <c r="SZL728" s="424"/>
      <c r="SZM728" s="423" t="s">
        <v>2795</v>
      </c>
      <c r="SZN728" s="424"/>
      <c r="SZO728" s="424"/>
      <c r="SZP728" s="424"/>
      <c r="SZQ728" s="423" t="s">
        <v>2795</v>
      </c>
      <c r="SZR728" s="424"/>
      <c r="SZS728" s="424"/>
      <c r="SZT728" s="424"/>
      <c r="SZU728" s="423" t="s">
        <v>2795</v>
      </c>
      <c r="SZV728" s="424"/>
      <c r="SZW728" s="424"/>
      <c r="SZX728" s="424"/>
      <c r="SZY728" s="423" t="s">
        <v>2795</v>
      </c>
      <c r="SZZ728" s="424"/>
      <c r="TAA728" s="424"/>
      <c r="TAB728" s="424"/>
      <c r="TAC728" s="423" t="s">
        <v>2795</v>
      </c>
      <c r="TAD728" s="424"/>
      <c r="TAE728" s="424"/>
      <c r="TAF728" s="424"/>
      <c r="TAG728" s="423" t="s">
        <v>2795</v>
      </c>
      <c r="TAH728" s="424"/>
      <c r="TAI728" s="424"/>
      <c r="TAJ728" s="424"/>
      <c r="TAK728" s="423" t="s">
        <v>2795</v>
      </c>
      <c r="TAL728" s="424"/>
      <c r="TAM728" s="424"/>
      <c r="TAN728" s="424"/>
      <c r="TAO728" s="423" t="s">
        <v>2795</v>
      </c>
      <c r="TAP728" s="424"/>
      <c r="TAQ728" s="424"/>
      <c r="TAR728" s="424"/>
      <c r="TAS728" s="423" t="s">
        <v>2795</v>
      </c>
      <c r="TAT728" s="424"/>
      <c r="TAU728" s="424"/>
      <c r="TAV728" s="424"/>
      <c r="TAW728" s="423" t="s">
        <v>2795</v>
      </c>
      <c r="TAX728" s="424"/>
      <c r="TAY728" s="424"/>
      <c r="TAZ728" s="424"/>
      <c r="TBA728" s="423" t="s">
        <v>2795</v>
      </c>
      <c r="TBB728" s="424"/>
      <c r="TBC728" s="424"/>
      <c r="TBD728" s="424"/>
      <c r="TBE728" s="423" t="s">
        <v>2795</v>
      </c>
      <c r="TBF728" s="424"/>
      <c r="TBG728" s="424"/>
      <c r="TBH728" s="424"/>
      <c r="TBI728" s="423" t="s">
        <v>2795</v>
      </c>
      <c r="TBJ728" s="424"/>
      <c r="TBK728" s="424"/>
      <c r="TBL728" s="424"/>
      <c r="TBM728" s="423" t="s">
        <v>2795</v>
      </c>
      <c r="TBN728" s="424"/>
      <c r="TBO728" s="424"/>
      <c r="TBP728" s="424"/>
      <c r="TBQ728" s="423" t="s">
        <v>2795</v>
      </c>
      <c r="TBR728" s="424"/>
      <c r="TBS728" s="424"/>
      <c r="TBT728" s="424"/>
      <c r="TBU728" s="423" t="s">
        <v>2795</v>
      </c>
      <c r="TBV728" s="424"/>
      <c r="TBW728" s="424"/>
      <c r="TBX728" s="424"/>
      <c r="TBY728" s="423" t="s">
        <v>2795</v>
      </c>
      <c r="TBZ728" s="424"/>
      <c r="TCA728" s="424"/>
      <c r="TCB728" s="424"/>
      <c r="TCC728" s="423" t="s">
        <v>2795</v>
      </c>
      <c r="TCD728" s="424"/>
      <c r="TCE728" s="424"/>
      <c r="TCF728" s="424"/>
      <c r="TCG728" s="423" t="s">
        <v>2795</v>
      </c>
      <c r="TCH728" s="424"/>
      <c r="TCI728" s="424"/>
      <c r="TCJ728" s="424"/>
      <c r="TCK728" s="423" t="s">
        <v>2795</v>
      </c>
      <c r="TCL728" s="424"/>
      <c r="TCM728" s="424"/>
      <c r="TCN728" s="424"/>
      <c r="TCO728" s="423" t="s">
        <v>2795</v>
      </c>
      <c r="TCP728" s="424"/>
      <c r="TCQ728" s="424"/>
      <c r="TCR728" s="424"/>
      <c r="TCS728" s="423" t="s">
        <v>2795</v>
      </c>
      <c r="TCT728" s="424"/>
      <c r="TCU728" s="424"/>
      <c r="TCV728" s="424"/>
      <c r="TCW728" s="423" t="s">
        <v>2795</v>
      </c>
      <c r="TCX728" s="424"/>
      <c r="TCY728" s="424"/>
      <c r="TCZ728" s="424"/>
      <c r="TDA728" s="423" t="s">
        <v>2795</v>
      </c>
      <c r="TDB728" s="424"/>
      <c r="TDC728" s="424"/>
      <c r="TDD728" s="424"/>
      <c r="TDE728" s="423" t="s">
        <v>2795</v>
      </c>
      <c r="TDF728" s="424"/>
      <c r="TDG728" s="424"/>
      <c r="TDH728" s="424"/>
      <c r="TDI728" s="423" t="s">
        <v>2795</v>
      </c>
      <c r="TDJ728" s="424"/>
      <c r="TDK728" s="424"/>
      <c r="TDL728" s="424"/>
      <c r="TDM728" s="423" t="s">
        <v>2795</v>
      </c>
      <c r="TDN728" s="424"/>
      <c r="TDO728" s="424"/>
      <c r="TDP728" s="424"/>
      <c r="TDQ728" s="423" t="s">
        <v>2795</v>
      </c>
      <c r="TDR728" s="424"/>
      <c r="TDS728" s="424"/>
      <c r="TDT728" s="424"/>
      <c r="TDU728" s="423" t="s">
        <v>2795</v>
      </c>
      <c r="TDV728" s="424"/>
      <c r="TDW728" s="424"/>
      <c r="TDX728" s="424"/>
      <c r="TDY728" s="423" t="s">
        <v>2795</v>
      </c>
      <c r="TDZ728" s="424"/>
      <c r="TEA728" s="424"/>
      <c r="TEB728" s="424"/>
      <c r="TEC728" s="423" t="s">
        <v>2795</v>
      </c>
      <c r="TED728" s="424"/>
      <c r="TEE728" s="424"/>
      <c r="TEF728" s="424"/>
      <c r="TEG728" s="423" t="s">
        <v>2795</v>
      </c>
      <c r="TEH728" s="424"/>
      <c r="TEI728" s="424"/>
      <c r="TEJ728" s="424"/>
      <c r="TEK728" s="423" t="s">
        <v>2795</v>
      </c>
      <c r="TEL728" s="424"/>
      <c r="TEM728" s="424"/>
      <c r="TEN728" s="424"/>
      <c r="TEO728" s="423" t="s">
        <v>2795</v>
      </c>
      <c r="TEP728" s="424"/>
      <c r="TEQ728" s="424"/>
      <c r="TER728" s="424"/>
      <c r="TES728" s="423" t="s">
        <v>2795</v>
      </c>
      <c r="TET728" s="424"/>
      <c r="TEU728" s="424"/>
      <c r="TEV728" s="424"/>
      <c r="TEW728" s="423" t="s">
        <v>2795</v>
      </c>
      <c r="TEX728" s="424"/>
      <c r="TEY728" s="424"/>
      <c r="TEZ728" s="424"/>
      <c r="TFA728" s="423" t="s">
        <v>2795</v>
      </c>
      <c r="TFB728" s="424"/>
      <c r="TFC728" s="424"/>
      <c r="TFD728" s="424"/>
      <c r="TFE728" s="423" t="s">
        <v>2795</v>
      </c>
      <c r="TFF728" s="424"/>
      <c r="TFG728" s="424"/>
      <c r="TFH728" s="424"/>
      <c r="TFI728" s="423" t="s">
        <v>2795</v>
      </c>
      <c r="TFJ728" s="424"/>
      <c r="TFK728" s="424"/>
      <c r="TFL728" s="424"/>
      <c r="TFM728" s="423" t="s">
        <v>2795</v>
      </c>
      <c r="TFN728" s="424"/>
      <c r="TFO728" s="424"/>
      <c r="TFP728" s="424"/>
      <c r="TFQ728" s="423" t="s">
        <v>2795</v>
      </c>
      <c r="TFR728" s="424"/>
      <c r="TFS728" s="424"/>
      <c r="TFT728" s="424"/>
      <c r="TFU728" s="423" t="s">
        <v>2795</v>
      </c>
      <c r="TFV728" s="424"/>
      <c r="TFW728" s="424"/>
      <c r="TFX728" s="424"/>
      <c r="TFY728" s="423" t="s">
        <v>2795</v>
      </c>
      <c r="TFZ728" s="424"/>
      <c r="TGA728" s="424"/>
      <c r="TGB728" s="424"/>
      <c r="TGC728" s="423" t="s">
        <v>2795</v>
      </c>
      <c r="TGD728" s="424"/>
      <c r="TGE728" s="424"/>
      <c r="TGF728" s="424"/>
      <c r="TGG728" s="423" t="s">
        <v>2795</v>
      </c>
      <c r="TGH728" s="424"/>
      <c r="TGI728" s="424"/>
      <c r="TGJ728" s="424"/>
      <c r="TGK728" s="423" t="s">
        <v>2795</v>
      </c>
      <c r="TGL728" s="424"/>
      <c r="TGM728" s="424"/>
      <c r="TGN728" s="424"/>
      <c r="TGO728" s="423" t="s">
        <v>2795</v>
      </c>
      <c r="TGP728" s="424"/>
      <c r="TGQ728" s="424"/>
      <c r="TGR728" s="424"/>
      <c r="TGS728" s="423" t="s">
        <v>2795</v>
      </c>
      <c r="TGT728" s="424"/>
      <c r="TGU728" s="424"/>
      <c r="TGV728" s="424"/>
      <c r="TGW728" s="423" t="s">
        <v>2795</v>
      </c>
      <c r="TGX728" s="424"/>
      <c r="TGY728" s="424"/>
      <c r="TGZ728" s="424"/>
      <c r="THA728" s="423" t="s">
        <v>2795</v>
      </c>
      <c r="THB728" s="424"/>
      <c r="THC728" s="424"/>
      <c r="THD728" s="424"/>
      <c r="THE728" s="423" t="s">
        <v>2795</v>
      </c>
      <c r="THF728" s="424"/>
      <c r="THG728" s="424"/>
      <c r="THH728" s="424"/>
      <c r="THI728" s="423" t="s">
        <v>2795</v>
      </c>
      <c r="THJ728" s="424"/>
      <c r="THK728" s="424"/>
      <c r="THL728" s="424"/>
      <c r="THM728" s="423" t="s">
        <v>2795</v>
      </c>
      <c r="THN728" s="424"/>
      <c r="THO728" s="424"/>
      <c r="THP728" s="424"/>
      <c r="THQ728" s="423" t="s">
        <v>2795</v>
      </c>
      <c r="THR728" s="424"/>
      <c r="THS728" s="424"/>
      <c r="THT728" s="424"/>
      <c r="THU728" s="423" t="s">
        <v>2795</v>
      </c>
      <c r="THV728" s="424"/>
      <c r="THW728" s="424"/>
      <c r="THX728" s="424"/>
      <c r="THY728" s="423" t="s">
        <v>2795</v>
      </c>
      <c r="THZ728" s="424"/>
      <c r="TIA728" s="424"/>
      <c r="TIB728" s="424"/>
      <c r="TIC728" s="423" t="s">
        <v>2795</v>
      </c>
      <c r="TID728" s="424"/>
      <c r="TIE728" s="424"/>
      <c r="TIF728" s="424"/>
      <c r="TIG728" s="423" t="s">
        <v>2795</v>
      </c>
      <c r="TIH728" s="424"/>
      <c r="TII728" s="424"/>
      <c r="TIJ728" s="424"/>
      <c r="TIK728" s="423" t="s">
        <v>2795</v>
      </c>
      <c r="TIL728" s="424"/>
      <c r="TIM728" s="424"/>
      <c r="TIN728" s="424"/>
      <c r="TIO728" s="423" t="s">
        <v>2795</v>
      </c>
      <c r="TIP728" s="424"/>
      <c r="TIQ728" s="424"/>
      <c r="TIR728" s="424"/>
      <c r="TIS728" s="423" t="s">
        <v>2795</v>
      </c>
      <c r="TIT728" s="424"/>
      <c r="TIU728" s="424"/>
      <c r="TIV728" s="424"/>
      <c r="TIW728" s="423" t="s">
        <v>2795</v>
      </c>
      <c r="TIX728" s="424"/>
      <c r="TIY728" s="424"/>
      <c r="TIZ728" s="424"/>
      <c r="TJA728" s="423" t="s">
        <v>2795</v>
      </c>
      <c r="TJB728" s="424"/>
      <c r="TJC728" s="424"/>
      <c r="TJD728" s="424"/>
      <c r="TJE728" s="423" t="s">
        <v>2795</v>
      </c>
      <c r="TJF728" s="424"/>
      <c r="TJG728" s="424"/>
      <c r="TJH728" s="424"/>
      <c r="TJI728" s="423" t="s">
        <v>2795</v>
      </c>
      <c r="TJJ728" s="424"/>
      <c r="TJK728" s="424"/>
      <c r="TJL728" s="424"/>
      <c r="TJM728" s="423" t="s">
        <v>2795</v>
      </c>
      <c r="TJN728" s="424"/>
      <c r="TJO728" s="424"/>
      <c r="TJP728" s="424"/>
      <c r="TJQ728" s="423" t="s">
        <v>2795</v>
      </c>
      <c r="TJR728" s="424"/>
      <c r="TJS728" s="424"/>
      <c r="TJT728" s="424"/>
      <c r="TJU728" s="423" t="s">
        <v>2795</v>
      </c>
      <c r="TJV728" s="424"/>
      <c r="TJW728" s="424"/>
      <c r="TJX728" s="424"/>
      <c r="TJY728" s="423" t="s">
        <v>2795</v>
      </c>
      <c r="TJZ728" s="424"/>
      <c r="TKA728" s="424"/>
      <c r="TKB728" s="424"/>
      <c r="TKC728" s="423" t="s">
        <v>2795</v>
      </c>
      <c r="TKD728" s="424"/>
      <c r="TKE728" s="424"/>
      <c r="TKF728" s="424"/>
      <c r="TKG728" s="423" t="s">
        <v>2795</v>
      </c>
      <c r="TKH728" s="424"/>
      <c r="TKI728" s="424"/>
      <c r="TKJ728" s="424"/>
      <c r="TKK728" s="423" t="s">
        <v>2795</v>
      </c>
      <c r="TKL728" s="424"/>
      <c r="TKM728" s="424"/>
      <c r="TKN728" s="424"/>
      <c r="TKO728" s="423" t="s">
        <v>2795</v>
      </c>
      <c r="TKP728" s="424"/>
      <c r="TKQ728" s="424"/>
      <c r="TKR728" s="424"/>
      <c r="TKS728" s="423" t="s">
        <v>2795</v>
      </c>
      <c r="TKT728" s="424"/>
      <c r="TKU728" s="424"/>
      <c r="TKV728" s="424"/>
      <c r="TKW728" s="423" t="s">
        <v>2795</v>
      </c>
      <c r="TKX728" s="424"/>
      <c r="TKY728" s="424"/>
      <c r="TKZ728" s="424"/>
      <c r="TLA728" s="423" t="s">
        <v>2795</v>
      </c>
      <c r="TLB728" s="424"/>
      <c r="TLC728" s="424"/>
      <c r="TLD728" s="424"/>
      <c r="TLE728" s="423" t="s">
        <v>2795</v>
      </c>
      <c r="TLF728" s="424"/>
      <c r="TLG728" s="424"/>
      <c r="TLH728" s="424"/>
      <c r="TLI728" s="423" t="s">
        <v>2795</v>
      </c>
      <c r="TLJ728" s="424"/>
      <c r="TLK728" s="424"/>
      <c r="TLL728" s="424"/>
      <c r="TLM728" s="423" t="s">
        <v>2795</v>
      </c>
      <c r="TLN728" s="424"/>
      <c r="TLO728" s="424"/>
      <c r="TLP728" s="424"/>
      <c r="TLQ728" s="423" t="s">
        <v>2795</v>
      </c>
      <c r="TLR728" s="424"/>
      <c r="TLS728" s="424"/>
      <c r="TLT728" s="424"/>
      <c r="TLU728" s="423" t="s">
        <v>2795</v>
      </c>
      <c r="TLV728" s="424"/>
      <c r="TLW728" s="424"/>
      <c r="TLX728" s="424"/>
      <c r="TLY728" s="423" t="s">
        <v>2795</v>
      </c>
      <c r="TLZ728" s="424"/>
      <c r="TMA728" s="424"/>
      <c r="TMB728" s="424"/>
      <c r="TMC728" s="423" t="s">
        <v>2795</v>
      </c>
      <c r="TMD728" s="424"/>
      <c r="TME728" s="424"/>
      <c r="TMF728" s="424"/>
      <c r="TMG728" s="423" t="s">
        <v>2795</v>
      </c>
      <c r="TMH728" s="424"/>
      <c r="TMI728" s="424"/>
      <c r="TMJ728" s="424"/>
      <c r="TMK728" s="423" t="s">
        <v>2795</v>
      </c>
      <c r="TML728" s="424"/>
      <c r="TMM728" s="424"/>
      <c r="TMN728" s="424"/>
      <c r="TMO728" s="423" t="s">
        <v>2795</v>
      </c>
      <c r="TMP728" s="424"/>
      <c r="TMQ728" s="424"/>
      <c r="TMR728" s="424"/>
      <c r="TMS728" s="423" t="s">
        <v>2795</v>
      </c>
      <c r="TMT728" s="424"/>
      <c r="TMU728" s="424"/>
      <c r="TMV728" s="424"/>
      <c r="TMW728" s="423" t="s">
        <v>2795</v>
      </c>
      <c r="TMX728" s="424"/>
      <c r="TMY728" s="424"/>
      <c r="TMZ728" s="424"/>
      <c r="TNA728" s="423" t="s">
        <v>2795</v>
      </c>
      <c r="TNB728" s="424"/>
      <c r="TNC728" s="424"/>
      <c r="TND728" s="424"/>
      <c r="TNE728" s="423" t="s">
        <v>2795</v>
      </c>
      <c r="TNF728" s="424"/>
      <c r="TNG728" s="424"/>
      <c r="TNH728" s="424"/>
      <c r="TNI728" s="423" t="s">
        <v>2795</v>
      </c>
      <c r="TNJ728" s="424"/>
      <c r="TNK728" s="424"/>
      <c r="TNL728" s="424"/>
      <c r="TNM728" s="423" t="s">
        <v>2795</v>
      </c>
      <c r="TNN728" s="424"/>
      <c r="TNO728" s="424"/>
      <c r="TNP728" s="424"/>
      <c r="TNQ728" s="423" t="s">
        <v>2795</v>
      </c>
      <c r="TNR728" s="424"/>
      <c r="TNS728" s="424"/>
      <c r="TNT728" s="424"/>
      <c r="TNU728" s="423" t="s">
        <v>2795</v>
      </c>
      <c r="TNV728" s="424"/>
      <c r="TNW728" s="424"/>
      <c r="TNX728" s="424"/>
      <c r="TNY728" s="423" t="s">
        <v>2795</v>
      </c>
      <c r="TNZ728" s="424"/>
      <c r="TOA728" s="424"/>
      <c r="TOB728" s="424"/>
      <c r="TOC728" s="423" t="s">
        <v>2795</v>
      </c>
      <c r="TOD728" s="424"/>
      <c r="TOE728" s="424"/>
      <c r="TOF728" s="424"/>
      <c r="TOG728" s="423" t="s">
        <v>2795</v>
      </c>
      <c r="TOH728" s="424"/>
      <c r="TOI728" s="424"/>
      <c r="TOJ728" s="424"/>
      <c r="TOK728" s="423" t="s">
        <v>2795</v>
      </c>
      <c r="TOL728" s="424"/>
      <c r="TOM728" s="424"/>
      <c r="TON728" s="424"/>
      <c r="TOO728" s="423" t="s">
        <v>2795</v>
      </c>
      <c r="TOP728" s="424"/>
      <c r="TOQ728" s="424"/>
      <c r="TOR728" s="424"/>
      <c r="TOS728" s="423" t="s">
        <v>2795</v>
      </c>
      <c r="TOT728" s="424"/>
      <c r="TOU728" s="424"/>
      <c r="TOV728" s="424"/>
      <c r="TOW728" s="423" t="s">
        <v>2795</v>
      </c>
      <c r="TOX728" s="424"/>
      <c r="TOY728" s="424"/>
      <c r="TOZ728" s="424"/>
      <c r="TPA728" s="423" t="s">
        <v>2795</v>
      </c>
      <c r="TPB728" s="424"/>
      <c r="TPC728" s="424"/>
      <c r="TPD728" s="424"/>
      <c r="TPE728" s="423" t="s">
        <v>2795</v>
      </c>
      <c r="TPF728" s="424"/>
      <c r="TPG728" s="424"/>
      <c r="TPH728" s="424"/>
      <c r="TPI728" s="423" t="s">
        <v>2795</v>
      </c>
      <c r="TPJ728" s="424"/>
      <c r="TPK728" s="424"/>
      <c r="TPL728" s="424"/>
      <c r="TPM728" s="423" t="s">
        <v>2795</v>
      </c>
      <c r="TPN728" s="424"/>
      <c r="TPO728" s="424"/>
      <c r="TPP728" s="424"/>
      <c r="TPQ728" s="423" t="s">
        <v>2795</v>
      </c>
      <c r="TPR728" s="424"/>
      <c r="TPS728" s="424"/>
      <c r="TPT728" s="424"/>
      <c r="TPU728" s="423" t="s">
        <v>2795</v>
      </c>
      <c r="TPV728" s="424"/>
      <c r="TPW728" s="424"/>
      <c r="TPX728" s="424"/>
      <c r="TPY728" s="423" t="s">
        <v>2795</v>
      </c>
      <c r="TPZ728" s="424"/>
      <c r="TQA728" s="424"/>
      <c r="TQB728" s="424"/>
      <c r="TQC728" s="423" t="s">
        <v>2795</v>
      </c>
      <c r="TQD728" s="424"/>
      <c r="TQE728" s="424"/>
      <c r="TQF728" s="424"/>
      <c r="TQG728" s="423" t="s">
        <v>2795</v>
      </c>
      <c r="TQH728" s="424"/>
      <c r="TQI728" s="424"/>
      <c r="TQJ728" s="424"/>
      <c r="TQK728" s="423" t="s">
        <v>2795</v>
      </c>
      <c r="TQL728" s="424"/>
      <c r="TQM728" s="424"/>
      <c r="TQN728" s="424"/>
      <c r="TQO728" s="423" t="s">
        <v>2795</v>
      </c>
      <c r="TQP728" s="424"/>
      <c r="TQQ728" s="424"/>
      <c r="TQR728" s="424"/>
      <c r="TQS728" s="423" t="s">
        <v>2795</v>
      </c>
      <c r="TQT728" s="424"/>
      <c r="TQU728" s="424"/>
      <c r="TQV728" s="424"/>
      <c r="TQW728" s="423" t="s">
        <v>2795</v>
      </c>
      <c r="TQX728" s="424"/>
      <c r="TQY728" s="424"/>
      <c r="TQZ728" s="424"/>
      <c r="TRA728" s="423" t="s">
        <v>2795</v>
      </c>
      <c r="TRB728" s="424"/>
      <c r="TRC728" s="424"/>
      <c r="TRD728" s="424"/>
      <c r="TRE728" s="423" t="s">
        <v>2795</v>
      </c>
      <c r="TRF728" s="424"/>
      <c r="TRG728" s="424"/>
      <c r="TRH728" s="424"/>
      <c r="TRI728" s="423" t="s">
        <v>2795</v>
      </c>
      <c r="TRJ728" s="424"/>
      <c r="TRK728" s="424"/>
      <c r="TRL728" s="424"/>
      <c r="TRM728" s="423" t="s">
        <v>2795</v>
      </c>
      <c r="TRN728" s="424"/>
      <c r="TRO728" s="424"/>
      <c r="TRP728" s="424"/>
      <c r="TRQ728" s="423" t="s">
        <v>2795</v>
      </c>
      <c r="TRR728" s="424"/>
      <c r="TRS728" s="424"/>
      <c r="TRT728" s="424"/>
      <c r="TRU728" s="423" t="s">
        <v>2795</v>
      </c>
      <c r="TRV728" s="424"/>
      <c r="TRW728" s="424"/>
      <c r="TRX728" s="424"/>
      <c r="TRY728" s="423" t="s">
        <v>2795</v>
      </c>
      <c r="TRZ728" s="424"/>
      <c r="TSA728" s="424"/>
      <c r="TSB728" s="424"/>
      <c r="TSC728" s="423" t="s">
        <v>2795</v>
      </c>
      <c r="TSD728" s="424"/>
      <c r="TSE728" s="424"/>
      <c r="TSF728" s="424"/>
      <c r="TSG728" s="423" t="s">
        <v>2795</v>
      </c>
      <c r="TSH728" s="424"/>
      <c r="TSI728" s="424"/>
      <c r="TSJ728" s="424"/>
      <c r="TSK728" s="423" t="s">
        <v>2795</v>
      </c>
      <c r="TSL728" s="424"/>
      <c r="TSM728" s="424"/>
      <c r="TSN728" s="424"/>
      <c r="TSO728" s="423" t="s">
        <v>2795</v>
      </c>
      <c r="TSP728" s="424"/>
      <c r="TSQ728" s="424"/>
      <c r="TSR728" s="424"/>
      <c r="TSS728" s="423" t="s">
        <v>2795</v>
      </c>
      <c r="TST728" s="424"/>
      <c r="TSU728" s="424"/>
      <c r="TSV728" s="424"/>
      <c r="TSW728" s="423" t="s">
        <v>2795</v>
      </c>
      <c r="TSX728" s="424"/>
      <c r="TSY728" s="424"/>
      <c r="TSZ728" s="424"/>
      <c r="TTA728" s="423" t="s">
        <v>2795</v>
      </c>
      <c r="TTB728" s="424"/>
      <c r="TTC728" s="424"/>
      <c r="TTD728" s="424"/>
      <c r="TTE728" s="423" t="s">
        <v>2795</v>
      </c>
      <c r="TTF728" s="424"/>
      <c r="TTG728" s="424"/>
      <c r="TTH728" s="424"/>
      <c r="TTI728" s="423" t="s">
        <v>2795</v>
      </c>
      <c r="TTJ728" s="424"/>
      <c r="TTK728" s="424"/>
      <c r="TTL728" s="424"/>
      <c r="TTM728" s="423" t="s">
        <v>2795</v>
      </c>
      <c r="TTN728" s="424"/>
      <c r="TTO728" s="424"/>
      <c r="TTP728" s="424"/>
      <c r="TTQ728" s="423" t="s">
        <v>2795</v>
      </c>
      <c r="TTR728" s="424"/>
      <c r="TTS728" s="424"/>
      <c r="TTT728" s="424"/>
      <c r="TTU728" s="423" t="s">
        <v>2795</v>
      </c>
      <c r="TTV728" s="424"/>
      <c r="TTW728" s="424"/>
      <c r="TTX728" s="424"/>
      <c r="TTY728" s="423" t="s">
        <v>2795</v>
      </c>
      <c r="TTZ728" s="424"/>
      <c r="TUA728" s="424"/>
      <c r="TUB728" s="424"/>
      <c r="TUC728" s="423" t="s">
        <v>2795</v>
      </c>
      <c r="TUD728" s="424"/>
      <c r="TUE728" s="424"/>
      <c r="TUF728" s="424"/>
      <c r="TUG728" s="423" t="s">
        <v>2795</v>
      </c>
      <c r="TUH728" s="424"/>
      <c r="TUI728" s="424"/>
      <c r="TUJ728" s="424"/>
      <c r="TUK728" s="423" t="s">
        <v>2795</v>
      </c>
      <c r="TUL728" s="424"/>
      <c r="TUM728" s="424"/>
      <c r="TUN728" s="424"/>
      <c r="TUO728" s="423" t="s">
        <v>2795</v>
      </c>
      <c r="TUP728" s="424"/>
      <c r="TUQ728" s="424"/>
      <c r="TUR728" s="424"/>
      <c r="TUS728" s="423" t="s">
        <v>2795</v>
      </c>
      <c r="TUT728" s="424"/>
      <c r="TUU728" s="424"/>
      <c r="TUV728" s="424"/>
      <c r="TUW728" s="423" t="s">
        <v>2795</v>
      </c>
      <c r="TUX728" s="424"/>
      <c r="TUY728" s="424"/>
      <c r="TUZ728" s="424"/>
      <c r="TVA728" s="423" t="s">
        <v>2795</v>
      </c>
      <c r="TVB728" s="424"/>
      <c r="TVC728" s="424"/>
      <c r="TVD728" s="424"/>
      <c r="TVE728" s="423" t="s">
        <v>2795</v>
      </c>
      <c r="TVF728" s="424"/>
      <c r="TVG728" s="424"/>
      <c r="TVH728" s="424"/>
      <c r="TVI728" s="423" t="s">
        <v>2795</v>
      </c>
      <c r="TVJ728" s="424"/>
      <c r="TVK728" s="424"/>
      <c r="TVL728" s="424"/>
      <c r="TVM728" s="423" t="s">
        <v>2795</v>
      </c>
      <c r="TVN728" s="424"/>
      <c r="TVO728" s="424"/>
      <c r="TVP728" s="424"/>
      <c r="TVQ728" s="423" t="s">
        <v>2795</v>
      </c>
      <c r="TVR728" s="424"/>
      <c r="TVS728" s="424"/>
      <c r="TVT728" s="424"/>
      <c r="TVU728" s="423" t="s">
        <v>2795</v>
      </c>
      <c r="TVV728" s="424"/>
      <c r="TVW728" s="424"/>
      <c r="TVX728" s="424"/>
      <c r="TVY728" s="423" t="s">
        <v>2795</v>
      </c>
      <c r="TVZ728" s="424"/>
      <c r="TWA728" s="424"/>
      <c r="TWB728" s="424"/>
      <c r="TWC728" s="423" t="s">
        <v>2795</v>
      </c>
      <c r="TWD728" s="424"/>
      <c r="TWE728" s="424"/>
      <c r="TWF728" s="424"/>
      <c r="TWG728" s="423" t="s">
        <v>2795</v>
      </c>
      <c r="TWH728" s="424"/>
      <c r="TWI728" s="424"/>
      <c r="TWJ728" s="424"/>
      <c r="TWK728" s="423" t="s">
        <v>2795</v>
      </c>
      <c r="TWL728" s="424"/>
      <c r="TWM728" s="424"/>
      <c r="TWN728" s="424"/>
      <c r="TWO728" s="423" t="s">
        <v>2795</v>
      </c>
      <c r="TWP728" s="424"/>
      <c r="TWQ728" s="424"/>
      <c r="TWR728" s="424"/>
      <c r="TWS728" s="423" t="s">
        <v>2795</v>
      </c>
      <c r="TWT728" s="424"/>
      <c r="TWU728" s="424"/>
      <c r="TWV728" s="424"/>
      <c r="TWW728" s="423" t="s">
        <v>2795</v>
      </c>
      <c r="TWX728" s="424"/>
      <c r="TWY728" s="424"/>
      <c r="TWZ728" s="424"/>
      <c r="TXA728" s="423" t="s">
        <v>2795</v>
      </c>
      <c r="TXB728" s="424"/>
      <c r="TXC728" s="424"/>
      <c r="TXD728" s="424"/>
      <c r="TXE728" s="423" t="s">
        <v>2795</v>
      </c>
      <c r="TXF728" s="424"/>
      <c r="TXG728" s="424"/>
      <c r="TXH728" s="424"/>
      <c r="TXI728" s="423" t="s">
        <v>2795</v>
      </c>
      <c r="TXJ728" s="424"/>
      <c r="TXK728" s="424"/>
      <c r="TXL728" s="424"/>
      <c r="TXM728" s="423" t="s">
        <v>2795</v>
      </c>
      <c r="TXN728" s="424"/>
      <c r="TXO728" s="424"/>
      <c r="TXP728" s="424"/>
      <c r="TXQ728" s="423" t="s">
        <v>2795</v>
      </c>
      <c r="TXR728" s="424"/>
      <c r="TXS728" s="424"/>
      <c r="TXT728" s="424"/>
      <c r="TXU728" s="423" t="s">
        <v>2795</v>
      </c>
      <c r="TXV728" s="424"/>
      <c r="TXW728" s="424"/>
      <c r="TXX728" s="424"/>
      <c r="TXY728" s="423" t="s">
        <v>2795</v>
      </c>
      <c r="TXZ728" s="424"/>
      <c r="TYA728" s="424"/>
      <c r="TYB728" s="424"/>
      <c r="TYC728" s="423" t="s">
        <v>2795</v>
      </c>
      <c r="TYD728" s="424"/>
      <c r="TYE728" s="424"/>
      <c r="TYF728" s="424"/>
      <c r="TYG728" s="423" t="s">
        <v>2795</v>
      </c>
      <c r="TYH728" s="424"/>
      <c r="TYI728" s="424"/>
      <c r="TYJ728" s="424"/>
      <c r="TYK728" s="423" t="s">
        <v>2795</v>
      </c>
      <c r="TYL728" s="424"/>
      <c r="TYM728" s="424"/>
      <c r="TYN728" s="424"/>
      <c r="TYO728" s="423" t="s">
        <v>2795</v>
      </c>
      <c r="TYP728" s="424"/>
      <c r="TYQ728" s="424"/>
      <c r="TYR728" s="424"/>
      <c r="TYS728" s="423" t="s">
        <v>2795</v>
      </c>
      <c r="TYT728" s="424"/>
      <c r="TYU728" s="424"/>
      <c r="TYV728" s="424"/>
      <c r="TYW728" s="423" t="s">
        <v>2795</v>
      </c>
      <c r="TYX728" s="424"/>
      <c r="TYY728" s="424"/>
      <c r="TYZ728" s="424"/>
      <c r="TZA728" s="423" t="s">
        <v>2795</v>
      </c>
      <c r="TZB728" s="424"/>
      <c r="TZC728" s="424"/>
      <c r="TZD728" s="424"/>
      <c r="TZE728" s="423" t="s">
        <v>2795</v>
      </c>
      <c r="TZF728" s="424"/>
      <c r="TZG728" s="424"/>
      <c r="TZH728" s="424"/>
      <c r="TZI728" s="423" t="s">
        <v>2795</v>
      </c>
      <c r="TZJ728" s="424"/>
      <c r="TZK728" s="424"/>
      <c r="TZL728" s="424"/>
      <c r="TZM728" s="423" t="s">
        <v>2795</v>
      </c>
      <c r="TZN728" s="424"/>
      <c r="TZO728" s="424"/>
      <c r="TZP728" s="424"/>
      <c r="TZQ728" s="423" t="s">
        <v>2795</v>
      </c>
      <c r="TZR728" s="424"/>
      <c r="TZS728" s="424"/>
      <c r="TZT728" s="424"/>
      <c r="TZU728" s="423" t="s">
        <v>2795</v>
      </c>
      <c r="TZV728" s="424"/>
      <c r="TZW728" s="424"/>
      <c r="TZX728" s="424"/>
      <c r="TZY728" s="423" t="s">
        <v>2795</v>
      </c>
      <c r="TZZ728" s="424"/>
      <c r="UAA728" s="424"/>
      <c r="UAB728" s="424"/>
      <c r="UAC728" s="423" t="s">
        <v>2795</v>
      </c>
      <c r="UAD728" s="424"/>
      <c r="UAE728" s="424"/>
      <c r="UAF728" s="424"/>
      <c r="UAG728" s="423" t="s">
        <v>2795</v>
      </c>
      <c r="UAH728" s="424"/>
      <c r="UAI728" s="424"/>
      <c r="UAJ728" s="424"/>
      <c r="UAK728" s="423" t="s">
        <v>2795</v>
      </c>
      <c r="UAL728" s="424"/>
      <c r="UAM728" s="424"/>
      <c r="UAN728" s="424"/>
      <c r="UAO728" s="423" t="s">
        <v>2795</v>
      </c>
      <c r="UAP728" s="424"/>
      <c r="UAQ728" s="424"/>
      <c r="UAR728" s="424"/>
      <c r="UAS728" s="423" t="s">
        <v>2795</v>
      </c>
      <c r="UAT728" s="424"/>
      <c r="UAU728" s="424"/>
      <c r="UAV728" s="424"/>
      <c r="UAW728" s="423" t="s">
        <v>2795</v>
      </c>
      <c r="UAX728" s="424"/>
      <c r="UAY728" s="424"/>
      <c r="UAZ728" s="424"/>
      <c r="UBA728" s="423" t="s">
        <v>2795</v>
      </c>
      <c r="UBB728" s="424"/>
      <c r="UBC728" s="424"/>
      <c r="UBD728" s="424"/>
      <c r="UBE728" s="423" t="s">
        <v>2795</v>
      </c>
      <c r="UBF728" s="424"/>
      <c r="UBG728" s="424"/>
      <c r="UBH728" s="424"/>
      <c r="UBI728" s="423" t="s">
        <v>2795</v>
      </c>
      <c r="UBJ728" s="424"/>
      <c r="UBK728" s="424"/>
      <c r="UBL728" s="424"/>
      <c r="UBM728" s="423" t="s">
        <v>2795</v>
      </c>
      <c r="UBN728" s="424"/>
      <c r="UBO728" s="424"/>
      <c r="UBP728" s="424"/>
      <c r="UBQ728" s="423" t="s">
        <v>2795</v>
      </c>
      <c r="UBR728" s="424"/>
      <c r="UBS728" s="424"/>
      <c r="UBT728" s="424"/>
      <c r="UBU728" s="423" t="s">
        <v>2795</v>
      </c>
      <c r="UBV728" s="424"/>
      <c r="UBW728" s="424"/>
      <c r="UBX728" s="424"/>
      <c r="UBY728" s="423" t="s">
        <v>2795</v>
      </c>
      <c r="UBZ728" s="424"/>
      <c r="UCA728" s="424"/>
      <c r="UCB728" s="424"/>
      <c r="UCC728" s="423" t="s">
        <v>2795</v>
      </c>
      <c r="UCD728" s="424"/>
      <c r="UCE728" s="424"/>
      <c r="UCF728" s="424"/>
      <c r="UCG728" s="423" t="s">
        <v>2795</v>
      </c>
      <c r="UCH728" s="424"/>
      <c r="UCI728" s="424"/>
      <c r="UCJ728" s="424"/>
      <c r="UCK728" s="423" t="s">
        <v>2795</v>
      </c>
      <c r="UCL728" s="424"/>
      <c r="UCM728" s="424"/>
      <c r="UCN728" s="424"/>
      <c r="UCO728" s="423" t="s">
        <v>2795</v>
      </c>
      <c r="UCP728" s="424"/>
      <c r="UCQ728" s="424"/>
      <c r="UCR728" s="424"/>
      <c r="UCS728" s="423" t="s">
        <v>2795</v>
      </c>
      <c r="UCT728" s="424"/>
      <c r="UCU728" s="424"/>
      <c r="UCV728" s="424"/>
      <c r="UCW728" s="423" t="s">
        <v>2795</v>
      </c>
      <c r="UCX728" s="424"/>
      <c r="UCY728" s="424"/>
      <c r="UCZ728" s="424"/>
      <c r="UDA728" s="423" t="s">
        <v>2795</v>
      </c>
      <c r="UDB728" s="424"/>
      <c r="UDC728" s="424"/>
      <c r="UDD728" s="424"/>
      <c r="UDE728" s="423" t="s">
        <v>2795</v>
      </c>
      <c r="UDF728" s="424"/>
      <c r="UDG728" s="424"/>
      <c r="UDH728" s="424"/>
      <c r="UDI728" s="423" t="s">
        <v>2795</v>
      </c>
      <c r="UDJ728" s="424"/>
      <c r="UDK728" s="424"/>
      <c r="UDL728" s="424"/>
      <c r="UDM728" s="423" t="s">
        <v>2795</v>
      </c>
      <c r="UDN728" s="424"/>
      <c r="UDO728" s="424"/>
      <c r="UDP728" s="424"/>
      <c r="UDQ728" s="423" t="s">
        <v>2795</v>
      </c>
      <c r="UDR728" s="424"/>
      <c r="UDS728" s="424"/>
      <c r="UDT728" s="424"/>
      <c r="UDU728" s="423" t="s">
        <v>2795</v>
      </c>
      <c r="UDV728" s="424"/>
      <c r="UDW728" s="424"/>
      <c r="UDX728" s="424"/>
      <c r="UDY728" s="423" t="s">
        <v>2795</v>
      </c>
      <c r="UDZ728" s="424"/>
      <c r="UEA728" s="424"/>
      <c r="UEB728" s="424"/>
      <c r="UEC728" s="423" t="s">
        <v>2795</v>
      </c>
      <c r="UED728" s="424"/>
      <c r="UEE728" s="424"/>
      <c r="UEF728" s="424"/>
      <c r="UEG728" s="423" t="s">
        <v>2795</v>
      </c>
      <c r="UEH728" s="424"/>
      <c r="UEI728" s="424"/>
      <c r="UEJ728" s="424"/>
      <c r="UEK728" s="423" t="s">
        <v>2795</v>
      </c>
      <c r="UEL728" s="424"/>
      <c r="UEM728" s="424"/>
      <c r="UEN728" s="424"/>
      <c r="UEO728" s="423" t="s">
        <v>2795</v>
      </c>
      <c r="UEP728" s="424"/>
      <c r="UEQ728" s="424"/>
      <c r="UER728" s="424"/>
      <c r="UES728" s="423" t="s">
        <v>2795</v>
      </c>
      <c r="UET728" s="424"/>
      <c r="UEU728" s="424"/>
      <c r="UEV728" s="424"/>
      <c r="UEW728" s="423" t="s">
        <v>2795</v>
      </c>
      <c r="UEX728" s="424"/>
      <c r="UEY728" s="424"/>
      <c r="UEZ728" s="424"/>
      <c r="UFA728" s="423" t="s">
        <v>2795</v>
      </c>
      <c r="UFB728" s="424"/>
      <c r="UFC728" s="424"/>
      <c r="UFD728" s="424"/>
      <c r="UFE728" s="423" t="s">
        <v>2795</v>
      </c>
      <c r="UFF728" s="424"/>
      <c r="UFG728" s="424"/>
      <c r="UFH728" s="424"/>
      <c r="UFI728" s="423" t="s">
        <v>2795</v>
      </c>
      <c r="UFJ728" s="424"/>
      <c r="UFK728" s="424"/>
      <c r="UFL728" s="424"/>
      <c r="UFM728" s="423" t="s">
        <v>2795</v>
      </c>
      <c r="UFN728" s="424"/>
      <c r="UFO728" s="424"/>
      <c r="UFP728" s="424"/>
      <c r="UFQ728" s="423" t="s">
        <v>2795</v>
      </c>
      <c r="UFR728" s="424"/>
      <c r="UFS728" s="424"/>
      <c r="UFT728" s="424"/>
      <c r="UFU728" s="423" t="s">
        <v>2795</v>
      </c>
      <c r="UFV728" s="424"/>
      <c r="UFW728" s="424"/>
      <c r="UFX728" s="424"/>
      <c r="UFY728" s="423" t="s">
        <v>2795</v>
      </c>
      <c r="UFZ728" s="424"/>
      <c r="UGA728" s="424"/>
      <c r="UGB728" s="424"/>
      <c r="UGC728" s="423" t="s">
        <v>2795</v>
      </c>
      <c r="UGD728" s="424"/>
      <c r="UGE728" s="424"/>
      <c r="UGF728" s="424"/>
      <c r="UGG728" s="423" t="s">
        <v>2795</v>
      </c>
      <c r="UGH728" s="424"/>
      <c r="UGI728" s="424"/>
      <c r="UGJ728" s="424"/>
      <c r="UGK728" s="423" t="s">
        <v>2795</v>
      </c>
      <c r="UGL728" s="424"/>
      <c r="UGM728" s="424"/>
      <c r="UGN728" s="424"/>
      <c r="UGO728" s="423" t="s">
        <v>2795</v>
      </c>
      <c r="UGP728" s="424"/>
      <c r="UGQ728" s="424"/>
      <c r="UGR728" s="424"/>
      <c r="UGS728" s="423" t="s">
        <v>2795</v>
      </c>
      <c r="UGT728" s="424"/>
      <c r="UGU728" s="424"/>
      <c r="UGV728" s="424"/>
      <c r="UGW728" s="423" t="s">
        <v>2795</v>
      </c>
      <c r="UGX728" s="424"/>
      <c r="UGY728" s="424"/>
      <c r="UGZ728" s="424"/>
      <c r="UHA728" s="423" t="s">
        <v>2795</v>
      </c>
      <c r="UHB728" s="424"/>
      <c r="UHC728" s="424"/>
      <c r="UHD728" s="424"/>
      <c r="UHE728" s="423" t="s">
        <v>2795</v>
      </c>
      <c r="UHF728" s="424"/>
      <c r="UHG728" s="424"/>
      <c r="UHH728" s="424"/>
      <c r="UHI728" s="423" t="s">
        <v>2795</v>
      </c>
      <c r="UHJ728" s="424"/>
      <c r="UHK728" s="424"/>
      <c r="UHL728" s="424"/>
      <c r="UHM728" s="423" t="s">
        <v>2795</v>
      </c>
      <c r="UHN728" s="424"/>
      <c r="UHO728" s="424"/>
      <c r="UHP728" s="424"/>
      <c r="UHQ728" s="423" t="s">
        <v>2795</v>
      </c>
      <c r="UHR728" s="424"/>
      <c r="UHS728" s="424"/>
      <c r="UHT728" s="424"/>
      <c r="UHU728" s="423" t="s">
        <v>2795</v>
      </c>
      <c r="UHV728" s="424"/>
      <c r="UHW728" s="424"/>
      <c r="UHX728" s="424"/>
      <c r="UHY728" s="423" t="s">
        <v>2795</v>
      </c>
      <c r="UHZ728" s="424"/>
      <c r="UIA728" s="424"/>
      <c r="UIB728" s="424"/>
      <c r="UIC728" s="423" t="s">
        <v>2795</v>
      </c>
      <c r="UID728" s="424"/>
      <c r="UIE728" s="424"/>
      <c r="UIF728" s="424"/>
      <c r="UIG728" s="423" t="s">
        <v>2795</v>
      </c>
      <c r="UIH728" s="424"/>
      <c r="UII728" s="424"/>
      <c r="UIJ728" s="424"/>
      <c r="UIK728" s="423" t="s">
        <v>2795</v>
      </c>
      <c r="UIL728" s="424"/>
      <c r="UIM728" s="424"/>
      <c r="UIN728" s="424"/>
      <c r="UIO728" s="423" t="s">
        <v>2795</v>
      </c>
      <c r="UIP728" s="424"/>
      <c r="UIQ728" s="424"/>
      <c r="UIR728" s="424"/>
      <c r="UIS728" s="423" t="s">
        <v>2795</v>
      </c>
      <c r="UIT728" s="424"/>
      <c r="UIU728" s="424"/>
      <c r="UIV728" s="424"/>
      <c r="UIW728" s="423" t="s">
        <v>2795</v>
      </c>
      <c r="UIX728" s="424"/>
      <c r="UIY728" s="424"/>
      <c r="UIZ728" s="424"/>
      <c r="UJA728" s="423" t="s">
        <v>2795</v>
      </c>
      <c r="UJB728" s="424"/>
      <c r="UJC728" s="424"/>
      <c r="UJD728" s="424"/>
      <c r="UJE728" s="423" t="s">
        <v>2795</v>
      </c>
      <c r="UJF728" s="424"/>
      <c r="UJG728" s="424"/>
      <c r="UJH728" s="424"/>
      <c r="UJI728" s="423" t="s">
        <v>2795</v>
      </c>
      <c r="UJJ728" s="424"/>
      <c r="UJK728" s="424"/>
      <c r="UJL728" s="424"/>
      <c r="UJM728" s="423" t="s">
        <v>2795</v>
      </c>
      <c r="UJN728" s="424"/>
      <c r="UJO728" s="424"/>
      <c r="UJP728" s="424"/>
      <c r="UJQ728" s="423" t="s">
        <v>2795</v>
      </c>
      <c r="UJR728" s="424"/>
      <c r="UJS728" s="424"/>
      <c r="UJT728" s="424"/>
      <c r="UJU728" s="423" t="s">
        <v>2795</v>
      </c>
      <c r="UJV728" s="424"/>
      <c r="UJW728" s="424"/>
      <c r="UJX728" s="424"/>
      <c r="UJY728" s="423" t="s">
        <v>2795</v>
      </c>
      <c r="UJZ728" s="424"/>
      <c r="UKA728" s="424"/>
      <c r="UKB728" s="424"/>
      <c r="UKC728" s="423" t="s">
        <v>2795</v>
      </c>
      <c r="UKD728" s="424"/>
      <c r="UKE728" s="424"/>
      <c r="UKF728" s="424"/>
      <c r="UKG728" s="423" t="s">
        <v>2795</v>
      </c>
      <c r="UKH728" s="424"/>
      <c r="UKI728" s="424"/>
      <c r="UKJ728" s="424"/>
      <c r="UKK728" s="423" t="s">
        <v>2795</v>
      </c>
      <c r="UKL728" s="424"/>
      <c r="UKM728" s="424"/>
      <c r="UKN728" s="424"/>
      <c r="UKO728" s="423" t="s">
        <v>2795</v>
      </c>
      <c r="UKP728" s="424"/>
      <c r="UKQ728" s="424"/>
      <c r="UKR728" s="424"/>
      <c r="UKS728" s="423" t="s">
        <v>2795</v>
      </c>
      <c r="UKT728" s="424"/>
      <c r="UKU728" s="424"/>
      <c r="UKV728" s="424"/>
      <c r="UKW728" s="423" t="s">
        <v>2795</v>
      </c>
      <c r="UKX728" s="424"/>
      <c r="UKY728" s="424"/>
      <c r="UKZ728" s="424"/>
      <c r="ULA728" s="423" t="s">
        <v>2795</v>
      </c>
      <c r="ULB728" s="424"/>
      <c r="ULC728" s="424"/>
      <c r="ULD728" s="424"/>
      <c r="ULE728" s="423" t="s">
        <v>2795</v>
      </c>
      <c r="ULF728" s="424"/>
      <c r="ULG728" s="424"/>
      <c r="ULH728" s="424"/>
      <c r="ULI728" s="423" t="s">
        <v>2795</v>
      </c>
      <c r="ULJ728" s="424"/>
      <c r="ULK728" s="424"/>
      <c r="ULL728" s="424"/>
      <c r="ULM728" s="423" t="s">
        <v>2795</v>
      </c>
      <c r="ULN728" s="424"/>
      <c r="ULO728" s="424"/>
      <c r="ULP728" s="424"/>
      <c r="ULQ728" s="423" t="s">
        <v>2795</v>
      </c>
      <c r="ULR728" s="424"/>
      <c r="ULS728" s="424"/>
      <c r="ULT728" s="424"/>
      <c r="ULU728" s="423" t="s">
        <v>2795</v>
      </c>
      <c r="ULV728" s="424"/>
      <c r="ULW728" s="424"/>
      <c r="ULX728" s="424"/>
      <c r="ULY728" s="423" t="s">
        <v>2795</v>
      </c>
      <c r="ULZ728" s="424"/>
      <c r="UMA728" s="424"/>
      <c r="UMB728" s="424"/>
      <c r="UMC728" s="423" t="s">
        <v>2795</v>
      </c>
      <c r="UMD728" s="424"/>
      <c r="UME728" s="424"/>
      <c r="UMF728" s="424"/>
      <c r="UMG728" s="423" t="s">
        <v>2795</v>
      </c>
      <c r="UMH728" s="424"/>
      <c r="UMI728" s="424"/>
      <c r="UMJ728" s="424"/>
      <c r="UMK728" s="423" t="s">
        <v>2795</v>
      </c>
      <c r="UML728" s="424"/>
      <c r="UMM728" s="424"/>
      <c r="UMN728" s="424"/>
      <c r="UMO728" s="423" t="s">
        <v>2795</v>
      </c>
      <c r="UMP728" s="424"/>
      <c r="UMQ728" s="424"/>
      <c r="UMR728" s="424"/>
      <c r="UMS728" s="423" t="s">
        <v>2795</v>
      </c>
      <c r="UMT728" s="424"/>
      <c r="UMU728" s="424"/>
      <c r="UMV728" s="424"/>
      <c r="UMW728" s="423" t="s">
        <v>2795</v>
      </c>
      <c r="UMX728" s="424"/>
      <c r="UMY728" s="424"/>
      <c r="UMZ728" s="424"/>
      <c r="UNA728" s="423" t="s">
        <v>2795</v>
      </c>
      <c r="UNB728" s="424"/>
      <c r="UNC728" s="424"/>
      <c r="UND728" s="424"/>
      <c r="UNE728" s="423" t="s">
        <v>2795</v>
      </c>
      <c r="UNF728" s="424"/>
      <c r="UNG728" s="424"/>
      <c r="UNH728" s="424"/>
      <c r="UNI728" s="423" t="s">
        <v>2795</v>
      </c>
      <c r="UNJ728" s="424"/>
      <c r="UNK728" s="424"/>
      <c r="UNL728" s="424"/>
      <c r="UNM728" s="423" t="s">
        <v>2795</v>
      </c>
      <c r="UNN728" s="424"/>
      <c r="UNO728" s="424"/>
      <c r="UNP728" s="424"/>
      <c r="UNQ728" s="423" t="s">
        <v>2795</v>
      </c>
      <c r="UNR728" s="424"/>
      <c r="UNS728" s="424"/>
      <c r="UNT728" s="424"/>
      <c r="UNU728" s="423" t="s">
        <v>2795</v>
      </c>
      <c r="UNV728" s="424"/>
      <c r="UNW728" s="424"/>
      <c r="UNX728" s="424"/>
      <c r="UNY728" s="423" t="s">
        <v>2795</v>
      </c>
      <c r="UNZ728" s="424"/>
      <c r="UOA728" s="424"/>
      <c r="UOB728" s="424"/>
      <c r="UOC728" s="423" t="s">
        <v>2795</v>
      </c>
      <c r="UOD728" s="424"/>
      <c r="UOE728" s="424"/>
      <c r="UOF728" s="424"/>
      <c r="UOG728" s="423" t="s">
        <v>2795</v>
      </c>
      <c r="UOH728" s="424"/>
      <c r="UOI728" s="424"/>
      <c r="UOJ728" s="424"/>
      <c r="UOK728" s="423" t="s">
        <v>2795</v>
      </c>
      <c r="UOL728" s="424"/>
      <c r="UOM728" s="424"/>
      <c r="UON728" s="424"/>
      <c r="UOO728" s="423" t="s">
        <v>2795</v>
      </c>
      <c r="UOP728" s="424"/>
      <c r="UOQ728" s="424"/>
      <c r="UOR728" s="424"/>
      <c r="UOS728" s="423" t="s">
        <v>2795</v>
      </c>
      <c r="UOT728" s="424"/>
      <c r="UOU728" s="424"/>
      <c r="UOV728" s="424"/>
      <c r="UOW728" s="423" t="s">
        <v>2795</v>
      </c>
      <c r="UOX728" s="424"/>
      <c r="UOY728" s="424"/>
      <c r="UOZ728" s="424"/>
      <c r="UPA728" s="423" t="s">
        <v>2795</v>
      </c>
      <c r="UPB728" s="424"/>
      <c r="UPC728" s="424"/>
      <c r="UPD728" s="424"/>
      <c r="UPE728" s="423" t="s">
        <v>2795</v>
      </c>
      <c r="UPF728" s="424"/>
      <c r="UPG728" s="424"/>
      <c r="UPH728" s="424"/>
      <c r="UPI728" s="423" t="s">
        <v>2795</v>
      </c>
      <c r="UPJ728" s="424"/>
      <c r="UPK728" s="424"/>
      <c r="UPL728" s="424"/>
      <c r="UPM728" s="423" t="s">
        <v>2795</v>
      </c>
      <c r="UPN728" s="424"/>
      <c r="UPO728" s="424"/>
      <c r="UPP728" s="424"/>
      <c r="UPQ728" s="423" t="s">
        <v>2795</v>
      </c>
      <c r="UPR728" s="424"/>
      <c r="UPS728" s="424"/>
      <c r="UPT728" s="424"/>
      <c r="UPU728" s="423" t="s">
        <v>2795</v>
      </c>
      <c r="UPV728" s="424"/>
      <c r="UPW728" s="424"/>
      <c r="UPX728" s="424"/>
      <c r="UPY728" s="423" t="s">
        <v>2795</v>
      </c>
      <c r="UPZ728" s="424"/>
      <c r="UQA728" s="424"/>
      <c r="UQB728" s="424"/>
      <c r="UQC728" s="423" t="s">
        <v>2795</v>
      </c>
      <c r="UQD728" s="424"/>
      <c r="UQE728" s="424"/>
      <c r="UQF728" s="424"/>
      <c r="UQG728" s="423" t="s">
        <v>2795</v>
      </c>
      <c r="UQH728" s="424"/>
      <c r="UQI728" s="424"/>
      <c r="UQJ728" s="424"/>
      <c r="UQK728" s="423" t="s">
        <v>2795</v>
      </c>
      <c r="UQL728" s="424"/>
      <c r="UQM728" s="424"/>
      <c r="UQN728" s="424"/>
      <c r="UQO728" s="423" t="s">
        <v>2795</v>
      </c>
      <c r="UQP728" s="424"/>
      <c r="UQQ728" s="424"/>
      <c r="UQR728" s="424"/>
      <c r="UQS728" s="423" t="s">
        <v>2795</v>
      </c>
      <c r="UQT728" s="424"/>
      <c r="UQU728" s="424"/>
      <c r="UQV728" s="424"/>
      <c r="UQW728" s="423" t="s">
        <v>2795</v>
      </c>
      <c r="UQX728" s="424"/>
      <c r="UQY728" s="424"/>
      <c r="UQZ728" s="424"/>
      <c r="URA728" s="423" t="s">
        <v>2795</v>
      </c>
      <c r="URB728" s="424"/>
      <c r="URC728" s="424"/>
      <c r="URD728" s="424"/>
      <c r="URE728" s="423" t="s">
        <v>2795</v>
      </c>
      <c r="URF728" s="424"/>
      <c r="URG728" s="424"/>
      <c r="URH728" s="424"/>
      <c r="URI728" s="423" t="s">
        <v>2795</v>
      </c>
      <c r="URJ728" s="424"/>
      <c r="URK728" s="424"/>
      <c r="URL728" s="424"/>
      <c r="URM728" s="423" t="s">
        <v>2795</v>
      </c>
      <c r="URN728" s="424"/>
      <c r="URO728" s="424"/>
      <c r="URP728" s="424"/>
      <c r="URQ728" s="423" t="s">
        <v>2795</v>
      </c>
      <c r="URR728" s="424"/>
      <c r="URS728" s="424"/>
      <c r="URT728" s="424"/>
      <c r="URU728" s="423" t="s">
        <v>2795</v>
      </c>
      <c r="URV728" s="424"/>
      <c r="URW728" s="424"/>
      <c r="URX728" s="424"/>
      <c r="URY728" s="423" t="s">
        <v>2795</v>
      </c>
      <c r="URZ728" s="424"/>
      <c r="USA728" s="424"/>
      <c r="USB728" s="424"/>
      <c r="USC728" s="423" t="s">
        <v>2795</v>
      </c>
      <c r="USD728" s="424"/>
      <c r="USE728" s="424"/>
      <c r="USF728" s="424"/>
      <c r="USG728" s="423" t="s">
        <v>2795</v>
      </c>
      <c r="USH728" s="424"/>
      <c r="USI728" s="424"/>
      <c r="USJ728" s="424"/>
      <c r="USK728" s="423" t="s">
        <v>2795</v>
      </c>
      <c r="USL728" s="424"/>
      <c r="USM728" s="424"/>
      <c r="USN728" s="424"/>
      <c r="USO728" s="423" t="s">
        <v>2795</v>
      </c>
      <c r="USP728" s="424"/>
      <c r="USQ728" s="424"/>
      <c r="USR728" s="424"/>
      <c r="USS728" s="423" t="s">
        <v>2795</v>
      </c>
      <c r="UST728" s="424"/>
      <c r="USU728" s="424"/>
      <c r="USV728" s="424"/>
      <c r="USW728" s="423" t="s">
        <v>2795</v>
      </c>
      <c r="USX728" s="424"/>
      <c r="USY728" s="424"/>
      <c r="USZ728" s="424"/>
      <c r="UTA728" s="423" t="s">
        <v>2795</v>
      </c>
      <c r="UTB728" s="424"/>
      <c r="UTC728" s="424"/>
      <c r="UTD728" s="424"/>
      <c r="UTE728" s="423" t="s">
        <v>2795</v>
      </c>
      <c r="UTF728" s="424"/>
      <c r="UTG728" s="424"/>
      <c r="UTH728" s="424"/>
      <c r="UTI728" s="423" t="s">
        <v>2795</v>
      </c>
      <c r="UTJ728" s="424"/>
      <c r="UTK728" s="424"/>
      <c r="UTL728" s="424"/>
      <c r="UTM728" s="423" t="s">
        <v>2795</v>
      </c>
      <c r="UTN728" s="424"/>
      <c r="UTO728" s="424"/>
      <c r="UTP728" s="424"/>
      <c r="UTQ728" s="423" t="s">
        <v>2795</v>
      </c>
      <c r="UTR728" s="424"/>
      <c r="UTS728" s="424"/>
      <c r="UTT728" s="424"/>
      <c r="UTU728" s="423" t="s">
        <v>2795</v>
      </c>
      <c r="UTV728" s="424"/>
      <c r="UTW728" s="424"/>
      <c r="UTX728" s="424"/>
      <c r="UTY728" s="423" t="s">
        <v>2795</v>
      </c>
      <c r="UTZ728" s="424"/>
      <c r="UUA728" s="424"/>
      <c r="UUB728" s="424"/>
      <c r="UUC728" s="423" t="s">
        <v>2795</v>
      </c>
      <c r="UUD728" s="424"/>
      <c r="UUE728" s="424"/>
      <c r="UUF728" s="424"/>
      <c r="UUG728" s="423" t="s">
        <v>2795</v>
      </c>
      <c r="UUH728" s="424"/>
      <c r="UUI728" s="424"/>
      <c r="UUJ728" s="424"/>
      <c r="UUK728" s="423" t="s">
        <v>2795</v>
      </c>
      <c r="UUL728" s="424"/>
      <c r="UUM728" s="424"/>
      <c r="UUN728" s="424"/>
      <c r="UUO728" s="423" t="s">
        <v>2795</v>
      </c>
      <c r="UUP728" s="424"/>
      <c r="UUQ728" s="424"/>
      <c r="UUR728" s="424"/>
      <c r="UUS728" s="423" t="s">
        <v>2795</v>
      </c>
      <c r="UUT728" s="424"/>
      <c r="UUU728" s="424"/>
      <c r="UUV728" s="424"/>
      <c r="UUW728" s="423" t="s">
        <v>2795</v>
      </c>
      <c r="UUX728" s="424"/>
      <c r="UUY728" s="424"/>
      <c r="UUZ728" s="424"/>
      <c r="UVA728" s="423" t="s">
        <v>2795</v>
      </c>
      <c r="UVB728" s="424"/>
      <c r="UVC728" s="424"/>
      <c r="UVD728" s="424"/>
      <c r="UVE728" s="423" t="s">
        <v>2795</v>
      </c>
      <c r="UVF728" s="424"/>
      <c r="UVG728" s="424"/>
      <c r="UVH728" s="424"/>
      <c r="UVI728" s="423" t="s">
        <v>2795</v>
      </c>
      <c r="UVJ728" s="424"/>
      <c r="UVK728" s="424"/>
      <c r="UVL728" s="424"/>
      <c r="UVM728" s="423" t="s">
        <v>2795</v>
      </c>
      <c r="UVN728" s="424"/>
      <c r="UVO728" s="424"/>
      <c r="UVP728" s="424"/>
      <c r="UVQ728" s="423" t="s">
        <v>2795</v>
      </c>
      <c r="UVR728" s="424"/>
      <c r="UVS728" s="424"/>
      <c r="UVT728" s="424"/>
      <c r="UVU728" s="423" t="s">
        <v>2795</v>
      </c>
      <c r="UVV728" s="424"/>
      <c r="UVW728" s="424"/>
      <c r="UVX728" s="424"/>
      <c r="UVY728" s="423" t="s">
        <v>2795</v>
      </c>
      <c r="UVZ728" s="424"/>
      <c r="UWA728" s="424"/>
      <c r="UWB728" s="424"/>
      <c r="UWC728" s="423" t="s">
        <v>2795</v>
      </c>
      <c r="UWD728" s="424"/>
      <c r="UWE728" s="424"/>
      <c r="UWF728" s="424"/>
      <c r="UWG728" s="423" t="s">
        <v>2795</v>
      </c>
      <c r="UWH728" s="424"/>
      <c r="UWI728" s="424"/>
      <c r="UWJ728" s="424"/>
      <c r="UWK728" s="423" t="s">
        <v>2795</v>
      </c>
      <c r="UWL728" s="424"/>
      <c r="UWM728" s="424"/>
      <c r="UWN728" s="424"/>
      <c r="UWO728" s="423" t="s">
        <v>2795</v>
      </c>
      <c r="UWP728" s="424"/>
      <c r="UWQ728" s="424"/>
      <c r="UWR728" s="424"/>
      <c r="UWS728" s="423" t="s">
        <v>2795</v>
      </c>
      <c r="UWT728" s="424"/>
      <c r="UWU728" s="424"/>
      <c r="UWV728" s="424"/>
      <c r="UWW728" s="423" t="s">
        <v>2795</v>
      </c>
      <c r="UWX728" s="424"/>
      <c r="UWY728" s="424"/>
      <c r="UWZ728" s="424"/>
      <c r="UXA728" s="423" t="s">
        <v>2795</v>
      </c>
      <c r="UXB728" s="424"/>
      <c r="UXC728" s="424"/>
      <c r="UXD728" s="424"/>
      <c r="UXE728" s="423" t="s">
        <v>2795</v>
      </c>
      <c r="UXF728" s="424"/>
      <c r="UXG728" s="424"/>
      <c r="UXH728" s="424"/>
      <c r="UXI728" s="423" t="s">
        <v>2795</v>
      </c>
      <c r="UXJ728" s="424"/>
      <c r="UXK728" s="424"/>
      <c r="UXL728" s="424"/>
      <c r="UXM728" s="423" t="s">
        <v>2795</v>
      </c>
      <c r="UXN728" s="424"/>
      <c r="UXO728" s="424"/>
      <c r="UXP728" s="424"/>
      <c r="UXQ728" s="423" t="s">
        <v>2795</v>
      </c>
      <c r="UXR728" s="424"/>
      <c r="UXS728" s="424"/>
      <c r="UXT728" s="424"/>
      <c r="UXU728" s="423" t="s">
        <v>2795</v>
      </c>
      <c r="UXV728" s="424"/>
      <c r="UXW728" s="424"/>
      <c r="UXX728" s="424"/>
      <c r="UXY728" s="423" t="s">
        <v>2795</v>
      </c>
      <c r="UXZ728" s="424"/>
      <c r="UYA728" s="424"/>
      <c r="UYB728" s="424"/>
      <c r="UYC728" s="423" t="s">
        <v>2795</v>
      </c>
      <c r="UYD728" s="424"/>
      <c r="UYE728" s="424"/>
      <c r="UYF728" s="424"/>
      <c r="UYG728" s="423" t="s">
        <v>2795</v>
      </c>
      <c r="UYH728" s="424"/>
      <c r="UYI728" s="424"/>
      <c r="UYJ728" s="424"/>
      <c r="UYK728" s="423" t="s">
        <v>2795</v>
      </c>
      <c r="UYL728" s="424"/>
      <c r="UYM728" s="424"/>
      <c r="UYN728" s="424"/>
      <c r="UYO728" s="423" t="s">
        <v>2795</v>
      </c>
      <c r="UYP728" s="424"/>
      <c r="UYQ728" s="424"/>
      <c r="UYR728" s="424"/>
      <c r="UYS728" s="423" t="s">
        <v>2795</v>
      </c>
      <c r="UYT728" s="424"/>
      <c r="UYU728" s="424"/>
      <c r="UYV728" s="424"/>
      <c r="UYW728" s="423" t="s">
        <v>2795</v>
      </c>
      <c r="UYX728" s="424"/>
      <c r="UYY728" s="424"/>
      <c r="UYZ728" s="424"/>
      <c r="UZA728" s="423" t="s">
        <v>2795</v>
      </c>
      <c r="UZB728" s="424"/>
      <c r="UZC728" s="424"/>
      <c r="UZD728" s="424"/>
      <c r="UZE728" s="423" t="s">
        <v>2795</v>
      </c>
      <c r="UZF728" s="424"/>
      <c r="UZG728" s="424"/>
      <c r="UZH728" s="424"/>
      <c r="UZI728" s="423" t="s">
        <v>2795</v>
      </c>
      <c r="UZJ728" s="424"/>
      <c r="UZK728" s="424"/>
      <c r="UZL728" s="424"/>
      <c r="UZM728" s="423" t="s">
        <v>2795</v>
      </c>
      <c r="UZN728" s="424"/>
      <c r="UZO728" s="424"/>
      <c r="UZP728" s="424"/>
      <c r="UZQ728" s="423" t="s">
        <v>2795</v>
      </c>
      <c r="UZR728" s="424"/>
      <c r="UZS728" s="424"/>
      <c r="UZT728" s="424"/>
      <c r="UZU728" s="423" t="s">
        <v>2795</v>
      </c>
      <c r="UZV728" s="424"/>
      <c r="UZW728" s="424"/>
      <c r="UZX728" s="424"/>
      <c r="UZY728" s="423" t="s">
        <v>2795</v>
      </c>
      <c r="UZZ728" s="424"/>
      <c r="VAA728" s="424"/>
      <c r="VAB728" s="424"/>
      <c r="VAC728" s="423" t="s">
        <v>2795</v>
      </c>
      <c r="VAD728" s="424"/>
      <c r="VAE728" s="424"/>
      <c r="VAF728" s="424"/>
      <c r="VAG728" s="423" t="s">
        <v>2795</v>
      </c>
      <c r="VAH728" s="424"/>
      <c r="VAI728" s="424"/>
      <c r="VAJ728" s="424"/>
      <c r="VAK728" s="423" t="s">
        <v>2795</v>
      </c>
      <c r="VAL728" s="424"/>
      <c r="VAM728" s="424"/>
      <c r="VAN728" s="424"/>
      <c r="VAO728" s="423" t="s">
        <v>2795</v>
      </c>
      <c r="VAP728" s="424"/>
      <c r="VAQ728" s="424"/>
      <c r="VAR728" s="424"/>
      <c r="VAS728" s="423" t="s">
        <v>2795</v>
      </c>
      <c r="VAT728" s="424"/>
      <c r="VAU728" s="424"/>
      <c r="VAV728" s="424"/>
      <c r="VAW728" s="423" t="s">
        <v>2795</v>
      </c>
      <c r="VAX728" s="424"/>
      <c r="VAY728" s="424"/>
      <c r="VAZ728" s="424"/>
      <c r="VBA728" s="423" t="s">
        <v>2795</v>
      </c>
      <c r="VBB728" s="424"/>
      <c r="VBC728" s="424"/>
      <c r="VBD728" s="424"/>
      <c r="VBE728" s="423" t="s">
        <v>2795</v>
      </c>
      <c r="VBF728" s="424"/>
      <c r="VBG728" s="424"/>
      <c r="VBH728" s="424"/>
      <c r="VBI728" s="423" t="s">
        <v>2795</v>
      </c>
      <c r="VBJ728" s="424"/>
      <c r="VBK728" s="424"/>
      <c r="VBL728" s="424"/>
      <c r="VBM728" s="423" t="s">
        <v>2795</v>
      </c>
      <c r="VBN728" s="424"/>
      <c r="VBO728" s="424"/>
      <c r="VBP728" s="424"/>
      <c r="VBQ728" s="423" t="s">
        <v>2795</v>
      </c>
      <c r="VBR728" s="424"/>
      <c r="VBS728" s="424"/>
      <c r="VBT728" s="424"/>
      <c r="VBU728" s="423" t="s">
        <v>2795</v>
      </c>
      <c r="VBV728" s="424"/>
      <c r="VBW728" s="424"/>
      <c r="VBX728" s="424"/>
      <c r="VBY728" s="423" t="s">
        <v>2795</v>
      </c>
      <c r="VBZ728" s="424"/>
      <c r="VCA728" s="424"/>
      <c r="VCB728" s="424"/>
      <c r="VCC728" s="423" t="s">
        <v>2795</v>
      </c>
      <c r="VCD728" s="424"/>
      <c r="VCE728" s="424"/>
      <c r="VCF728" s="424"/>
      <c r="VCG728" s="423" t="s">
        <v>2795</v>
      </c>
      <c r="VCH728" s="424"/>
      <c r="VCI728" s="424"/>
      <c r="VCJ728" s="424"/>
      <c r="VCK728" s="423" t="s">
        <v>2795</v>
      </c>
      <c r="VCL728" s="424"/>
      <c r="VCM728" s="424"/>
      <c r="VCN728" s="424"/>
      <c r="VCO728" s="423" t="s">
        <v>2795</v>
      </c>
      <c r="VCP728" s="424"/>
      <c r="VCQ728" s="424"/>
      <c r="VCR728" s="424"/>
      <c r="VCS728" s="423" t="s">
        <v>2795</v>
      </c>
      <c r="VCT728" s="424"/>
      <c r="VCU728" s="424"/>
      <c r="VCV728" s="424"/>
      <c r="VCW728" s="423" t="s">
        <v>2795</v>
      </c>
      <c r="VCX728" s="424"/>
      <c r="VCY728" s="424"/>
      <c r="VCZ728" s="424"/>
      <c r="VDA728" s="423" t="s">
        <v>2795</v>
      </c>
      <c r="VDB728" s="424"/>
      <c r="VDC728" s="424"/>
      <c r="VDD728" s="424"/>
      <c r="VDE728" s="423" t="s">
        <v>2795</v>
      </c>
      <c r="VDF728" s="424"/>
      <c r="VDG728" s="424"/>
      <c r="VDH728" s="424"/>
      <c r="VDI728" s="423" t="s">
        <v>2795</v>
      </c>
      <c r="VDJ728" s="424"/>
      <c r="VDK728" s="424"/>
      <c r="VDL728" s="424"/>
      <c r="VDM728" s="423" t="s">
        <v>2795</v>
      </c>
      <c r="VDN728" s="424"/>
      <c r="VDO728" s="424"/>
      <c r="VDP728" s="424"/>
      <c r="VDQ728" s="423" t="s">
        <v>2795</v>
      </c>
      <c r="VDR728" s="424"/>
      <c r="VDS728" s="424"/>
      <c r="VDT728" s="424"/>
      <c r="VDU728" s="423" t="s">
        <v>2795</v>
      </c>
      <c r="VDV728" s="424"/>
      <c r="VDW728" s="424"/>
      <c r="VDX728" s="424"/>
      <c r="VDY728" s="423" t="s">
        <v>2795</v>
      </c>
      <c r="VDZ728" s="424"/>
      <c r="VEA728" s="424"/>
      <c r="VEB728" s="424"/>
      <c r="VEC728" s="423" t="s">
        <v>2795</v>
      </c>
      <c r="VED728" s="424"/>
      <c r="VEE728" s="424"/>
      <c r="VEF728" s="424"/>
      <c r="VEG728" s="423" t="s">
        <v>2795</v>
      </c>
      <c r="VEH728" s="424"/>
      <c r="VEI728" s="424"/>
      <c r="VEJ728" s="424"/>
      <c r="VEK728" s="423" t="s">
        <v>2795</v>
      </c>
      <c r="VEL728" s="424"/>
      <c r="VEM728" s="424"/>
      <c r="VEN728" s="424"/>
      <c r="VEO728" s="423" t="s">
        <v>2795</v>
      </c>
      <c r="VEP728" s="424"/>
      <c r="VEQ728" s="424"/>
      <c r="VER728" s="424"/>
      <c r="VES728" s="423" t="s">
        <v>2795</v>
      </c>
      <c r="VET728" s="424"/>
      <c r="VEU728" s="424"/>
      <c r="VEV728" s="424"/>
      <c r="VEW728" s="423" t="s">
        <v>2795</v>
      </c>
      <c r="VEX728" s="424"/>
      <c r="VEY728" s="424"/>
      <c r="VEZ728" s="424"/>
      <c r="VFA728" s="423" t="s">
        <v>2795</v>
      </c>
      <c r="VFB728" s="424"/>
      <c r="VFC728" s="424"/>
      <c r="VFD728" s="424"/>
      <c r="VFE728" s="423" t="s">
        <v>2795</v>
      </c>
      <c r="VFF728" s="424"/>
      <c r="VFG728" s="424"/>
      <c r="VFH728" s="424"/>
      <c r="VFI728" s="423" t="s">
        <v>2795</v>
      </c>
      <c r="VFJ728" s="424"/>
      <c r="VFK728" s="424"/>
      <c r="VFL728" s="424"/>
      <c r="VFM728" s="423" t="s">
        <v>2795</v>
      </c>
      <c r="VFN728" s="424"/>
      <c r="VFO728" s="424"/>
      <c r="VFP728" s="424"/>
      <c r="VFQ728" s="423" t="s">
        <v>2795</v>
      </c>
      <c r="VFR728" s="424"/>
      <c r="VFS728" s="424"/>
      <c r="VFT728" s="424"/>
      <c r="VFU728" s="423" t="s">
        <v>2795</v>
      </c>
      <c r="VFV728" s="424"/>
      <c r="VFW728" s="424"/>
      <c r="VFX728" s="424"/>
      <c r="VFY728" s="423" t="s">
        <v>2795</v>
      </c>
      <c r="VFZ728" s="424"/>
      <c r="VGA728" s="424"/>
      <c r="VGB728" s="424"/>
      <c r="VGC728" s="423" t="s">
        <v>2795</v>
      </c>
      <c r="VGD728" s="424"/>
      <c r="VGE728" s="424"/>
      <c r="VGF728" s="424"/>
      <c r="VGG728" s="423" t="s">
        <v>2795</v>
      </c>
      <c r="VGH728" s="424"/>
      <c r="VGI728" s="424"/>
      <c r="VGJ728" s="424"/>
      <c r="VGK728" s="423" t="s">
        <v>2795</v>
      </c>
      <c r="VGL728" s="424"/>
      <c r="VGM728" s="424"/>
      <c r="VGN728" s="424"/>
      <c r="VGO728" s="423" t="s">
        <v>2795</v>
      </c>
      <c r="VGP728" s="424"/>
      <c r="VGQ728" s="424"/>
      <c r="VGR728" s="424"/>
      <c r="VGS728" s="423" t="s">
        <v>2795</v>
      </c>
      <c r="VGT728" s="424"/>
      <c r="VGU728" s="424"/>
      <c r="VGV728" s="424"/>
      <c r="VGW728" s="423" t="s">
        <v>2795</v>
      </c>
      <c r="VGX728" s="424"/>
      <c r="VGY728" s="424"/>
      <c r="VGZ728" s="424"/>
      <c r="VHA728" s="423" t="s">
        <v>2795</v>
      </c>
      <c r="VHB728" s="424"/>
      <c r="VHC728" s="424"/>
      <c r="VHD728" s="424"/>
      <c r="VHE728" s="423" t="s">
        <v>2795</v>
      </c>
      <c r="VHF728" s="424"/>
      <c r="VHG728" s="424"/>
      <c r="VHH728" s="424"/>
      <c r="VHI728" s="423" t="s">
        <v>2795</v>
      </c>
      <c r="VHJ728" s="424"/>
      <c r="VHK728" s="424"/>
      <c r="VHL728" s="424"/>
      <c r="VHM728" s="423" t="s">
        <v>2795</v>
      </c>
      <c r="VHN728" s="424"/>
      <c r="VHO728" s="424"/>
      <c r="VHP728" s="424"/>
      <c r="VHQ728" s="423" t="s">
        <v>2795</v>
      </c>
      <c r="VHR728" s="424"/>
      <c r="VHS728" s="424"/>
      <c r="VHT728" s="424"/>
      <c r="VHU728" s="423" t="s">
        <v>2795</v>
      </c>
      <c r="VHV728" s="424"/>
      <c r="VHW728" s="424"/>
      <c r="VHX728" s="424"/>
      <c r="VHY728" s="423" t="s">
        <v>2795</v>
      </c>
      <c r="VHZ728" s="424"/>
      <c r="VIA728" s="424"/>
      <c r="VIB728" s="424"/>
      <c r="VIC728" s="423" t="s">
        <v>2795</v>
      </c>
      <c r="VID728" s="424"/>
      <c r="VIE728" s="424"/>
      <c r="VIF728" s="424"/>
      <c r="VIG728" s="423" t="s">
        <v>2795</v>
      </c>
      <c r="VIH728" s="424"/>
      <c r="VII728" s="424"/>
      <c r="VIJ728" s="424"/>
      <c r="VIK728" s="423" t="s">
        <v>2795</v>
      </c>
      <c r="VIL728" s="424"/>
      <c r="VIM728" s="424"/>
      <c r="VIN728" s="424"/>
      <c r="VIO728" s="423" t="s">
        <v>2795</v>
      </c>
      <c r="VIP728" s="424"/>
      <c r="VIQ728" s="424"/>
      <c r="VIR728" s="424"/>
      <c r="VIS728" s="423" t="s">
        <v>2795</v>
      </c>
      <c r="VIT728" s="424"/>
      <c r="VIU728" s="424"/>
      <c r="VIV728" s="424"/>
      <c r="VIW728" s="423" t="s">
        <v>2795</v>
      </c>
      <c r="VIX728" s="424"/>
      <c r="VIY728" s="424"/>
      <c r="VIZ728" s="424"/>
      <c r="VJA728" s="423" t="s">
        <v>2795</v>
      </c>
      <c r="VJB728" s="424"/>
      <c r="VJC728" s="424"/>
      <c r="VJD728" s="424"/>
      <c r="VJE728" s="423" t="s">
        <v>2795</v>
      </c>
      <c r="VJF728" s="424"/>
      <c r="VJG728" s="424"/>
      <c r="VJH728" s="424"/>
      <c r="VJI728" s="423" t="s">
        <v>2795</v>
      </c>
      <c r="VJJ728" s="424"/>
      <c r="VJK728" s="424"/>
      <c r="VJL728" s="424"/>
      <c r="VJM728" s="423" t="s">
        <v>2795</v>
      </c>
      <c r="VJN728" s="424"/>
      <c r="VJO728" s="424"/>
      <c r="VJP728" s="424"/>
      <c r="VJQ728" s="423" t="s">
        <v>2795</v>
      </c>
      <c r="VJR728" s="424"/>
      <c r="VJS728" s="424"/>
      <c r="VJT728" s="424"/>
      <c r="VJU728" s="423" t="s">
        <v>2795</v>
      </c>
      <c r="VJV728" s="424"/>
      <c r="VJW728" s="424"/>
      <c r="VJX728" s="424"/>
      <c r="VJY728" s="423" t="s">
        <v>2795</v>
      </c>
      <c r="VJZ728" s="424"/>
      <c r="VKA728" s="424"/>
      <c r="VKB728" s="424"/>
      <c r="VKC728" s="423" t="s">
        <v>2795</v>
      </c>
      <c r="VKD728" s="424"/>
      <c r="VKE728" s="424"/>
      <c r="VKF728" s="424"/>
      <c r="VKG728" s="423" t="s">
        <v>2795</v>
      </c>
      <c r="VKH728" s="424"/>
      <c r="VKI728" s="424"/>
      <c r="VKJ728" s="424"/>
      <c r="VKK728" s="423" t="s">
        <v>2795</v>
      </c>
      <c r="VKL728" s="424"/>
      <c r="VKM728" s="424"/>
      <c r="VKN728" s="424"/>
      <c r="VKO728" s="423" t="s">
        <v>2795</v>
      </c>
      <c r="VKP728" s="424"/>
      <c r="VKQ728" s="424"/>
      <c r="VKR728" s="424"/>
      <c r="VKS728" s="423" t="s">
        <v>2795</v>
      </c>
      <c r="VKT728" s="424"/>
      <c r="VKU728" s="424"/>
      <c r="VKV728" s="424"/>
      <c r="VKW728" s="423" t="s">
        <v>2795</v>
      </c>
      <c r="VKX728" s="424"/>
      <c r="VKY728" s="424"/>
      <c r="VKZ728" s="424"/>
      <c r="VLA728" s="423" t="s">
        <v>2795</v>
      </c>
      <c r="VLB728" s="424"/>
      <c r="VLC728" s="424"/>
      <c r="VLD728" s="424"/>
      <c r="VLE728" s="423" t="s">
        <v>2795</v>
      </c>
      <c r="VLF728" s="424"/>
      <c r="VLG728" s="424"/>
      <c r="VLH728" s="424"/>
      <c r="VLI728" s="423" t="s">
        <v>2795</v>
      </c>
      <c r="VLJ728" s="424"/>
      <c r="VLK728" s="424"/>
      <c r="VLL728" s="424"/>
      <c r="VLM728" s="423" t="s">
        <v>2795</v>
      </c>
      <c r="VLN728" s="424"/>
      <c r="VLO728" s="424"/>
      <c r="VLP728" s="424"/>
      <c r="VLQ728" s="423" t="s">
        <v>2795</v>
      </c>
      <c r="VLR728" s="424"/>
      <c r="VLS728" s="424"/>
      <c r="VLT728" s="424"/>
      <c r="VLU728" s="423" t="s">
        <v>2795</v>
      </c>
      <c r="VLV728" s="424"/>
      <c r="VLW728" s="424"/>
      <c r="VLX728" s="424"/>
      <c r="VLY728" s="423" t="s">
        <v>2795</v>
      </c>
      <c r="VLZ728" s="424"/>
      <c r="VMA728" s="424"/>
      <c r="VMB728" s="424"/>
      <c r="VMC728" s="423" t="s">
        <v>2795</v>
      </c>
      <c r="VMD728" s="424"/>
      <c r="VME728" s="424"/>
      <c r="VMF728" s="424"/>
      <c r="VMG728" s="423" t="s">
        <v>2795</v>
      </c>
      <c r="VMH728" s="424"/>
      <c r="VMI728" s="424"/>
      <c r="VMJ728" s="424"/>
      <c r="VMK728" s="423" t="s">
        <v>2795</v>
      </c>
      <c r="VML728" s="424"/>
      <c r="VMM728" s="424"/>
      <c r="VMN728" s="424"/>
      <c r="VMO728" s="423" t="s">
        <v>2795</v>
      </c>
      <c r="VMP728" s="424"/>
      <c r="VMQ728" s="424"/>
      <c r="VMR728" s="424"/>
      <c r="VMS728" s="423" t="s">
        <v>2795</v>
      </c>
      <c r="VMT728" s="424"/>
      <c r="VMU728" s="424"/>
      <c r="VMV728" s="424"/>
      <c r="VMW728" s="423" t="s">
        <v>2795</v>
      </c>
      <c r="VMX728" s="424"/>
      <c r="VMY728" s="424"/>
      <c r="VMZ728" s="424"/>
      <c r="VNA728" s="423" t="s">
        <v>2795</v>
      </c>
      <c r="VNB728" s="424"/>
      <c r="VNC728" s="424"/>
      <c r="VND728" s="424"/>
      <c r="VNE728" s="423" t="s">
        <v>2795</v>
      </c>
      <c r="VNF728" s="424"/>
      <c r="VNG728" s="424"/>
      <c r="VNH728" s="424"/>
      <c r="VNI728" s="423" t="s">
        <v>2795</v>
      </c>
      <c r="VNJ728" s="424"/>
      <c r="VNK728" s="424"/>
      <c r="VNL728" s="424"/>
      <c r="VNM728" s="423" t="s">
        <v>2795</v>
      </c>
      <c r="VNN728" s="424"/>
      <c r="VNO728" s="424"/>
      <c r="VNP728" s="424"/>
      <c r="VNQ728" s="423" t="s">
        <v>2795</v>
      </c>
      <c r="VNR728" s="424"/>
      <c r="VNS728" s="424"/>
      <c r="VNT728" s="424"/>
      <c r="VNU728" s="423" t="s">
        <v>2795</v>
      </c>
      <c r="VNV728" s="424"/>
      <c r="VNW728" s="424"/>
      <c r="VNX728" s="424"/>
      <c r="VNY728" s="423" t="s">
        <v>2795</v>
      </c>
      <c r="VNZ728" s="424"/>
      <c r="VOA728" s="424"/>
      <c r="VOB728" s="424"/>
      <c r="VOC728" s="423" t="s">
        <v>2795</v>
      </c>
      <c r="VOD728" s="424"/>
      <c r="VOE728" s="424"/>
      <c r="VOF728" s="424"/>
      <c r="VOG728" s="423" t="s">
        <v>2795</v>
      </c>
      <c r="VOH728" s="424"/>
      <c r="VOI728" s="424"/>
      <c r="VOJ728" s="424"/>
      <c r="VOK728" s="423" t="s">
        <v>2795</v>
      </c>
      <c r="VOL728" s="424"/>
      <c r="VOM728" s="424"/>
      <c r="VON728" s="424"/>
      <c r="VOO728" s="423" t="s">
        <v>2795</v>
      </c>
      <c r="VOP728" s="424"/>
      <c r="VOQ728" s="424"/>
      <c r="VOR728" s="424"/>
      <c r="VOS728" s="423" t="s">
        <v>2795</v>
      </c>
      <c r="VOT728" s="424"/>
      <c r="VOU728" s="424"/>
      <c r="VOV728" s="424"/>
      <c r="VOW728" s="423" t="s">
        <v>2795</v>
      </c>
      <c r="VOX728" s="424"/>
      <c r="VOY728" s="424"/>
      <c r="VOZ728" s="424"/>
      <c r="VPA728" s="423" t="s">
        <v>2795</v>
      </c>
      <c r="VPB728" s="424"/>
      <c r="VPC728" s="424"/>
      <c r="VPD728" s="424"/>
      <c r="VPE728" s="423" t="s">
        <v>2795</v>
      </c>
      <c r="VPF728" s="424"/>
      <c r="VPG728" s="424"/>
      <c r="VPH728" s="424"/>
      <c r="VPI728" s="423" t="s">
        <v>2795</v>
      </c>
      <c r="VPJ728" s="424"/>
      <c r="VPK728" s="424"/>
      <c r="VPL728" s="424"/>
      <c r="VPM728" s="423" t="s">
        <v>2795</v>
      </c>
      <c r="VPN728" s="424"/>
      <c r="VPO728" s="424"/>
      <c r="VPP728" s="424"/>
      <c r="VPQ728" s="423" t="s">
        <v>2795</v>
      </c>
      <c r="VPR728" s="424"/>
      <c r="VPS728" s="424"/>
      <c r="VPT728" s="424"/>
      <c r="VPU728" s="423" t="s">
        <v>2795</v>
      </c>
      <c r="VPV728" s="424"/>
      <c r="VPW728" s="424"/>
      <c r="VPX728" s="424"/>
      <c r="VPY728" s="423" t="s">
        <v>2795</v>
      </c>
      <c r="VPZ728" s="424"/>
      <c r="VQA728" s="424"/>
      <c r="VQB728" s="424"/>
      <c r="VQC728" s="423" t="s">
        <v>2795</v>
      </c>
      <c r="VQD728" s="424"/>
      <c r="VQE728" s="424"/>
      <c r="VQF728" s="424"/>
      <c r="VQG728" s="423" t="s">
        <v>2795</v>
      </c>
      <c r="VQH728" s="424"/>
      <c r="VQI728" s="424"/>
      <c r="VQJ728" s="424"/>
      <c r="VQK728" s="423" t="s">
        <v>2795</v>
      </c>
      <c r="VQL728" s="424"/>
      <c r="VQM728" s="424"/>
      <c r="VQN728" s="424"/>
      <c r="VQO728" s="423" t="s">
        <v>2795</v>
      </c>
      <c r="VQP728" s="424"/>
      <c r="VQQ728" s="424"/>
      <c r="VQR728" s="424"/>
      <c r="VQS728" s="423" t="s">
        <v>2795</v>
      </c>
      <c r="VQT728" s="424"/>
      <c r="VQU728" s="424"/>
      <c r="VQV728" s="424"/>
      <c r="VQW728" s="423" t="s">
        <v>2795</v>
      </c>
      <c r="VQX728" s="424"/>
      <c r="VQY728" s="424"/>
      <c r="VQZ728" s="424"/>
      <c r="VRA728" s="423" t="s">
        <v>2795</v>
      </c>
      <c r="VRB728" s="424"/>
      <c r="VRC728" s="424"/>
      <c r="VRD728" s="424"/>
      <c r="VRE728" s="423" t="s">
        <v>2795</v>
      </c>
      <c r="VRF728" s="424"/>
      <c r="VRG728" s="424"/>
      <c r="VRH728" s="424"/>
      <c r="VRI728" s="423" t="s">
        <v>2795</v>
      </c>
      <c r="VRJ728" s="424"/>
      <c r="VRK728" s="424"/>
      <c r="VRL728" s="424"/>
      <c r="VRM728" s="423" t="s">
        <v>2795</v>
      </c>
      <c r="VRN728" s="424"/>
      <c r="VRO728" s="424"/>
      <c r="VRP728" s="424"/>
      <c r="VRQ728" s="423" t="s">
        <v>2795</v>
      </c>
      <c r="VRR728" s="424"/>
      <c r="VRS728" s="424"/>
      <c r="VRT728" s="424"/>
      <c r="VRU728" s="423" t="s">
        <v>2795</v>
      </c>
      <c r="VRV728" s="424"/>
      <c r="VRW728" s="424"/>
      <c r="VRX728" s="424"/>
      <c r="VRY728" s="423" t="s">
        <v>2795</v>
      </c>
      <c r="VRZ728" s="424"/>
      <c r="VSA728" s="424"/>
      <c r="VSB728" s="424"/>
      <c r="VSC728" s="423" t="s">
        <v>2795</v>
      </c>
      <c r="VSD728" s="424"/>
      <c r="VSE728" s="424"/>
      <c r="VSF728" s="424"/>
      <c r="VSG728" s="423" t="s">
        <v>2795</v>
      </c>
      <c r="VSH728" s="424"/>
      <c r="VSI728" s="424"/>
      <c r="VSJ728" s="424"/>
      <c r="VSK728" s="423" t="s">
        <v>2795</v>
      </c>
      <c r="VSL728" s="424"/>
      <c r="VSM728" s="424"/>
      <c r="VSN728" s="424"/>
      <c r="VSO728" s="423" t="s">
        <v>2795</v>
      </c>
      <c r="VSP728" s="424"/>
      <c r="VSQ728" s="424"/>
      <c r="VSR728" s="424"/>
      <c r="VSS728" s="423" t="s">
        <v>2795</v>
      </c>
      <c r="VST728" s="424"/>
      <c r="VSU728" s="424"/>
      <c r="VSV728" s="424"/>
      <c r="VSW728" s="423" t="s">
        <v>2795</v>
      </c>
      <c r="VSX728" s="424"/>
      <c r="VSY728" s="424"/>
      <c r="VSZ728" s="424"/>
      <c r="VTA728" s="423" t="s">
        <v>2795</v>
      </c>
      <c r="VTB728" s="424"/>
      <c r="VTC728" s="424"/>
      <c r="VTD728" s="424"/>
      <c r="VTE728" s="423" t="s">
        <v>2795</v>
      </c>
      <c r="VTF728" s="424"/>
      <c r="VTG728" s="424"/>
      <c r="VTH728" s="424"/>
      <c r="VTI728" s="423" t="s">
        <v>2795</v>
      </c>
      <c r="VTJ728" s="424"/>
      <c r="VTK728" s="424"/>
      <c r="VTL728" s="424"/>
      <c r="VTM728" s="423" t="s">
        <v>2795</v>
      </c>
      <c r="VTN728" s="424"/>
      <c r="VTO728" s="424"/>
      <c r="VTP728" s="424"/>
      <c r="VTQ728" s="423" t="s">
        <v>2795</v>
      </c>
      <c r="VTR728" s="424"/>
      <c r="VTS728" s="424"/>
      <c r="VTT728" s="424"/>
      <c r="VTU728" s="423" t="s">
        <v>2795</v>
      </c>
      <c r="VTV728" s="424"/>
      <c r="VTW728" s="424"/>
      <c r="VTX728" s="424"/>
      <c r="VTY728" s="423" t="s">
        <v>2795</v>
      </c>
      <c r="VTZ728" s="424"/>
      <c r="VUA728" s="424"/>
      <c r="VUB728" s="424"/>
      <c r="VUC728" s="423" t="s">
        <v>2795</v>
      </c>
      <c r="VUD728" s="424"/>
      <c r="VUE728" s="424"/>
      <c r="VUF728" s="424"/>
      <c r="VUG728" s="423" t="s">
        <v>2795</v>
      </c>
      <c r="VUH728" s="424"/>
      <c r="VUI728" s="424"/>
      <c r="VUJ728" s="424"/>
      <c r="VUK728" s="423" t="s">
        <v>2795</v>
      </c>
      <c r="VUL728" s="424"/>
      <c r="VUM728" s="424"/>
      <c r="VUN728" s="424"/>
      <c r="VUO728" s="423" t="s">
        <v>2795</v>
      </c>
      <c r="VUP728" s="424"/>
      <c r="VUQ728" s="424"/>
      <c r="VUR728" s="424"/>
      <c r="VUS728" s="423" t="s">
        <v>2795</v>
      </c>
      <c r="VUT728" s="424"/>
      <c r="VUU728" s="424"/>
      <c r="VUV728" s="424"/>
      <c r="VUW728" s="423" t="s">
        <v>2795</v>
      </c>
      <c r="VUX728" s="424"/>
      <c r="VUY728" s="424"/>
      <c r="VUZ728" s="424"/>
      <c r="VVA728" s="423" t="s">
        <v>2795</v>
      </c>
      <c r="VVB728" s="424"/>
      <c r="VVC728" s="424"/>
      <c r="VVD728" s="424"/>
      <c r="VVE728" s="423" t="s">
        <v>2795</v>
      </c>
      <c r="VVF728" s="424"/>
      <c r="VVG728" s="424"/>
      <c r="VVH728" s="424"/>
      <c r="VVI728" s="423" t="s">
        <v>2795</v>
      </c>
      <c r="VVJ728" s="424"/>
      <c r="VVK728" s="424"/>
      <c r="VVL728" s="424"/>
      <c r="VVM728" s="423" t="s">
        <v>2795</v>
      </c>
      <c r="VVN728" s="424"/>
      <c r="VVO728" s="424"/>
      <c r="VVP728" s="424"/>
      <c r="VVQ728" s="423" t="s">
        <v>2795</v>
      </c>
      <c r="VVR728" s="424"/>
      <c r="VVS728" s="424"/>
      <c r="VVT728" s="424"/>
      <c r="VVU728" s="423" t="s">
        <v>2795</v>
      </c>
      <c r="VVV728" s="424"/>
      <c r="VVW728" s="424"/>
      <c r="VVX728" s="424"/>
      <c r="VVY728" s="423" t="s">
        <v>2795</v>
      </c>
      <c r="VVZ728" s="424"/>
      <c r="VWA728" s="424"/>
      <c r="VWB728" s="424"/>
      <c r="VWC728" s="423" t="s">
        <v>2795</v>
      </c>
      <c r="VWD728" s="424"/>
      <c r="VWE728" s="424"/>
      <c r="VWF728" s="424"/>
      <c r="VWG728" s="423" t="s">
        <v>2795</v>
      </c>
      <c r="VWH728" s="424"/>
      <c r="VWI728" s="424"/>
      <c r="VWJ728" s="424"/>
      <c r="VWK728" s="423" t="s">
        <v>2795</v>
      </c>
      <c r="VWL728" s="424"/>
      <c r="VWM728" s="424"/>
      <c r="VWN728" s="424"/>
      <c r="VWO728" s="423" t="s">
        <v>2795</v>
      </c>
      <c r="VWP728" s="424"/>
      <c r="VWQ728" s="424"/>
      <c r="VWR728" s="424"/>
      <c r="VWS728" s="423" t="s">
        <v>2795</v>
      </c>
      <c r="VWT728" s="424"/>
      <c r="VWU728" s="424"/>
      <c r="VWV728" s="424"/>
      <c r="VWW728" s="423" t="s">
        <v>2795</v>
      </c>
      <c r="VWX728" s="424"/>
      <c r="VWY728" s="424"/>
      <c r="VWZ728" s="424"/>
      <c r="VXA728" s="423" t="s">
        <v>2795</v>
      </c>
      <c r="VXB728" s="424"/>
      <c r="VXC728" s="424"/>
      <c r="VXD728" s="424"/>
      <c r="VXE728" s="423" t="s">
        <v>2795</v>
      </c>
      <c r="VXF728" s="424"/>
      <c r="VXG728" s="424"/>
      <c r="VXH728" s="424"/>
      <c r="VXI728" s="423" t="s">
        <v>2795</v>
      </c>
      <c r="VXJ728" s="424"/>
      <c r="VXK728" s="424"/>
      <c r="VXL728" s="424"/>
      <c r="VXM728" s="423" t="s">
        <v>2795</v>
      </c>
      <c r="VXN728" s="424"/>
      <c r="VXO728" s="424"/>
      <c r="VXP728" s="424"/>
      <c r="VXQ728" s="423" t="s">
        <v>2795</v>
      </c>
      <c r="VXR728" s="424"/>
      <c r="VXS728" s="424"/>
      <c r="VXT728" s="424"/>
      <c r="VXU728" s="423" t="s">
        <v>2795</v>
      </c>
      <c r="VXV728" s="424"/>
      <c r="VXW728" s="424"/>
      <c r="VXX728" s="424"/>
      <c r="VXY728" s="423" t="s">
        <v>2795</v>
      </c>
      <c r="VXZ728" s="424"/>
      <c r="VYA728" s="424"/>
      <c r="VYB728" s="424"/>
      <c r="VYC728" s="423" t="s">
        <v>2795</v>
      </c>
      <c r="VYD728" s="424"/>
      <c r="VYE728" s="424"/>
      <c r="VYF728" s="424"/>
      <c r="VYG728" s="423" t="s">
        <v>2795</v>
      </c>
      <c r="VYH728" s="424"/>
      <c r="VYI728" s="424"/>
      <c r="VYJ728" s="424"/>
      <c r="VYK728" s="423" t="s">
        <v>2795</v>
      </c>
      <c r="VYL728" s="424"/>
      <c r="VYM728" s="424"/>
      <c r="VYN728" s="424"/>
      <c r="VYO728" s="423" t="s">
        <v>2795</v>
      </c>
      <c r="VYP728" s="424"/>
      <c r="VYQ728" s="424"/>
      <c r="VYR728" s="424"/>
      <c r="VYS728" s="423" t="s">
        <v>2795</v>
      </c>
      <c r="VYT728" s="424"/>
      <c r="VYU728" s="424"/>
      <c r="VYV728" s="424"/>
      <c r="VYW728" s="423" t="s">
        <v>2795</v>
      </c>
      <c r="VYX728" s="424"/>
      <c r="VYY728" s="424"/>
      <c r="VYZ728" s="424"/>
      <c r="VZA728" s="423" t="s">
        <v>2795</v>
      </c>
      <c r="VZB728" s="424"/>
      <c r="VZC728" s="424"/>
      <c r="VZD728" s="424"/>
      <c r="VZE728" s="423" t="s">
        <v>2795</v>
      </c>
      <c r="VZF728" s="424"/>
      <c r="VZG728" s="424"/>
      <c r="VZH728" s="424"/>
      <c r="VZI728" s="423" t="s">
        <v>2795</v>
      </c>
      <c r="VZJ728" s="424"/>
      <c r="VZK728" s="424"/>
      <c r="VZL728" s="424"/>
      <c r="VZM728" s="423" t="s">
        <v>2795</v>
      </c>
      <c r="VZN728" s="424"/>
      <c r="VZO728" s="424"/>
      <c r="VZP728" s="424"/>
      <c r="VZQ728" s="423" t="s">
        <v>2795</v>
      </c>
      <c r="VZR728" s="424"/>
      <c r="VZS728" s="424"/>
      <c r="VZT728" s="424"/>
      <c r="VZU728" s="423" t="s">
        <v>2795</v>
      </c>
      <c r="VZV728" s="424"/>
      <c r="VZW728" s="424"/>
      <c r="VZX728" s="424"/>
      <c r="VZY728" s="423" t="s">
        <v>2795</v>
      </c>
      <c r="VZZ728" s="424"/>
      <c r="WAA728" s="424"/>
      <c r="WAB728" s="424"/>
      <c r="WAC728" s="423" t="s">
        <v>2795</v>
      </c>
      <c r="WAD728" s="424"/>
      <c r="WAE728" s="424"/>
      <c r="WAF728" s="424"/>
      <c r="WAG728" s="423" t="s">
        <v>2795</v>
      </c>
      <c r="WAH728" s="424"/>
      <c r="WAI728" s="424"/>
      <c r="WAJ728" s="424"/>
      <c r="WAK728" s="423" t="s">
        <v>2795</v>
      </c>
      <c r="WAL728" s="424"/>
      <c r="WAM728" s="424"/>
      <c r="WAN728" s="424"/>
      <c r="WAO728" s="423" t="s">
        <v>2795</v>
      </c>
      <c r="WAP728" s="424"/>
      <c r="WAQ728" s="424"/>
      <c r="WAR728" s="424"/>
      <c r="WAS728" s="423" t="s">
        <v>2795</v>
      </c>
      <c r="WAT728" s="424"/>
      <c r="WAU728" s="424"/>
      <c r="WAV728" s="424"/>
      <c r="WAW728" s="423" t="s">
        <v>2795</v>
      </c>
      <c r="WAX728" s="424"/>
      <c r="WAY728" s="424"/>
      <c r="WAZ728" s="424"/>
      <c r="WBA728" s="423" t="s">
        <v>2795</v>
      </c>
      <c r="WBB728" s="424"/>
      <c r="WBC728" s="424"/>
      <c r="WBD728" s="424"/>
      <c r="WBE728" s="423" t="s">
        <v>2795</v>
      </c>
      <c r="WBF728" s="424"/>
      <c r="WBG728" s="424"/>
      <c r="WBH728" s="424"/>
      <c r="WBI728" s="423" t="s">
        <v>2795</v>
      </c>
      <c r="WBJ728" s="424"/>
      <c r="WBK728" s="424"/>
      <c r="WBL728" s="424"/>
      <c r="WBM728" s="423" t="s">
        <v>2795</v>
      </c>
      <c r="WBN728" s="424"/>
      <c r="WBO728" s="424"/>
      <c r="WBP728" s="424"/>
      <c r="WBQ728" s="423" t="s">
        <v>2795</v>
      </c>
      <c r="WBR728" s="424"/>
      <c r="WBS728" s="424"/>
      <c r="WBT728" s="424"/>
      <c r="WBU728" s="423" t="s">
        <v>2795</v>
      </c>
      <c r="WBV728" s="424"/>
      <c r="WBW728" s="424"/>
      <c r="WBX728" s="424"/>
      <c r="WBY728" s="423" t="s">
        <v>2795</v>
      </c>
      <c r="WBZ728" s="424"/>
      <c r="WCA728" s="424"/>
      <c r="WCB728" s="424"/>
      <c r="WCC728" s="423" t="s">
        <v>2795</v>
      </c>
      <c r="WCD728" s="424"/>
      <c r="WCE728" s="424"/>
      <c r="WCF728" s="424"/>
      <c r="WCG728" s="423" t="s">
        <v>2795</v>
      </c>
      <c r="WCH728" s="424"/>
      <c r="WCI728" s="424"/>
      <c r="WCJ728" s="424"/>
      <c r="WCK728" s="423" t="s">
        <v>2795</v>
      </c>
      <c r="WCL728" s="424"/>
      <c r="WCM728" s="424"/>
      <c r="WCN728" s="424"/>
      <c r="WCO728" s="423" t="s">
        <v>2795</v>
      </c>
      <c r="WCP728" s="424"/>
      <c r="WCQ728" s="424"/>
      <c r="WCR728" s="424"/>
      <c r="WCS728" s="423" t="s">
        <v>2795</v>
      </c>
      <c r="WCT728" s="424"/>
      <c r="WCU728" s="424"/>
      <c r="WCV728" s="424"/>
      <c r="WCW728" s="423" t="s">
        <v>2795</v>
      </c>
      <c r="WCX728" s="424"/>
      <c r="WCY728" s="424"/>
      <c r="WCZ728" s="424"/>
      <c r="WDA728" s="423" t="s">
        <v>2795</v>
      </c>
      <c r="WDB728" s="424"/>
      <c r="WDC728" s="424"/>
      <c r="WDD728" s="424"/>
      <c r="WDE728" s="423" t="s">
        <v>2795</v>
      </c>
      <c r="WDF728" s="424"/>
      <c r="WDG728" s="424"/>
      <c r="WDH728" s="424"/>
      <c r="WDI728" s="423" t="s">
        <v>2795</v>
      </c>
      <c r="WDJ728" s="424"/>
      <c r="WDK728" s="424"/>
      <c r="WDL728" s="424"/>
      <c r="WDM728" s="423" t="s">
        <v>2795</v>
      </c>
      <c r="WDN728" s="424"/>
      <c r="WDO728" s="424"/>
      <c r="WDP728" s="424"/>
      <c r="WDQ728" s="423" t="s">
        <v>2795</v>
      </c>
      <c r="WDR728" s="424"/>
      <c r="WDS728" s="424"/>
      <c r="WDT728" s="424"/>
      <c r="WDU728" s="423" t="s">
        <v>2795</v>
      </c>
      <c r="WDV728" s="424"/>
      <c r="WDW728" s="424"/>
      <c r="WDX728" s="424"/>
      <c r="WDY728" s="423" t="s">
        <v>2795</v>
      </c>
      <c r="WDZ728" s="424"/>
      <c r="WEA728" s="424"/>
      <c r="WEB728" s="424"/>
      <c r="WEC728" s="423" t="s">
        <v>2795</v>
      </c>
      <c r="WED728" s="424"/>
      <c r="WEE728" s="424"/>
      <c r="WEF728" s="424"/>
      <c r="WEG728" s="423" t="s">
        <v>2795</v>
      </c>
      <c r="WEH728" s="424"/>
      <c r="WEI728" s="424"/>
      <c r="WEJ728" s="424"/>
      <c r="WEK728" s="423" t="s">
        <v>2795</v>
      </c>
      <c r="WEL728" s="424"/>
      <c r="WEM728" s="424"/>
      <c r="WEN728" s="424"/>
      <c r="WEO728" s="423" t="s">
        <v>2795</v>
      </c>
      <c r="WEP728" s="424"/>
      <c r="WEQ728" s="424"/>
      <c r="WER728" s="424"/>
      <c r="WES728" s="423" t="s">
        <v>2795</v>
      </c>
      <c r="WET728" s="424"/>
      <c r="WEU728" s="424"/>
      <c r="WEV728" s="424"/>
      <c r="WEW728" s="423" t="s">
        <v>2795</v>
      </c>
      <c r="WEX728" s="424"/>
      <c r="WEY728" s="424"/>
      <c r="WEZ728" s="424"/>
      <c r="WFA728" s="423" t="s">
        <v>2795</v>
      </c>
      <c r="WFB728" s="424"/>
      <c r="WFC728" s="424"/>
      <c r="WFD728" s="424"/>
      <c r="WFE728" s="423" t="s">
        <v>2795</v>
      </c>
      <c r="WFF728" s="424"/>
      <c r="WFG728" s="424"/>
      <c r="WFH728" s="424"/>
      <c r="WFI728" s="423" t="s">
        <v>2795</v>
      </c>
      <c r="WFJ728" s="424"/>
      <c r="WFK728" s="424"/>
      <c r="WFL728" s="424"/>
      <c r="WFM728" s="423" t="s">
        <v>2795</v>
      </c>
      <c r="WFN728" s="424"/>
      <c r="WFO728" s="424"/>
      <c r="WFP728" s="424"/>
      <c r="WFQ728" s="423" t="s">
        <v>2795</v>
      </c>
      <c r="WFR728" s="424"/>
      <c r="WFS728" s="424"/>
      <c r="WFT728" s="424"/>
      <c r="WFU728" s="423" t="s">
        <v>2795</v>
      </c>
      <c r="WFV728" s="424"/>
      <c r="WFW728" s="424"/>
      <c r="WFX728" s="424"/>
      <c r="WFY728" s="423" t="s">
        <v>2795</v>
      </c>
      <c r="WFZ728" s="424"/>
      <c r="WGA728" s="424"/>
      <c r="WGB728" s="424"/>
      <c r="WGC728" s="423" t="s">
        <v>2795</v>
      </c>
      <c r="WGD728" s="424"/>
      <c r="WGE728" s="424"/>
      <c r="WGF728" s="424"/>
      <c r="WGG728" s="423" t="s">
        <v>2795</v>
      </c>
      <c r="WGH728" s="424"/>
      <c r="WGI728" s="424"/>
      <c r="WGJ728" s="424"/>
      <c r="WGK728" s="423" t="s">
        <v>2795</v>
      </c>
      <c r="WGL728" s="424"/>
      <c r="WGM728" s="424"/>
      <c r="WGN728" s="424"/>
      <c r="WGO728" s="423" t="s">
        <v>2795</v>
      </c>
      <c r="WGP728" s="424"/>
      <c r="WGQ728" s="424"/>
      <c r="WGR728" s="424"/>
      <c r="WGS728" s="423" t="s">
        <v>2795</v>
      </c>
      <c r="WGT728" s="424"/>
      <c r="WGU728" s="424"/>
      <c r="WGV728" s="424"/>
      <c r="WGW728" s="423" t="s">
        <v>2795</v>
      </c>
      <c r="WGX728" s="424"/>
      <c r="WGY728" s="424"/>
      <c r="WGZ728" s="424"/>
      <c r="WHA728" s="423" t="s">
        <v>2795</v>
      </c>
      <c r="WHB728" s="424"/>
      <c r="WHC728" s="424"/>
      <c r="WHD728" s="424"/>
      <c r="WHE728" s="423" t="s">
        <v>2795</v>
      </c>
      <c r="WHF728" s="424"/>
      <c r="WHG728" s="424"/>
      <c r="WHH728" s="424"/>
      <c r="WHI728" s="423" t="s">
        <v>2795</v>
      </c>
      <c r="WHJ728" s="424"/>
      <c r="WHK728" s="424"/>
      <c r="WHL728" s="424"/>
      <c r="WHM728" s="423" t="s">
        <v>2795</v>
      </c>
      <c r="WHN728" s="424"/>
      <c r="WHO728" s="424"/>
      <c r="WHP728" s="424"/>
      <c r="WHQ728" s="423" t="s">
        <v>2795</v>
      </c>
      <c r="WHR728" s="424"/>
      <c r="WHS728" s="424"/>
      <c r="WHT728" s="424"/>
      <c r="WHU728" s="423" t="s">
        <v>2795</v>
      </c>
      <c r="WHV728" s="424"/>
      <c r="WHW728" s="424"/>
      <c r="WHX728" s="424"/>
      <c r="WHY728" s="423" t="s">
        <v>2795</v>
      </c>
      <c r="WHZ728" s="424"/>
      <c r="WIA728" s="424"/>
      <c r="WIB728" s="424"/>
      <c r="WIC728" s="423" t="s">
        <v>2795</v>
      </c>
      <c r="WID728" s="424"/>
      <c r="WIE728" s="424"/>
      <c r="WIF728" s="424"/>
      <c r="WIG728" s="423" t="s">
        <v>2795</v>
      </c>
      <c r="WIH728" s="424"/>
      <c r="WII728" s="424"/>
      <c r="WIJ728" s="424"/>
      <c r="WIK728" s="423" t="s">
        <v>2795</v>
      </c>
      <c r="WIL728" s="424"/>
      <c r="WIM728" s="424"/>
      <c r="WIN728" s="424"/>
      <c r="WIO728" s="423" t="s">
        <v>2795</v>
      </c>
      <c r="WIP728" s="424"/>
      <c r="WIQ728" s="424"/>
      <c r="WIR728" s="424"/>
      <c r="WIS728" s="423" t="s">
        <v>2795</v>
      </c>
      <c r="WIT728" s="424"/>
      <c r="WIU728" s="424"/>
      <c r="WIV728" s="424"/>
      <c r="WIW728" s="423" t="s">
        <v>2795</v>
      </c>
      <c r="WIX728" s="424"/>
      <c r="WIY728" s="424"/>
      <c r="WIZ728" s="424"/>
      <c r="WJA728" s="423" t="s">
        <v>2795</v>
      </c>
      <c r="WJB728" s="424"/>
      <c r="WJC728" s="424"/>
      <c r="WJD728" s="424"/>
      <c r="WJE728" s="423" t="s">
        <v>2795</v>
      </c>
      <c r="WJF728" s="424"/>
      <c r="WJG728" s="424"/>
      <c r="WJH728" s="424"/>
      <c r="WJI728" s="423" t="s">
        <v>2795</v>
      </c>
      <c r="WJJ728" s="424"/>
      <c r="WJK728" s="424"/>
      <c r="WJL728" s="424"/>
      <c r="WJM728" s="423" t="s">
        <v>2795</v>
      </c>
      <c r="WJN728" s="424"/>
      <c r="WJO728" s="424"/>
      <c r="WJP728" s="424"/>
      <c r="WJQ728" s="423" t="s">
        <v>2795</v>
      </c>
      <c r="WJR728" s="424"/>
      <c r="WJS728" s="424"/>
      <c r="WJT728" s="424"/>
      <c r="WJU728" s="423" t="s">
        <v>2795</v>
      </c>
      <c r="WJV728" s="424"/>
      <c r="WJW728" s="424"/>
      <c r="WJX728" s="424"/>
      <c r="WJY728" s="423" t="s">
        <v>2795</v>
      </c>
      <c r="WJZ728" s="424"/>
      <c r="WKA728" s="424"/>
      <c r="WKB728" s="424"/>
      <c r="WKC728" s="423" t="s">
        <v>2795</v>
      </c>
      <c r="WKD728" s="424"/>
      <c r="WKE728" s="424"/>
      <c r="WKF728" s="424"/>
      <c r="WKG728" s="423" t="s">
        <v>2795</v>
      </c>
      <c r="WKH728" s="424"/>
      <c r="WKI728" s="424"/>
      <c r="WKJ728" s="424"/>
      <c r="WKK728" s="423" t="s">
        <v>2795</v>
      </c>
      <c r="WKL728" s="424"/>
      <c r="WKM728" s="424"/>
      <c r="WKN728" s="424"/>
      <c r="WKO728" s="423" t="s">
        <v>2795</v>
      </c>
      <c r="WKP728" s="424"/>
      <c r="WKQ728" s="424"/>
      <c r="WKR728" s="424"/>
      <c r="WKS728" s="423" t="s">
        <v>2795</v>
      </c>
      <c r="WKT728" s="424"/>
      <c r="WKU728" s="424"/>
      <c r="WKV728" s="424"/>
      <c r="WKW728" s="423" t="s">
        <v>2795</v>
      </c>
      <c r="WKX728" s="424"/>
      <c r="WKY728" s="424"/>
      <c r="WKZ728" s="424"/>
      <c r="WLA728" s="423" t="s">
        <v>2795</v>
      </c>
      <c r="WLB728" s="424"/>
      <c r="WLC728" s="424"/>
      <c r="WLD728" s="424"/>
      <c r="WLE728" s="423" t="s">
        <v>2795</v>
      </c>
      <c r="WLF728" s="424"/>
      <c r="WLG728" s="424"/>
      <c r="WLH728" s="424"/>
      <c r="WLI728" s="423" t="s">
        <v>2795</v>
      </c>
      <c r="WLJ728" s="424"/>
      <c r="WLK728" s="424"/>
      <c r="WLL728" s="424"/>
      <c r="WLM728" s="423" t="s">
        <v>2795</v>
      </c>
      <c r="WLN728" s="424"/>
      <c r="WLO728" s="424"/>
      <c r="WLP728" s="424"/>
      <c r="WLQ728" s="423" t="s">
        <v>2795</v>
      </c>
      <c r="WLR728" s="424"/>
      <c r="WLS728" s="424"/>
      <c r="WLT728" s="424"/>
      <c r="WLU728" s="423" t="s">
        <v>2795</v>
      </c>
      <c r="WLV728" s="424"/>
      <c r="WLW728" s="424"/>
      <c r="WLX728" s="424"/>
      <c r="WLY728" s="423" t="s">
        <v>2795</v>
      </c>
      <c r="WLZ728" s="424"/>
      <c r="WMA728" s="424"/>
      <c r="WMB728" s="424"/>
      <c r="WMC728" s="423" t="s">
        <v>2795</v>
      </c>
      <c r="WMD728" s="424"/>
      <c r="WME728" s="424"/>
      <c r="WMF728" s="424"/>
      <c r="WMG728" s="423" t="s">
        <v>2795</v>
      </c>
      <c r="WMH728" s="424"/>
      <c r="WMI728" s="424"/>
      <c r="WMJ728" s="424"/>
      <c r="WMK728" s="423" t="s">
        <v>2795</v>
      </c>
      <c r="WML728" s="424"/>
      <c r="WMM728" s="424"/>
      <c r="WMN728" s="424"/>
      <c r="WMO728" s="423" t="s">
        <v>2795</v>
      </c>
      <c r="WMP728" s="424"/>
      <c r="WMQ728" s="424"/>
      <c r="WMR728" s="424"/>
      <c r="WMS728" s="423" t="s">
        <v>2795</v>
      </c>
      <c r="WMT728" s="424"/>
      <c r="WMU728" s="424"/>
      <c r="WMV728" s="424"/>
      <c r="WMW728" s="423" t="s">
        <v>2795</v>
      </c>
      <c r="WMX728" s="424"/>
      <c r="WMY728" s="424"/>
      <c r="WMZ728" s="424"/>
      <c r="WNA728" s="423" t="s">
        <v>2795</v>
      </c>
      <c r="WNB728" s="424"/>
      <c r="WNC728" s="424"/>
      <c r="WND728" s="424"/>
      <c r="WNE728" s="423" t="s">
        <v>2795</v>
      </c>
      <c r="WNF728" s="424"/>
      <c r="WNG728" s="424"/>
      <c r="WNH728" s="424"/>
      <c r="WNI728" s="423" t="s">
        <v>2795</v>
      </c>
      <c r="WNJ728" s="424"/>
      <c r="WNK728" s="424"/>
      <c r="WNL728" s="424"/>
      <c r="WNM728" s="423" t="s">
        <v>2795</v>
      </c>
      <c r="WNN728" s="424"/>
      <c r="WNO728" s="424"/>
      <c r="WNP728" s="424"/>
      <c r="WNQ728" s="423" t="s">
        <v>2795</v>
      </c>
      <c r="WNR728" s="424"/>
      <c r="WNS728" s="424"/>
      <c r="WNT728" s="424"/>
      <c r="WNU728" s="423" t="s">
        <v>2795</v>
      </c>
      <c r="WNV728" s="424"/>
      <c r="WNW728" s="424"/>
      <c r="WNX728" s="424"/>
      <c r="WNY728" s="423" t="s">
        <v>2795</v>
      </c>
      <c r="WNZ728" s="424"/>
      <c r="WOA728" s="424"/>
      <c r="WOB728" s="424"/>
      <c r="WOC728" s="423" t="s">
        <v>2795</v>
      </c>
      <c r="WOD728" s="424"/>
      <c r="WOE728" s="424"/>
      <c r="WOF728" s="424"/>
      <c r="WOG728" s="423" t="s">
        <v>2795</v>
      </c>
      <c r="WOH728" s="424"/>
      <c r="WOI728" s="424"/>
      <c r="WOJ728" s="424"/>
      <c r="WOK728" s="423" t="s">
        <v>2795</v>
      </c>
      <c r="WOL728" s="424"/>
      <c r="WOM728" s="424"/>
      <c r="WON728" s="424"/>
      <c r="WOO728" s="423" t="s">
        <v>2795</v>
      </c>
      <c r="WOP728" s="424"/>
      <c r="WOQ728" s="424"/>
      <c r="WOR728" s="424"/>
      <c r="WOS728" s="423" t="s">
        <v>2795</v>
      </c>
      <c r="WOT728" s="424"/>
      <c r="WOU728" s="424"/>
      <c r="WOV728" s="424"/>
      <c r="WOW728" s="423" t="s">
        <v>2795</v>
      </c>
      <c r="WOX728" s="424"/>
      <c r="WOY728" s="424"/>
      <c r="WOZ728" s="424"/>
      <c r="WPA728" s="423" t="s">
        <v>2795</v>
      </c>
      <c r="WPB728" s="424"/>
      <c r="WPC728" s="424"/>
      <c r="WPD728" s="424"/>
      <c r="WPE728" s="423" t="s">
        <v>2795</v>
      </c>
      <c r="WPF728" s="424"/>
      <c r="WPG728" s="424"/>
      <c r="WPH728" s="424"/>
      <c r="WPI728" s="423" t="s">
        <v>2795</v>
      </c>
      <c r="WPJ728" s="424"/>
      <c r="WPK728" s="424"/>
      <c r="WPL728" s="424"/>
      <c r="WPM728" s="423" t="s">
        <v>2795</v>
      </c>
      <c r="WPN728" s="424"/>
      <c r="WPO728" s="424"/>
      <c r="WPP728" s="424"/>
      <c r="WPQ728" s="423" t="s">
        <v>2795</v>
      </c>
      <c r="WPR728" s="424"/>
      <c r="WPS728" s="424"/>
      <c r="WPT728" s="424"/>
      <c r="WPU728" s="423" t="s">
        <v>2795</v>
      </c>
      <c r="WPV728" s="424"/>
      <c r="WPW728" s="424"/>
      <c r="WPX728" s="424"/>
      <c r="WPY728" s="423" t="s">
        <v>2795</v>
      </c>
      <c r="WPZ728" s="424"/>
      <c r="WQA728" s="424"/>
      <c r="WQB728" s="424"/>
      <c r="WQC728" s="423" t="s">
        <v>2795</v>
      </c>
      <c r="WQD728" s="424"/>
      <c r="WQE728" s="424"/>
      <c r="WQF728" s="424"/>
      <c r="WQG728" s="423" t="s">
        <v>2795</v>
      </c>
      <c r="WQH728" s="424"/>
      <c r="WQI728" s="424"/>
      <c r="WQJ728" s="424"/>
      <c r="WQK728" s="423" t="s">
        <v>2795</v>
      </c>
      <c r="WQL728" s="424"/>
      <c r="WQM728" s="424"/>
      <c r="WQN728" s="424"/>
      <c r="WQO728" s="423" t="s">
        <v>2795</v>
      </c>
      <c r="WQP728" s="424"/>
      <c r="WQQ728" s="424"/>
      <c r="WQR728" s="424"/>
      <c r="WQS728" s="423" t="s">
        <v>2795</v>
      </c>
      <c r="WQT728" s="424"/>
      <c r="WQU728" s="424"/>
      <c r="WQV728" s="424"/>
      <c r="WQW728" s="423" t="s">
        <v>2795</v>
      </c>
      <c r="WQX728" s="424"/>
      <c r="WQY728" s="424"/>
      <c r="WQZ728" s="424"/>
      <c r="WRA728" s="423" t="s">
        <v>2795</v>
      </c>
      <c r="WRB728" s="424"/>
      <c r="WRC728" s="424"/>
      <c r="WRD728" s="424"/>
      <c r="WRE728" s="423" t="s">
        <v>2795</v>
      </c>
      <c r="WRF728" s="424"/>
      <c r="WRG728" s="424"/>
      <c r="WRH728" s="424"/>
      <c r="WRI728" s="423" t="s">
        <v>2795</v>
      </c>
      <c r="WRJ728" s="424"/>
      <c r="WRK728" s="424"/>
      <c r="WRL728" s="424"/>
      <c r="WRM728" s="423" t="s">
        <v>2795</v>
      </c>
      <c r="WRN728" s="424"/>
      <c r="WRO728" s="424"/>
      <c r="WRP728" s="424"/>
      <c r="WRQ728" s="423" t="s">
        <v>2795</v>
      </c>
      <c r="WRR728" s="424"/>
      <c r="WRS728" s="424"/>
      <c r="WRT728" s="424"/>
      <c r="WRU728" s="423" t="s">
        <v>2795</v>
      </c>
      <c r="WRV728" s="424"/>
      <c r="WRW728" s="424"/>
      <c r="WRX728" s="424"/>
      <c r="WRY728" s="423" t="s">
        <v>2795</v>
      </c>
      <c r="WRZ728" s="424"/>
      <c r="WSA728" s="424"/>
      <c r="WSB728" s="424"/>
      <c r="WSC728" s="423" t="s">
        <v>2795</v>
      </c>
      <c r="WSD728" s="424"/>
      <c r="WSE728" s="424"/>
      <c r="WSF728" s="424"/>
      <c r="WSG728" s="423" t="s">
        <v>2795</v>
      </c>
      <c r="WSH728" s="424"/>
      <c r="WSI728" s="424"/>
      <c r="WSJ728" s="424"/>
      <c r="WSK728" s="423" t="s">
        <v>2795</v>
      </c>
      <c r="WSL728" s="424"/>
      <c r="WSM728" s="424"/>
      <c r="WSN728" s="424"/>
      <c r="WSO728" s="423" t="s">
        <v>2795</v>
      </c>
      <c r="WSP728" s="424"/>
      <c r="WSQ728" s="424"/>
      <c r="WSR728" s="424"/>
      <c r="WSS728" s="423" t="s">
        <v>2795</v>
      </c>
      <c r="WST728" s="424"/>
      <c r="WSU728" s="424"/>
      <c r="WSV728" s="424"/>
      <c r="WSW728" s="423" t="s">
        <v>2795</v>
      </c>
      <c r="WSX728" s="424"/>
      <c r="WSY728" s="424"/>
      <c r="WSZ728" s="424"/>
      <c r="WTA728" s="423" t="s">
        <v>2795</v>
      </c>
      <c r="WTB728" s="424"/>
      <c r="WTC728" s="424"/>
      <c r="WTD728" s="424"/>
      <c r="WTE728" s="423" t="s">
        <v>2795</v>
      </c>
      <c r="WTF728" s="424"/>
      <c r="WTG728" s="424"/>
      <c r="WTH728" s="424"/>
      <c r="WTI728" s="423" t="s">
        <v>2795</v>
      </c>
      <c r="WTJ728" s="424"/>
      <c r="WTK728" s="424"/>
      <c r="WTL728" s="424"/>
      <c r="WTM728" s="423" t="s">
        <v>2795</v>
      </c>
      <c r="WTN728" s="424"/>
      <c r="WTO728" s="424"/>
      <c r="WTP728" s="424"/>
      <c r="WTQ728" s="423" t="s">
        <v>2795</v>
      </c>
      <c r="WTR728" s="424"/>
      <c r="WTS728" s="424"/>
      <c r="WTT728" s="424"/>
      <c r="WTU728" s="423" t="s">
        <v>2795</v>
      </c>
      <c r="WTV728" s="424"/>
      <c r="WTW728" s="424"/>
      <c r="WTX728" s="424"/>
      <c r="WTY728" s="423" t="s">
        <v>2795</v>
      </c>
      <c r="WTZ728" s="424"/>
      <c r="WUA728" s="424"/>
      <c r="WUB728" s="424"/>
      <c r="WUC728" s="423" t="s">
        <v>2795</v>
      </c>
      <c r="WUD728" s="424"/>
      <c r="WUE728" s="424"/>
      <c r="WUF728" s="424"/>
      <c r="WUG728" s="423" t="s">
        <v>2795</v>
      </c>
      <c r="WUH728" s="424"/>
      <c r="WUI728" s="424"/>
      <c r="WUJ728" s="424"/>
      <c r="WUK728" s="423" t="s">
        <v>2795</v>
      </c>
      <c r="WUL728" s="424"/>
      <c r="WUM728" s="424"/>
      <c r="WUN728" s="424"/>
      <c r="WUO728" s="423" t="s">
        <v>2795</v>
      </c>
      <c r="WUP728" s="424"/>
      <c r="WUQ728" s="424"/>
      <c r="WUR728" s="424"/>
      <c r="WUS728" s="423" t="s">
        <v>2795</v>
      </c>
      <c r="WUT728" s="424"/>
      <c r="WUU728" s="424"/>
      <c r="WUV728" s="424"/>
      <c r="WUW728" s="423" t="s">
        <v>2795</v>
      </c>
      <c r="WUX728" s="424"/>
      <c r="WUY728" s="424"/>
      <c r="WUZ728" s="424"/>
      <c r="WVA728" s="423" t="s">
        <v>2795</v>
      </c>
      <c r="WVB728" s="424"/>
      <c r="WVC728" s="424"/>
      <c r="WVD728" s="424"/>
      <c r="WVE728" s="423" t="s">
        <v>2795</v>
      </c>
      <c r="WVF728" s="424"/>
      <c r="WVG728" s="424"/>
      <c r="WVH728" s="424"/>
      <c r="WVI728" s="423" t="s">
        <v>2795</v>
      </c>
      <c r="WVJ728" s="424"/>
      <c r="WVK728" s="424"/>
      <c r="WVL728" s="424"/>
      <c r="WVM728" s="423" t="s">
        <v>2795</v>
      </c>
      <c r="WVN728" s="424"/>
      <c r="WVO728" s="424"/>
      <c r="WVP728" s="424"/>
      <c r="WVQ728" s="423" t="s">
        <v>2795</v>
      </c>
      <c r="WVR728" s="424"/>
      <c r="WVS728" s="424"/>
      <c r="WVT728" s="424"/>
      <c r="WVU728" s="423" t="s">
        <v>2795</v>
      </c>
      <c r="WVV728" s="424"/>
      <c r="WVW728" s="424"/>
      <c r="WVX728" s="424"/>
      <c r="WVY728" s="423" t="s">
        <v>2795</v>
      </c>
      <c r="WVZ728" s="424"/>
      <c r="WWA728" s="424"/>
      <c r="WWB728" s="424"/>
      <c r="WWC728" s="423" t="s">
        <v>2795</v>
      </c>
      <c r="WWD728" s="424"/>
      <c r="WWE728" s="424"/>
      <c r="WWF728" s="424"/>
      <c r="WWG728" s="423" t="s">
        <v>2795</v>
      </c>
      <c r="WWH728" s="424"/>
      <c r="WWI728" s="424"/>
      <c r="WWJ728" s="424"/>
      <c r="WWK728" s="423" t="s">
        <v>2795</v>
      </c>
      <c r="WWL728" s="424"/>
      <c r="WWM728" s="424"/>
      <c r="WWN728" s="424"/>
      <c r="WWO728" s="423" t="s">
        <v>2795</v>
      </c>
      <c r="WWP728" s="424"/>
      <c r="WWQ728" s="424"/>
      <c r="WWR728" s="424"/>
      <c r="WWS728" s="423" t="s">
        <v>2795</v>
      </c>
      <c r="WWT728" s="424"/>
      <c r="WWU728" s="424"/>
      <c r="WWV728" s="424"/>
      <c r="WWW728" s="423" t="s">
        <v>2795</v>
      </c>
      <c r="WWX728" s="424"/>
      <c r="WWY728" s="424"/>
      <c r="WWZ728" s="424"/>
      <c r="WXA728" s="423" t="s">
        <v>2795</v>
      </c>
      <c r="WXB728" s="424"/>
      <c r="WXC728" s="424"/>
      <c r="WXD728" s="424"/>
      <c r="WXE728" s="423" t="s">
        <v>2795</v>
      </c>
      <c r="WXF728" s="424"/>
      <c r="WXG728" s="424"/>
      <c r="WXH728" s="424"/>
      <c r="WXI728" s="423" t="s">
        <v>2795</v>
      </c>
      <c r="WXJ728" s="424"/>
      <c r="WXK728" s="424"/>
      <c r="WXL728" s="424"/>
      <c r="WXM728" s="423" t="s">
        <v>2795</v>
      </c>
      <c r="WXN728" s="424"/>
      <c r="WXO728" s="424"/>
      <c r="WXP728" s="424"/>
      <c r="WXQ728" s="423" t="s">
        <v>2795</v>
      </c>
      <c r="WXR728" s="424"/>
      <c r="WXS728" s="424"/>
      <c r="WXT728" s="424"/>
      <c r="WXU728" s="423" t="s">
        <v>2795</v>
      </c>
      <c r="WXV728" s="424"/>
      <c r="WXW728" s="424"/>
      <c r="WXX728" s="424"/>
      <c r="WXY728" s="423" t="s">
        <v>2795</v>
      </c>
      <c r="WXZ728" s="424"/>
      <c r="WYA728" s="424"/>
      <c r="WYB728" s="424"/>
      <c r="WYC728" s="423" t="s">
        <v>2795</v>
      </c>
      <c r="WYD728" s="424"/>
      <c r="WYE728" s="424"/>
      <c r="WYF728" s="424"/>
      <c r="WYG728" s="423" t="s">
        <v>2795</v>
      </c>
      <c r="WYH728" s="424"/>
      <c r="WYI728" s="424"/>
      <c r="WYJ728" s="424"/>
      <c r="WYK728" s="423" t="s">
        <v>2795</v>
      </c>
      <c r="WYL728" s="424"/>
      <c r="WYM728" s="424"/>
      <c r="WYN728" s="424"/>
      <c r="WYO728" s="423" t="s">
        <v>2795</v>
      </c>
      <c r="WYP728" s="424"/>
      <c r="WYQ728" s="424"/>
      <c r="WYR728" s="424"/>
      <c r="WYS728" s="423" t="s">
        <v>2795</v>
      </c>
      <c r="WYT728" s="424"/>
      <c r="WYU728" s="424"/>
      <c r="WYV728" s="424"/>
      <c r="WYW728" s="423" t="s">
        <v>2795</v>
      </c>
      <c r="WYX728" s="424"/>
      <c r="WYY728" s="424"/>
      <c r="WYZ728" s="424"/>
      <c r="WZA728" s="423" t="s">
        <v>2795</v>
      </c>
      <c r="WZB728" s="424"/>
      <c r="WZC728" s="424"/>
      <c r="WZD728" s="424"/>
      <c r="WZE728" s="423" t="s">
        <v>2795</v>
      </c>
      <c r="WZF728" s="424"/>
      <c r="WZG728" s="424"/>
      <c r="WZH728" s="424"/>
      <c r="WZI728" s="423" t="s">
        <v>2795</v>
      </c>
      <c r="WZJ728" s="424"/>
      <c r="WZK728" s="424"/>
      <c r="WZL728" s="424"/>
      <c r="WZM728" s="423" t="s">
        <v>2795</v>
      </c>
      <c r="WZN728" s="424"/>
      <c r="WZO728" s="424"/>
      <c r="WZP728" s="424"/>
      <c r="WZQ728" s="423" t="s">
        <v>2795</v>
      </c>
      <c r="WZR728" s="424"/>
      <c r="WZS728" s="424"/>
      <c r="WZT728" s="424"/>
      <c r="WZU728" s="423" t="s">
        <v>2795</v>
      </c>
      <c r="WZV728" s="424"/>
      <c r="WZW728" s="424"/>
      <c r="WZX728" s="424"/>
      <c r="WZY728" s="423" t="s">
        <v>2795</v>
      </c>
      <c r="WZZ728" s="424"/>
      <c r="XAA728" s="424"/>
      <c r="XAB728" s="424"/>
      <c r="XAC728" s="423" t="s">
        <v>2795</v>
      </c>
      <c r="XAD728" s="424"/>
      <c r="XAE728" s="424"/>
      <c r="XAF728" s="424"/>
      <c r="XAG728" s="423" t="s">
        <v>2795</v>
      </c>
      <c r="XAH728" s="424"/>
      <c r="XAI728" s="424"/>
      <c r="XAJ728" s="424"/>
      <c r="XAK728" s="423" t="s">
        <v>2795</v>
      </c>
      <c r="XAL728" s="424"/>
      <c r="XAM728" s="424"/>
      <c r="XAN728" s="424"/>
      <c r="XAO728" s="423" t="s">
        <v>2795</v>
      </c>
      <c r="XAP728" s="424"/>
      <c r="XAQ728" s="424"/>
      <c r="XAR728" s="424"/>
      <c r="XAS728" s="423" t="s">
        <v>2795</v>
      </c>
      <c r="XAT728" s="424"/>
      <c r="XAU728" s="424"/>
      <c r="XAV728" s="424"/>
      <c r="XAW728" s="423" t="s">
        <v>2795</v>
      </c>
      <c r="XAX728" s="424"/>
      <c r="XAY728" s="424"/>
      <c r="XAZ728" s="424"/>
      <c r="XBA728" s="423" t="s">
        <v>2795</v>
      </c>
      <c r="XBB728" s="424"/>
      <c r="XBC728" s="424"/>
      <c r="XBD728" s="424"/>
      <c r="XBE728" s="423" t="s">
        <v>2795</v>
      </c>
      <c r="XBF728" s="424"/>
      <c r="XBG728" s="424"/>
      <c r="XBH728" s="424"/>
      <c r="XBI728" s="423" t="s">
        <v>2795</v>
      </c>
      <c r="XBJ728" s="424"/>
      <c r="XBK728" s="424"/>
      <c r="XBL728" s="424"/>
      <c r="XBM728" s="423" t="s">
        <v>2795</v>
      </c>
      <c r="XBN728" s="424"/>
      <c r="XBO728" s="424"/>
      <c r="XBP728" s="424"/>
      <c r="XBQ728" s="423" t="s">
        <v>2795</v>
      </c>
      <c r="XBR728" s="424"/>
      <c r="XBS728" s="424"/>
      <c r="XBT728" s="424"/>
      <c r="XBU728" s="423" t="s">
        <v>2795</v>
      </c>
      <c r="XBV728" s="424"/>
      <c r="XBW728" s="424"/>
      <c r="XBX728" s="424"/>
      <c r="XBY728" s="423" t="s">
        <v>2795</v>
      </c>
      <c r="XBZ728" s="424"/>
      <c r="XCA728" s="424"/>
      <c r="XCB728" s="424"/>
      <c r="XCC728" s="423" t="s">
        <v>2795</v>
      </c>
      <c r="XCD728" s="424"/>
      <c r="XCE728" s="424"/>
      <c r="XCF728" s="424"/>
      <c r="XCG728" s="423" t="s">
        <v>2795</v>
      </c>
      <c r="XCH728" s="424"/>
      <c r="XCI728" s="424"/>
      <c r="XCJ728" s="424"/>
      <c r="XCK728" s="423" t="s">
        <v>2795</v>
      </c>
      <c r="XCL728" s="424"/>
      <c r="XCM728" s="424"/>
      <c r="XCN728" s="424"/>
      <c r="XCO728" s="423" t="s">
        <v>2795</v>
      </c>
      <c r="XCP728" s="424"/>
      <c r="XCQ728" s="424"/>
      <c r="XCR728" s="424"/>
      <c r="XCS728" s="423" t="s">
        <v>2795</v>
      </c>
      <c r="XCT728" s="424"/>
      <c r="XCU728" s="424"/>
      <c r="XCV728" s="424"/>
      <c r="XCW728" s="423" t="s">
        <v>2795</v>
      </c>
      <c r="XCX728" s="424"/>
      <c r="XCY728" s="424"/>
      <c r="XCZ728" s="424"/>
      <c r="XDA728" s="423" t="s">
        <v>2795</v>
      </c>
      <c r="XDB728" s="424"/>
      <c r="XDC728" s="424"/>
      <c r="XDD728" s="424"/>
      <c r="XDE728" s="423" t="s">
        <v>2795</v>
      </c>
      <c r="XDF728" s="424"/>
      <c r="XDG728" s="424"/>
      <c r="XDH728" s="424"/>
      <c r="XDI728" s="423" t="s">
        <v>2795</v>
      </c>
      <c r="XDJ728" s="424"/>
      <c r="XDK728" s="424"/>
      <c r="XDL728" s="424"/>
      <c r="XDM728" s="423" t="s">
        <v>2795</v>
      </c>
      <c r="XDN728" s="424"/>
      <c r="XDO728" s="424"/>
      <c r="XDP728" s="424"/>
      <c r="XDQ728" s="423" t="s">
        <v>2795</v>
      </c>
      <c r="XDR728" s="424"/>
      <c r="XDS728" s="424"/>
      <c r="XDT728" s="424"/>
      <c r="XDU728" s="423" t="s">
        <v>2795</v>
      </c>
      <c r="XDV728" s="424"/>
      <c r="XDW728" s="424"/>
      <c r="XDX728" s="424"/>
      <c r="XDY728" s="423" t="s">
        <v>2795</v>
      </c>
      <c r="XDZ728" s="424"/>
      <c r="XEA728" s="424"/>
      <c r="XEB728" s="424"/>
      <c r="XEC728" s="423" t="s">
        <v>2795</v>
      </c>
      <c r="XED728" s="424"/>
      <c r="XEE728" s="424"/>
      <c r="XEF728" s="424"/>
      <c r="XEG728" s="423" t="s">
        <v>2795</v>
      </c>
      <c r="XEH728" s="424"/>
      <c r="XEI728" s="424"/>
      <c r="XEJ728" s="424"/>
      <c r="XEK728" s="423" t="s">
        <v>2795</v>
      </c>
      <c r="XEL728" s="424"/>
      <c r="XEM728" s="424"/>
      <c r="XEN728" s="424"/>
      <c r="XEO728" s="423" t="s">
        <v>2795</v>
      </c>
      <c r="XEP728" s="424"/>
      <c r="XEQ728" s="424"/>
      <c r="XER728" s="424"/>
      <c r="XES728" s="423" t="s">
        <v>2795</v>
      </c>
      <c r="XET728" s="424"/>
      <c r="XEU728" s="424"/>
      <c r="XEV728" s="424"/>
      <c r="XEW728" s="423" t="s">
        <v>2795</v>
      </c>
      <c r="XEX728" s="424"/>
      <c r="XEY728" s="424"/>
      <c r="XEZ728" s="424"/>
      <c r="XFA728" s="423" t="s">
        <v>2795</v>
      </c>
      <c r="XFB728" s="424"/>
      <c r="XFC728" s="424"/>
      <c r="XFD728" s="424"/>
    </row>
    <row r="729" spans="1:16384" s="8" customFormat="1" ht="20" hidden="1">
      <c r="A729" s="423" t="s">
        <v>2795</v>
      </c>
      <c r="B729" s="424"/>
      <c r="C729" s="424"/>
      <c r="D729" s="424"/>
      <c r="E729" s="423" t="s">
        <v>2795</v>
      </c>
      <c r="F729" s="424"/>
      <c r="G729" s="424"/>
      <c r="H729" s="424"/>
      <c r="I729" s="423" t="s">
        <v>2795</v>
      </c>
      <c r="J729" s="424"/>
      <c r="K729" s="424"/>
      <c r="L729" s="424"/>
      <c r="M729" s="423" t="s">
        <v>2795</v>
      </c>
      <c r="N729" s="424"/>
      <c r="O729" s="424"/>
      <c r="P729" s="424"/>
      <c r="Q729" s="426" t="s">
        <v>2795</v>
      </c>
      <c r="R729" s="427"/>
      <c r="S729" s="427"/>
      <c r="T729" s="427"/>
      <c r="U729" s="423" t="s">
        <v>2795</v>
      </c>
      <c r="V729" s="424"/>
      <c r="W729" s="424"/>
      <c r="X729" s="424"/>
      <c r="Y729" s="423" t="s">
        <v>2795</v>
      </c>
      <c r="Z729" s="424"/>
      <c r="AA729" s="424"/>
      <c r="AB729" s="424"/>
      <c r="AC729" s="423" t="s">
        <v>2795</v>
      </c>
      <c r="AD729" s="424"/>
      <c r="AE729" s="424"/>
      <c r="AF729" s="424"/>
      <c r="AG729" s="423" t="s">
        <v>2795</v>
      </c>
      <c r="AH729" s="424"/>
      <c r="AI729" s="424"/>
      <c r="AJ729" s="424"/>
      <c r="AK729" s="423" t="s">
        <v>2795</v>
      </c>
      <c r="AL729" s="424"/>
      <c r="AM729" s="424"/>
      <c r="AN729" s="424"/>
      <c r="AO729" s="423" t="s">
        <v>2795</v>
      </c>
      <c r="AP729" s="424"/>
      <c r="AQ729" s="424"/>
      <c r="AR729" s="424"/>
      <c r="AS729" s="423" t="s">
        <v>2795</v>
      </c>
      <c r="AT729" s="424"/>
      <c r="AU729" s="424"/>
      <c r="AV729" s="424"/>
      <c r="AW729" s="423" t="s">
        <v>2795</v>
      </c>
      <c r="AX729" s="424"/>
      <c r="AY729" s="424"/>
      <c r="AZ729" s="424"/>
      <c r="BA729" s="423" t="s">
        <v>2795</v>
      </c>
      <c r="BB729" s="424"/>
      <c r="BC729" s="424"/>
      <c r="BD729" s="424"/>
      <c r="BE729" s="423" t="s">
        <v>2795</v>
      </c>
      <c r="BF729" s="424"/>
      <c r="BG729" s="424"/>
      <c r="BH729" s="424"/>
      <c r="BI729" s="423" t="s">
        <v>2795</v>
      </c>
      <c r="BJ729" s="424"/>
      <c r="BK729" s="424"/>
      <c r="BL729" s="424"/>
      <c r="BM729" s="423" t="s">
        <v>2795</v>
      </c>
      <c r="BN729" s="424"/>
      <c r="BO729" s="424"/>
      <c r="BP729" s="424"/>
      <c r="BQ729" s="423" t="s">
        <v>2795</v>
      </c>
      <c r="BR729" s="424"/>
      <c r="BS729" s="424"/>
      <c r="BT729" s="424"/>
      <c r="BU729" s="423" t="s">
        <v>2795</v>
      </c>
      <c r="BV729" s="424"/>
      <c r="BW729" s="424"/>
      <c r="BX729" s="424"/>
      <c r="BY729" s="423" t="s">
        <v>2795</v>
      </c>
      <c r="BZ729" s="424"/>
      <c r="CA729" s="424"/>
      <c r="CB729" s="424"/>
      <c r="CC729" s="423" t="s">
        <v>2795</v>
      </c>
      <c r="CD729" s="424"/>
      <c r="CE729" s="424"/>
      <c r="CF729" s="424"/>
      <c r="CG729" s="423" t="s">
        <v>2795</v>
      </c>
      <c r="CH729" s="424"/>
      <c r="CI729" s="424"/>
      <c r="CJ729" s="424"/>
      <c r="CK729" s="423" t="s">
        <v>2795</v>
      </c>
      <c r="CL729" s="424"/>
      <c r="CM729" s="424"/>
      <c r="CN729" s="424"/>
      <c r="CO729" s="423" t="s">
        <v>2795</v>
      </c>
      <c r="CP729" s="424"/>
      <c r="CQ729" s="424"/>
      <c r="CR729" s="424"/>
      <c r="CS729" s="423" t="s">
        <v>2795</v>
      </c>
      <c r="CT729" s="424"/>
      <c r="CU729" s="424"/>
      <c r="CV729" s="424"/>
      <c r="CW729" s="423" t="s">
        <v>2795</v>
      </c>
      <c r="CX729" s="424"/>
      <c r="CY729" s="424"/>
      <c r="CZ729" s="424"/>
      <c r="DA729" s="423" t="s">
        <v>2795</v>
      </c>
      <c r="DB729" s="424"/>
      <c r="DC729" s="424"/>
      <c r="DD729" s="424"/>
      <c r="DE729" s="423" t="s">
        <v>2795</v>
      </c>
      <c r="DF729" s="424"/>
      <c r="DG729" s="424"/>
      <c r="DH729" s="424"/>
      <c r="DI729" s="423" t="s">
        <v>2795</v>
      </c>
      <c r="DJ729" s="424"/>
      <c r="DK729" s="424"/>
      <c r="DL729" s="424"/>
      <c r="DM729" s="423" t="s">
        <v>2795</v>
      </c>
      <c r="DN729" s="424"/>
      <c r="DO729" s="424"/>
      <c r="DP729" s="424"/>
      <c r="DQ729" s="423" t="s">
        <v>2795</v>
      </c>
      <c r="DR729" s="424"/>
      <c r="DS729" s="424"/>
      <c r="DT729" s="424"/>
      <c r="DU729" s="423" t="s">
        <v>2795</v>
      </c>
      <c r="DV729" s="424"/>
      <c r="DW729" s="424"/>
      <c r="DX729" s="424"/>
      <c r="DY729" s="423" t="s">
        <v>2795</v>
      </c>
      <c r="DZ729" s="424"/>
      <c r="EA729" s="424"/>
      <c r="EB729" s="424"/>
      <c r="EC729" s="423" t="s">
        <v>2795</v>
      </c>
      <c r="ED729" s="424"/>
      <c r="EE729" s="424"/>
      <c r="EF729" s="424"/>
      <c r="EG729" s="423" t="s">
        <v>2795</v>
      </c>
      <c r="EH729" s="424"/>
      <c r="EI729" s="424"/>
      <c r="EJ729" s="424"/>
      <c r="EK729" s="423" t="s">
        <v>2795</v>
      </c>
      <c r="EL729" s="424"/>
      <c r="EM729" s="424"/>
      <c r="EN729" s="424"/>
      <c r="EO729" s="423" t="s">
        <v>2795</v>
      </c>
      <c r="EP729" s="424"/>
      <c r="EQ729" s="424"/>
      <c r="ER729" s="424"/>
      <c r="ES729" s="423" t="s">
        <v>2795</v>
      </c>
      <c r="ET729" s="424"/>
      <c r="EU729" s="424"/>
      <c r="EV729" s="424"/>
      <c r="EW729" s="423" t="s">
        <v>2795</v>
      </c>
      <c r="EX729" s="424"/>
      <c r="EY729" s="424"/>
      <c r="EZ729" s="424"/>
      <c r="FA729" s="423" t="s">
        <v>2795</v>
      </c>
      <c r="FB729" s="424"/>
      <c r="FC729" s="424"/>
      <c r="FD729" s="424"/>
      <c r="FE729" s="423" t="s">
        <v>2795</v>
      </c>
      <c r="FF729" s="424"/>
      <c r="FG729" s="424"/>
      <c r="FH729" s="424"/>
      <c r="FI729" s="423" t="s">
        <v>2795</v>
      </c>
      <c r="FJ729" s="424"/>
      <c r="FK729" s="424"/>
      <c r="FL729" s="424"/>
      <c r="FM729" s="423" t="s">
        <v>2795</v>
      </c>
      <c r="FN729" s="424"/>
      <c r="FO729" s="424"/>
      <c r="FP729" s="424"/>
      <c r="FQ729" s="423" t="s">
        <v>2795</v>
      </c>
      <c r="FR729" s="424"/>
      <c r="FS729" s="424"/>
      <c r="FT729" s="424"/>
      <c r="FU729" s="423" t="s">
        <v>2795</v>
      </c>
      <c r="FV729" s="424"/>
      <c r="FW729" s="424"/>
      <c r="FX729" s="424"/>
      <c r="FY729" s="423" t="s">
        <v>2795</v>
      </c>
      <c r="FZ729" s="424"/>
      <c r="GA729" s="424"/>
      <c r="GB729" s="424"/>
      <c r="GC729" s="423" t="s">
        <v>2795</v>
      </c>
      <c r="GD729" s="424"/>
      <c r="GE729" s="424"/>
      <c r="GF729" s="424"/>
      <c r="GG729" s="423" t="s">
        <v>2795</v>
      </c>
      <c r="GH729" s="424"/>
      <c r="GI729" s="424"/>
      <c r="GJ729" s="424"/>
      <c r="GK729" s="423" t="s">
        <v>2795</v>
      </c>
      <c r="GL729" s="424"/>
      <c r="GM729" s="424"/>
      <c r="GN729" s="424"/>
      <c r="GO729" s="423" t="s">
        <v>2795</v>
      </c>
      <c r="GP729" s="424"/>
      <c r="GQ729" s="424"/>
      <c r="GR729" s="424"/>
      <c r="GS729" s="423" t="s">
        <v>2795</v>
      </c>
      <c r="GT729" s="424"/>
      <c r="GU729" s="424"/>
      <c r="GV729" s="424"/>
      <c r="GW729" s="423" t="s">
        <v>2795</v>
      </c>
      <c r="GX729" s="424"/>
      <c r="GY729" s="424"/>
      <c r="GZ729" s="424"/>
      <c r="HA729" s="423" t="s">
        <v>2795</v>
      </c>
      <c r="HB729" s="424"/>
      <c r="HC729" s="424"/>
      <c r="HD729" s="424"/>
      <c r="HE729" s="423" t="s">
        <v>2795</v>
      </c>
      <c r="HF729" s="424"/>
      <c r="HG729" s="424"/>
      <c r="HH729" s="424"/>
      <c r="HI729" s="423" t="s">
        <v>2795</v>
      </c>
      <c r="HJ729" s="424"/>
      <c r="HK729" s="424"/>
      <c r="HL729" s="424"/>
      <c r="HM729" s="423" t="s">
        <v>2795</v>
      </c>
      <c r="HN729" s="424"/>
      <c r="HO729" s="424"/>
      <c r="HP729" s="424"/>
      <c r="HQ729" s="423" t="s">
        <v>2795</v>
      </c>
      <c r="HR729" s="424"/>
      <c r="HS729" s="424"/>
      <c r="HT729" s="424"/>
      <c r="HU729" s="423" t="s">
        <v>2795</v>
      </c>
      <c r="HV729" s="424"/>
      <c r="HW729" s="424"/>
      <c r="HX729" s="424"/>
      <c r="HY729" s="423" t="s">
        <v>2795</v>
      </c>
      <c r="HZ729" s="424"/>
      <c r="IA729" s="424"/>
      <c r="IB729" s="424"/>
      <c r="IC729" s="423" t="s">
        <v>2795</v>
      </c>
      <c r="ID729" s="424"/>
      <c r="IE729" s="424"/>
      <c r="IF729" s="424"/>
      <c r="IG729" s="423" t="s">
        <v>2795</v>
      </c>
      <c r="IH729" s="424"/>
      <c r="II729" s="424"/>
      <c r="IJ729" s="424"/>
      <c r="IK729" s="423" t="s">
        <v>2795</v>
      </c>
      <c r="IL729" s="424"/>
      <c r="IM729" s="424"/>
      <c r="IN729" s="424"/>
      <c r="IO729" s="423" t="s">
        <v>2795</v>
      </c>
      <c r="IP729" s="424"/>
      <c r="IQ729" s="424"/>
      <c r="IR729" s="424"/>
      <c r="IS729" s="423" t="s">
        <v>2795</v>
      </c>
      <c r="IT729" s="424"/>
      <c r="IU729" s="424"/>
      <c r="IV729" s="424"/>
      <c r="IW729" s="423" t="s">
        <v>2795</v>
      </c>
      <c r="IX729" s="424"/>
      <c r="IY729" s="424"/>
      <c r="IZ729" s="424"/>
      <c r="JA729" s="423" t="s">
        <v>2795</v>
      </c>
      <c r="JB729" s="424"/>
      <c r="JC729" s="424"/>
      <c r="JD729" s="424"/>
      <c r="JE729" s="423" t="s">
        <v>2795</v>
      </c>
      <c r="JF729" s="424"/>
      <c r="JG729" s="424"/>
      <c r="JH729" s="424"/>
      <c r="JI729" s="423" t="s">
        <v>2795</v>
      </c>
      <c r="JJ729" s="424"/>
      <c r="JK729" s="424"/>
      <c r="JL729" s="424"/>
      <c r="JM729" s="423" t="s">
        <v>2795</v>
      </c>
      <c r="JN729" s="424"/>
      <c r="JO729" s="424"/>
      <c r="JP729" s="424"/>
      <c r="JQ729" s="423" t="s">
        <v>2795</v>
      </c>
      <c r="JR729" s="424"/>
      <c r="JS729" s="424"/>
      <c r="JT729" s="424"/>
      <c r="JU729" s="423" t="s">
        <v>2795</v>
      </c>
      <c r="JV729" s="424"/>
      <c r="JW729" s="424"/>
      <c r="JX729" s="424"/>
      <c r="JY729" s="423" t="s">
        <v>2795</v>
      </c>
      <c r="JZ729" s="424"/>
      <c r="KA729" s="424"/>
      <c r="KB729" s="424"/>
      <c r="KC729" s="423" t="s">
        <v>2795</v>
      </c>
      <c r="KD729" s="424"/>
      <c r="KE729" s="424"/>
      <c r="KF729" s="424"/>
      <c r="KG729" s="423" t="s">
        <v>2795</v>
      </c>
      <c r="KH729" s="424"/>
      <c r="KI729" s="424"/>
      <c r="KJ729" s="424"/>
      <c r="KK729" s="423" t="s">
        <v>2795</v>
      </c>
      <c r="KL729" s="424"/>
      <c r="KM729" s="424"/>
      <c r="KN729" s="424"/>
      <c r="KO729" s="423" t="s">
        <v>2795</v>
      </c>
      <c r="KP729" s="424"/>
      <c r="KQ729" s="424"/>
      <c r="KR729" s="424"/>
      <c r="KS729" s="423" t="s">
        <v>2795</v>
      </c>
      <c r="KT729" s="424"/>
      <c r="KU729" s="424"/>
      <c r="KV729" s="424"/>
      <c r="KW729" s="423" t="s">
        <v>2795</v>
      </c>
      <c r="KX729" s="424"/>
      <c r="KY729" s="424"/>
      <c r="KZ729" s="424"/>
      <c r="LA729" s="423" t="s">
        <v>2795</v>
      </c>
      <c r="LB729" s="424"/>
      <c r="LC729" s="424"/>
      <c r="LD729" s="424"/>
      <c r="LE729" s="423" t="s">
        <v>2795</v>
      </c>
      <c r="LF729" s="424"/>
      <c r="LG729" s="424"/>
      <c r="LH729" s="424"/>
      <c r="LI729" s="423" t="s">
        <v>2795</v>
      </c>
      <c r="LJ729" s="424"/>
      <c r="LK729" s="424"/>
      <c r="LL729" s="424"/>
      <c r="LM729" s="423" t="s">
        <v>2795</v>
      </c>
      <c r="LN729" s="424"/>
      <c r="LO729" s="424"/>
      <c r="LP729" s="424"/>
      <c r="LQ729" s="423" t="s">
        <v>2795</v>
      </c>
      <c r="LR729" s="424"/>
      <c r="LS729" s="424"/>
      <c r="LT729" s="424"/>
      <c r="LU729" s="423" t="s">
        <v>2795</v>
      </c>
      <c r="LV729" s="424"/>
      <c r="LW729" s="424"/>
      <c r="LX729" s="424"/>
      <c r="LY729" s="423" t="s">
        <v>2795</v>
      </c>
      <c r="LZ729" s="424"/>
      <c r="MA729" s="424"/>
      <c r="MB729" s="424"/>
      <c r="MC729" s="423" t="s">
        <v>2795</v>
      </c>
      <c r="MD729" s="424"/>
      <c r="ME729" s="424"/>
      <c r="MF729" s="424"/>
      <c r="MG729" s="423" t="s">
        <v>2795</v>
      </c>
      <c r="MH729" s="424"/>
      <c r="MI729" s="424"/>
      <c r="MJ729" s="424"/>
      <c r="MK729" s="423" t="s">
        <v>2795</v>
      </c>
      <c r="ML729" s="424"/>
      <c r="MM729" s="424"/>
      <c r="MN729" s="424"/>
      <c r="MO729" s="423" t="s">
        <v>2795</v>
      </c>
      <c r="MP729" s="424"/>
      <c r="MQ729" s="424"/>
      <c r="MR729" s="424"/>
      <c r="MS729" s="423" t="s">
        <v>2795</v>
      </c>
      <c r="MT729" s="424"/>
      <c r="MU729" s="424"/>
      <c r="MV729" s="424"/>
      <c r="MW729" s="423" t="s">
        <v>2795</v>
      </c>
      <c r="MX729" s="424"/>
      <c r="MY729" s="424"/>
      <c r="MZ729" s="424"/>
      <c r="NA729" s="423" t="s">
        <v>2795</v>
      </c>
      <c r="NB729" s="424"/>
      <c r="NC729" s="424"/>
      <c r="ND729" s="424"/>
      <c r="NE729" s="423" t="s">
        <v>2795</v>
      </c>
      <c r="NF729" s="424"/>
      <c r="NG729" s="424"/>
      <c r="NH729" s="424"/>
      <c r="NI729" s="423" t="s">
        <v>2795</v>
      </c>
      <c r="NJ729" s="424"/>
      <c r="NK729" s="424"/>
      <c r="NL729" s="424"/>
      <c r="NM729" s="423" t="s">
        <v>2795</v>
      </c>
      <c r="NN729" s="424"/>
      <c r="NO729" s="424"/>
      <c r="NP729" s="424"/>
      <c r="NQ729" s="423" t="s">
        <v>2795</v>
      </c>
      <c r="NR729" s="424"/>
      <c r="NS729" s="424"/>
      <c r="NT729" s="424"/>
      <c r="NU729" s="423" t="s">
        <v>2795</v>
      </c>
      <c r="NV729" s="424"/>
      <c r="NW729" s="424"/>
      <c r="NX729" s="424"/>
      <c r="NY729" s="423" t="s">
        <v>2795</v>
      </c>
      <c r="NZ729" s="424"/>
      <c r="OA729" s="424"/>
      <c r="OB729" s="424"/>
      <c r="OC729" s="423" t="s">
        <v>2795</v>
      </c>
      <c r="OD729" s="424"/>
      <c r="OE729" s="424"/>
      <c r="OF729" s="424"/>
      <c r="OG729" s="423" t="s">
        <v>2795</v>
      </c>
      <c r="OH729" s="424"/>
      <c r="OI729" s="424"/>
      <c r="OJ729" s="424"/>
      <c r="OK729" s="423" t="s">
        <v>2795</v>
      </c>
      <c r="OL729" s="424"/>
      <c r="OM729" s="424"/>
      <c r="ON729" s="424"/>
      <c r="OO729" s="423" t="s">
        <v>2795</v>
      </c>
      <c r="OP729" s="424"/>
      <c r="OQ729" s="424"/>
      <c r="OR729" s="424"/>
      <c r="OS729" s="423" t="s">
        <v>2795</v>
      </c>
      <c r="OT729" s="424"/>
      <c r="OU729" s="424"/>
      <c r="OV729" s="424"/>
      <c r="OW729" s="423" t="s">
        <v>2795</v>
      </c>
      <c r="OX729" s="424"/>
      <c r="OY729" s="424"/>
      <c r="OZ729" s="424"/>
      <c r="PA729" s="423" t="s">
        <v>2795</v>
      </c>
      <c r="PB729" s="424"/>
      <c r="PC729" s="424"/>
      <c r="PD729" s="424"/>
      <c r="PE729" s="423" t="s">
        <v>2795</v>
      </c>
      <c r="PF729" s="424"/>
      <c r="PG729" s="424"/>
      <c r="PH729" s="424"/>
      <c r="PI729" s="423" t="s">
        <v>2795</v>
      </c>
      <c r="PJ729" s="424"/>
      <c r="PK729" s="424"/>
      <c r="PL729" s="424"/>
      <c r="PM729" s="423" t="s">
        <v>2795</v>
      </c>
      <c r="PN729" s="424"/>
      <c r="PO729" s="424"/>
      <c r="PP729" s="424"/>
      <c r="PQ729" s="423" t="s">
        <v>2795</v>
      </c>
      <c r="PR729" s="424"/>
      <c r="PS729" s="424"/>
      <c r="PT729" s="424"/>
      <c r="PU729" s="423" t="s">
        <v>2795</v>
      </c>
      <c r="PV729" s="424"/>
      <c r="PW729" s="424"/>
      <c r="PX729" s="424"/>
      <c r="PY729" s="423" t="s">
        <v>2795</v>
      </c>
      <c r="PZ729" s="424"/>
      <c r="QA729" s="424"/>
      <c r="QB729" s="424"/>
      <c r="QC729" s="423" t="s">
        <v>2795</v>
      </c>
      <c r="QD729" s="424"/>
      <c r="QE729" s="424"/>
      <c r="QF729" s="424"/>
      <c r="QG729" s="423" t="s">
        <v>2795</v>
      </c>
      <c r="QH729" s="424"/>
      <c r="QI729" s="424"/>
      <c r="QJ729" s="424"/>
      <c r="QK729" s="423" t="s">
        <v>2795</v>
      </c>
      <c r="QL729" s="424"/>
      <c r="QM729" s="424"/>
      <c r="QN729" s="424"/>
      <c r="QO729" s="423" t="s">
        <v>2795</v>
      </c>
      <c r="QP729" s="424"/>
      <c r="QQ729" s="424"/>
      <c r="QR729" s="424"/>
      <c r="QS729" s="423" t="s">
        <v>2795</v>
      </c>
      <c r="QT729" s="424"/>
      <c r="QU729" s="424"/>
      <c r="QV729" s="424"/>
      <c r="QW729" s="423" t="s">
        <v>2795</v>
      </c>
      <c r="QX729" s="424"/>
      <c r="QY729" s="424"/>
      <c r="QZ729" s="424"/>
      <c r="RA729" s="423" t="s">
        <v>2795</v>
      </c>
      <c r="RB729" s="424"/>
      <c r="RC729" s="424"/>
      <c r="RD729" s="424"/>
      <c r="RE729" s="423" t="s">
        <v>2795</v>
      </c>
      <c r="RF729" s="424"/>
      <c r="RG729" s="424"/>
      <c r="RH729" s="424"/>
      <c r="RI729" s="423" t="s">
        <v>2795</v>
      </c>
      <c r="RJ729" s="424"/>
      <c r="RK729" s="424"/>
      <c r="RL729" s="424"/>
      <c r="RM729" s="423" t="s">
        <v>2795</v>
      </c>
      <c r="RN729" s="424"/>
      <c r="RO729" s="424"/>
      <c r="RP729" s="424"/>
      <c r="RQ729" s="423" t="s">
        <v>2795</v>
      </c>
      <c r="RR729" s="424"/>
      <c r="RS729" s="424"/>
      <c r="RT729" s="424"/>
      <c r="RU729" s="423" t="s">
        <v>2795</v>
      </c>
      <c r="RV729" s="424"/>
      <c r="RW729" s="424"/>
      <c r="RX729" s="424"/>
      <c r="RY729" s="423" t="s">
        <v>2795</v>
      </c>
      <c r="RZ729" s="424"/>
      <c r="SA729" s="424"/>
      <c r="SB729" s="424"/>
      <c r="SC729" s="423" t="s">
        <v>2795</v>
      </c>
      <c r="SD729" s="424"/>
      <c r="SE729" s="424"/>
      <c r="SF729" s="424"/>
      <c r="SG729" s="423" t="s">
        <v>2795</v>
      </c>
      <c r="SH729" s="424"/>
      <c r="SI729" s="424"/>
      <c r="SJ729" s="424"/>
      <c r="SK729" s="423" t="s">
        <v>2795</v>
      </c>
      <c r="SL729" s="424"/>
      <c r="SM729" s="424"/>
      <c r="SN729" s="424"/>
      <c r="SO729" s="423" t="s">
        <v>2795</v>
      </c>
      <c r="SP729" s="424"/>
      <c r="SQ729" s="424"/>
      <c r="SR729" s="424"/>
      <c r="SS729" s="423" t="s">
        <v>2795</v>
      </c>
      <c r="ST729" s="424"/>
      <c r="SU729" s="424"/>
      <c r="SV729" s="424"/>
      <c r="SW729" s="423" t="s">
        <v>2795</v>
      </c>
      <c r="SX729" s="424"/>
      <c r="SY729" s="424"/>
      <c r="SZ729" s="424"/>
      <c r="TA729" s="423" t="s">
        <v>2795</v>
      </c>
      <c r="TB729" s="424"/>
      <c r="TC729" s="424"/>
      <c r="TD729" s="424"/>
      <c r="TE729" s="423" t="s">
        <v>2795</v>
      </c>
      <c r="TF729" s="424"/>
      <c r="TG729" s="424"/>
      <c r="TH729" s="424"/>
      <c r="TI729" s="423" t="s">
        <v>2795</v>
      </c>
      <c r="TJ729" s="424"/>
      <c r="TK729" s="424"/>
      <c r="TL729" s="424"/>
      <c r="TM729" s="423" t="s">
        <v>2795</v>
      </c>
      <c r="TN729" s="424"/>
      <c r="TO729" s="424"/>
      <c r="TP729" s="424"/>
      <c r="TQ729" s="423" t="s">
        <v>2795</v>
      </c>
      <c r="TR729" s="424"/>
      <c r="TS729" s="424"/>
      <c r="TT729" s="424"/>
      <c r="TU729" s="423" t="s">
        <v>2795</v>
      </c>
      <c r="TV729" s="424"/>
      <c r="TW729" s="424"/>
      <c r="TX729" s="424"/>
      <c r="TY729" s="423" t="s">
        <v>2795</v>
      </c>
      <c r="TZ729" s="424"/>
      <c r="UA729" s="424"/>
      <c r="UB729" s="424"/>
      <c r="UC729" s="423" t="s">
        <v>2795</v>
      </c>
      <c r="UD729" s="424"/>
      <c r="UE729" s="424"/>
      <c r="UF729" s="424"/>
      <c r="UG729" s="423" t="s">
        <v>2795</v>
      </c>
      <c r="UH729" s="424"/>
      <c r="UI729" s="424"/>
      <c r="UJ729" s="424"/>
      <c r="UK729" s="423" t="s">
        <v>2795</v>
      </c>
      <c r="UL729" s="424"/>
      <c r="UM729" s="424"/>
      <c r="UN729" s="424"/>
      <c r="UO729" s="423" t="s">
        <v>2795</v>
      </c>
      <c r="UP729" s="424"/>
      <c r="UQ729" s="424"/>
      <c r="UR729" s="424"/>
      <c r="US729" s="423" t="s">
        <v>2795</v>
      </c>
      <c r="UT729" s="424"/>
      <c r="UU729" s="424"/>
      <c r="UV729" s="424"/>
      <c r="UW729" s="423" t="s">
        <v>2795</v>
      </c>
      <c r="UX729" s="424"/>
      <c r="UY729" s="424"/>
      <c r="UZ729" s="424"/>
      <c r="VA729" s="423" t="s">
        <v>2795</v>
      </c>
      <c r="VB729" s="424"/>
      <c r="VC729" s="424"/>
      <c r="VD729" s="424"/>
      <c r="VE729" s="423" t="s">
        <v>2795</v>
      </c>
      <c r="VF729" s="424"/>
      <c r="VG729" s="424"/>
      <c r="VH729" s="424"/>
      <c r="VI729" s="423" t="s">
        <v>2795</v>
      </c>
      <c r="VJ729" s="424"/>
      <c r="VK729" s="424"/>
      <c r="VL729" s="424"/>
      <c r="VM729" s="423" t="s">
        <v>2795</v>
      </c>
      <c r="VN729" s="424"/>
      <c r="VO729" s="424"/>
      <c r="VP729" s="424"/>
      <c r="VQ729" s="423" t="s">
        <v>2795</v>
      </c>
      <c r="VR729" s="424"/>
      <c r="VS729" s="424"/>
      <c r="VT729" s="424"/>
      <c r="VU729" s="423" t="s">
        <v>2795</v>
      </c>
      <c r="VV729" s="424"/>
      <c r="VW729" s="424"/>
      <c r="VX729" s="424"/>
      <c r="VY729" s="423" t="s">
        <v>2795</v>
      </c>
      <c r="VZ729" s="424"/>
      <c r="WA729" s="424"/>
      <c r="WB729" s="424"/>
      <c r="WC729" s="423" t="s">
        <v>2795</v>
      </c>
      <c r="WD729" s="424"/>
      <c r="WE729" s="424"/>
      <c r="WF729" s="424"/>
      <c r="WG729" s="423" t="s">
        <v>2795</v>
      </c>
      <c r="WH729" s="424"/>
      <c r="WI729" s="424"/>
      <c r="WJ729" s="424"/>
      <c r="WK729" s="423" t="s">
        <v>2795</v>
      </c>
      <c r="WL729" s="424"/>
      <c r="WM729" s="424"/>
      <c r="WN729" s="424"/>
      <c r="WO729" s="423" t="s">
        <v>2795</v>
      </c>
      <c r="WP729" s="424"/>
      <c r="WQ729" s="424"/>
      <c r="WR729" s="424"/>
      <c r="WS729" s="423" t="s">
        <v>2795</v>
      </c>
      <c r="WT729" s="424"/>
      <c r="WU729" s="424"/>
      <c r="WV729" s="424"/>
      <c r="WW729" s="423" t="s">
        <v>2795</v>
      </c>
      <c r="WX729" s="424"/>
      <c r="WY729" s="424"/>
      <c r="WZ729" s="424"/>
      <c r="XA729" s="423" t="s">
        <v>2795</v>
      </c>
      <c r="XB729" s="424"/>
      <c r="XC729" s="424"/>
      <c r="XD729" s="424"/>
      <c r="XE729" s="423" t="s">
        <v>2795</v>
      </c>
      <c r="XF729" s="424"/>
      <c r="XG729" s="424"/>
      <c r="XH729" s="424"/>
      <c r="XI729" s="423" t="s">
        <v>2795</v>
      </c>
      <c r="XJ729" s="424"/>
      <c r="XK729" s="424"/>
      <c r="XL729" s="424"/>
      <c r="XM729" s="423" t="s">
        <v>2795</v>
      </c>
      <c r="XN729" s="424"/>
      <c r="XO729" s="424"/>
      <c r="XP729" s="424"/>
      <c r="XQ729" s="423" t="s">
        <v>2795</v>
      </c>
      <c r="XR729" s="424"/>
      <c r="XS729" s="424"/>
      <c r="XT729" s="424"/>
      <c r="XU729" s="423" t="s">
        <v>2795</v>
      </c>
      <c r="XV729" s="424"/>
      <c r="XW729" s="424"/>
      <c r="XX729" s="424"/>
      <c r="XY729" s="423" t="s">
        <v>2795</v>
      </c>
      <c r="XZ729" s="424"/>
      <c r="YA729" s="424"/>
      <c r="YB729" s="424"/>
      <c r="YC729" s="423" t="s">
        <v>2795</v>
      </c>
      <c r="YD729" s="424"/>
      <c r="YE729" s="424"/>
      <c r="YF729" s="424"/>
      <c r="YG729" s="423" t="s">
        <v>2795</v>
      </c>
      <c r="YH729" s="424"/>
      <c r="YI729" s="424"/>
      <c r="YJ729" s="424"/>
      <c r="YK729" s="423" t="s">
        <v>2795</v>
      </c>
      <c r="YL729" s="424"/>
      <c r="YM729" s="424"/>
      <c r="YN729" s="424"/>
      <c r="YO729" s="423" t="s">
        <v>2795</v>
      </c>
      <c r="YP729" s="424"/>
      <c r="YQ729" s="424"/>
      <c r="YR729" s="424"/>
      <c r="YS729" s="423" t="s">
        <v>2795</v>
      </c>
      <c r="YT729" s="424"/>
      <c r="YU729" s="424"/>
      <c r="YV729" s="424"/>
      <c r="YW729" s="423" t="s">
        <v>2795</v>
      </c>
      <c r="YX729" s="424"/>
      <c r="YY729" s="424"/>
      <c r="YZ729" s="424"/>
      <c r="ZA729" s="423" t="s">
        <v>2795</v>
      </c>
      <c r="ZB729" s="424"/>
      <c r="ZC729" s="424"/>
      <c r="ZD729" s="424"/>
      <c r="ZE729" s="423" t="s">
        <v>2795</v>
      </c>
      <c r="ZF729" s="424"/>
      <c r="ZG729" s="424"/>
      <c r="ZH729" s="424"/>
      <c r="ZI729" s="423" t="s">
        <v>2795</v>
      </c>
      <c r="ZJ729" s="424"/>
      <c r="ZK729" s="424"/>
      <c r="ZL729" s="424"/>
      <c r="ZM729" s="423" t="s">
        <v>2795</v>
      </c>
      <c r="ZN729" s="424"/>
      <c r="ZO729" s="424"/>
      <c r="ZP729" s="424"/>
      <c r="ZQ729" s="423" t="s">
        <v>2795</v>
      </c>
      <c r="ZR729" s="424"/>
      <c r="ZS729" s="424"/>
      <c r="ZT729" s="424"/>
      <c r="ZU729" s="423" t="s">
        <v>2795</v>
      </c>
      <c r="ZV729" s="424"/>
      <c r="ZW729" s="424"/>
      <c r="ZX729" s="424"/>
      <c r="ZY729" s="423" t="s">
        <v>2795</v>
      </c>
      <c r="ZZ729" s="424"/>
      <c r="AAA729" s="424"/>
      <c r="AAB729" s="424"/>
      <c r="AAC729" s="423" t="s">
        <v>2795</v>
      </c>
      <c r="AAD729" s="424"/>
      <c r="AAE729" s="424"/>
      <c r="AAF729" s="424"/>
      <c r="AAG729" s="423" t="s">
        <v>2795</v>
      </c>
      <c r="AAH729" s="424"/>
      <c r="AAI729" s="424"/>
      <c r="AAJ729" s="424"/>
      <c r="AAK729" s="423" t="s">
        <v>2795</v>
      </c>
      <c r="AAL729" s="424"/>
      <c r="AAM729" s="424"/>
      <c r="AAN729" s="424"/>
      <c r="AAO729" s="423" t="s">
        <v>2795</v>
      </c>
      <c r="AAP729" s="424"/>
      <c r="AAQ729" s="424"/>
      <c r="AAR729" s="424"/>
      <c r="AAS729" s="423" t="s">
        <v>2795</v>
      </c>
      <c r="AAT729" s="424"/>
      <c r="AAU729" s="424"/>
      <c r="AAV729" s="424"/>
      <c r="AAW729" s="423" t="s">
        <v>2795</v>
      </c>
      <c r="AAX729" s="424"/>
      <c r="AAY729" s="424"/>
      <c r="AAZ729" s="424"/>
      <c r="ABA729" s="423" t="s">
        <v>2795</v>
      </c>
      <c r="ABB729" s="424"/>
      <c r="ABC729" s="424"/>
      <c r="ABD729" s="424"/>
      <c r="ABE729" s="423" t="s">
        <v>2795</v>
      </c>
      <c r="ABF729" s="424"/>
      <c r="ABG729" s="424"/>
      <c r="ABH729" s="424"/>
      <c r="ABI729" s="423" t="s">
        <v>2795</v>
      </c>
      <c r="ABJ729" s="424"/>
      <c r="ABK729" s="424"/>
      <c r="ABL729" s="424"/>
      <c r="ABM729" s="423" t="s">
        <v>2795</v>
      </c>
      <c r="ABN729" s="424"/>
      <c r="ABO729" s="424"/>
      <c r="ABP729" s="424"/>
      <c r="ABQ729" s="423" t="s">
        <v>2795</v>
      </c>
      <c r="ABR729" s="424"/>
      <c r="ABS729" s="424"/>
      <c r="ABT729" s="424"/>
      <c r="ABU729" s="423" t="s">
        <v>2795</v>
      </c>
      <c r="ABV729" s="424"/>
      <c r="ABW729" s="424"/>
      <c r="ABX729" s="424"/>
      <c r="ABY729" s="423" t="s">
        <v>2795</v>
      </c>
      <c r="ABZ729" s="424"/>
      <c r="ACA729" s="424"/>
      <c r="ACB729" s="424"/>
      <c r="ACC729" s="423" t="s">
        <v>2795</v>
      </c>
      <c r="ACD729" s="424"/>
      <c r="ACE729" s="424"/>
      <c r="ACF729" s="424"/>
      <c r="ACG729" s="423" t="s">
        <v>2795</v>
      </c>
      <c r="ACH729" s="424"/>
      <c r="ACI729" s="424"/>
      <c r="ACJ729" s="424"/>
      <c r="ACK729" s="423" t="s">
        <v>2795</v>
      </c>
      <c r="ACL729" s="424"/>
      <c r="ACM729" s="424"/>
      <c r="ACN729" s="424"/>
      <c r="ACO729" s="423" t="s">
        <v>2795</v>
      </c>
      <c r="ACP729" s="424"/>
      <c r="ACQ729" s="424"/>
      <c r="ACR729" s="424"/>
      <c r="ACS729" s="423" t="s">
        <v>2795</v>
      </c>
      <c r="ACT729" s="424"/>
      <c r="ACU729" s="424"/>
      <c r="ACV729" s="424"/>
      <c r="ACW729" s="423" t="s">
        <v>2795</v>
      </c>
      <c r="ACX729" s="424"/>
      <c r="ACY729" s="424"/>
      <c r="ACZ729" s="424"/>
      <c r="ADA729" s="423" t="s">
        <v>2795</v>
      </c>
      <c r="ADB729" s="424"/>
      <c r="ADC729" s="424"/>
      <c r="ADD729" s="424"/>
      <c r="ADE729" s="423" t="s">
        <v>2795</v>
      </c>
      <c r="ADF729" s="424"/>
      <c r="ADG729" s="424"/>
      <c r="ADH729" s="424"/>
      <c r="ADI729" s="423" t="s">
        <v>2795</v>
      </c>
      <c r="ADJ729" s="424"/>
      <c r="ADK729" s="424"/>
      <c r="ADL729" s="424"/>
      <c r="ADM729" s="423" t="s">
        <v>2795</v>
      </c>
      <c r="ADN729" s="424"/>
      <c r="ADO729" s="424"/>
      <c r="ADP729" s="424"/>
      <c r="ADQ729" s="423" t="s">
        <v>2795</v>
      </c>
      <c r="ADR729" s="424"/>
      <c r="ADS729" s="424"/>
      <c r="ADT729" s="424"/>
      <c r="ADU729" s="423" t="s">
        <v>2795</v>
      </c>
      <c r="ADV729" s="424"/>
      <c r="ADW729" s="424"/>
      <c r="ADX729" s="424"/>
      <c r="ADY729" s="423" t="s">
        <v>2795</v>
      </c>
      <c r="ADZ729" s="424"/>
      <c r="AEA729" s="424"/>
      <c r="AEB729" s="424"/>
      <c r="AEC729" s="423" t="s">
        <v>2795</v>
      </c>
      <c r="AED729" s="424"/>
      <c r="AEE729" s="424"/>
      <c r="AEF729" s="424"/>
      <c r="AEG729" s="423" t="s">
        <v>2795</v>
      </c>
      <c r="AEH729" s="424"/>
      <c r="AEI729" s="424"/>
      <c r="AEJ729" s="424"/>
      <c r="AEK729" s="423" t="s">
        <v>2795</v>
      </c>
      <c r="AEL729" s="424"/>
      <c r="AEM729" s="424"/>
      <c r="AEN729" s="424"/>
      <c r="AEO729" s="423" t="s">
        <v>2795</v>
      </c>
      <c r="AEP729" s="424"/>
      <c r="AEQ729" s="424"/>
      <c r="AER729" s="424"/>
      <c r="AES729" s="423" t="s">
        <v>2795</v>
      </c>
      <c r="AET729" s="424"/>
      <c r="AEU729" s="424"/>
      <c r="AEV729" s="424"/>
      <c r="AEW729" s="423" t="s">
        <v>2795</v>
      </c>
      <c r="AEX729" s="424"/>
      <c r="AEY729" s="424"/>
      <c r="AEZ729" s="424"/>
      <c r="AFA729" s="423" t="s">
        <v>2795</v>
      </c>
      <c r="AFB729" s="424"/>
      <c r="AFC729" s="424"/>
      <c r="AFD729" s="424"/>
      <c r="AFE729" s="423" t="s">
        <v>2795</v>
      </c>
      <c r="AFF729" s="424"/>
      <c r="AFG729" s="424"/>
      <c r="AFH729" s="424"/>
      <c r="AFI729" s="423" t="s">
        <v>2795</v>
      </c>
      <c r="AFJ729" s="424"/>
      <c r="AFK729" s="424"/>
      <c r="AFL729" s="424"/>
      <c r="AFM729" s="423" t="s">
        <v>2795</v>
      </c>
      <c r="AFN729" s="424"/>
      <c r="AFO729" s="424"/>
      <c r="AFP729" s="424"/>
      <c r="AFQ729" s="423" t="s">
        <v>2795</v>
      </c>
      <c r="AFR729" s="424"/>
      <c r="AFS729" s="424"/>
      <c r="AFT729" s="424"/>
      <c r="AFU729" s="423" t="s">
        <v>2795</v>
      </c>
      <c r="AFV729" s="424"/>
      <c r="AFW729" s="424"/>
      <c r="AFX729" s="424"/>
      <c r="AFY729" s="423" t="s">
        <v>2795</v>
      </c>
      <c r="AFZ729" s="424"/>
      <c r="AGA729" s="424"/>
      <c r="AGB729" s="424"/>
      <c r="AGC729" s="423" t="s">
        <v>2795</v>
      </c>
      <c r="AGD729" s="424"/>
      <c r="AGE729" s="424"/>
      <c r="AGF729" s="424"/>
      <c r="AGG729" s="423" t="s">
        <v>2795</v>
      </c>
      <c r="AGH729" s="424"/>
      <c r="AGI729" s="424"/>
      <c r="AGJ729" s="424"/>
      <c r="AGK729" s="423" t="s">
        <v>2795</v>
      </c>
      <c r="AGL729" s="424"/>
      <c r="AGM729" s="424"/>
      <c r="AGN729" s="424"/>
      <c r="AGO729" s="423" t="s">
        <v>2795</v>
      </c>
      <c r="AGP729" s="424"/>
      <c r="AGQ729" s="424"/>
      <c r="AGR729" s="424"/>
      <c r="AGS729" s="423" t="s">
        <v>2795</v>
      </c>
      <c r="AGT729" s="424"/>
      <c r="AGU729" s="424"/>
      <c r="AGV729" s="424"/>
      <c r="AGW729" s="423" t="s">
        <v>2795</v>
      </c>
      <c r="AGX729" s="424"/>
      <c r="AGY729" s="424"/>
      <c r="AGZ729" s="424"/>
      <c r="AHA729" s="423" t="s">
        <v>2795</v>
      </c>
      <c r="AHB729" s="424"/>
      <c r="AHC729" s="424"/>
      <c r="AHD729" s="424"/>
      <c r="AHE729" s="423" t="s">
        <v>2795</v>
      </c>
      <c r="AHF729" s="424"/>
      <c r="AHG729" s="424"/>
      <c r="AHH729" s="424"/>
      <c r="AHI729" s="423" t="s">
        <v>2795</v>
      </c>
      <c r="AHJ729" s="424"/>
      <c r="AHK729" s="424"/>
      <c r="AHL729" s="424"/>
      <c r="AHM729" s="423" t="s">
        <v>2795</v>
      </c>
      <c r="AHN729" s="424"/>
      <c r="AHO729" s="424"/>
      <c r="AHP729" s="424"/>
      <c r="AHQ729" s="423" t="s">
        <v>2795</v>
      </c>
      <c r="AHR729" s="424"/>
      <c r="AHS729" s="424"/>
      <c r="AHT729" s="424"/>
      <c r="AHU729" s="423" t="s">
        <v>2795</v>
      </c>
      <c r="AHV729" s="424"/>
      <c r="AHW729" s="424"/>
      <c r="AHX729" s="424"/>
      <c r="AHY729" s="423" t="s">
        <v>2795</v>
      </c>
      <c r="AHZ729" s="424"/>
      <c r="AIA729" s="424"/>
      <c r="AIB729" s="424"/>
      <c r="AIC729" s="423" t="s">
        <v>2795</v>
      </c>
      <c r="AID729" s="424"/>
      <c r="AIE729" s="424"/>
      <c r="AIF729" s="424"/>
      <c r="AIG729" s="423" t="s">
        <v>2795</v>
      </c>
      <c r="AIH729" s="424"/>
      <c r="AII729" s="424"/>
      <c r="AIJ729" s="424"/>
      <c r="AIK729" s="423" t="s">
        <v>2795</v>
      </c>
      <c r="AIL729" s="424"/>
      <c r="AIM729" s="424"/>
      <c r="AIN729" s="424"/>
      <c r="AIO729" s="423" t="s">
        <v>2795</v>
      </c>
      <c r="AIP729" s="424"/>
      <c r="AIQ729" s="424"/>
      <c r="AIR729" s="424"/>
      <c r="AIS729" s="423" t="s">
        <v>2795</v>
      </c>
      <c r="AIT729" s="424"/>
      <c r="AIU729" s="424"/>
      <c r="AIV729" s="424"/>
      <c r="AIW729" s="423" t="s">
        <v>2795</v>
      </c>
      <c r="AIX729" s="424"/>
      <c r="AIY729" s="424"/>
      <c r="AIZ729" s="424"/>
      <c r="AJA729" s="423" t="s">
        <v>2795</v>
      </c>
      <c r="AJB729" s="424"/>
      <c r="AJC729" s="424"/>
      <c r="AJD729" s="424"/>
      <c r="AJE729" s="423" t="s">
        <v>2795</v>
      </c>
      <c r="AJF729" s="424"/>
      <c r="AJG729" s="424"/>
      <c r="AJH729" s="424"/>
      <c r="AJI729" s="423" t="s">
        <v>2795</v>
      </c>
      <c r="AJJ729" s="424"/>
      <c r="AJK729" s="424"/>
      <c r="AJL729" s="424"/>
      <c r="AJM729" s="423" t="s">
        <v>2795</v>
      </c>
      <c r="AJN729" s="424"/>
      <c r="AJO729" s="424"/>
      <c r="AJP729" s="424"/>
      <c r="AJQ729" s="423" t="s">
        <v>2795</v>
      </c>
      <c r="AJR729" s="424"/>
      <c r="AJS729" s="424"/>
      <c r="AJT729" s="424"/>
      <c r="AJU729" s="423" t="s">
        <v>2795</v>
      </c>
      <c r="AJV729" s="424"/>
      <c r="AJW729" s="424"/>
      <c r="AJX729" s="424"/>
      <c r="AJY729" s="423" t="s">
        <v>2795</v>
      </c>
      <c r="AJZ729" s="424"/>
      <c r="AKA729" s="424"/>
      <c r="AKB729" s="424"/>
      <c r="AKC729" s="423" t="s">
        <v>2795</v>
      </c>
      <c r="AKD729" s="424"/>
      <c r="AKE729" s="424"/>
      <c r="AKF729" s="424"/>
      <c r="AKG729" s="423" t="s">
        <v>2795</v>
      </c>
      <c r="AKH729" s="424"/>
      <c r="AKI729" s="424"/>
      <c r="AKJ729" s="424"/>
      <c r="AKK729" s="423" t="s">
        <v>2795</v>
      </c>
      <c r="AKL729" s="424"/>
      <c r="AKM729" s="424"/>
      <c r="AKN729" s="424"/>
      <c r="AKO729" s="423" t="s">
        <v>2795</v>
      </c>
      <c r="AKP729" s="424"/>
      <c r="AKQ729" s="424"/>
      <c r="AKR729" s="424"/>
      <c r="AKS729" s="423" t="s">
        <v>2795</v>
      </c>
      <c r="AKT729" s="424"/>
      <c r="AKU729" s="424"/>
      <c r="AKV729" s="424"/>
      <c r="AKW729" s="423" t="s">
        <v>2795</v>
      </c>
      <c r="AKX729" s="424"/>
      <c r="AKY729" s="424"/>
      <c r="AKZ729" s="424"/>
      <c r="ALA729" s="423" t="s">
        <v>2795</v>
      </c>
      <c r="ALB729" s="424"/>
      <c r="ALC729" s="424"/>
      <c r="ALD729" s="424"/>
      <c r="ALE729" s="423" t="s">
        <v>2795</v>
      </c>
      <c r="ALF729" s="424"/>
      <c r="ALG729" s="424"/>
      <c r="ALH729" s="424"/>
      <c r="ALI729" s="423" t="s">
        <v>2795</v>
      </c>
      <c r="ALJ729" s="424"/>
      <c r="ALK729" s="424"/>
      <c r="ALL729" s="424"/>
      <c r="ALM729" s="423" t="s">
        <v>2795</v>
      </c>
      <c r="ALN729" s="424"/>
      <c r="ALO729" s="424"/>
      <c r="ALP729" s="424"/>
      <c r="ALQ729" s="423" t="s">
        <v>2795</v>
      </c>
      <c r="ALR729" s="424"/>
      <c r="ALS729" s="424"/>
      <c r="ALT729" s="424"/>
      <c r="ALU729" s="423" t="s">
        <v>2795</v>
      </c>
      <c r="ALV729" s="424"/>
      <c r="ALW729" s="424"/>
      <c r="ALX729" s="424"/>
      <c r="ALY729" s="423" t="s">
        <v>2795</v>
      </c>
      <c r="ALZ729" s="424"/>
      <c r="AMA729" s="424"/>
      <c r="AMB729" s="424"/>
      <c r="AMC729" s="423" t="s">
        <v>2795</v>
      </c>
      <c r="AMD729" s="424"/>
      <c r="AME729" s="424"/>
      <c r="AMF729" s="424"/>
      <c r="AMG729" s="423" t="s">
        <v>2795</v>
      </c>
      <c r="AMH729" s="424"/>
      <c r="AMI729" s="424"/>
      <c r="AMJ729" s="424"/>
      <c r="AMK729" s="423" t="s">
        <v>2795</v>
      </c>
      <c r="AML729" s="424"/>
      <c r="AMM729" s="424"/>
      <c r="AMN729" s="424"/>
      <c r="AMO729" s="423" t="s">
        <v>2795</v>
      </c>
      <c r="AMP729" s="424"/>
      <c r="AMQ729" s="424"/>
      <c r="AMR729" s="424"/>
      <c r="AMS729" s="423" t="s">
        <v>2795</v>
      </c>
      <c r="AMT729" s="424"/>
      <c r="AMU729" s="424"/>
      <c r="AMV729" s="424"/>
      <c r="AMW729" s="423" t="s">
        <v>2795</v>
      </c>
      <c r="AMX729" s="424"/>
      <c r="AMY729" s="424"/>
      <c r="AMZ729" s="424"/>
      <c r="ANA729" s="423" t="s">
        <v>2795</v>
      </c>
      <c r="ANB729" s="424"/>
      <c r="ANC729" s="424"/>
      <c r="AND729" s="424"/>
      <c r="ANE729" s="423" t="s">
        <v>2795</v>
      </c>
      <c r="ANF729" s="424"/>
      <c r="ANG729" s="424"/>
      <c r="ANH729" s="424"/>
      <c r="ANI729" s="423" t="s">
        <v>2795</v>
      </c>
      <c r="ANJ729" s="424"/>
      <c r="ANK729" s="424"/>
      <c r="ANL729" s="424"/>
      <c r="ANM729" s="423" t="s">
        <v>2795</v>
      </c>
      <c r="ANN729" s="424"/>
      <c r="ANO729" s="424"/>
      <c r="ANP729" s="424"/>
      <c r="ANQ729" s="423" t="s">
        <v>2795</v>
      </c>
      <c r="ANR729" s="424"/>
      <c r="ANS729" s="424"/>
      <c r="ANT729" s="424"/>
      <c r="ANU729" s="423" t="s">
        <v>2795</v>
      </c>
      <c r="ANV729" s="424"/>
      <c r="ANW729" s="424"/>
      <c r="ANX729" s="424"/>
      <c r="ANY729" s="423" t="s">
        <v>2795</v>
      </c>
      <c r="ANZ729" s="424"/>
      <c r="AOA729" s="424"/>
      <c r="AOB729" s="424"/>
      <c r="AOC729" s="423" t="s">
        <v>2795</v>
      </c>
      <c r="AOD729" s="424"/>
      <c r="AOE729" s="424"/>
      <c r="AOF729" s="424"/>
      <c r="AOG729" s="423" t="s">
        <v>2795</v>
      </c>
      <c r="AOH729" s="424"/>
      <c r="AOI729" s="424"/>
      <c r="AOJ729" s="424"/>
      <c r="AOK729" s="423" t="s">
        <v>2795</v>
      </c>
      <c r="AOL729" s="424"/>
      <c r="AOM729" s="424"/>
      <c r="AON729" s="424"/>
      <c r="AOO729" s="423" t="s">
        <v>2795</v>
      </c>
      <c r="AOP729" s="424"/>
      <c r="AOQ729" s="424"/>
      <c r="AOR729" s="424"/>
      <c r="AOS729" s="423" t="s">
        <v>2795</v>
      </c>
      <c r="AOT729" s="424"/>
      <c r="AOU729" s="424"/>
      <c r="AOV729" s="424"/>
      <c r="AOW729" s="423" t="s">
        <v>2795</v>
      </c>
      <c r="AOX729" s="424"/>
      <c r="AOY729" s="424"/>
      <c r="AOZ729" s="424"/>
      <c r="APA729" s="423" t="s">
        <v>2795</v>
      </c>
      <c r="APB729" s="424"/>
      <c r="APC729" s="424"/>
      <c r="APD729" s="424"/>
      <c r="APE729" s="423" t="s">
        <v>2795</v>
      </c>
      <c r="APF729" s="424"/>
      <c r="APG729" s="424"/>
      <c r="APH729" s="424"/>
      <c r="API729" s="423" t="s">
        <v>2795</v>
      </c>
      <c r="APJ729" s="424"/>
      <c r="APK729" s="424"/>
      <c r="APL729" s="424"/>
      <c r="APM729" s="423" t="s">
        <v>2795</v>
      </c>
      <c r="APN729" s="424"/>
      <c r="APO729" s="424"/>
      <c r="APP729" s="424"/>
      <c r="APQ729" s="423" t="s">
        <v>2795</v>
      </c>
      <c r="APR729" s="424"/>
      <c r="APS729" s="424"/>
      <c r="APT729" s="424"/>
      <c r="APU729" s="423" t="s">
        <v>2795</v>
      </c>
      <c r="APV729" s="424"/>
      <c r="APW729" s="424"/>
      <c r="APX729" s="424"/>
      <c r="APY729" s="423" t="s">
        <v>2795</v>
      </c>
      <c r="APZ729" s="424"/>
      <c r="AQA729" s="424"/>
      <c r="AQB729" s="424"/>
      <c r="AQC729" s="423" t="s">
        <v>2795</v>
      </c>
      <c r="AQD729" s="424"/>
      <c r="AQE729" s="424"/>
      <c r="AQF729" s="424"/>
      <c r="AQG729" s="423" t="s">
        <v>2795</v>
      </c>
      <c r="AQH729" s="424"/>
      <c r="AQI729" s="424"/>
      <c r="AQJ729" s="424"/>
      <c r="AQK729" s="423" t="s">
        <v>2795</v>
      </c>
      <c r="AQL729" s="424"/>
      <c r="AQM729" s="424"/>
      <c r="AQN729" s="424"/>
      <c r="AQO729" s="423" t="s">
        <v>2795</v>
      </c>
      <c r="AQP729" s="424"/>
      <c r="AQQ729" s="424"/>
      <c r="AQR729" s="424"/>
      <c r="AQS729" s="423" t="s">
        <v>2795</v>
      </c>
      <c r="AQT729" s="424"/>
      <c r="AQU729" s="424"/>
      <c r="AQV729" s="424"/>
      <c r="AQW729" s="423" t="s">
        <v>2795</v>
      </c>
      <c r="AQX729" s="424"/>
      <c r="AQY729" s="424"/>
      <c r="AQZ729" s="424"/>
      <c r="ARA729" s="423" t="s">
        <v>2795</v>
      </c>
      <c r="ARB729" s="424"/>
      <c r="ARC729" s="424"/>
      <c r="ARD729" s="424"/>
      <c r="ARE729" s="423" t="s">
        <v>2795</v>
      </c>
      <c r="ARF729" s="424"/>
      <c r="ARG729" s="424"/>
      <c r="ARH729" s="424"/>
      <c r="ARI729" s="423" t="s">
        <v>2795</v>
      </c>
      <c r="ARJ729" s="424"/>
      <c r="ARK729" s="424"/>
      <c r="ARL729" s="424"/>
      <c r="ARM729" s="423" t="s">
        <v>2795</v>
      </c>
      <c r="ARN729" s="424"/>
      <c r="ARO729" s="424"/>
      <c r="ARP729" s="424"/>
      <c r="ARQ729" s="423" t="s">
        <v>2795</v>
      </c>
      <c r="ARR729" s="424"/>
      <c r="ARS729" s="424"/>
      <c r="ART729" s="424"/>
      <c r="ARU729" s="423" t="s">
        <v>2795</v>
      </c>
      <c r="ARV729" s="424"/>
      <c r="ARW729" s="424"/>
      <c r="ARX729" s="424"/>
      <c r="ARY729" s="423" t="s">
        <v>2795</v>
      </c>
      <c r="ARZ729" s="424"/>
      <c r="ASA729" s="424"/>
      <c r="ASB729" s="424"/>
      <c r="ASC729" s="423" t="s">
        <v>2795</v>
      </c>
      <c r="ASD729" s="424"/>
      <c r="ASE729" s="424"/>
      <c r="ASF729" s="424"/>
      <c r="ASG729" s="423" t="s">
        <v>2795</v>
      </c>
      <c r="ASH729" s="424"/>
      <c r="ASI729" s="424"/>
      <c r="ASJ729" s="424"/>
      <c r="ASK729" s="423" t="s">
        <v>2795</v>
      </c>
      <c r="ASL729" s="424"/>
      <c r="ASM729" s="424"/>
      <c r="ASN729" s="424"/>
      <c r="ASO729" s="423" t="s">
        <v>2795</v>
      </c>
      <c r="ASP729" s="424"/>
      <c r="ASQ729" s="424"/>
      <c r="ASR729" s="424"/>
      <c r="ASS729" s="423" t="s">
        <v>2795</v>
      </c>
      <c r="AST729" s="424"/>
      <c r="ASU729" s="424"/>
      <c r="ASV729" s="424"/>
      <c r="ASW729" s="423" t="s">
        <v>2795</v>
      </c>
      <c r="ASX729" s="424"/>
      <c r="ASY729" s="424"/>
      <c r="ASZ729" s="424"/>
      <c r="ATA729" s="423" t="s">
        <v>2795</v>
      </c>
      <c r="ATB729" s="424"/>
      <c r="ATC729" s="424"/>
      <c r="ATD729" s="424"/>
      <c r="ATE729" s="423" t="s">
        <v>2795</v>
      </c>
      <c r="ATF729" s="424"/>
      <c r="ATG729" s="424"/>
      <c r="ATH729" s="424"/>
      <c r="ATI729" s="423" t="s">
        <v>2795</v>
      </c>
      <c r="ATJ729" s="424"/>
      <c r="ATK729" s="424"/>
      <c r="ATL729" s="424"/>
      <c r="ATM729" s="423" t="s">
        <v>2795</v>
      </c>
      <c r="ATN729" s="424"/>
      <c r="ATO729" s="424"/>
      <c r="ATP729" s="424"/>
      <c r="ATQ729" s="423" t="s">
        <v>2795</v>
      </c>
      <c r="ATR729" s="424"/>
      <c r="ATS729" s="424"/>
      <c r="ATT729" s="424"/>
      <c r="ATU729" s="423" t="s">
        <v>2795</v>
      </c>
      <c r="ATV729" s="424"/>
      <c r="ATW729" s="424"/>
      <c r="ATX729" s="424"/>
      <c r="ATY729" s="423" t="s">
        <v>2795</v>
      </c>
      <c r="ATZ729" s="424"/>
      <c r="AUA729" s="424"/>
      <c r="AUB729" s="424"/>
      <c r="AUC729" s="423" t="s">
        <v>2795</v>
      </c>
      <c r="AUD729" s="424"/>
      <c r="AUE729" s="424"/>
      <c r="AUF729" s="424"/>
      <c r="AUG729" s="423" t="s">
        <v>2795</v>
      </c>
      <c r="AUH729" s="424"/>
      <c r="AUI729" s="424"/>
      <c r="AUJ729" s="424"/>
      <c r="AUK729" s="423" t="s">
        <v>2795</v>
      </c>
      <c r="AUL729" s="424"/>
      <c r="AUM729" s="424"/>
      <c r="AUN729" s="424"/>
      <c r="AUO729" s="423" t="s">
        <v>2795</v>
      </c>
      <c r="AUP729" s="424"/>
      <c r="AUQ729" s="424"/>
      <c r="AUR729" s="424"/>
      <c r="AUS729" s="423" t="s">
        <v>2795</v>
      </c>
      <c r="AUT729" s="424"/>
      <c r="AUU729" s="424"/>
      <c r="AUV729" s="424"/>
      <c r="AUW729" s="423" t="s">
        <v>2795</v>
      </c>
      <c r="AUX729" s="424"/>
      <c r="AUY729" s="424"/>
      <c r="AUZ729" s="424"/>
      <c r="AVA729" s="423" t="s">
        <v>2795</v>
      </c>
      <c r="AVB729" s="424"/>
      <c r="AVC729" s="424"/>
      <c r="AVD729" s="424"/>
      <c r="AVE729" s="423" t="s">
        <v>2795</v>
      </c>
      <c r="AVF729" s="424"/>
      <c r="AVG729" s="424"/>
      <c r="AVH729" s="424"/>
      <c r="AVI729" s="423" t="s">
        <v>2795</v>
      </c>
      <c r="AVJ729" s="424"/>
      <c r="AVK729" s="424"/>
      <c r="AVL729" s="424"/>
      <c r="AVM729" s="423" t="s">
        <v>2795</v>
      </c>
      <c r="AVN729" s="424"/>
      <c r="AVO729" s="424"/>
      <c r="AVP729" s="424"/>
      <c r="AVQ729" s="423" t="s">
        <v>2795</v>
      </c>
      <c r="AVR729" s="424"/>
      <c r="AVS729" s="424"/>
      <c r="AVT729" s="424"/>
      <c r="AVU729" s="423" t="s">
        <v>2795</v>
      </c>
      <c r="AVV729" s="424"/>
      <c r="AVW729" s="424"/>
      <c r="AVX729" s="424"/>
      <c r="AVY729" s="423" t="s">
        <v>2795</v>
      </c>
      <c r="AVZ729" s="424"/>
      <c r="AWA729" s="424"/>
      <c r="AWB729" s="424"/>
      <c r="AWC729" s="423" t="s">
        <v>2795</v>
      </c>
      <c r="AWD729" s="424"/>
      <c r="AWE729" s="424"/>
      <c r="AWF729" s="424"/>
      <c r="AWG729" s="423" t="s">
        <v>2795</v>
      </c>
      <c r="AWH729" s="424"/>
      <c r="AWI729" s="424"/>
      <c r="AWJ729" s="424"/>
      <c r="AWK729" s="423" t="s">
        <v>2795</v>
      </c>
      <c r="AWL729" s="424"/>
      <c r="AWM729" s="424"/>
      <c r="AWN729" s="424"/>
      <c r="AWO729" s="423" t="s">
        <v>2795</v>
      </c>
      <c r="AWP729" s="424"/>
      <c r="AWQ729" s="424"/>
      <c r="AWR729" s="424"/>
      <c r="AWS729" s="423" t="s">
        <v>2795</v>
      </c>
      <c r="AWT729" s="424"/>
      <c r="AWU729" s="424"/>
      <c r="AWV729" s="424"/>
      <c r="AWW729" s="423" t="s">
        <v>2795</v>
      </c>
      <c r="AWX729" s="424"/>
      <c r="AWY729" s="424"/>
      <c r="AWZ729" s="424"/>
      <c r="AXA729" s="423" t="s">
        <v>2795</v>
      </c>
      <c r="AXB729" s="424"/>
      <c r="AXC729" s="424"/>
      <c r="AXD729" s="424"/>
      <c r="AXE729" s="423" t="s">
        <v>2795</v>
      </c>
      <c r="AXF729" s="424"/>
      <c r="AXG729" s="424"/>
      <c r="AXH729" s="424"/>
      <c r="AXI729" s="423" t="s">
        <v>2795</v>
      </c>
      <c r="AXJ729" s="424"/>
      <c r="AXK729" s="424"/>
      <c r="AXL729" s="424"/>
      <c r="AXM729" s="423" t="s">
        <v>2795</v>
      </c>
      <c r="AXN729" s="424"/>
      <c r="AXO729" s="424"/>
      <c r="AXP729" s="424"/>
      <c r="AXQ729" s="423" t="s">
        <v>2795</v>
      </c>
      <c r="AXR729" s="424"/>
      <c r="AXS729" s="424"/>
      <c r="AXT729" s="424"/>
      <c r="AXU729" s="423" t="s">
        <v>2795</v>
      </c>
      <c r="AXV729" s="424"/>
      <c r="AXW729" s="424"/>
      <c r="AXX729" s="424"/>
      <c r="AXY729" s="423" t="s">
        <v>2795</v>
      </c>
      <c r="AXZ729" s="424"/>
      <c r="AYA729" s="424"/>
      <c r="AYB729" s="424"/>
      <c r="AYC729" s="423" t="s">
        <v>2795</v>
      </c>
      <c r="AYD729" s="424"/>
      <c r="AYE729" s="424"/>
      <c r="AYF729" s="424"/>
      <c r="AYG729" s="423" t="s">
        <v>2795</v>
      </c>
      <c r="AYH729" s="424"/>
      <c r="AYI729" s="424"/>
      <c r="AYJ729" s="424"/>
      <c r="AYK729" s="423" t="s">
        <v>2795</v>
      </c>
      <c r="AYL729" s="424"/>
      <c r="AYM729" s="424"/>
      <c r="AYN729" s="424"/>
      <c r="AYO729" s="423" t="s">
        <v>2795</v>
      </c>
      <c r="AYP729" s="424"/>
      <c r="AYQ729" s="424"/>
      <c r="AYR729" s="424"/>
      <c r="AYS729" s="423" t="s">
        <v>2795</v>
      </c>
      <c r="AYT729" s="424"/>
      <c r="AYU729" s="424"/>
      <c r="AYV729" s="424"/>
      <c r="AYW729" s="423" t="s">
        <v>2795</v>
      </c>
      <c r="AYX729" s="424"/>
      <c r="AYY729" s="424"/>
      <c r="AYZ729" s="424"/>
      <c r="AZA729" s="423" t="s">
        <v>2795</v>
      </c>
      <c r="AZB729" s="424"/>
      <c r="AZC729" s="424"/>
      <c r="AZD729" s="424"/>
      <c r="AZE729" s="423" t="s">
        <v>2795</v>
      </c>
      <c r="AZF729" s="424"/>
      <c r="AZG729" s="424"/>
      <c r="AZH729" s="424"/>
      <c r="AZI729" s="423" t="s">
        <v>2795</v>
      </c>
      <c r="AZJ729" s="424"/>
      <c r="AZK729" s="424"/>
      <c r="AZL729" s="424"/>
      <c r="AZM729" s="423" t="s">
        <v>2795</v>
      </c>
      <c r="AZN729" s="424"/>
      <c r="AZO729" s="424"/>
      <c r="AZP729" s="424"/>
      <c r="AZQ729" s="423" t="s">
        <v>2795</v>
      </c>
      <c r="AZR729" s="424"/>
      <c r="AZS729" s="424"/>
      <c r="AZT729" s="424"/>
      <c r="AZU729" s="423" t="s">
        <v>2795</v>
      </c>
      <c r="AZV729" s="424"/>
      <c r="AZW729" s="424"/>
      <c r="AZX729" s="424"/>
      <c r="AZY729" s="423" t="s">
        <v>2795</v>
      </c>
      <c r="AZZ729" s="424"/>
      <c r="BAA729" s="424"/>
      <c r="BAB729" s="424"/>
      <c r="BAC729" s="423" t="s">
        <v>2795</v>
      </c>
      <c r="BAD729" s="424"/>
      <c r="BAE729" s="424"/>
      <c r="BAF729" s="424"/>
      <c r="BAG729" s="423" t="s">
        <v>2795</v>
      </c>
      <c r="BAH729" s="424"/>
      <c r="BAI729" s="424"/>
      <c r="BAJ729" s="424"/>
      <c r="BAK729" s="423" t="s">
        <v>2795</v>
      </c>
      <c r="BAL729" s="424"/>
      <c r="BAM729" s="424"/>
      <c r="BAN729" s="424"/>
      <c r="BAO729" s="423" t="s">
        <v>2795</v>
      </c>
      <c r="BAP729" s="424"/>
      <c r="BAQ729" s="424"/>
      <c r="BAR729" s="424"/>
      <c r="BAS729" s="423" t="s">
        <v>2795</v>
      </c>
      <c r="BAT729" s="424"/>
      <c r="BAU729" s="424"/>
      <c r="BAV729" s="424"/>
      <c r="BAW729" s="423" t="s">
        <v>2795</v>
      </c>
      <c r="BAX729" s="424"/>
      <c r="BAY729" s="424"/>
      <c r="BAZ729" s="424"/>
      <c r="BBA729" s="423" t="s">
        <v>2795</v>
      </c>
      <c r="BBB729" s="424"/>
      <c r="BBC729" s="424"/>
      <c r="BBD729" s="424"/>
      <c r="BBE729" s="423" t="s">
        <v>2795</v>
      </c>
      <c r="BBF729" s="424"/>
      <c r="BBG729" s="424"/>
      <c r="BBH729" s="424"/>
      <c r="BBI729" s="423" t="s">
        <v>2795</v>
      </c>
      <c r="BBJ729" s="424"/>
      <c r="BBK729" s="424"/>
      <c r="BBL729" s="424"/>
      <c r="BBM729" s="423" t="s">
        <v>2795</v>
      </c>
      <c r="BBN729" s="424"/>
      <c r="BBO729" s="424"/>
      <c r="BBP729" s="424"/>
      <c r="BBQ729" s="423" t="s">
        <v>2795</v>
      </c>
      <c r="BBR729" s="424"/>
      <c r="BBS729" s="424"/>
      <c r="BBT729" s="424"/>
      <c r="BBU729" s="423" t="s">
        <v>2795</v>
      </c>
      <c r="BBV729" s="424"/>
      <c r="BBW729" s="424"/>
      <c r="BBX729" s="424"/>
      <c r="BBY729" s="423" t="s">
        <v>2795</v>
      </c>
      <c r="BBZ729" s="424"/>
      <c r="BCA729" s="424"/>
      <c r="BCB729" s="424"/>
      <c r="BCC729" s="423" t="s">
        <v>2795</v>
      </c>
      <c r="BCD729" s="424"/>
      <c r="BCE729" s="424"/>
      <c r="BCF729" s="424"/>
      <c r="BCG729" s="423" t="s">
        <v>2795</v>
      </c>
      <c r="BCH729" s="424"/>
      <c r="BCI729" s="424"/>
      <c r="BCJ729" s="424"/>
      <c r="BCK729" s="423" t="s">
        <v>2795</v>
      </c>
      <c r="BCL729" s="424"/>
      <c r="BCM729" s="424"/>
      <c r="BCN729" s="424"/>
      <c r="BCO729" s="423" t="s">
        <v>2795</v>
      </c>
      <c r="BCP729" s="424"/>
      <c r="BCQ729" s="424"/>
      <c r="BCR729" s="424"/>
      <c r="BCS729" s="423" t="s">
        <v>2795</v>
      </c>
      <c r="BCT729" s="424"/>
      <c r="BCU729" s="424"/>
      <c r="BCV729" s="424"/>
      <c r="BCW729" s="423" t="s">
        <v>2795</v>
      </c>
      <c r="BCX729" s="424"/>
      <c r="BCY729" s="424"/>
      <c r="BCZ729" s="424"/>
      <c r="BDA729" s="423" t="s">
        <v>2795</v>
      </c>
      <c r="BDB729" s="424"/>
      <c r="BDC729" s="424"/>
      <c r="BDD729" s="424"/>
      <c r="BDE729" s="423" t="s">
        <v>2795</v>
      </c>
      <c r="BDF729" s="424"/>
      <c r="BDG729" s="424"/>
      <c r="BDH729" s="424"/>
      <c r="BDI729" s="423" t="s">
        <v>2795</v>
      </c>
      <c r="BDJ729" s="424"/>
      <c r="BDK729" s="424"/>
      <c r="BDL729" s="424"/>
      <c r="BDM729" s="423" t="s">
        <v>2795</v>
      </c>
      <c r="BDN729" s="424"/>
      <c r="BDO729" s="424"/>
      <c r="BDP729" s="424"/>
      <c r="BDQ729" s="423" t="s">
        <v>2795</v>
      </c>
      <c r="BDR729" s="424"/>
      <c r="BDS729" s="424"/>
      <c r="BDT729" s="424"/>
      <c r="BDU729" s="423" t="s">
        <v>2795</v>
      </c>
      <c r="BDV729" s="424"/>
      <c r="BDW729" s="424"/>
      <c r="BDX729" s="424"/>
      <c r="BDY729" s="423" t="s">
        <v>2795</v>
      </c>
      <c r="BDZ729" s="424"/>
      <c r="BEA729" s="424"/>
      <c r="BEB729" s="424"/>
      <c r="BEC729" s="423" t="s">
        <v>2795</v>
      </c>
      <c r="BED729" s="424"/>
      <c r="BEE729" s="424"/>
      <c r="BEF729" s="424"/>
      <c r="BEG729" s="423" t="s">
        <v>2795</v>
      </c>
      <c r="BEH729" s="424"/>
      <c r="BEI729" s="424"/>
      <c r="BEJ729" s="424"/>
      <c r="BEK729" s="423" t="s">
        <v>2795</v>
      </c>
      <c r="BEL729" s="424"/>
      <c r="BEM729" s="424"/>
      <c r="BEN729" s="424"/>
      <c r="BEO729" s="423" t="s">
        <v>2795</v>
      </c>
      <c r="BEP729" s="424"/>
      <c r="BEQ729" s="424"/>
      <c r="BER729" s="424"/>
      <c r="BES729" s="423" t="s">
        <v>2795</v>
      </c>
      <c r="BET729" s="424"/>
      <c r="BEU729" s="424"/>
      <c r="BEV729" s="424"/>
      <c r="BEW729" s="423" t="s">
        <v>2795</v>
      </c>
      <c r="BEX729" s="424"/>
      <c r="BEY729" s="424"/>
      <c r="BEZ729" s="424"/>
      <c r="BFA729" s="423" t="s">
        <v>2795</v>
      </c>
      <c r="BFB729" s="424"/>
      <c r="BFC729" s="424"/>
      <c r="BFD729" s="424"/>
      <c r="BFE729" s="423" t="s">
        <v>2795</v>
      </c>
      <c r="BFF729" s="424"/>
      <c r="BFG729" s="424"/>
      <c r="BFH729" s="424"/>
      <c r="BFI729" s="423" t="s">
        <v>2795</v>
      </c>
      <c r="BFJ729" s="424"/>
      <c r="BFK729" s="424"/>
      <c r="BFL729" s="424"/>
      <c r="BFM729" s="423" t="s">
        <v>2795</v>
      </c>
      <c r="BFN729" s="424"/>
      <c r="BFO729" s="424"/>
      <c r="BFP729" s="424"/>
      <c r="BFQ729" s="423" t="s">
        <v>2795</v>
      </c>
      <c r="BFR729" s="424"/>
      <c r="BFS729" s="424"/>
      <c r="BFT729" s="424"/>
      <c r="BFU729" s="423" t="s">
        <v>2795</v>
      </c>
      <c r="BFV729" s="424"/>
      <c r="BFW729" s="424"/>
      <c r="BFX729" s="424"/>
      <c r="BFY729" s="423" t="s">
        <v>2795</v>
      </c>
      <c r="BFZ729" s="424"/>
      <c r="BGA729" s="424"/>
      <c r="BGB729" s="424"/>
      <c r="BGC729" s="423" t="s">
        <v>2795</v>
      </c>
      <c r="BGD729" s="424"/>
      <c r="BGE729" s="424"/>
      <c r="BGF729" s="424"/>
      <c r="BGG729" s="423" t="s">
        <v>2795</v>
      </c>
      <c r="BGH729" s="424"/>
      <c r="BGI729" s="424"/>
      <c r="BGJ729" s="424"/>
      <c r="BGK729" s="423" t="s">
        <v>2795</v>
      </c>
      <c r="BGL729" s="424"/>
      <c r="BGM729" s="424"/>
      <c r="BGN729" s="424"/>
      <c r="BGO729" s="423" t="s">
        <v>2795</v>
      </c>
      <c r="BGP729" s="424"/>
      <c r="BGQ729" s="424"/>
      <c r="BGR729" s="424"/>
      <c r="BGS729" s="423" t="s">
        <v>2795</v>
      </c>
      <c r="BGT729" s="424"/>
      <c r="BGU729" s="424"/>
      <c r="BGV729" s="424"/>
      <c r="BGW729" s="423" t="s">
        <v>2795</v>
      </c>
      <c r="BGX729" s="424"/>
      <c r="BGY729" s="424"/>
      <c r="BGZ729" s="424"/>
      <c r="BHA729" s="423" t="s">
        <v>2795</v>
      </c>
      <c r="BHB729" s="424"/>
      <c r="BHC729" s="424"/>
      <c r="BHD729" s="424"/>
      <c r="BHE729" s="423" t="s">
        <v>2795</v>
      </c>
      <c r="BHF729" s="424"/>
      <c r="BHG729" s="424"/>
      <c r="BHH729" s="424"/>
      <c r="BHI729" s="423" t="s">
        <v>2795</v>
      </c>
      <c r="BHJ729" s="424"/>
      <c r="BHK729" s="424"/>
      <c r="BHL729" s="424"/>
      <c r="BHM729" s="423" t="s">
        <v>2795</v>
      </c>
      <c r="BHN729" s="424"/>
      <c r="BHO729" s="424"/>
      <c r="BHP729" s="424"/>
      <c r="BHQ729" s="423" t="s">
        <v>2795</v>
      </c>
      <c r="BHR729" s="424"/>
      <c r="BHS729" s="424"/>
      <c r="BHT729" s="424"/>
      <c r="BHU729" s="423" t="s">
        <v>2795</v>
      </c>
      <c r="BHV729" s="424"/>
      <c r="BHW729" s="424"/>
      <c r="BHX729" s="424"/>
      <c r="BHY729" s="423" t="s">
        <v>2795</v>
      </c>
      <c r="BHZ729" s="424"/>
      <c r="BIA729" s="424"/>
      <c r="BIB729" s="424"/>
      <c r="BIC729" s="423" t="s">
        <v>2795</v>
      </c>
      <c r="BID729" s="424"/>
      <c r="BIE729" s="424"/>
      <c r="BIF729" s="424"/>
      <c r="BIG729" s="423" t="s">
        <v>2795</v>
      </c>
      <c r="BIH729" s="424"/>
      <c r="BII729" s="424"/>
      <c r="BIJ729" s="424"/>
      <c r="BIK729" s="423" t="s">
        <v>2795</v>
      </c>
      <c r="BIL729" s="424"/>
      <c r="BIM729" s="424"/>
      <c r="BIN729" s="424"/>
      <c r="BIO729" s="423" t="s">
        <v>2795</v>
      </c>
      <c r="BIP729" s="424"/>
      <c r="BIQ729" s="424"/>
      <c r="BIR729" s="424"/>
      <c r="BIS729" s="423" t="s">
        <v>2795</v>
      </c>
      <c r="BIT729" s="424"/>
      <c r="BIU729" s="424"/>
      <c r="BIV729" s="424"/>
      <c r="BIW729" s="423" t="s">
        <v>2795</v>
      </c>
      <c r="BIX729" s="424"/>
      <c r="BIY729" s="424"/>
      <c r="BIZ729" s="424"/>
      <c r="BJA729" s="423" t="s">
        <v>2795</v>
      </c>
      <c r="BJB729" s="424"/>
      <c r="BJC729" s="424"/>
      <c r="BJD729" s="424"/>
      <c r="BJE729" s="423" t="s">
        <v>2795</v>
      </c>
      <c r="BJF729" s="424"/>
      <c r="BJG729" s="424"/>
      <c r="BJH729" s="424"/>
      <c r="BJI729" s="423" t="s">
        <v>2795</v>
      </c>
      <c r="BJJ729" s="424"/>
      <c r="BJK729" s="424"/>
      <c r="BJL729" s="424"/>
      <c r="BJM729" s="423" t="s">
        <v>2795</v>
      </c>
      <c r="BJN729" s="424"/>
      <c r="BJO729" s="424"/>
      <c r="BJP729" s="424"/>
      <c r="BJQ729" s="423" t="s">
        <v>2795</v>
      </c>
      <c r="BJR729" s="424"/>
      <c r="BJS729" s="424"/>
      <c r="BJT729" s="424"/>
      <c r="BJU729" s="423" t="s">
        <v>2795</v>
      </c>
      <c r="BJV729" s="424"/>
      <c r="BJW729" s="424"/>
      <c r="BJX729" s="424"/>
      <c r="BJY729" s="423" t="s">
        <v>2795</v>
      </c>
      <c r="BJZ729" s="424"/>
      <c r="BKA729" s="424"/>
      <c r="BKB729" s="424"/>
      <c r="BKC729" s="423" t="s">
        <v>2795</v>
      </c>
      <c r="BKD729" s="424"/>
      <c r="BKE729" s="424"/>
      <c r="BKF729" s="424"/>
      <c r="BKG729" s="423" t="s">
        <v>2795</v>
      </c>
      <c r="BKH729" s="424"/>
      <c r="BKI729" s="424"/>
      <c r="BKJ729" s="424"/>
      <c r="BKK729" s="423" t="s">
        <v>2795</v>
      </c>
      <c r="BKL729" s="424"/>
      <c r="BKM729" s="424"/>
      <c r="BKN729" s="424"/>
      <c r="BKO729" s="423" t="s">
        <v>2795</v>
      </c>
      <c r="BKP729" s="424"/>
      <c r="BKQ729" s="424"/>
      <c r="BKR729" s="424"/>
      <c r="BKS729" s="423" t="s">
        <v>2795</v>
      </c>
      <c r="BKT729" s="424"/>
      <c r="BKU729" s="424"/>
      <c r="BKV729" s="424"/>
      <c r="BKW729" s="423" t="s">
        <v>2795</v>
      </c>
      <c r="BKX729" s="424"/>
      <c r="BKY729" s="424"/>
      <c r="BKZ729" s="424"/>
      <c r="BLA729" s="423" t="s">
        <v>2795</v>
      </c>
      <c r="BLB729" s="424"/>
      <c r="BLC729" s="424"/>
      <c r="BLD729" s="424"/>
      <c r="BLE729" s="423" t="s">
        <v>2795</v>
      </c>
      <c r="BLF729" s="424"/>
      <c r="BLG729" s="424"/>
      <c r="BLH729" s="424"/>
      <c r="BLI729" s="423" t="s">
        <v>2795</v>
      </c>
      <c r="BLJ729" s="424"/>
      <c r="BLK729" s="424"/>
      <c r="BLL729" s="424"/>
      <c r="BLM729" s="423" t="s">
        <v>2795</v>
      </c>
      <c r="BLN729" s="424"/>
      <c r="BLO729" s="424"/>
      <c r="BLP729" s="424"/>
      <c r="BLQ729" s="423" t="s">
        <v>2795</v>
      </c>
      <c r="BLR729" s="424"/>
      <c r="BLS729" s="424"/>
      <c r="BLT729" s="424"/>
      <c r="BLU729" s="423" t="s">
        <v>2795</v>
      </c>
      <c r="BLV729" s="424"/>
      <c r="BLW729" s="424"/>
      <c r="BLX729" s="424"/>
      <c r="BLY729" s="423" t="s">
        <v>2795</v>
      </c>
      <c r="BLZ729" s="424"/>
      <c r="BMA729" s="424"/>
      <c r="BMB729" s="424"/>
      <c r="BMC729" s="423" t="s">
        <v>2795</v>
      </c>
      <c r="BMD729" s="424"/>
      <c r="BME729" s="424"/>
      <c r="BMF729" s="424"/>
      <c r="BMG729" s="423" t="s">
        <v>2795</v>
      </c>
      <c r="BMH729" s="424"/>
      <c r="BMI729" s="424"/>
      <c r="BMJ729" s="424"/>
      <c r="BMK729" s="423" t="s">
        <v>2795</v>
      </c>
      <c r="BML729" s="424"/>
      <c r="BMM729" s="424"/>
      <c r="BMN729" s="424"/>
      <c r="BMO729" s="423" t="s">
        <v>2795</v>
      </c>
      <c r="BMP729" s="424"/>
      <c r="BMQ729" s="424"/>
      <c r="BMR729" s="424"/>
      <c r="BMS729" s="423" t="s">
        <v>2795</v>
      </c>
      <c r="BMT729" s="424"/>
      <c r="BMU729" s="424"/>
      <c r="BMV729" s="424"/>
      <c r="BMW729" s="423" t="s">
        <v>2795</v>
      </c>
      <c r="BMX729" s="424"/>
      <c r="BMY729" s="424"/>
      <c r="BMZ729" s="424"/>
      <c r="BNA729" s="423" t="s">
        <v>2795</v>
      </c>
      <c r="BNB729" s="424"/>
      <c r="BNC729" s="424"/>
      <c r="BND729" s="424"/>
      <c r="BNE729" s="423" t="s">
        <v>2795</v>
      </c>
      <c r="BNF729" s="424"/>
      <c r="BNG729" s="424"/>
      <c r="BNH729" s="424"/>
      <c r="BNI729" s="423" t="s">
        <v>2795</v>
      </c>
      <c r="BNJ729" s="424"/>
      <c r="BNK729" s="424"/>
      <c r="BNL729" s="424"/>
      <c r="BNM729" s="423" t="s">
        <v>2795</v>
      </c>
      <c r="BNN729" s="424"/>
      <c r="BNO729" s="424"/>
      <c r="BNP729" s="424"/>
      <c r="BNQ729" s="423" t="s">
        <v>2795</v>
      </c>
      <c r="BNR729" s="424"/>
      <c r="BNS729" s="424"/>
      <c r="BNT729" s="424"/>
      <c r="BNU729" s="423" t="s">
        <v>2795</v>
      </c>
      <c r="BNV729" s="424"/>
      <c r="BNW729" s="424"/>
      <c r="BNX729" s="424"/>
      <c r="BNY729" s="423" t="s">
        <v>2795</v>
      </c>
      <c r="BNZ729" s="424"/>
      <c r="BOA729" s="424"/>
      <c r="BOB729" s="424"/>
      <c r="BOC729" s="423" t="s">
        <v>2795</v>
      </c>
      <c r="BOD729" s="424"/>
      <c r="BOE729" s="424"/>
      <c r="BOF729" s="424"/>
      <c r="BOG729" s="423" t="s">
        <v>2795</v>
      </c>
      <c r="BOH729" s="424"/>
      <c r="BOI729" s="424"/>
      <c r="BOJ729" s="424"/>
      <c r="BOK729" s="423" t="s">
        <v>2795</v>
      </c>
      <c r="BOL729" s="424"/>
      <c r="BOM729" s="424"/>
      <c r="BON729" s="424"/>
      <c r="BOO729" s="423" t="s">
        <v>2795</v>
      </c>
      <c r="BOP729" s="424"/>
      <c r="BOQ729" s="424"/>
      <c r="BOR729" s="424"/>
      <c r="BOS729" s="423" t="s">
        <v>2795</v>
      </c>
      <c r="BOT729" s="424"/>
      <c r="BOU729" s="424"/>
      <c r="BOV729" s="424"/>
      <c r="BOW729" s="423" t="s">
        <v>2795</v>
      </c>
      <c r="BOX729" s="424"/>
      <c r="BOY729" s="424"/>
      <c r="BOZ729" s="424"/>
      <c r="BPA729" s="423" t="s">
        <v>2795</v>
      </c>
      <c r="BPB729" s="424"/>
      <c r="BPC729" s="424"/>
      <c r="BPD729" s="424"/>
      <c r="BPE729" s="423" t="s">
        <v>2795</v>
      </c>
      <c r="BPF729" s="424"/>
      <c r="BPG729" s="424"/>
      <c r="BPH729" s="424"/>
      <c r="BPI729" s="423" t="s">
        <v>2795</v>
      </c>
      <c r="BPJ729" s="424"/>
      <c r="BPK729" s="424"/>
      <c r="BPL729" s="424"/>
      <c r="BPM729" s="423" t="s">
        <v>2795</v>
      </c>
      <c r="BPN729" s="424"/>
      <c r="BPO729" s="424"/>
      <c r="BPP729" s="424"/>
      <c r="BPQ729" s="423" t="s">
        <v>2795</v>
      </c>
      <c r="BPR729" s="424"/>
      <c r="BPS729" s="424"/>
      <c r="BPT729" s="424"/>
      <c r="BPU729" s="423" t="s">
        <v>2795</v>
      </c>
      <c r="BPV729" s="424"/>
      <c r="BPW729" s="424"/>
      <c r="BPX729" s="424"/>
      <c r="BPY729" s="423" t="s">
        <v>2795</v>
      </c>
      <c r="BPZ729" s="424"/>
      <c r="BQA729" s="424"/>
      <c r="BQB729" s="424"/>
      <c r="BQC729" s="423" t="s">
        <v>2795</v>
      </c>
      <c r="BQD729" s="424"/>
      <c r="BQE729" s="424"/>
      <c r="BQF729" s="424"/>
      <c r="BQG729" s="423" t="s">
        <v>2795</v>
      </c>
      <c r="BQH729" s="424"/>
      <c r="BQI729" s="424"/>
      <c r="BQJ729" s="424"/>
      <c r="BQK729" s="423" t="s">
        <v>2795</v>
      </c>
      <c r="BQL729" s="424"/>
      <c r="BQM729" s="424"/>
      <c r="BQN729" s="424"/>
      <c r="BQO729" s="423" t="s">
        <v>2795</v>
      </c>
      <c r="BQP729" s="424"/>
      <c r="BQQ729" s="424"/>
      <c r="BQR729" s="424"/>
      <c r="BQS729" s="423" t="s">
        <v>2795</v>
      </c>
      <c r="BQT729" s="424"/>
      <c r="BQU729" s="424"/>
      <c r="BQV729" s="424"/>
      <c r="BQW729" s="423" t="s">
        <v>2795</v>
      </c>
      <c r="BQX729" s="424"/>
      <c r="BQY729" s="424"/>
      <c r="BQZ729" s="424"/>
      <c r="BRA729" s="423" t="s">
        <v>2795</v>
      </c>
      <c r="BRB729" s="424"/>
      <c r="BRC729" s="424"/>
      <c r="BRD729" s="424"/>
      <c r="BRE729" s="423" t="s">
        <v>2795</v>
      </c>
      <c r="BRF729" s="424"/>
      <c r="BRG729" s="424"/>
      <c r="BRH729" s="424"/>
      <c r="BRI729" s="423" t="s">
        <v>2795</v>
      </c>
      <c r="BRJ729" s="424"/>
      <c r="BRK729" s="424"/>
      <c r="BRL729" s="424"/>
      <c r="BRM729" s="423" t="s">
        <v>2795</v>
      </c>
      <c r="BRN729" s="424"/>
      <c r="BRO729" s="424"/>
      <c r="BRP729" s="424"/>
      <c r="BRQ729" s="423" t="s">
        <v>2795</v>
      </c>
      <c r="BRR729" s="424"/>
      <c r="BRS729" s="424"/>
      <c r="BRT729" s="424"/>
      <c r="BRU729" s="423" t="s">
        <v>2795</v>
      </c>
      <c r="BRV729" s="424"/>
      <c r="BRW729" s="424"/>
      <c r="BRX729" s="424"/>
      <c r="BRY729" s="423" t="s">
        <v>2795</v>
      </c>
      <c r="BRZ729" s="424"/>
      <c r="BSA729" s="424"/>
      <c r="BSB729" s="424"/>
      <c r="BSC729" s="423" t="s">
        <v>2795</v>
      </c>
      <c r="BSD729" s="424"/>
      <c r="BSE729" s="424"/>
      <c r="BSF729" s="424"/>
      <c r="BSG729" s="423" t="s">
        <v>2795</v>
      </c>
      <c r="BSH729" s="424"/>
      <c r="BSI729" s="424"/>
      <c r="BSJ729" s="424"/>
      <c r="BSK729" s="423" t="s">
        <v>2795</v>
      </c>
      <c r="BSL729" s="424"/>
      <c r="BSM729" s="424"/>
      <c r="BSN729" s="424"/>
      <c r="BSO729" s="423" t="s">
        <v>2795</v>
      </c>
      <c r="BSP729" s="424"/>
      <c r="BSQ729" s="424"/>
      <c r="BSR729" s="424"/>
      <c r="BSS729" s="423" t="s">
        <v>2795</v>
      </c>
      <c r="BST729" s="424"/>
      <c r="BSU729" s="424"/>
      <c r="BSV729" s="424"/>
      <c r="BSW729" s="423" t="s">
        <v>2795</v>
      </c>
      <c r="BSX729" s="424"/>
      <c r="BSY729" s="424"/>
      <c r="BSZ729" s="424"/>
      <c r="BTA729" s="423" t="s">
        <v>2795</v>
      </c>
      <c r="BTB729" s="424"/>
      <c r="BTC729" s="424"/>
      <c r="BTD729" s="424"/>
      <c r="BTE729" s="423" t="s">
        <v>2795</v>
      </c>
      <c r="BTF729" s="424"/>
      <c r="BTG729" s="424"/>
      <c r="BTH729" s="424"/>
      <c r="BTI729" s="423" t="s">
        <v>2795</v>
      </c>
      <c r="BTJ729" s="424"/>
      <c r="BTK729" s="424"/>
      <c r="BTL729" s="424"/>
      <c r="BTM729" s="423" t="s">
        <v>2795</v>
      </c>
      <c r="BTN729" s="424"/>
      <c r="BTO729" s="424"/>
      <c r="BTP729" s="424"/>
      <c r="BTQ729" s="423" t="s">
        <v>2795</v>
      </c>
      <c r="BTR729" s="424"/>
      <c r="BTS729" s="424"/>
      <c r="BTT729" s="424"/>
      <c r="BTU729" s="423" t="s">
        <v>2795</v>
      </c>
      <c r="BTV729" s="424"/>
      <c r="BTW729" s="424"/>
      <c r="BTX729" s="424"/>
      <c r="BTY729" s="423" t="s">
        <v>2795</v>
      </c>
      <c r="BTZ729" s="424"/>
      <c r="BUA729" s="424"/>
      <c r="BUB729" s="424"/>
      <c r="BUC729" s="423" t="s">
        <v>2795</v>
      </c>
      <c r="BUD729" s="424"/>
      <c r="BUE729" s="424"/>
      <c r="BUF729" s="424"/>
      <c r="BUG729" s="423" t="s">
        <v>2795</v>
      </c>
      <c r="BUH729" s="424"/>
      <c r="BUI729" s="424"/>
      <c r="BUJ729" s="424"/>
      <c r="BUK729" s="423" t="s">
        <v>2795</v>
      </c>
      <c r="BUL729" s="424"/>
      <c r="BUM729" s="424"/>
      <c r="BUN729" s="424"/>
      <c r="BUO729" s="423" t="s">
        <v>2795</v>
      </c>
      <c r="BUP729" s="424"/>
      <c r="BUQ729" s="424"/>
      <c r="BUR729" s="424"/>
      <c r="BUS729" s="423" t="s">
        <v>2795</v>
      </c>
      <c r="BUT729" s="424"/>
      <c r="BUU729" s="424"/>
      <c r="BUV729" s="424"/>
      <c r="BUW729" s="423" t="s">
        <v>2795</v>
      </c>
      <c r="BUX729" s="424"/>
      <c r="BUY729" s="424"/>
      <c r="BUZ729" s="424"/>
      <c r="BVA729" s="423" t="s">
        <v>2795</v>
      </c>
      <c r="BVB729" s="424"/>
      <c r="BVC729" s="424"/>
      <c r="BVD729" s="424"/>
      <c r="BVE729" s="423" t="s">
        <v>2795</v>
      </c>
      <c r="BVF729" s="424"/>
      <c r="BVG729" s="424"/>
      <c r="BVH729" s="424"/>
      <c r="BVI729" s="423" t="s">
        <v>2795</v>
      </c>
      <c r="BVJ729" s="424"/>
      <c r="BVK729" s="424"/>
      <c r="BVL729" s="424"/>
      <c r="BVM729" s="423" t="s">
        <v>2795</v>
      </c>
      <c r="BVN729" s="424"/>
      <c r="BVO729" s="424"/>
      <c r="BVP729" s="424"/>
      <c r="BVQ729" s="423" t="s">
        <v>2795</v>
      </c>
      <c r="BVR729" s="424"/>
      <c r="BVS729" s="424"/>
      <c r="BVT729" s="424"/>
      <c r="BVU729" s="423" t="s">
        <v>2795</v>
      </c>
      <c r="BVV729" s="424"/>
      <c r="BVW729" s="424"/>
      <c r="BVX729" s="424"/>
      <c r="BVY729" s="423" t="s">
        <v>2795</v>
      </c>
      <c r="BVZ729" s="424"/>
      <c r="BWA729" s="424"/>
      <c r="BWB729" s="424"/>
      <c r="BWC729" s="423" t="s">
        <v>2795</v>
      </c>
      <c r="BWD729" s="424"/>
      <c r="BWE729" s="424"/>
      <c r="BWF729" s="424"/>
      <c r="BWG729" s="423" t="s">
        <v>2795</v>
      </c>
      <c r="BWH729" s="424"/>
      <c r="BWI729" s="424"/>
      <c r="BWJ729" s="424"/>
      <c r="BWK729" s="423" t="s">
        <v>2795</v>
      </c>
      <c r="BWL729" s="424"/>
      <c r="BWM729" s="424"/>
      <c r="BWN729" s="424"/>
      <c r="BWO729" s="423" t="s">
        <v>2795</v>
      </c>
      <c r="BWP729" s="424"/>
      <c r="BWQ729" s="424"/>
      <c r="BWR729" s="424"/>
      <c r="BWS729" s="423" t="s">
        <v>2795</v>
      </c>
      <c r="BWT729" s="424"/>
      <c r="BWU729" s="424"/>
      <c r="BWV729" s="424"/>
      <c r="BWW729" s="423" t="s">
        <v>2795</v>
      </c>
      <c r="BWX729" s="424"/>
      <c r="BWY729" s="424"/>
      <c r="BWZ729" s="424"/>
      <c r="BXA729" s="423" t="s">
        <v>2795</v>
      </c>
      <c r="BXB729" s="424"/>
      <c r="BXC729" s="424"/>
      <c r="BXD729" s="424"/>
      <c r="BXE729" s="423" t="s">
        <v>2795</v>
      </c>
      <c r="BXF729" s="424"/>
      <c r="BXG729" s="424"/>
      <c r="BXH729" s="424"/>
      <c r="BXI729" s="423" t="s">
        <v>2795</v>
      </c>
      <c r="BXJ729" s="424"/>
      <c r="BXK729" s="424"/>
      <c r="BXL729" s="424"/>
      <c r="BXM729" s="423" t="s">
        <v>2795</v>
      </c>
      <c r="BXN729" s="424"/>
      <c r="BXO729" s="424"/>
      <c r="BXP729" s="424"/>
      <c r="BXQ729" s="423" t="s">
        <v>2795</v>
      </c>
      <c r="BXR729" s="424"/>
      <c r="BXS729" s="424"/>
      <c r="BXT729" s="424"/>
      <c r="BXU729" s="423" t="s">
        <v>2795</v>
      </c>
      <c r="BXV729" s="424"/>
      <c r="BXW729" s="424"/>
      <c r="BXX729" s="424"/>
      <c r="BXY729" s="423" t="s">
        <v>2795</v>
      </c>
      <c r="BXZ729" s="424"/>
      <c r="BYA729" s="424"/>
      <c r="BYB729" s="424"/>
      <c r="BYC729" s="423" t="s">
        <v>2795</v>
      </c>
      <c r="BYD729" s="424"/>
      <c r="BYE729" s="424"/>
      <c r="BYF729" s="424"/>
      <c r="BYG729" s="423" t="s">
        <v>2795</v>
      </c>
      <c r="BYH729" s="424"/>
      <c r="BYI729" s="424"/>
      <c r="BYJ729" s="424"/>
      <c r="BYK729" s="423" t="s">
        <v>2795</v>
      </c>
      <c r="BYL729" s="424"/>
      <c r="BYM729" s="424"/>
      <c r="BYN729" s="424"/>
      <c r="BYO729" s="423" t="s">
        <v>2795</v>
      </c>
      <c r="BYP729" s="424"/>
      <c r="BYQ729" s="424"/>
      <c r="BYR729" s="424"/>
      <c r="BYS729" s="423" t="s">
        <v>2795</v>
      </c>
      <c r="BYT729" s="424"/>
      <c r="BYU729" s="424"/>
      <c r="BYV729" s="424"/>
      <c r="BYW729" s="423" t="s">
        <v>2795</v>
      </c>
      <c r="BYX729" s="424"/>
      <c r="BYY729" s="424"/>
      <c r="BYZ729" s="424"/>
      <c r="BZA729" s="423" t="s">
        <v>2795</v>
      </c>
      <c r="BZB729" s="424"/>
      <c r="BZC729" s="424"/>
      <c r="BZD729" s="424"/>
      <c r="BZE729" s="423" t="s">
        <v>2795</v>
      </c>
      <c r="BZF729" s="424"/>
      <c r="BZG729" s="424"/>
      <c r="BZH729" s="424"/>
      <c r="BZI729" s="423" t="s">
        <v>2795</v>
      </c>
      <c r="BZJ729" s="424"/>
      <c r="BZK729" s="424"/>
      <c r="BZL729" s="424"/>
      <c r="BZM729" s="423" t="s">
        <v>2795</v>
      </c>
      <c r="BZN729" s="424"/>
      <c r="BZO729" s="424"/>
      <c r="BZP729" s="424"/>
      <c r="BZQ729" s="423" t="s">
        <v>2795</v>
      </c>
      <c r="BZR729" s="424"/>
      <c r="BZS729" s="424"/>
      <c r="BZT729" s="424"/>
      <c r="BZU729" s="423" t="s">
        <v>2795</v>
      </c>
      <c r="BZV729" s="424"/>
      <c r="BZW729" s="424"/>
      <c r="BZX729" s="424"/>
      <c r="BZY729" s="423" t="s">
        <v>2795</v>
      </c>
      <c r="BZZ729" s="424"/>
      <c r="CAA729" s="424"/>
      <c r="CAB729" s="424"/>
      <c r="CAC729" s="423" t="s">
        <v>2795</v>
      </c>
      <c r="CAD729" s="424"/>
      <c r="CAE729" s="424"/>
      <c r="CAF729" s="424"/>
      <c r="CAG729" s="423" t="s">
        <v>2795</v>
      </c>
      <c r="CAH729" s="424"/>
      <c r="CAI729" s="424"/>
      <c r="CAJ729" s="424"/>
      <c r="CAK729" s="423" t="s">
        <v>2795</v>
      </c>
      <c r="CAL729" s="424"/>
      <c r="CAM729" s="424"/>
      <c r="CAN729" s="424"/>
      <c r="CAO729" s="423" t="s">
        <v>2795</v>
      </c>
      <c r="CAP729" s="424"/>
      <c r="CAQ729" s="424"/>
      <c r="CAR729" s="424"/>
      <c r="CAS729" s="423" t="s">
        <v>2795</v>
      </c>
      <c r="CAT729" s="424"/>
      <c r="CAU729" s="424"/>
      <c r="CAV729" s="424"/>
      <c r="CAW729" s="423" t="s">
        <v>2795</v>
      </c>
      <c r="CAX729" s="424"/>
      <c r="CAY729" s="424"/>
      <c r="CAZ729" s="424"/>
      <c r="CBA729" s="423" t="s">
        <v>2795</v>
      </c>
      <c r="CBB729" s="424"/>
      <c r="CBC729" s="424"/>
      <c r="CBD729" s="424"/>
      <c r="CBE729" s="423" t="s">
        <v>2795</v>
      </c>
      <c r="CBF729" s="424"/>
      <c r="CBG729" s="424"/>
      <c r="CBH729" s="424"/>
      <c r="CBI729" s="423" t="s">
        <v>2795</v>
      </c>
      <c r="CBJ729" s="424"/>
      <c r="CBK729" s="424"/>
      <c r="CBL729" s="424"/>
      <c r="CBM729" s="423" t="s">
        <v>2795</v>
      </c>
      <c r="CBN729" s="424"/>
      <c r="CBO729" s="424"/>
      <c r="CBP729" s="424"/>
      <c r="CBQ729" s="423" t="s">
        <v>2795</v>
      </c>
      <c r="CBR729" s="424"/>
      <c r="CBS729" s="424"/>
      <c r="CBT729" s="424"/>
      <c r="CBU729" s="423" t="s">
        <v>2795</v>
      </c>
      <c r="CBV729" s="424"/>
      <c r="CBW729" s="424"/>
      <c r="CBX729" s="424"/>
      <c r="CBY729" s="423" t="s">
        <v>2795</v>
      </c>
      <c r="CBZ729" s="424"/>
      <c r="CCA729" s="424"/>
      <c r="CCB729" s="424"/>
      <c r="CCC729" s="423" t="s">
        <v>2795</v>
      </c>
      <c r="CCD729" s="424"/>
      <c r="CCE729" s="424"/>
      <c r="CCF729" s="424"/>
      <c r="CCG729" s="423" t="s">
        <v>2795</v>
      </c>
      <c r="CCH729" s="424"/>
      <c r="CCI729" s="424"/>
      <c r="CCJ729" s="424"/>
      <c r="CCK729" s="423" t="s">
        <v>2795</v>
      </c>
      <c r="CCL729" s="424"/>
      <c r="CCM729" s="424"/>
      <c r="CCN729" s="424"/>
      <c r="CCO729" s="423" t="s">
        <v>2795</v>
      </c>
      <c r="CCP729" s="424"/>
      <c r="CCQ729" s="424"/>
      <c r="CCR729" s="424"/>
      <c r="CCS729" s="423" t="s">
        <v>2795</v>
      </c>
      <c r="CCT729" s="424"/>
      <c r="CCU729" s="424"/>
      <c r="CCV729" s="424"/>
      <c r="CCW729" s="423" t="s">
        <v>2795</v>
      </c>
      <c r="CCX729" s="424"/>
      <c r="CCY729" s="424"/>
      <c r="CCZ729" s="424"/>
      <c r="CDA729" s="423" t="s">
        <v>2795</v>
      </c>
      <c r="CDB729" s="424"/>
      <c r="CDC729" s="424"/>
      <c r="CDD729" s="424"/>
      <c r="CDE729" s="423" t="s">
        <v>2795</v>
      </c>
      <c r="CDF729" s="424"/>
      <c r="CDG729" s="424"/>
      <c r="CDH729" s="424"/>
      <c r="CDI729" s="423" t="s">
        <v>2795</v>
      </c>
      <c r="CDJ729" s="424"/>
      <c r="CDK729" s="424"/>
      <c r="CDL729" s="424"/>
      <c r="CDM729" s="423" t="s">
        <v>2795</v>
      </c>
      <c r="CDN729" s="424"/>
      <c r="CDO729" s="424"/>
      <c r="CDP729" s="424"/>
      <c r="CDQ729" s="423" t="s">
        <v>2795</v>
      </c>
      <c r="CDR729" s="424"/>
      <c r="CDS729" s="424"/>
      <c r="CDT729" s="424"/>
      <c r="CDU729" s="423" t="s">
        <v>2795</v>
      </c>
      <c r="CDV729" s="424"/>
      <c r="CDW729" s="424"/>
      <c r="CDX729" s="424"/>
      <c r="CDY729" s="423" t="s">
        <v>2795</v>
      </c>
      <c r="CDZ729" s="424"/>
      <c r="CEA729" s="424"/>
      <c r="CEB729" s="424"/>
      <c r="CEC729" s="423" t="s">
        <v>2795</v>
      </c>
      <c r="CED729" s="424"/>
      <c r="CEE729" s="424"/>
      <c r="CEF729" s="424"/>
      <c r="CEG729" s="423" t="s">
        <v>2795</v>
      </c>
      <c r="CEH729" s="424"/>
      <c r="CEI729" s="424"/>
      <c r="CEJ729" s="424"/>
      <c r="CEK729" s="423" t="s">
        <v>2795</v>
      </c>
      <c r="CEL729" s="424"/>
      <c r="CEM729" s="424"/>
      <c r="CEN729" s="424"/>
      <c r="CEO729" s="423" t="s">
        <v>2795</v>
      </c>
      <c r="CEP729" s="424"/>
      <c r="CEQ729" s="424"/>
      <c r="CER729" s="424"/>
      <c r="CES729" s="423" t="s">
        <v>2795</v>
      </c>
      <c r="CET729" s="424"/>
      <c r="CEU729" s="424"/>
      <c r="CEV729" s="424"/>
      <c r="CEW729" s="423" t="s">
        <v>2795</v>
      </c>
      <c r="CEX729" s="424"/>
      <c r="CEY729" s="424"/>
      <c r="CEZ729" s="424"/>
      <c r="CFA729" s="423" t="s">
        <v>2795</v>
      </c>
      <c r="CFB729" s="424"/>
      <c r="CFC729" s="424"/>
      <c r="CFD729" s="424"/>
      <c r="CFE729" s="423" t="s">
        <v>2795</v>
      </c>
      <c r="CFF729" s="424"/>
      <c r="CFG729" s="424"/>
      <c r="CFH729" s="424"/>
      <c r="CFI729" s="423" t="s">
        <v>2795</v>
      </c>
      <c r="CFJ729" s="424"/>
      <c r="CFK729" s="424"/>
      <c r="CFL729" s="424"/>
      <c r="CFM729" s="423" t="s">
        <v>2795</v>
      </c>
      <c r="CFN729" s="424"/>
      <c r="CFO729" s="424"/>
      <c r="CFP729" s="424"/>
      <c r="CFQ729" s="423" t="s">
        <v>2795</v>
      </c>
      <c r="CFR729" s="424"/>
      <c r="CFS729" s="424"/>
      <c r="CFT729" s="424"/>
      <c r="CFU729" s="423" t="s">
        <v>2795</v>
      </c>
      <c r="CFV729" s="424"/>
      <c r="CFW729" s="424"/>
      <c r="CFX729" s="424"/>
      <c r="CFY729" s="423" t="s">
        <v>2795</v>
      </c>
      <c r="CFZ729" s="424"/>
      <c r="CGA729" s="424"/>
      <c r="CGB729" s="424"/>
      <c r="CGC729" s="423" t="s">
        <v>2795</v>
      </c>
      <c r="CGD729" s="424"/>
      <c r="CGE729" s="424"/>
      <c r="CGF729" s="424"/>
      <c r="CGG729" s="423" t="s">
        <v>2795</v>
      </c>
      <c r="CGH729" s="424"/>
      <c r="CGI729" s="424"/>
      <c r="CGJ729" s="424"/>
      <c r="CGK729" s="423" t="s">
        <v>2795</v>
      </c>
      <c r="CGL729" s="424"/>
      <c r="CGM729" s="424"/>
      <c r="CGN729" s="424"/>
      <c r="CGO729" s="423" t="s">
        <v>2795</v>
      </c>
      <c r="CGP729" s="424"/>
      <c r="CGQ729" s="424"/>
      <c r="CGR729" s="424"/>
      <c r="CGS729" s="423" t="s">
        <v>2795</v>
      </c>
      <c r="CGT729" s="424"/>
      <c r="CGU729" s="424"/>
      <c r="CGV729" s="424"/>
      <c r="CGW729" s="423" t="s">
        <v>2795</v>
      </c>
      <c r="CGX729" s="424"/>
      <c r="CGY729" s="424"/>
      <c r="CGZ729" s="424"/>
      <c r="CHA729" s="423" t="s">
        <v>2795</v>
      </c>
      <c r="CHB729" s="424"/>
      <c r="CHC729" s="424"/>
      <c r="CHD729" s="424"/>
      <c r="CHE729" s="423" t="s">
        <v>2795</v>
      </c>
      <c r="CHF729" s="424"/>
      <c r="CHG729" s="424"/>
      <c r="CHH729" s="424"/>
      <c r="CHI729" s="423" t="s">
        <v>2795</v>
      </c>
      <c r="CHJ729" s="424"/>
      <c r="CHK729" s="424"/>
      <c r="CHL729" s="424"/>
      <c r="CHM729" s="423" t="s">
        <v>2795</v>
      </c>
      <c r="CHN729" s="424"/>
      <c r="CHO729" s="424"/>
      <c r="CHP729" s="424"/>
      <c r="CHQ729" s="423" t="s">
        <v>2795</v>
      </c>
      <c r="CHR729" s="424"/>
      <c r="CHS729" s="424"/>
      <c r="CHT729" s="424"/>
      <c r="CHU729" s="423" t="s">
        <v>2795</v>
      </c>
      <c r="CHV729" s="424"/>
      <c r="CHW729" s="424"/>
      <c r="CHX729" s="424"/>
      <c r="CHY729" s="423" t="s">
        <v>2795</v>
      </c>
      <c r="CHZ729" s="424"/>
      <c r="CIA729" s="424"/>
      <c r="CIB729" s="424"/>
      <c r="CIC729" s="423" t="s">
        <v>2795</v>
      </c>
      <c r="CID729" s="424"/>
      <c r="CIE729" s="424"/>
      <c r="CIF729" s="424"/>
      <c r="CIG729" s="423" t="s">
        <v>2795</v>
      </c>
      <c r="CIH729" s="424"/>
      <c r="CII729" s="424"/>
      <c r="CIJ729" s="424"/>
      <c r="CIK729" s="423" t="s">
        <v>2795</v>
      </c>
      <c r="CIL729" s="424"/>
      <c r="CIM729" s="424"/>
      <c r="CIN729" s="424"/>
      <c r="CIO729" s="423" t="s">
        <v>2795</v>
      </c>
      <c r="CIP729" s="424"/>
      <c r="CIQ729" s="424"/>
      <c r="CIR729" s="424"/>
      <c r="CIS729" s="423" t="s">
        <v>2795</v>
      </c>
      <c r="CIT729" s="424"/>
      <c r="CIU729" s="424"/>
      <c r="CIV729" s="424"/>
      <c r="CIW729" s="423" t="s">
        <v>2795</v>
      </c>
      <c r="CIX729" s="424"/>
      <c r="CIY729" s="424"/>
      <c r="CIZ729" s="424"/>
      <c r="CJA729" s="423" t="s">
        <v>2795</v>
      </c>
      <c r="CJB729" s="424"/>
      <c r="CJC729" s="424"/>
      <c r="CJD729" s="424"/>
      <c r="CJE729" s="423" t="s">
        <v>2795</v>
      </c>
      <c r="CJF729" s="424"/>
      <c r="CJG729" s="424"/>
      <c r="CJH729" s="424"/>
      <c r="CJI729" s="423" t="s">
        <v>2795</v>
      </c>
      <c r="CJJ729" s="424"/>
      <c r="CJK729" s="424"/>
      <c r="CJL729" s="424"/>
      <c r="CJM729" s="423" t="s">
        <v>2795</v>
      </c>
      <c r="CJN729" s="424"/>
      <c r="CJO729" s="424"/>
      <c r="CJP729" s="424"/>
      <c r="CJQ729" s="423" t="s">
        <v>2795</v>
      </c>
      <c r="CJR729" s="424"/>
      <c r="CJS729" s="424"/>
      <c r="CJT729" s="424"/>
      <c r="CJU729" s="423" t="s">
        <v>2795</v>
      </c>
      <c r="CJV729" s="424"/>
      <c r="CJW729" s="424"/>
      <c r="CJX729" s="424"/>
      <c r="CJY729" s="423" t="s">
        <v>2795</v>
      </c>
      <c r="CJZ729" s="424"/>
      <c r="CKA729" s="424"/>
      <c r="CKB729" s="424"/>
      <c r="CKC729" s="423" t="s">
        <v>2795</v>
      </c>
      <c r="CKD729" s="424"/>
      <c r="CKE729" s="424"/>
      <c r="CKF729" s="424"/>
      <c r="CKG729" s="423" t="s">
        <v>2795</v>
      </c>
      <c r="CKH729" s="424"/>
      <c r="CKI729" s="424"/>
      <c r="CKJ729" s="424"/>
      <c r="CKK729" s="423" t="s">
        <v>2795</v>
      </c>
      <c r="CKL729" s="424"/>
      <c r="CKM729" s="424"/>
      <c r="CKN729" s="424"/>
      <c r="CKO729" s="423" t="s">
        <v>2795</v>
      </c>
      <c r="CKP729" s="424"/>
      <c r="CKQ729" s="424"/>
      <c r="CKR729" s="424"/>
      <c r="CKS729" s="423" t="s">
        <v>2795</v>
      </c>
      <c r="CKT729" s="424"/>
      <c r="CKU729" s="424"/>
      <c r="CKV729" s="424"/>
      <c r="CKW729" s="423" t="s">
        <v>2795</v>
      </c>
      <c r="CKX729" s="424"/>
      <c r="CKY729" s="424"/>
      <c r="CKZ729" s="424"/>
      <c r="CLA729" s="423" t="s">
        <v>2795</v>
      </c>
      <c r="CLB729" s="424"/>
      <c r="CLC729" s="424"/>
      <c r="CLD729" s="424"/>
      <c r="CLE729" s="423" t="s">
        <v>2795</v>
      </c>
      <c r="CLF729" s="424"/>
      <c r="CLG729" s="424"/>
      <c r="CLH729" s="424"/>
      <c r="CLI729" s="423" t="s">
        <v>2795</v>
      </c>
      <c r="CLJ729" s="424"/>
      <c r="CLK729" s="424"/>
      <c r="CLL729" s="424"/>
      <c r="CLM729" s="423" t="s">
        <v>2795</v>
      </c>
      <c r="CLN729" s="424"/>
      <c r="CLO729" s="424"/>
      <c r="CLP729" s="424"/>
      <c r="CLQ729" s="423" t="s">
        <v>2795</v>
      </c>
      <c r="CLR729" s="424"/>
      <c r="CLS729" s="424"/>
      <c r="CLT729" s="424"/>
      <c r="CLU729" s="423" t="s">
        <v>2795</v>
      </c>
      <c r="CLV729" s="424"/>
      <c r="CLW729" s="424"/>
      <c r="CLX729" s="424"/>
      <c r="CLY729" s="423" t="s">
        <v>2795</v>
      </c>
      <c r="CLZ729" s="424"/>
      <c r="CMA729" s="424"/>
      <c r="CMB729" s="424"/>
      <c r="CMC729" s="423" t="s">
        <v>2795</v>
      </c>
      <c r="CMD729" s="424"/>
      <c r="CME729" s="424"/>
      <c r="CMF729" s="424"/>
      <c r="CMG729" s="423" t="s">
        <v>2795</v>
      </c>
      <c r="CMH729" s="424"/>
      <c r="CMI729" s="424"/>
      <c r="CMJ729" s="424"/>
      <c r="CMK729" s="423" t="s">
        <v>2795</v>
      </c>
      <c r="CML729" s="424"/>
      <c r="CMM729" s="424"/>
      <c r="CMN729" s="424"/>
      <c r="CMO729" s="423" t="s">
        <v>2795</v>
      </c>
      <c r="CMP729" s="424"/>
      <c r="CMQ729" s="424"/>
      <c r="CMR729" s="424"/>
      <c r="CMS729" s="423" t="s">
        <v>2795</v>
      </c>
      <c r="CMT729" s="424"/>
      <c r="CMU729" s="424"/>
      <c r="CMV729" s="424"/>
      <c r="CMW729" s="423" t="s">
        <v>2795</v>
      </c>
      <c r="CMX729" s="424"/>
      <c r="CMY729" s="424"/>
      <c r="CMZ729" s="424"/>
      <c r="CNA729" s="423" t="s">
        <v>2795</v>
      </c>
      <c r="CNB729" s="424"/>
      <c r="CNC729" s="424"/>
      <c r="CND729" s="424"/>
      <c r="CNE729" s="423" t="s">
        <v>2795</v>
      </c>
      <c r="CNF729" s="424"/>
      <c r="CNG729" s="424"/>
      <c r="CNH729" s="424"/>
      <c r="CNI729" s="423" t="s">
        <v>2795</v>
      </c>
      <c r="CNJ729" s="424"/>
      <c r="CNK729" s="424"/>
      <c r="CNL729" s="424"/>
      <c r="CNM729" s="423" t="s">
        <v>2795</v>
      </c>
      <c r="CNN729" s="424"/>
      <c r="CNO729" s="424"/>
      <c r="CNP729" s="424"/>
      <c r="CNQ729" s="423" t="s">
        <v>2795</v>
      </c>
      <c r="CNR729" s="424"/>
      <c r="CNS729" s="424"/>
      <c r="CNT729" s="424"/>
      <c r="CNU729" s="423" t="s">
        <v>2795</v>
      </c>
      <c r="CNV729" s="424"/>
      <c r="CNW729" s="424"/>
      <c r="CNX729" s="424"/>
      <c r="CNY729" s="423" t="s">
        <v>2795</v>
      </c>
      <c r="CNZ729" s="424"/>
      <c r="COA729" s="424"/>
      <c r="COB729" s="424"/>
      <c r="COC729" s="423" t="s">
        <v>2795</v>
      </c>
      <c r="COD729" s="424"/>
      <c r="COE729" s="424"/>
      <c r="COF729" s="424"/>
      <c r="COG729" s="423" t="s">
        <v>2795</v>
      </c>
      <c r="COH729" s="424"/>
      <c r="COI729" s="424"/>
      <c r="COJ729" s="424"/>
      <c r="COK729" s="423" t="s">
        <v>2795</v>
      </c>
      <c r="COL729" s="424"/>
      <c r="COM729" s="424"/>
      <c r="CON729" s="424"/>
      <c r="COO729" s="423" t="s">
        <v>2795</v>
      </c>
      <c r="COP729" s="424"/>
      <c r="COQ729" s="424"/>
      <c r="COR729" s="424"/>
      <c r="COS729" s="423" t="s">
        <v>2795</v>
      </c>
      <c r="COT729" s="424"/>
      <c r="COU729" s="424"/>
      <c r="COV729" s="424"/>
      <c r="COW729" s="423" t="s">
        <v>2795</v>
      </c>
      <c r="COX729" s="424"/>
      <c r="COY729" s="424"/>
      <c r="COZ729" s="424"/>
      <c r="CPA729" s="423" t="s">
        <v>2795</v>
      </c>
      <c r="CPB729" s="424"/>
      <c r="CPC729" s="424"/>
      <c r="CPD729" s="424"/>
      <c r="CPE729" s="423" t="s">
        <v>2795</v>
      </c>
      <c r="CPF729" s="424"/>
      <c r="CPG729" s="424"/>
      <c r="CPH729" s="424"/>
      <c r="CPI729" s="423" t="s">
        <v>2795</v>
      </c>
      <c r="CPJ729" s="424"/>
      <c r="CPK729" s="424"/>
      <c r="CPL729" s="424"/>
      <c r="CPM729" s="423" t="s">
        <v>2795</v>
      </c>
      <c r="CPN729" s="424"/>
      <c r="CPO729" s="424"/>
      <c r="CPP729" s="424"/>
      <c r="CPQ729" s="423" t="s">
        <v>2795</v>
      </c>
      <c r="CPR729" s="424"/>
      <c r="CPS729" s="424"/>
      <c r="CPT729" s="424"/>
      <c r="CPU729" s="423" t="s">
        <v>2795</v>
      </c>
      <c r="CPV729" s="424"/>
      <c r="CPW729" s="424"/>
      <c r="CPX729" s="424"/>
      <c r="CPY729" s="423" t="s">
        <v>2795</v>
      </c>
      <c r="CPZ729" s="424"/>
      <c r="CQA729" s="424"/>
      <c r="CQB729" s="424"/>
      <c r="CQC729" s="423" t="s">
        <v>2795</v>
      </c>
      <c r="CQD729" s="424"/>
      <c r="CQE729" s="424"/>
      <c r="CQF729" s="424"/>
      <c r="CQG729" s="423" t="s">
        <v>2795</v>
      </c>
      <c r="CQH729" s="424"/>
      <c r="CQI729" s="424"/>
      <c r="CQJ729" s="424"/>
      <c r="CQK729" s="423" t="s">
        <v>2795</v>
      </c>
      <c r="CQL729" s="424"/>
      <c r="CQM729" s="424"/>
      <c r="CQN729" s="424"/>
      <c r="CQO729" s="423" t="s">
        <v>2795</v>
      </c>
      <c r="CQP729" s="424"/>
      <c r="CQQ729" s="424"/>
      <c r="CQR729" s="424"/>
      <c r="CQS729" s="423" t="s">
        <v>2795</v>
      </c>
      <c r="CQT729" s="424"/>
      <c r="CQU729" s="424"/>
      <c r="CQV729" s="424"/>
      <c r="CQW729" s="423" t="s">
        <v>2795</v>
      </c>
      <c r="CQX729" s="424"/>
      <c r="CQY729" s="424"/>
      <c r="CQZ729" s="424"/>
      <c r="CRA729" s="423" t="s">
        <v>2795</v>
      </c>
      <c r="CRB729" s="424"/>
      <c r="CRC729" s="424"/>
      <c r="CRD729" s="424"/>
      <c r="CRE729" s="423" t="s">
        <v>2795</v>
      </c>
      <c r="CRF729" s="424"/>
      <c r="CRG729" s="424"/>
      <c r="CRH729" s="424"/>
      <c r="CRI729" s="423" t="s">
        <v>2795</v>
      </c>
      <c r="CRJ729" s="424"/>
      <c r="CRK729" s="424"/>
      <c r="CRL729" s="424"/>
      <c r="CRM729" s="423" t="s">
        <v>2795</v>
      </c>
      <c r="CRN729" s="424"/>
      <c r="CRO729" s="424"/>
      <c r="CRP729" s="424"/>
      <c r="CRQ729" s="423" t="s">
        <v>2795</v>
      </c>
      <c r="CRR729" s="424"/>
      <c r="CRS729" s="424"/>
      <c r="CRT729" s="424"/>
      <c r="CRU729" s="423" t="s">
        <v>2795</v>
      </c>
      <c r="CRV729" s="424"/>
      <c r="CRW729" s="424"/>
      <c r="CRX729" s="424"/>
      <c r="CRY729" s="423" t="s">
        <v>2795</v>
      </c>
      <c r="CRZ729" s="424"/>
      <c r="CSA729" s="424"/>
      <c r="CSB729" s="424"/>
      <c r="CSC729" s="423" t="s">
        <v>2795</v>
      </c>
      <c r="CSD729" s="424"/>
      <c r="CSE729" s="424"/>
      <c r="CSF729" s="424"/>
      <c r="CSG729" s="423" t="s">
        <v>2795</v>
      </c>
      <c r="CSH729" s="424"/>
      <c r="CSI729" s="424"/>
      <c r="CSJ729" s="424"/>
      <c r="CSK729" s="423" t="s">
        <v>2795</v>
      </c>
      <c r="CSL729" s="424"/>
      <c r="CSM729" s="424"/>
      <c r="CSN729" s="424"/>
      <c r="CSO729" s="423" t="s">
        <v>2795</v>
      </c>
      <c r="CSP729" s="424"/>
      <c r="CSQ729" s="424"/>
      <c r="CSR729" s="424"/>
      <c r="CSS729" s="423" t="s">
        <v>2795</v>
      </c>
      <c r="CST729" s="424"/>
      <c r="CSU729" s="424"/>
      <c r="CSV729" s="424"/>
      <c r="CSW729" s="423" t="s">
        <v>2795</v>
      </c>
      <c r="CSX729" s="424"/>
      <c r="CSY729" s="424"/>
      <c r="CSZ729" s="424"/>
      <c r="CTA729" s="423" t="s">
        <v>2795</v>
      </c>
      <c r="CTB729" s="424"/>
      <c r="CTC729" s="424"/>
      <c r="CTD729" s="424"/>
      <c r="CTE729" s="423" t="s">
        <v>2795</v>
      </c>
      <c r="CTF729" s="424"/>
      <c r="CTG729" s="424"/>
      <c r="CTH729" s="424"/>
      <c r="CTI729" s="423" t="s">
        <v>2795</v>
      </c>
      <c r="CTJ729" s="424"/>
      <c r="CTK729" s="424"/>
      <c r="CTL729" s="424"/>
      <c r="CTM729" s="423" t="s">
        <v>2795</v>
      </c>
      <c r="CTN729" s="424"/>
      <c r="CTO729" s="424"/>
      <c r="CTP729" s="424"/>
      <c r="CTQ729" s="423" t="s">
        <v>2795</v>
      </c>
      <c r="CTR729" s="424"/>
      <c r="CTS729" s="424"/>
      <c r="CTT729" s="424"/>
      <c r="CTU729" s="423" t="s">
        <v>2795</v>
      </c>
      <c r="CTV729" s="424"/>
      <c r="CTW729" s="424"/>
      <c r="CTX729" s="424"/>
      <c r="CTY729" s="423" t="s">
        <v>2795</v>
      </c>
      <c r="CTZ729" s="424"/>
      <c r="CUA729" s="424"/>
      <c r="CUB729" s="424"/>
      <c r="CUC729" s="423" t="s">
        <v>2795</v>
      </c>
      <c r="CUD729" s="424"/>
      <c r="CUE729" s="424"/>
      <c r="CUF729" s="424"/>
      <c r="CUG729" s="423" t="s">
        <v>2795</v>
      </c>
      <c r="CUH729" s="424"/>
      <c r="CUI729" s="424"/>
      <c r="CUJ729" s="424"/>
      <c r="CUK729" s="423" t="s">
        <v>2795</v>
      </c>
      <c r="CUL729" s="424"/>
      <c r="CUM729" s="424"/>
      <c r="CUN729" s="424"/>
      <c r="CUO729" s="423" t="s">
        <v>2795</v>
      </c>
      <c r="CUP729" s="424"/>
      <c r="CUQ729" s="424"/>
      <c r="CUR729" s="424"/>
      <c r="CUS729" s="423" t="s">
        <v>2795</v>
      </c>
      <c r="CUT729" s="424"/>
      <c r="CUU729" s="424"/>
      <c r="CUV729" s="424"/>
      <c r="CUW729" s="423" t="s">
        <v>2795</v>
      </c>
      <c r="CUX729" s="424"/>
      <c r="CUY729" s="424"/>
      <c r="CUZ729" s="424"/>
      <c r="CVA729" s="423" t="s">
        <v>2795</v>
      </c>
      <c r="CVB729" s="424"/>
      <c r="CVC729" s="424"/>
      <c r="CVD729" s="424"/>
      <c r="CVE729" s="423" t="s">
        <v>2795</v>
      </c>
      <c r="CVF729" s="424"/>
      <c r="CVG729" s="424"/>
      <c r="CVH729" s="424"/>
      <c r="CVI729" s="423" t="s">
        <v>2795</v>
      </c>
      <c r="CVJ729" s="424"/>
      <c r="CVK729" s="424"/>
      <c r="CVL729" s="424"/>
      <c r="CVM729" s="423" t="s">
        <v>2795</v>
      </c>
      <c r="CVN729" s="424"/>
      <c r="CVO729" s="424"/>
      <c r="CVP729" s="424"/>
      <c r="CVQ729" s="423" t="s">
        <v>2795</v>
      </c>
      <c r="CVR729" s="424"/>
      <c r="CVS729" s="424"/>
      <c r="CVT729" s="424"/>
      <c r="CVU729" s="423" t="s">
        <v>2795</v>
      </c>
      <c r="CVV729" s="424"/>
      <c r="CVW729" s="424"/>
      <c r="CVX729" s="424"/>
      <c r="CVY729" s="423" t="s">
        <v>2795</v>
      </c>
      <c r="CVZ729" s="424"/>
      <c r="CWA729" s="424"/>
      <c r="CWB729" s="424"/>
      <c r="CWC729" s="423" t="s">
        <v>2795</v>
      </c>
      <c r="CWD729" s="424"/>
      <c r="CWE729" s="424"/>
      <c r="CWF729" s="424"/>
      <c r="CWG729" s="423" t="s">
        <v>2795</v>
      </c>
      <c r="CWH729" s="424"/>
      <c r="CWI729" s="424"/>
      <c r="CWJ729" s="424"/>
      <c r="CWK729" s="423" t="s">
        <v>2795</v>
      </c>
      <c r="CWL729" s="424"/>
      <c r="CWM729" s="424"/>
      <c r="CWN729" s="424"/>
      <c r="CWO729" s="423" t="s">
        <v>2795</v>
      </c>
      <c r="CWP729" s="424"/>
      <c r="CWQ729" s="424"/>
      <c r="CWR729" s="424"/>
      <c r="CWS729" s="423" t="s">
        <v>2795</v>
      </c>
      <c r="CWT729" s="424"/>
      <c r="CWU729" s="424"/>
      <c r="CWV729" s="424"/>
      <c r="CWW729" s="423" t="s">
        <v>2795</v>
      </c>
      <c r="CWX729" s="424"/>
      <c r="CWY729" s="424"/>
      <c r="CWZ729" s="424"/>
      <c r="CXA729" s="423" t="s">
        <v>2795</v>
      </c>
      <c r="CXB729" s="424"/>
      <c r="CXC729" s="424"/>
      <c r="CXD729" s="424"/>
      <c r="CXE729" s="423" t="s">
        <v>2795</v>
      </c>
      <c r="CXF729" s="424"/>
      <c r="CXG729" s="424"/>
      <c r="CXH729" s="424"/>
      <c r="CXI729" s="423" t="s">
        <v>2795</v>
      </c>
      <c r="CXJ729" s="424"/>
      <c r="CXK729" s="424"/>
      <c r="CXL729" s="424"/>
      <c r="CXM729" s="423" t="s">
        <v>2795</v>
      </c>
      <c r="CXN729" s="424"/>
      <c r="CXO729" s="424"/>
      <c r="CXP729" s="424"/>
      <c r="CXQ729" s="423" t="s">
        <v>2795</v>
      </c>
      <c r="CXR729" s="424"/>
      <c r="CXS729" s="424"/>
      <c r="CXT729" s="424"/>
      <c r="CXU729" s="423" t="s">
        <v>2795</v>
      </c>
      <c r="CXV729" s="424"/>
      <c r="CXW729" s="424"/>
      <c r="CXX729" s="424"/>
      <c r="CXY729" s="423" t="s">
        <v>2795</v>
      </c>
      <c r="CXZ729" s="424"/>
      <c r="CYA729" s="424"/>
      <c r="CYB729" s="424"/>
      <c r="CYC729" s="423" t="s">
        <v>2795</v>
      </c>
      <c r="CYD729" s="424"/>
      <c r="CYE729" s="424"/>
      <c r="CYF729" s="424"/>
      <c r="CYG729" s="423" t="s">
        <v>2795</v>
      </c>
      <c r="CYH729" s="424"/>
      <c r="CYI729" s="424"/>
      <c r="CYJ729" s="424"/>
      <c r="CYK729" s="423" t="s">
        <v>2795</v>
      </c>
      <c r="CYL729" s="424"/>
      <c r="CYM729" s="424"/>
      <c r="CYN729" s="424"/>
      <c r="CYO729" s="423" t="s">
        <v>2795</v>
      </c>
      <c r="CYP729" s="424"/>
      <c r="CYQ729" s="424"/>
      <c r="CYR729" s="424"/>
      <c r="CYS729" s="423" t="s">
        <v>2795</v>
      </c>
      <c r="CYT729" s="424"/>
      <c r="CYU729" s="424"/>
      <c r="CYV729" s="424"/>
      <c r="CYW729" s="423" t="s">
        <v>2795</v>
      </c>
      <c r="CYX729" s="424"/>
      <c r="CYY729" s="424"/>
      <c r="CYZ729" s="424"/>
      <c r="CZA729" s="423" t="s">
        <v>2795</v>
      </c>
      <c r="CZB729" s="424"/>
      <c r="CZC729" s="424"/>
      <c r="CZD729" s="424"/>
      <c r="CZE729" s="423" t="s">
        <v>2795</v>
      </c>
      <c r="CZF729" s="424"/>
      <c r="CZG729" s="424"/>
      <c r="CZH729" s="424"/>
      <c r="CZI729" s="423" t="s">
        <v>2795</v>
      </c>
      <c r="CZJ729" s="424"/>
      <c r="CZK729" s="424"/>
      <c r="CZL729" s="424"/>
      <c r="CZM729" s="423" t="s">
        <v>2795</v>
      </c>
      <c r="CZN729" s="424"/>
      <c r="CZO729" s="424"/>
      <c r="CZP729" s="424"/>
      <c r="CZQ729" s="423" t="s">
        <v>2795</v>
      </c>
      <c r="CZR729" s="424"/>
      <c r="CZS729" s="424"/>
      <c r="CZT729" s="424"/>
      <c r="CZU729" s="423" t="s">
        <v>2795</v>
      </c>
      <c r="CZV729" s="424"/>
      <c r="CZW729" s="424"/>
      <c r="CZX729" s="424"/>
      <c r="CZY729" s="423" t="s">
        <v>2795</v>
      </c>
      <c r="CZZ729" s="424"/>
      <c r="DAA729" s="424"/>
      <c r="DAB729" s="424"/>
      <c r="DAC729" s="423" t="s">
        <v>2795</v>
      </c>
      <c r="DAD729" s="424"/>
      <c r="DAE729" s="424"/>
      <c r="DAF729" s="424"/>
      <c r="DAG729" s="423" t="s">
        <v>2795</v>
      </c>
      <c r="DAH729" s="424"/>
      <c r="DAI729" s="424"/>
      <c r="DAJ729" s="424"/>
      <c r="DAK729" s="423" t="s">
        <v>2795</v>
      </c>
      <c r="DAL729" s="424"/>
      <c r="DAM729" s="424"/>
      <c r="DAN729" s="424"/>
      <c r="DAO729" s="423" t="s">
        <v>2795</v>
      </c>
      <c r="DAP729" s="424"/>
      <c r="DAQ729" s="424"/>
      <c r="DAR729" s="424"/>
      <c r="DAS729" s="423" t="s">
        <v>2795</v>
      </c>
      <c r="DAT729" s="424"/>
      <c r="DAU729" s="424"/>
      <c r="DAV729" s="424"/>
      <c r="DAW729" s="423" t="s">
        <v>2795</v>
      </c>
      <c r="DAX729" s="424"/>
      <c r="DAY729" s="424"/>
      <c r="DAZ729" s="424"/>
      <c r="DBA729" s="423" t="s">
        <v>2795</v>
      </c>
      <c r="DBB729" s="424"/>
      <c r="DBC729" s="424"/>
      <c r="DBD729" s="424"/>
      <c r="DBE729" s="423" t="s">
        <v>2795</v>
      </c>
      <c r="DBF729" s="424"/>
      <c r="DBG729" s="424"/>
      <c r="DBH729" s="424"/>
      <c r="DBI729" s="423" t="s">
        <v>2795</v>
      </c>
      <c r="DBJ729" s="424"/>
      <c r="DBK729" s="424"/>
      <c r="DBL729" s="424"/>
      <c r="DBM729" s="423" t="s">
        <v>2795</v>
      </c>
      <c r="DBN729" s="424"/>
      <c r="DBO729" s="424"/>
      <c r="DBP729" s="424"/>
      <c r="DBQ729" s="423" t="s">
        <v>2795</v>
      </c>
      <c r="DBR729" s="424"/>
      <c r="DBS729" s="424"/>
      <c r="DBT729" s="424"/>
      <c r="DBU729" s="423" t="s">
        <v>2795</v>
      </c>
      <c r="DBV729" s="424"/>
      <c r="DBW729" s="424"/>
      <c r="DBX729" s="424"/>
      <c r="DBY729" s="423" t="s">
        <v>2795</v>
      </c>
      <c r="DBZ729" s="424"/>
      <c r="DCA729" s="424"/>
      <c r="DCB729" s="424"/>
      <c r="DCC729" s="423" t="s">
        <v>2795</v>
      </c>
      <c r="DCD729" s="424"/>
      <c r="DCE729" s="424"/>
      <c r="DCF729" s="424"/>
      <c r="DCG729" s="423" t="s">
        <v>2795</v>
      </c>
      <c r="DCH729" s="424"/>
      <c r="DCI729" s="424"/>
      <c r="DCJ729" s="424"/>
      <c r="DCK729" s="423" t="s">
        <v>2795</v>
      </c>
      <c r="DCL729" s="424"/>
      <c r="DCM729" s="424"/>
      <c r="DCN729" s="424"/>
      <c r="DCO729" s="423" t="s">
        <v>2795</v>
      </c>
      <c r="DCP729" s="424"/>
      <c r="DCQ729" s="424"/>
      <c r="DCR729" s="424"/>
      <c r="DCS729" s="423" t="s">
        <v>2795</v>
      </c>
      <c r="DCT729" s="424"/>
      <c r="DCU729" s="424"/>
      <c r="DCV729" s="424"/>
      <c r="DCW729" s="423" t="s">
        <v>2795</v>
      </c>
      <c r="DCX729" s="424"/>
      <c r="DCY729" s="424"/>
      <c r="DCZ729" s="424"/>
      <c r="DDA729" s="423" t="s">
        <v>2795</v>
      </c>
      <c r="DDB729" s="424"/>
      <c r="DDC729" s="424"/>
      <c r="DDD729" s="424"/>
      <c r="DDE729" s="423" t="s">
        <v>2795</v>
      </c>
      <c r="DDF729" s="424"/>
      <c r="DDG729" s="424"/>
      <c r="DDH729" s="424"/>
      <c r="DDI729" s="423" t="s">
        <v>2795</v>
      </c>
      <c r="DDJ729" s="424"/>
      <c r="DDK729" s="424"/>
      <c r="DDL729" s="424"/>
      <c r="DDM729" s="423" t="s">
        <v>2795</v>
      </c>
      <c r="DDN729" s="424"/>
      <c r="DDO729" s="424"/>
      <c r="DDP729" s="424"/>
      <c r="DDQ729" s="423" t="s">
        <v>2795</v>
      </c>
      <c r="DDR729" s="424"/>
      <c r="DDS729" s="424"/>
      <c r="DDT729" s="424"/>
      <c r="DDU729" s="423" t="s">
        <v>2795</v>
      </c>
      <c r="DDV729" s="424"/>
      <c r="DDW729" s="424"/>
      <c r="DDX729" s="424"/>
      <c r="DDY729" s="423" t="s">
        <v>2795</v>
      </c>
      <c r="DDZ729" s="424"/>
      <c r="DEA729" s="424"/>
      <c r="DEB729" s="424"/>
      <c r="DEC729" s="423" t="s">
        <v>2795</v>
      </c>
      <c r="DED729" s="424"/>
      <c r="DEE729" s="424"/>
      <c r="DEF729" s="424"/>
      <c r="DEG729" s="423" t="s">
        <v>2795</v>
      </c>
      <c r="DEH729" s="424"/>
      <c r="DEI729" s="424"/>
      <c r="DEJ729" s="424"/>
      <c r="DEK729" s="423" t="s">
        <v>2795</v>
      </c>
      <c r="DEL729" s="424"/>
      <c r="DEM729" s="424"/>
      <c r="DEN729" s="424"/>
      <c r="DEO729" s="423" t="s">
        <v>2795</v>
      </c>
      <c r="DEP729" s="424"/>
      <c r="DEQ729" s="424"/>
      <c r="DER729" s="424"/>
      <c r="DES729" s="423" t="s">
        <v>2795</v>
      </c>
      <c r="DET729" s="424"/>
      <c r="DEU729" s="424"/>
      <c r="DEV729" s="424"/>
      <c r="DEW729" s="423" t="s">
        <v>2795</v>
      </c>
      <c r="DEX729" s="424"/>
      <c r="DEY729" s="424"/>
      <c r="DEZ729" s="424"/>
      <c r="DFA729" s="423" t="s">
        <v>2795</v>
      </c>
      <c r="DFB729" s="424"/>
      <c r="DFC729" s="424"/>
      <c r="DFD729" s="424"/>
      <c r="DFE729" s="423" t="s">
        <v>2795</v>
      </c>
      <c r="DFF729" s="424"/>
      <c r="DFG729" s="424"/>
      <c r="DFH729" s="424"/>
      <c r="DFI729" s="423" t="s">
        <v>2795</v>
      </c>
      <c r="DFJ729" s="424"/>
      <c r="DFK729" s="424"/>
      <c r="DFL729" s="424"/>
      <c r="DFM729" s="423" t="s">
        <v>2795</v>
      </c>
      <c r="DFN729" s="424"/>
      <c r="DFO729" s="424"/>
      <c r="DFP729" s="424"/>
      <c r="DFQ729" s="423" t="s">
        <v>2795</v>
      </c>
      <c r="DFR729" s="424"/>
      <c r="DFS729" s="424"/>
      <c r="DFT729" s="424"/>
      <c r="DFU729" s="423" t="s">
        <v>2795</v>
      </c>
      <c r="DFV729" s="424"/>
      <c r="DFW729" s="424"/>
      <c r="DFX729" s="424"/>
      <c r="DFY729" s="423" t="s">
        <v>2795</v>
      </c>
      <c r="DFZ729" s="424"/>
      <c r="DGA729" s="424"/>
      <c r="DGB729" s="424"/>
      <c r="DGC729" s="423" t="s">
        <v>2795</v>
      </c>
      <c r="DGD729" s="424"/>
      <c r="DGE729" s="424"/>
      <c r="DGF729" s="424"/>
      <c r="DGG729" s="423" t="s">
        <v>2795</v>
      </c>
      <c r="DGH729" s="424"/>
      <c r="DGI729" s="424"/>
      <c r="DGJ729" s="424"/>
      <c r="DGK729" s="423" t="s">
        <v>2795</v>
      </c>
      <c r="DGL729" s="424"/>
      <c r="DGM729" s="424"/>
      <c r="DGN729" s="424"/>
      <c r="DGO729" s="423" t="s">
        <v>2795</v>
      </c>
      <c r="DGP729" s="424"/>
      <c r="DGQ729" s="424"/>
      <c r="DGR729" s="424"/>
      <c r="DGS729" s="423" t="s">
        <v>2795</v>
      </c>
      <c r="DGT729" s="424"/>
      <c r="DGU729" s="424"/>
      <c r="DGV729" s="424"/>
      <c r="DGW729" s="423" t="s">
        <v>2795</v>
      </c>
      <c r="DGX729" s="424"/>
      <c r="DGY729" s="424"/>
      <c r="DGZ729" s="424"/>
      <c r="DHA729" s="423" t="s">
        <v>2795</v>
      </c>
      <c r="DHB729" s="424"/>
      <c r="DHC729" s="424"/>
      <c r="DHD729" s="424"/>
      <c r="DHE729" s="423" t="s">
        <v>2795</v>
      </c>
      <c r="DHF729" s="424"/>
      <c r="DHG729" s="424"/>
      <c r="DHH729" s="424"/>
      <c r="DHI729" s="423" t="s">
        <v>2795</v>
      </c>
      <c r="DHJ729" s="424"/>
      <c r="DHK729" s="424"/>
      <c r="DHL729" s="424"/>
      <c r="DHM729" s="423" t="s">
        <v>2795</v>
      </c>
      <c r="DHN729" s="424"/>
      <c r="DHO729" s="424"/>
      <c r="DHP729" s="424"/>
      <c r="DHQ729" s="423" t="s">
        <v>2795</v>
      </c>
      <c r="DHR729" s="424"/>
      <c r="DHS729" s="424"/>
      <c r="DHT729" s="424"/>
      <c r="DHU729" s="423" t="s">
        <v>2795</v>
      </c>
      <c r="DHV729" s="424"/>
      <c r="DHW729" s="424"/>
      <c r="DHX729" s="424"/>
      <c r="DHY729" s="423" t="s">
        <v>2795</v>
      </c>
      <c r="DHZ729" s="424"/>
      <c r="DIA729" s="424"/>
      <c r="DIB729" s="424"/>
      <c r="DIC729" s="423" t="s">
        <v>2795</v>
      </c>
      <c r="DID729" s="424"/>
      <c r="DIE729" s="424"/>
      <c r="DIF729" s="424"/>
      <c r="DIG729" s="423" t="s">
        <v>2795</v>
      </c>
      <c r="DIH729" s="424"/>
      <c r="DII729" s="424"/>
      <c r="DIJ729" s="424"/>
      <c r="DIK729" s="423" t="s">
        <v>2795</v>
      </c>
      <c r="DIL729" s="424"/>
      <c r="DIM729" s="424"/>
      <c r="DIN729" s="424"/>
      <c r="DIO729" s="423" t="s">
        <v>2795</v>
      </c>
      <c r="DIP729" s="424"/>
      <c r="DIQ729" s="424"/>
      <c r="DIR729" s="424"/>
      <c r="DIS729" s="423" t="s">
        <v>2795</v>
      </c>
      <c r="DIT729" s="424"/>
      <c r="DIU729" s="424"/>
      <c r="DIV729" s="424"/>
      <c r="DIW729" s="423" t="s">
        <v>2795</v>
      </c>
      <c r="DIX729" s="424"/>
      <c r="DIY729" s="424"/>
      <c r="DIZ729" s="424"/>
      <c r="DJA729" s="423" t="s">
        <v>2795</v>
      </c>
      <c r="DJB729" s="424"/>
      <c r="DJC729" s="424"/>
      <c r="DJD729" s="424"/>
      <c r="DJE729" s="423" t="s">
        <v>2795</v>
      </c>
      <c r="DJF729" s="424"/>
      <c r="DJG729" s="424"/>
      <c r="DJH729" s="424"/>
      <c r="DJI729" s="423" t="s">
        <v>2795</v>
      </c>
      <c r="DJJ729" s="424"/>
      <c r="DJK729" s="424"/>
      <c r="DJL729" s="424"/>
      <c r="DJM729" s="423" t="s">
        <v>2795</v>
      </c>
      <c r="DJN729" s="424"/>
      <c r="DJO729" s="424"/>
      <c r="DJP729" s="424"/>
      <c r="DJQ729" s="423" t="s">
        <v>2795</v>
      </c>
      <c r="DJR729" s="424"/>
      <c r="DJS729" s="424"/>
      <c r="DJT729" s="424"/>
      <c r="DJU729" s="423" t="s">
        <v>2795</v>
      </c>
      <c r="DJV729" s="424"/>
      <c r="DJW729" s="424"/>
      <c r="DJX729" s="424"/>
      <c r="DJY729" s="423" t="s">
        <v>2795</v>
      </c>
      <c r="DJZ729" s="424"/>
      <c r="DKA729" s="424"/>
      <c r="DKB729" s="424"/>
      <c r="DKC729" s="423" t="s">
        <v>2795</v>
      </c>
      <c r="DKD729" s="424"/>
      <c r="DKE729" s="424"/>
      <c r="DKF729" s="424"/>
      <c r="DKG729" s="423" t="s">
        <v>2795</v>
      </c>
      <c r="DKH729" s="424"/>
      <c r="DKI729" s="424"/>
      <c r="DKJ729" s="424"/>
      <c r="DKK729" s="423" t="s">
        <v>2795</v>
      </c>
      <c r="DKL729" s="424"/>
      <c r="DKM729" s="424"/>
      <c r="DKN729" s="424"/>
      <c r="DKO729" s="423" t="s">
        <v>2795</v>
      </c>
      <c r="DKP729" s="424"/>
      <c r="DKQ729" s="424"/>
      <c r="DKR729" s="424"/>
      <c r="DKS729" s="423" t="s">
        <v>2795</v>
      </c>
      <c r="DKT729" s="424"/>
      <c r="DKU729" s="424"/>
      <c r="DKV729" s="424"/>
      <c r="DKW729" s="423" t="s">
        <v>2795</v>
      </c>
      <c r="DKX729" s="424"/>
      <c r="DKY729" s="424"/>
      <c r="DKZ729" s="424"/>
      <c r="DLA729" s="423" t="s">
        <v>2795</v>
      </c>
      <c r="DLB729" s="424"/>
      <c r="DLC729" s="424"/>
      <c r="DLD729" s="424"/>
      <c r="DLE729" s="423" t="s">
        <v>2795</v>
      </c>
      <c r="DLF729" s="424"/>
      <c r="DLG729" s="424"/>
      <c r="DLH729" s="424"/>
      <c r="DLI729" s="423" t="s">
        <v>2795</v>
      </c>
      <c r="DLJ729" s="424"/>
      <c r="DLK729" s="424"/>
      <c r="DLL729" s="424"/>
      <c r="DLM729" s="423" t="s">
        <v>2795</v>
      </c>
      <c r="DLN729" s="424"/>
      <c r="DLO729" s="424"/>
      <c r="DLP729" s="424"/>
      <c r="DLQ729" s="423" t="s">
        <v>2795</v>
      </c>
      <c r="DLR729" s="424"/>
      <c r="DLS729" s="424"/>
      <c r="DLT729" s="424"/>
      <c r="DLU729" s="423" t="s">
        <v>2795</v>
      </c>
      <c r="DLV729" s="424"/>
      <c r="DLW729" s="424"/>
      <c r="DLX729" s="424"/>
      <c r="DLY729" s="423" t="s">
        <v>2795</v>
      </c>
      <c r="DLZ729" s="424"/>
      <c r="DMA729" s="424"/>
      <c r="DMB729" s="424"/>
      <c r="DMC729" s="423" t="s">
        <v>2795</v>
      </c>
      <c r="DMD729" s="424"/>
      <c r="DME729" s="424"/>
      <c r="DMF729" s="424"/>
      <c r="DMG729" s="423" t="s">
        <v>2795</v>
      </c>
      <c r="DMH729" s="424"/>
      <c r="DMI729" s="424"/>
      <c r="DMJ729" s="424"/>
      <c r="DMK729" s="423" t="s">
        <v>2795</v>
      </c>
      <c r="DML729" s="424"/>
      <c r="DMM729" s="424"/>
      <c r="DMN729" s="424"/>
      <c r="DMO729" s="423" t="s">
        <v>2795</v>
      </c>
      <c r="DMP729" s="424"/>
      <c r="DMQ729" s="424"/>
      <c r="DMR729" s="424"/>
      <c r="DMS729" s="423" t="s">
        <v>2795</v>
      </c>
      <c r="DMT729" s="424"/>
      <c r="DMU729" s="424"/>
      <c r="DMV729" s="424"/>
      <c r="DMW729" s="423" t="s">
        <v>2795</v>
      </c>
      <c r="DMX729" s="424"/>
      <c r="DMY729" s="424"/>
      <c r="DMZ729" s="424"/>
      <c r="DNA729" s="423" t="s">
        <v>2795</v>
      </c>
      <c r="DNB729" s="424"/>
      <c r="DNC729" s="424"/>
      <c r="DND729" s="424"/>
      <c r="DNE729" s="423" t="s">
        <v>2795</v>
      </c>
      <c r="DNF729" s="424"/>
      <c r="DNG729" s="424"/>
      <c r="DNH729" s="424"/>
      <c r="DNI729" s="423" t="s">
        <v>2795</v>
      </c>
      <c r="DNJ729" s="424"/>
      <c r="DNK729" s="424"/>
      <c r="DNL729" s="424"/>
      <c r="DNM729" s="423" t="s">
        <v>2795</v>
      </c>
      <c r="DNN729" s="424"/>
      <c r="DNO729" s="424"/>
      <c r="DNP729" s="424"/>
      <c r="DNQ729" s="423" t="s">
        <v>2795</v>
      </c>
      <c r="DNR729" s="424"/>
      <c r="DNS729" s="424"/>
      <c r="DNT729" s="424"/>
      <c r="DNU729" s="423" t="s">
        <v>2795</v>
      </c>
      <c r="DNV729" s="424"/>
      <c r="DNW729" s="424"/>
      <c r="DNX729" s="424"/>
      <c r="DNY729" s="423" t="s">
        <v>2795</v>
      </c>
      <c r="DNZ729" s="424"/>
      <c r="DOA729" s="424"/>
      <c r="DOB729" s="424"/>
      <c r="DOC729" s="423" t="s">
        <v>2795</v>
      </c>
      <c r="DOD729" s="424"/>
      <c r="DOE729" s="424"/>
      <c r="DOF729" s="424"/>
      <c r="DOG729" s="423" t="s">
        <v>2795</v>
      </c>
      <c r="DOH729" s="424"/>
      <c r="DOI729" s="424"/>
      <c r="DOJ729" s="424"/>
      <c r="DOK729" s="423" t="s">
        <v>2795</v>
      </c>
      <c r="DOL729" s="424"/>
      <c r="DOM729" s="424"/>
      <c r="DON729" s="424"/>
      <c r="DOO729" s="423" t="s">
        <v>2795</v>
      </c>
      <c r="DOP729" s="424"/>
      <c r="DOQ729" s="424"/>
      <c r="DOR729" s="424"/>
      <c r="DOS729" s="423" t="s">
        <v>2795</v>
      </c>
      <c r="DOT729" s="424"/>
      <c r="DOU729" s="424"/>
      <c r="DOV729" s="424"/>
      <c r="DOW729" s="423" t="s">
        <v>2795</v>
      </c>
      <c r="DOX729" s="424"/>
      <c r="DOY729" s="424"/>
      <c r="DOZ729" s="424"/>
      <c r="DPA729" s="423" t="s">
        <v>2795</v>
      </c>
      <c r="DPB729" s="424"/>
      <c r="DPC729" s="424"/>
      <c r="DPD729" s="424"/>
      <c r="DPE729" s="423" t="s">
        <v>2795</v>
      </c>
      <c r="DPF729" s="424"/>
      <c r="DPG729" s="424"/>
      <c r="DPH729" s="424"/>
      <c r="DPI729" s="423" t="s">
        <v>2795</v>
      </c>
      <c r="DPJ729" s="424"/>
      <c r="DPK729" s="424"/>
      <c r="DPL729" s="424"/>
      <c r="DPM729" s="423" t="s">
        <v>2795</v>
      </c>
      <c r="DPN729" s="424"/>
      <c r="DPO729" s="424"/>
      <c r="DPP729" s="424"/>
      <c r="DPQ729" s="423" t="s">
        <v>2795</v>
      </c>
      <c r="DPR729" s="424"/>
      <c r="DPS729" s="424"/>
      <c r="DPT729" s="424"/>
      <c r="DPU729" s="423" t="s">
        <v>2795</v>
      </c>
      <c r="DPV729" s="424"/>
      <c r="DPW729" s="424"/>
      <c r="DPX729" s="424"/>
      <c r="DPY729" s="423" t="s">
        <v>2795</v>
      </c>
      <c r="DPZ729" s="424"/>
      <c r="DQA729" s="424"/>
      <c r="DQB729" s="424"/>
      <c r="DQC729" s="423" t="s">
        <v>2795</v>
      </c>
      <c r="DQD729" s="424"/>
      <c r="DQE729" s="424"/>
      <c r="DQF729" s="424"/>
      <c r="DQG729" s="423" t="s">
        <v>2795</v>
      </c>
      <c r="DQH729" s="424"/>
      <c r="DQI729" s="424"/>
      <c r="DQJ729" s="424"/>
      <c r="DQK729" s="423" t="s">
        <v>2795</v>
      </c>
      <c r="DQL729" s="424"/>
      <c r="DQM729" s="424"/>
      <c r="DQN729" s="424"/>
      <c r="DQO729" s="423" t="s">
        <v>2795</v>
      </c>
      <c r="DQP729" s="424"/>
      <c r="DQQ729" s="424"/>
      <c r="DQR729" s="424"/>
      <c r="DQS729" s="423" t="s">
        <v>2795</v>
      </c>
      <c r="DQT729" s="424"/>
      <c r="DQU729" s="424"/>
      <c r="DQV729" s="424"/>
      <c r="DQW729" s="423" t="s">
        <v>2795</v>
      </c>
      <c r="DQX729" s="424"/>
      <c r="DQY729" s="424"/>
      <c r="DQZ729" s="424"/>
      <c r="DRA729" s="423" t="s">
        <v>2795</v>
      </c>
      <c r="DRB729" s="424"/>
      <c r="DRC729" s="424"/>
      <c r="DRD729" s="424"/>
      <c r="DRE729" s="423" t="s">
        <v>2795</v>
      </c>
      <c r="DRF729" s="424"/>
      <c r="DRG729" s="424"/>
      <c r="DRH729" s="424"/>
      <c r="DRI729" s="423" t="s">
        <v>2795</v>
      </c>
      <c r="DRJ729" s="424"/>
      <c r="DRK729" s="424"/>
      <c r="DRL729" s="424"/>
      <c r="DRM729" s="423" t="s">
        <v>2795</v>
      </c>
      <c r="DRN729" s="424"/>
      <c r="DRO729" s="424"/>
      <c r="DRP729" s="424"/>
      <c r="DRQ729" s="423" t="s">
        <v>2795</v>
      </c>
      <c r="DRR729" s="424"/>
      <c r="DRS729" s="424"/>
      <c r="DRT729" s="424"/>
      <c r="DRU729" s="423" t="s">
        <v>2795</v>
      </c>
      <c r="DRV729" s="424"/>
      <c r="DRW729" s="424"/>
      <c r="DRX729" s="424"/>
      <c r="DRY729" s="423" t="s">
        <v>2795</v>
      </c>
      <c r="DRZ729" s="424"/>
      <c r="DSA729" s="424"/>
      <c r="DSB729" s="424"/>
      <c r="DSC729" s="423" t="s">
        <v>2795</v>
      </c>
      <c r="DSD729" s="424"/>
      <c r="DSE729" s="424"/>
      <c r="DSF729" s="424"/>
      <c r="DSG729" s="423" t="s">
        <v>2795</v>
      </c>
      <c r="DSH729" s="424"/>
      <c r="DSI729" s="424"/>
      <c r="DSJ729" s="424"/>
      <c r="DSK729" s="423" t="s">
        <v>2795</v>
      </c>
      <c r="DSL729" s="424"/>
      <c r="DSM729" s="424"/>
      <c r="DSN729" s="424"/>
      <c r="DSO729" s="423" t="s">
        <v>2795</v>
      </c>
      <c r="DSP729" s="424"/>
      <c r="DSQ729" s="424"/>
      <c r="DSR729" s="424"/>
      <c r="DSS729" s="423" t="s">
        <v>2795</v>
      </c>
      <c r="DST729" s="424"/>
      <c r="DSU729" s="424"/>
      <c r="DSV729" s="424"/>
      <c r="DSW729" s="423" t="s">
        <v>2795</v>
      </c>
      <c r="DSX729" s="424"/>
      <c r="DSY729" s="424"/>
      <c r="DSZ729" s="424"/>
      <c r="DTA729" s="423" t="s">
        <v>2795</v>
      </c>
      <c r="DTB729" s="424"/>
      <c r="DTC729" s="424"/>
      <c r="DTD729" s="424"/>
      <c r="DTE729" s="423" t="s">
        <v>2795</v>
      </c>
      <c r="DTF729" s="424"/>
      <c r="DTG729" s="424"/>
      <c r="DTH729" s="424"/>
      <c r="DTI729" s="423" t="s">
        <v>2795</v>
      </c>
      <c r="DTJ729" s="424"/>
      <c r="DTK729" s="424"/>
      <c r="DTL729" s="424"/>
      <c r="DTM729" s="423" t="s">
        <v>2795</v>
      </c>
      <c r="DTN729" s="424"/>
      <c r="DTO729" s="424"/>
      <c r="DTP729" s="424"/>
      <c r="DTQ729" s="423" t="s">
        <v>2795</v>
      </c>
      <c r="DTR729" s="424"/>
      <c r="DTS729" s="424"/>
      <c r="DTT729" s="424"/>
      <c r="DTU729" s="423" t="s">
        <v>2795</v>
      </c>
      <c r="DTV729" s="424"/>
      <c r="DTW729" s="424"/>
      <c r="DTX729" s="424"/>
      <c r="DTY729" s="423" t="s">
        <v>2795</v>
      </c>
      <c r="DTZ729" s="424"/>
      <c r="DUA729" s="424"/>
      <c r="DUB729" s="424"/>
      <c r="DUC729" s="423" t="s">
        <v>2795</v>
      </c>
      <c r="DUD729" s="424"/>
      <c r="DUE729" s="424"/>
      <c r="DUF729" s="424"/>
      <c r="DUG729" s="423" t="s">
        <v>2795</v>
      </c>
      <c r="DUH729" s="424"/>
      <c r="DUI729" s="424"/>
      <c r="DUJ729" s="424"/>
      <c r="DUK729" s="423" t="s">
        <v>2795</v>
      </c>
      <c r="DUL729" s="424"/>
      <c r="DUM729" s="424"/>
      <c r="DUN729" s="424"/>
      <c r="DUO729" s="423" t="s">
        <v>2795</v>
      </c>
      <c r="DUP729" s="424"/>
      <c r="DUQ729" s="424"/>
      <c r="DUR729" s="424"/>
      <c r="DUS729" s="423" t="s">
        <v>2795</v>
      </c>
      <c r="DUT729" s="424"/>
      <c r="DUU729" s="424"/>
      <c r="DUV729" s="424"/>
      <c r="DUW729" s="423" t="s">
        <v>2795</v>
      </c>
      <c r="DUX729" s="424"/>
      <c r="DUY729" s="424"/>
      <c r="DUZ729" s="424"/>
      <c r="DVA729" s="423" t="s">
        <v>2795</v>
      </c>
      <c r="DVB729" s="424"/>
      <c r="DVC729" s="424"/>
      <c r="DVD729" s="424"/>
      <c r="DVE729" s="423" t="s">
        <v>2795</v>
      </c>
      <c r="DVF729" s="424"/>
      <c r="DVG729" s="424"/>
      <c r="DVH729" s="424"/>
      <c r="DVI729" s="423" t="s">
        <v>2795</v>
      </c>
      <c r="DVJ729" s="424"/>
      <c r="DVK729" s="424"/>
      <c r="DVL729" s="424"/>
      <c r="DVM729" s="423" t="s">
        <v>2795</v>
      </c>
      <c r="DVN729" s="424"/>
      <c r="DVO729" s="424"/>
      <c r="DVP729" s="424"/>
      <c r="DVQ729" s="423" t="s">
        <v>2795</v>
      </c>
      <c r="DVR729" s="424"/>
      <c r="DVS729" s="424"/>
      <c r="DVT729" s="424"/>
      <c r="DVU729" s="423" t="s">
        <v>2795</v>
      </c>
      <c r="DVV729" s="424"/>
      <c r="DVW729" s="424"/>
      <c r="DVX729" s="424"/>
      <c r="DVY729" s="423" t="s">
        <v>2795</v>
      </c>
      <c r="DVZ729" s="424"/>
      <c r="DWA729" s="424"/>
      <c r="DWB729" s="424"/>
      <c r="DWC729" s="423" t="s">
        <v>2795</v>
      </c>
      <c r="DWD729" s="424"/>
      <c r="DWE729" s="424"/>
      <c r="DWF729" s="424"/>
      <c r="DWG729" s="423" t="s">
        <v>2795</v>
      </c>
      <c r="DWH729" s="424"/>
      <c r="DWI729" s="424"/>
      <c r="DWJ729" s="424"/>
      <c r="DWK729" s="423" t="s">
        <v>2795</v>
      </c>
      <c r="DWL729" s="424"/>
      <c r="DWM729" s="424"/>
      <c r="DWN729" s="424"/>
      <c r="DWO729" s="423" t="s">
        <v>2795</v>
      </c>
      <c r="DWP729" s="424"/>
      <c r="DWQ729" s="424"/>
      <c r="DWR729" s="424"/>
      <c r="DWS729" s="423" t="s">
        <v>2795</v>
      </c>
      <c r="DWT729" s="424"/>
      <c r="DWU729" s="424"/>
      <c r="DWV729" s="424"/>
      <c r="DWW729" s="423" t="s">
        <v>2795</v>
      </c>
      <c r="DWX729" s="424"/>
      <c r="DWY729" s="424"/>
      <c r="DWZ729" s="424"/>
      <c r="DXA729" s="423" t="s">
        <v>2795</v>
      </c>
      <c r="DXB729" s="424"/>
      <c r="DXC729" s="424"/>
      <c r="DXD729" s="424"/>
      <c r="DXE729" s="423" t="s">
        <v>2795</v>
      </c>
      <c r="DXF729" s="424"/>
      <c r="DXG729" s="424"/>
      <c r="DXH729" s="424"/>
      <c r="DXI729" s="423" t="s">
        <v>2795</v>
      </c>
      <c r="DXJ729" s="424"/>
      <c r="DXK729" s="424"/>
      <c r="DXL729" s="424"/>
      <c r="DXM729" s="423" t="s">
        <v>2795</v>
      </c>
      <c r="DXN729" s="424"/>
      <c r="DXO729" s="424"/>
      <c r="DXP729" s="424"/>
      <c r="DXQ729" s="423" t="s">
        <v>2795</v>
      </c>
      <c r="DXR729" s="424"/>
      <c r="DXS729" s="424"/>
      <c r="DXT729" s="424"/>
      <c r="DXU729" s="423" t="s">
        <v>2795</v>
      </c>
      <c r="DXV729" s="424"/>
      <c r="DXW729" s="424"/>
      <c r="DXX729" s="424"/>
      <c r="DXY729" s="423" t="s">
        <v>2795</v>
      </c>
      <c r="DXZ729" s="424"/>
      <c r="DYA729" s="424"/>
      <c r="DYB729" s="424"/>
      <c r="DYC729" s="423" t="s">
        <v>2795</v>
      </c>
      <c r="DYD729" s="424"/>
      <c r="DYE729" s="424"/>
      <c r="DYF729" s="424"/>
      <c r="DYG729" s="423" t="s">
        <v>2795</v>
      </c>
      <c r="DYH729" s="424"/>
      <c r="DYI729" s="424"/>
      <c r="DYJ729" s="424"/>
      <c r="DYK729" s="423" t="s">
        <v>2795</v>
      </c>
      <c r="DYL729" s="424"/>
      <c r="DYM729" s="424"/>
      <c r="DYN729" s="424"/>
      <c r="DYO729" s="423" t="s">
        <v>2795</v>
      </c>
      <c r="DYP729" s="424"/>
      <c r="DYQ729" s="424"/>
      <c r="DYR729" s="424"/>
      <c r="DYS729" s="423" t="s">
        <v>2795</v>
      </c>
      <c r="DYT729" s="424"/>
      <c r="DYU729" s="424"/>
      <c r="DYV729" s="424"/>
      <c r="DYW729" s="423" t="s">
        <v>2795</v>
      </c>
      <c r="DYX729" s="424"/>
      <c r="DYY729" s="424"/>
      <c r="DYZ729" s="424"/>
      <c r="DZA729" s="423" t="s">
        <v>2795</v>
      </c>
      <c r="DZB729" s="424"/>
      <c r="DZC729" s="424"/>
      <c r="DZD729" s="424"/>
      <c r="DZE729" s="423" t="s">
        <v>2795</v>
      </c>
      <c r="DZF729" s="424"/>
      <c r="DZG729" s="424"/>
      <c r="DZH729" s="424"/>
      <c r="DZI729" s="423" t="s">
        <v>2795</v>
      </c>
      <c r="DZJ729" s="424"/>
      <c r="DZK729" s="424"/>
      <c r="DZL729" s="424"/>
      <c r="DZM729" s="423" t="s">
        <v>2795</v>
      </c>
      <c r="DZN729" s="424"/>
      <c r="DZO729" s="424"/>
      <c r="DZP729" s="424"/>
      <c r="DZQ729" s="423" t="s">
        <v>2795</v>
      </c>
      <c r="DZR729" s="424"/>
      <c r="DZS729" s="424"/>
      <c r="DZT729" s="424"/>
      <c r="DZU729" s="423" t="s">
        <v>2795</v>
      </c>
      <c r="DZV729" s="424"/>
      <c r="DZW729" s="424"/>
      <c r="DZX729" s="424"/>
      <c r="DZY729" s="423" t="s">
        <v>2795</v>
      </c>
      <c r="DZZ729" s="424"/>
      <c r="EAA729" s="424"/>
      <c r="EAB729" s="424"/>
      <c r="EAC729" s="423" t="s">
        <v>2795</v>
      </c>
      <c r="EAD729" s="424"/>
      <c r="EAE729" s="424"/>
      <c r="EAF729" s="424"/>
      <c r="EAG729" s="423" t="s">
        <v>2795</v>
      </c>
      <c r="EAH729" s="424"/>
      <c r="EAI729" s="424"/>
      <c r="EAJ729" s="424"/>
      <c r="EAK729" s="423" t="s">
        <v>2795</v>
      </c>
      <c r="EAL729" s="424"/>
      <c r="EAM729" s="424"/>
      <c r="EAN729" s="424"/>
      <c r="EAO729" s="423" t="s">
        <v>2795</v>
      </c>
      <c r="EAP729" s="424"/>
      <c r="EAQ729" s="424"/>
      <c r="EAR729" s="424"/>
      <c r="EAS729" s="423" t="s">
        <v>2795</v>
      </c>
      <c r="EAT729" s="424"/>
      <c r="EAU729" s="424"/>
      <c r="EAV729" s="424"/>
      <c r="EAW729" s="423" t="s">
        <v>2795</v>
      </c>
      <c r="EAX729" s="424"/>
      <c r="EAY729" s="424"/>
      <c r="EAZ729" s="424"/>
      <c r="EBA729" s="423" t="s">
        <v>2795</v>
      </c>
      <c r="EBB729" s="424"/>
      <c r="EBC729" s="424"/>
      <c r="EBD729" s="424"/>
      <c r="EBE729" s="423" t="s">
        <v>2795</v>
      </c>
      <c r="EBF729" s="424"/>
      <c r="EBG729" s="424"/>
      <c r="EBH729" s="424"/>
      <c r="EBI729" s="423" t="s">
        <v>2795</v>
      </c>
      <c r="EBJ729" s="424"/>
      <c r="EBK729" s="424"/>
      <c r="EBL729" s="424"/>
      <c r="EBM729" s="423" t="s">
        <v>2795</v>
      </c>
      <c r="EBN729" s="424"/>
      <c r="EBO729" s="424"/>
      <c r="EBP729" s="424"/>
      <c r="EBQ729" s="423" t="s">
        <v>2795</v>
      </c>
      <c r="EBR729" s="424"/>
      <c r="EBS729" s="424"/>
      <c r="EBT729" s="424"/>
      <c r="EBU729" s="423" t="s">
        <v>2795</v>
      </c>
      <c r="EBV729" s="424"/>
      <c r="EBW729" s="424"/>
      <c r="EBX729" s="424"/>
      <c r="EBY729" s="423" t="s">
        <v>2795</v>
      </c>
      <c r="EBZ729" s="424"/>
      <c r="ECA729" s="424"/>
      <c r="ECB729" s="424"/>
      <c r="ECC729" s="423" t="s">
        <v>2795</v>
      </c>
      <c r="ECD729" s="424"/>
      <c r="ECE729" s="424"/>
      <c r="ECF729" s="424"/>
      <c r="ECG729" s="423" t="s">
        <v>2795</v>
      </c>
      <c r="ECH729" s="424"/>
      <c r="ECI729" s="424"/>
      <c r="ECJ729" s="424"/>
      <c r="ECK729" s="423" t="s">
        <v>2795</v>
      </c>
      <c r="ECL729" s="424"/>
      <c r="ECM729" s="424"/>
      <c r="ECN729" s="424"/>
      <c r="ECO729" s="423" t="s">
        <v>2795</v>
      </c>
      <c r="ECP729" s="424"/>
      <c r="ECQ729" s="424"/>
      <c r="ECR729" s="424"/>
      <c r="ECS729" s="423" t="s">
        <v>2795</v>
      </c>
      <c r="ECT729" s="424"/>
      <c r="ECU729" s="424"/>
      <c r="ECV729" s="424"/>
      <c r="ECW729" s="423" t="s">
        <v>2795</v>
      </c>
      <c r="ECX729" s="424"/>
      <c r="ECY729" s="424"/>
      <c r="ECZ729" s="424"/>
      <c r="EDA729" s="423" t="s">
        <v>2795</v>
      </c>
      <c r="EDB729" s="424"/>
      <c r="EDC729" s="424"/>
      <c r="EDD729" s="424"/>
      <c r="EDE729" s="423" t="s">
        <v>2795</v>
      </c>
      <c r="EDF729" s="424"/>
      <c r="EDG729" s="424"/>
      <c r="EDH729" s="424"/>
      <c r="EDI729" s="423" t="s">
        <v>2795</v>
      </c>
      <c r="EDJ729" s="424"/>
      <c r="EDK729" s="424"/>
      <c r="EDL729" s="424"/>
      <c r="EDM729" s="423" t="s">
        <v>2795</v>
      </c>
      <c r="EDN729" s="424"/>
      <c r="EDO729" s="424"/>
      <c r="EDP729" s="424"/>
      <c r="EDQ729" s="423" t="s">
        <v>2795</v>
      </c>
      <c r="EDR729" s="424"/>
      <c r="EDS729" s="424"/>
      <c r="EDT729" s="424"/>
      <c r="EDU729" s="423" t="s">
        <v>2795</v>
      </c>
      <c r="EDV729" s="424"/>
      <c r="EDW729" s="424"/>
      <c r="EDX729" s="424"/>
      <c r="EDY729" s="423" t="s">
        <v>2795</v>
      </c>
      <c r="EDZ729" s="424"/>
      <c r="EEA729" s="424"/>
      <c r="EEB729" s="424"/>
      <c r="EEC729" s="423" t="s">
        <v>2795</v>
      </c>
      <c r="EED729" s="424"/>
      <c r="EEE729" s="424"/>
      <c r="EEF729" s="424"/>
      <c r="EEG729" s="423" t="s">
        <v>2795</v>
      </c>
      <c r="EEH729" s="424"/>
      <c r="EEI729" s="424"/>
      <c r="EEJ729" s="424"/>
      <c r="EEK729" s="423" t="s">
        <v>2795</v>
      </c>
      <c r="EEL729" s="424"/>
      <c r="EEM729" s="424"/>
      <c r="EEN729" s="424"/>
      <c r="EEO729" s="423" t="s">
        <v>2795</v>
      </c>
      <c r="EEP729" s="424"/>
      <c r="EEQ729" s="424"/>
      <c r="EER729" s="424"/>
      <c r="EES729" s="423" t="s">
        <v>2795</v>
      </c>
      <c r="EET729" s="424"/>
      <c r="EEU729" s="424"/>
      <c r="EEV729" s="424"/>
      <c r="EEW729" s="423" t="s">
        <v>2795</v>
      </c>
      <c r="EEX729" s="424"/>
      <c r="EEY729" s="424"/>
      <c r="EEZ729" s="424"/>
      <c r="EFA729" s="423" t="s">
        <v>2795</v>
      </c>
      <c r="EFB729" s="424"/>
      <c r="EFC729" s="424"/>
      <c r="EFD729" s="424"/>
      <c r="EFE729" s="423" t="s">
        <v>2795</v>
      </c>
      <c r="EFF729" s="424"/>
      <c r="EFG729" s="424"/>
      <c r="EFH729" s="424"/>
      <c r="EFI729" s="423" t="s">
        <v>2795</v>
      </c>
      <c r="EFJ729" s="424"/>
      <c r="EFK729" s="424"/>
      <c r="EFL729" s="424"/>
      <c r="EFM729" s="423" t="s">
        <v>2795</v>
      </c>
      <c r="EFN729" s="424"/>
      <c r="EFO729" s="424"/>
      <c r="EFP729" s="424"/>
      <c r="EFQ729" s="423" t="s">
        <v>2795</v>
      </c>
      <c r="EFR729" s="424"/>
      <c r="EFS729" s="424"/>
      <c r="EFT729" s="424"/>
      <c r="EFU729" s="423" t="s">
        <v>2795</v>
      </c>
      <c r="EFV729" s="424"/>
      <c r="EFW729" s="424"/>
      <c r="EFX729" s="424"/>
      <c r="EFY729" s="423" t="s">
        <v>2795</v>
      </c>
      <c r="EFZ729" s="424"/>
      <c r="EGA729" s="424"/>
      <c r="EGB729" s="424"/>
      <c r="EGC729" s="423" t="s">
        <v>2795</v>
      </c>
      <c r="EGD729" s="424"/>
      <c r="EGE729" s="424"/>
      <c r="EGF729" s="424"/>
      <c r="EGG729" s="423" t="s">
        <v>2795</v>
      </c>
      <c r="EGH729" s="424"/>
      <c r="EGI729" s="424"/>
      <c r="EGJ729" s="424"/>
      <c r="EGK729" s="423" t="s">
        <v>2795</v>
      </c>
      <c r="EGL729" s="424"/>
      <c r="EGM729" s="424"/>
      <c r="EGN729" s="424"/>
      <c r="EGO729" s="423" t="s">
        <v>2795</v>
      </c>
      <c r="EGP729" s="424"/>
      <c r="EGQ729" s="424"/>
      <c r="EGR729" s="424"/>
      <c r="EGS729" s="423" t="s">
        <v>2795</v>
      </c>
      <c r="EGT729" s="424"/>
      <c r="EGU729" s="424"/>
      <c r="EGV729" s="424"/>
      <c r="EGW729" s="423" t="s">
        <v>2795</v>
      </c>
      <c r="EGX729" s="424"/>
      <c r="EGY729" s="424"/>
      <c r="EGZ729" s="424"/>
      <c r="EHA729" s="423" t="s">
        <v>2795</v>
      </c>
      <c r="EHB729" s="424"/>
      <c r="EHC729" s="424"/>
      <c r="EHD729" s="424"/>
      <c r="EHE729" s="423" t="s">
        <v>2795</v>
      </c>
      <c r="EHF729" s="424"/>
      <c r="EHG729" s="424"/>
      <c r="EHH729" s="424"/>
      <c r="EHI729" s="423" t="s">
        <v>2795</v>
      </c>
      <c r="EHJ729" s="424"/>
      <c r="EHK729" s="424"/>
      <c r="EHL729" s="424"/>
      <c r="EHM729" s="423" t="s">
        <v>2795</v>
      </c>
      <c r="EHN729" s="424"/>
      <c r="EHO729" s="424"/>
      <c r="EHP729" s="424"/>
      <c r="EHQ729" s="423" t="s">
        <v>2795</v>
      </c>
      <c r="EHR729" s="424"/>
      <c r="EHS729" s="424"/>
      <c r="EHT729" s="424"/>
      <c r="EHU729" s="423" t="s">
        <v>2795</v>
      </c>
      <c r="EHV729" s="424"/>
      <c r="EHW729" s="424"/>
      <c r="EHX729" s="424"/>
      <c r="EHY729" s="423" t="s">
        <v>2795</v>
      </c>
      <c r="EHZ729" s="424"/>
      <c r="EIA729" s="424"/>
      <c r="EIB729" s="424"/>
      <c r="EIC729" s="423" t="s">
        <v>2795</v>
      </c>
      <c r="EID729" s="424"/>
      <c r="EIE729" s="424"/>
      <c r="EIF729" s="424"/>
      <c r="EIG729" s="423" t="s">
        <v>2795</v>
      </c>
      <c r="EIH729" s="424"/>
      <c r="EII729" s="424"/>
      <c r="EIJ729" s="424"/>
      <c r="EIK729" s="423" t="s">
        <v>2795</v>
      </c>
      <c r="EIL729" s="424"/>
      <c r="EIM729" s="424"/>
      <c r="EIN729" s="424"/>
      <c r="EIO729" s="423" t="s">
        <v>2795</v>
      </c>
      <c r="EIP729" s="424"/>
      <c r="EIQ729" s="424"/>
      <c r="EIR729" s="424"/>
      <c r="EIS729" s="423" t="s">
        <v>2795</v>
      </c>
      <c r="EIT729" s="424"/>
      <c r="EIU729" s="424"/>
      <c r="EIV729" s="424"/>
      <c r="EIW729" s="423" t="s">
        <v>2795</v>
      </c>
      <c r="EIX729" s="424"/>
      <c r="EIY729" s="424"/>
      <c r="EIZ729" s="424"/>
      <c r="EJA729" s="423" t="s">
        <v>2795</v>
      </c>
      <c r="EJB729" s="424"/>
      <c r="EJC729" s="424"/>
      <c r="EJD729" s="424"/>
      <c r="EJE729" s="423" t="s">
        <v>2795</v>
      </c>
      <c r="EJF729" s="424"/>
      <c r="EJG729" s="424"/>
      <c r="EJH729" s="424"/>
      <c r="EJI729" s="423" t="s">
        <v>2795</v>
      </c>
      <c r="EJJ729" s="424"/>
      <c r="EJK729" s="424"/>
      <c r="EJL729" s="424"/>
      <c r="EJM729" s="423" t="s">
        <v>2795</v>
      </c>
      <c r="EJN729" s="424"/>
      <c r="EJO729" s="424"/>
      <c r="EJP729" s="424"/>
      <c r="EJQ729" s="423" t="s">
        <v>2795</v>
      </c>
      <c r="EJR729" s="424"/>
      <c r="EJS729" s="424"/>
      <c r="EJT729" s="424"/>
      <c r="EJU729" s="423" t="s">
        <v>2795</v>
      </c>
      <c r="EJV729" s="424"/>
      <c r="EJW729" s="424"/>
      <c r="EJX729" s="424"/>
      <c r="EJY729" s="423" t="s">
        <v>2795</v>
      </c>
      <c r="EJZ729" s="424"/>
      <c r="EKA729" s="424"/>
      <c r="EKB729" s="424"/>
      <c r="EKC729" s="423" t="s">
        <v>2795</v>
      </c>
      <c r="EKD729" s="424"/>
      <c r="EKE729" s="424"/>
      <c r="EKF729" s="424"/>
      <c r="EKG729" s="423" t="s">
        <v>2795</v>
      </c>
      <c r="EKH729" s="424"/>
      <c r="EKI729" s="424"/>
      <c r="EKJ729" s="424"/>
      <c r="EKK729" s="423" t="s">
        <v>2795</v>
      </c>
      <c r="EKL729" s="424"/>
      <c r="EKM729" s="424"/>
      <c r="EKN729" s="424"/>
      <c r="EKO729" s="423" t="s">
        <v>2795</v>
      </c>
      <c r="EKP729" s="424"/>
      <c r="EKQ729" s="424"/>
      <c r="EKR729" s="424"/>
      <c r="EKS729" s="423" t="s">
        <v>2795</v>
      </c>
      <c r="EKT729" s="424"/>
      <c r="EKU729" s="424"/>
      <c r="EKV729" s="424"/>
      <c r="EKW729" s="423" t="s">
        <v>2795</v>
      </c>
      <c r="EKX729" s="424"/>
      <c r="EKY729" s="424"/>
      <c r="EKZ729" s="424"/>
      <c r="ELA729" s="423" t="s">
        <v>2795</v>
      </c>
      <c r="ELB729" s="424"/>
      <c r="ELC729" s="424"/>
      <c r="ELD729" s="424"/>
      <c r="ELE729" s="423" t="s">
        <v>2795</v>
      </c>
      <c r="ELF729" s="424"/>
      <c r="ELG729" s="424"/>
      <c r="ELH729" s="424"/>
      <c r="ELI729" s="423" t="s">
        <v>2795</v>
      </c>
      <c r="ELJ729" s="424"/>
      <c r="ELK729" s="424"/>
      <c r="ELL729" s="424"/>
      <c r="ELM729" s="423" t="s">
        <v>2795</v>
      </c>
      <c r="ELN729" s="424"/>
      <c r="ELO729" s="424"/>
      <c r="ELP729" s="424"/>
      <c r="ELQ729" s="423" t="s">
        <v>2795</v>
      </c>
      <c r="ELR729" s="424"/>
      <c r="ELS729" s="424"/>
      <c r="ELT729" s="424"/>
      <c r="ELU729" s="423" t="s">
        <v>2795</v>
      </c>
      <c r="ELV729" s="424"/>
      <c r="ELW729" s="424"/>
      <c r="ELX729" s="424"/>
      <c r="ELY729" s="423" t="s">
        <v>2795</v>
      </c>
      <c r="ELZ729" s="424"/>
      <c r="EMA729" s="424"/>
      <c r="EMB729" s="424"/>
      <c r="EMC729" s="423" t="s">
        <v>2795</v>
      </c>
      <c r="EMD729" s="424"/>
      <c r="EME729" s="424"/>
      <c r="EMF729" s="424"/>
      <c r="EMG729" s="423" t="s">
        <v>2795</v>
      </c>
      <c r="EMH729" s="424"/>
      <c r="EMI729" s="424"/>
      <c r="EMJ729" s="424"/>
      <c r="EMK729" s="423" t="s">
        <v>2795</v>
      </c>
      <c r="EML729" s="424"/>
      <c r="EMM729" s="424"/>
      <c r="EMN729" s="424"/>
      <c r="EMO729" s="423" t="s">
        <v>2795</v>
      </c>
      <c r="EMP729" s="424"/>
      <c r="EMQ729" s="424"/>
      <c r="EMR729" s="424"/>
      <c r="EMS729" s="423" t="s">
        <v>2795</v>
      </c>
      <c r="EMT729" s="424"/>
      <c r="EMU729" s="424"/>
      <c r="EMV729" s="424"/>
      <c r="EMW729" s="423" t="s">
        <v>2795</v>
      </c>
      <c r="EMX729" s="424"/>
      <c r="EMY729" s="424"/>
      <c r="EMZ729" s="424"/>
      <c r="ENA729" s="423" t="s">
        <v>2795</v>
      </c>
      <c r="ENB729" s="424"/>
      <c r="ENC729" s="424"/>
      <c r="END729" s="424"/>
      <c r="ENE729" s="423" t="s">
        <v>2795</v>
      </c>
      <c r="ENF729" s="424"/>
      <c r="ENG729" s="424"/>
      <c r="ENH729" s="424"/>
      <c r="ENI729" s="423" t="s">
        <v>2795</v>
      </c>
      <c r="ENJ729" s="424"/>
      <c r="ENK729" s="424"/>
      <c r="ENL729" s="424"/>
      <c r="ENM729" s="423" t="s">
        <v>2795</v>
      </c>
      <c r="ENN729" s="424"/>
      <c r="ENO729" s="424"/>
      <c r="ENP729" s="424"/>
      <c r="ENQ729" s="423" t="s">
        <v>2795</v>
      </c>
      <c r="ENR729" s="424"/>
      <c r="ENS729" s="424"/>
      <c r="ENT729" s="424"/>
      <c r="ENU729" s="423" t="s">
        <v>2795</v>
      </c>
      <c r="ENV729" s="424"/>
      <c r="ENW729" s="424"/>
      <c r="ENX729" s="424"/>
      <c r="ENY729" s="423" t="s">
        <v>2795</v>
      </c>
      <c r="ENZ729" s="424"/>
      <c r="EOA729" s="424"/>
      <c r="EOB729" s="424"/>
      <c r="EOC729" s="423" t="s">
        <v>2795</v>
      </c>
      <c r="EOD729" s="424"/>
      <c r="EOE729" s="424"/>
      <c r="EOF729" s="424"/>
      <c r="EOG729" s="423" t="s">
        <v>2795</v>
      </c>
      <c r="EOH729" s="424"/>
      <c r="EOI729" s="424"/>
      <c r="EOJ729" s="424"/>
      <c r="EOK729" s="423" t="s">
        <v>2795</v>
      </c>
      <c r="EOL729" s="424"/>
      <c r="EOM729" s="424"/>
      <c r="EON729" s="424"/>
      <c r="EOO729" s="423" t="s">
        <v>2795</v>
      </c>
      <c r="EOP729" s="424"/>
      <c r="EOQ729" s="424"/>
      <c r="EOR729" s="424"/>
      <c r="EOS729" s="423" t="s">
        <v>2795</v>
      </c>
      <c r="EOT729" s="424"/>
      <c r="EOU729" s="424"/>
      <c r="EOV729" s="424"/>
      <c r="EOW729" s="423" t="s">
        <v>2795</v>
      </c>
      <c r="EOX729" s="424"/>
      <c r="EOY729" s="424"/>
      <c r="EOZ729" s="424"/>
      <c r="EPA729" s="423" t="s">
        <v>2795</v>
      </c>
      <c r="EPB729" s="424"/>
      <c r="EPC729" s="424"/>
      <c r="EPD729" s="424"/>
      <c r="EPE729" s="423" t="s">
        <v>2795</v>
      </c>
      <c r="EPF729" s="424"/>
      <c r="EPG729" s="424"/>
      <c r="EPH729" s="424"/>
      <c r="EPI729" s="423" t="s">
        <v>2795</v>
      </c>
      <c r="EPJ729" s="424"/>
      <c r="EPK729" s="424"/>
      <c r="EPL729" s="424"/>
      <c r="EPM729" s="423" t="s">
        <v>2795</v>
      </c>
      <c r="EPN729" s="424"/>
      <c r="EPO729" s="424"/>
      <c r="EPP729" s="424"/>
      <c r="EPQ729" s="423" t="s">
        <v>2795</v>
      </c>
      <c r="EPR729" s="424"/>
      <c r="EPS729" s="424"/>
      <c r="EPT729" s="424"/>
      <c r="EPU729" s="423" t="s">
        <v>2795</v>
      </c>
      <c r="EPV729" s="424"/>
      <c r="EPW729" s="424"/>
      <c r="EPX729" s="424"/>
      <c r="EPY729" s="423" t="s">
        <v>2795</v>
      </c>
      <c r="EPZ729" s="424"/>
      <c r="EQA729" s="424"/>
      <c r="EQB729" s="424"/>
      <c r="EQC729" s="423" t="s">
        <v>2795</v>
      </c>
      <c r="EQD729" s="424"/>
      <c r="EQE729" s="424"/>
      <c r="EQF729" s="424"/>
      <c r="EQG729" s="423" t="s">
        <v>2795</v>
      </c>
      <c r="EQH729" s="424"/>
      <c r="EQI729" s="424"/>
      <c r="EQJ729" s="424"/>
      <c r="EQK729" s="423" t="s">
        <v>2795</v>
      </c>
      <c r="EQL729" s="424"/>
      <c r="EQM729" s="424"/>
      <c r="EQN729" s="424"/>
      <c r="EQO729" s="423" t="s">
        <v>2795</v>
      </c>
      <c r="EQP729" s="424"/>
      <c r="EQQ729" s="424"/>
      <c r="EQR729" s="424"/>
      <c r="EQS729" s="423" t="s">
        <v>2795</v>
      </c>
      <c r="EQT729" s="424"/>
      <c r="EQU729" s="424"/>
      <c r="EQV729" s="424"/>
      <c r="EQW729" s="423" t="s">
        <v>2795</v>
      </c>
      <c r="EQX729" s="424"/>
      <c r="EQY729" s="424"/>
      <c r="EQZ729" s="424"/>
      <c r="ERA729" s="423" t="s">
        <v>2795</v>
      </c>
      <c r="ERB729" s="424"/>
      <c r="ERC729" s="424"/>
      <c r="ERD729" s="424"/>
      <c r="ERE729" s="423" t="s">
        <v>2795</v>
      </c>
      <c r="ERF729" s="424"/>
      <c r="ERG729" s="424"/>
      <c r="ERH729" s="424"/>
      <c r="ERI729" s="423" t="s">
        <v>2795</v>
      </c>
      <c r="ERJ729" s="424"/>
      <c r="ERK729" s="424"/>
      <c r="ERL729" s="424"/>
      <c r="ERM729" s="423" t="s">
        <v>2795</v>
      </c>
      <c r="ERN729" s="424"/>
      <c r="ERO729" s="424"/>
      <c r="ERP729" s="424"/>
      <c r="ERQ729" s="423" t="s">
        <v>2795</v>
      </c>
      <c r="ERR729" s="424"/>
      <c r="ERS729" s="424"/>
      <c r="ERT729" s="424"/>
      <c r="ERU729" s="423" t="s">
        <v>2795</v>
      </c>
      <c r="ERV729" s="424"/>
      <c r="ERW729" s="424"/>
      <c r="ERX729" s="424"/>
      <c r="ERY729" s="423" t="s">
        <v>2795</v>
      </c>
      <c r="ERZ729" s="424"/>
      <c r="ESA729" s="424"/>
      <c r="ESB729" s="424"/>
      <c r="ESC729" s="423" t="s">
        <v>2795</v>
      </c>
      <c r="ESD729" s="424"/>
      <c r="ESE729" s="424"/>
      <c r="ESF729" s="424"/>
      <c r="ESG729" s="423" t="s">
        <v>2795</v>
      </c>
      <c r="ESH729" s="424"/>
      <c r="ESI729" s="424"/>
      <c r="ESJ729" s="424"/>
      <c r="ESK729" s="423" t="s">
        <v>2795</v>
      </c>
      <c r="ESL729" s="424"/>
      <c r="ESM729" s="424"/>
      <c r="ESN729" s="424"/>
      <c r="ESO729" s="423" t="s">
        <v>2795</v>
      </c>
      <c r="ESP729" s="424"/>
      <c r="ESQ729" s="424"/>
      <c r="ESR729" s="424"/>
      <c r="ESS729" s="423" t="s">
        <v>2795</v>
      </c>
      <c r="EST729" s="424"/>
      <c r="ESU729" s="424"/>
      <c r="ESV729" s="424"/>
      <c r="ESW729" s="423" t="s">
        <v>2795</v>
      </c>
      <c r="ESX729" s="424"/>
      <c r="ESY729" s="424"/>
      <c r="ESZ729" s="424"/>
      <c r="ETA729" s="423" t="s">
        <v>2795</v>
      </c>
      <c r="ETB729" s="424"/>
      <c r="ETC729" s="424"/>
      <c r="ETD729" s="424"/>
      <c r="ETE729" s="423" t="s">
        <v>2795</v>
      </c>
      <c r="ETF729" s="424"/>
      <c r="ETG729" s="424"/>
      <c r="ETH729" s="424"/>
      <c r="ETI729" s="423" t="s">
        <v>2795</v>
      </c>
      <c r="ETJ729" s="424"/>
      <c r="ETK729" s="424"/>
      <c r="ETL729" s="424"/>
      <c r="ETM729" s="423" t="s">
        <v>2795</v>
      </c>
      <c r="ETN729" s="424"/>
      <c r="ETO729" s="424"/>
      <c r="ETP729" s="424"/>
      <c r="ETQ729" s="423" t="s">
        <v>2795</v>
      </c>
      <c r="ETR729" s="424"/>
      <c r="ETS729" s="424"/>
      <c r="ETT729" s="424"/>
      <c r="ETU729" s="423" t="s">
        <v>2795</v>
      </c>
      <c r="ETV729" s="424"/>
      <c r="ETW729" s="424"/>
      <c r="ETX729" s="424"/>
      <c r="ETY729" s="423" t="s">
        <v>2795</v>
      </c>
      <c r="ETZ729" s="424"/>
      <c r="EUA729" s="424"/>
      <c r="EUB729" s="424"/>
      <c r="EUC729" s="423" t="s">
        <v>2795</v>
      </c>
      <c r="EUD729" s="424"/>
      <c r="EUE729" s="424"/>
      <c r="EUF729" s="424"/>
      <c r="EUG729" s="423" t="s">
        <v>2795</v>
      </c>
      <c r="EUH729" s="424"/>
      <c r="EUI729" s="424"/>
      <c r="EUJ729" s="424"/>
      <c r="EUK729" s="423" t="s">
        <v>2795</v>
      </c>
      <c r="EUL729" s="424"/>
      <c r="EUM729" s="424"/>
      <c r="EUN729" s="424"/>
      <c r="EUO729" s="423" t="s">
        <v>2795</v>
      </c>
      <c r="EUP729" s="424"/>
      <c r="EUQ729" s="424"/>
      <c r="EUR729" s="424"/>
      <c r="EUS729" s="423" t="s">
        <v>2795</v>
      </c>
      <c r="EUT729" s="424"/>
      <c r="EUU729" s="424"/>
      <c r="EUV729" s="424"/>
      <c r="EUW729" s="423" t="s">
        <v>2795</v>
      </c>
      <c r="EUX729" s="424"/>
      <c r="EUY729" s="424"/>
      <c r="EUZ729" s="424"/>
      <c r="EVA729" s="423" t="s">
        <v>2795</v>
      </c>
      <c r="EVB729" s="424"/>
      <c r="EVC729" s="424"/>
      <c r="EVD729" s="424"/>
      <c r="EVE729" s="423" t="s">
        <v>2795</v>
      </c>
      <c r="EVF729" s="424"/>
      <c r="EVG729" s="424"/>
      <c r="EVH729" s="424"/>
      <c r="EVI729" s="423" t="s">
        <v>2795</v>
      </c>
      <c r="EVJ729" s="424"/>
      <c r="EVK729" s="424"/>
      <c r="EVL729" s="424"/>
      <c r="EVM729" s="423" t="s">
        <v>2795</v>
      </c>
      <c r="EVN729" s="424"/>
      <c r="EVO729" s="424"/>
      <c r="EVP729" s="424"/>
      <c r="EVQ729" s="423" t="s">
        <v>2795</v>
      </c>
      <c r="EVR729" s="424"/>
      <c r="EVS729" s="424"/>
      <c r="EVT729" s="424"/>
      <c r="EVU729" s="423" t="s">
        <v>2795</v>
      </c>
      <c r="EVV729" s="424"/>
      <c r="EVW729" s="424"/>
      <c r="EVX729" s="424"/>
      <c r="EVY729" s="423" t="s">
        <v>2795</v>
      </c>
      <c r="EVZ729" s="424"/>
      <c r="EWA729" s="424"/>
      <c r="EWB729" s="424"/>
      <c r="EWC729" s="423" t="s">
        <v>2795</v>
      </c>
      <c r="EWD729" s="424"/>
      <c r="EWE729" s="424"/>
      <c r="EWF729" s="424"/>
      <c r="EWG729" s="423" t="s">
        <v>2795</v>
      </c>
      <c r="EWH729" s="424"/>
      <c r="EWI729" s="424"/>
      <c r="EWJ729" s="424"/>
      <c r="EWK729" s="423" t="s">
        <v>2795</v>
      </c>
      <c r="EWL729" s="424"/>
      <c r="EWM729" s="424"/>
      <c r="EWN729" s="424"/>
      <c r="EWO729" s="423" t="s">
        <v>2795</v>
      </c>
      <c r="EWP729" s="424"/>
      <c r="EWQ729" s="424"/>
      <c r="EWR729" s="424"/>
      <c r="EWS729" s="423" t="s">
        <v>2795</v>
      </c>
      <c r="EWT729" s="424"/>
      <c r="EWU729" s="424"/>
      <c r="EWV729" s="424"/>
      <c r="EWW729" s="423" t="s">
        <v>2795</v>
      </c>
      <c r="EWX729" s="424"/>
      <c r="EWY729" s="424"/>
      <c r="EWZ729" s="424"/>
      <c r="EXA729" s="423" t="s">
        <v>2795</v>
      </c>
      <c r="EXB729" s="424"/>
      <c r="EXC729" s="424"/>
      <c r="EXD729" s="424"/>
      <c r="EXE729" s="423" t="s">
        <v>2795</v>
      </c>
      <c r="EXF729" s="424"/>
      <c r="EXG729" s="424"/>
      <c r="EXH729" s="424"/>
      <c r="EXI729" s="423" t="s">
        <v>2795</v>
      </c>
      <c r="EXJ729" s="424"/>
      <c r="EXK729" s="424"/>
      <c r="EXL729" s="424"/>
      <c r="EXM729" s="423" t="s">
        <v>2795</v>
      </c>
      <c r="EXN729" s="424"/>
      <c r="EXO729" s="424"/>
      <c r="EXP729" s="424"/>
      <c r="EXQ729" s="423" t="s">
        <v>2795</v>
      </c>
      <c r="EXR729" s="424"/>
      <c r="EXS729" s="424"/>
      <c r="EXT729" s="424"/>
      <c r="EXU729" s="423" t="s">
        <v>2795</v>
      </c>
      <c r="EXV729" s="424"/>
      <c r="EXW729" s="424"/>
      <c r="EXX729" s="424"/>
      <c r="EXY729" s="423" t="s">
        <v>2795</v>
      </c>
      <c r="EXZ729" s="424"/>
      <c r="EYA729" s="424"/>
      <c r="EYB729" s="424"/>
      <c r="EYC729" s="423" t="s">
        <v>2795</v>
      </c>
      <c r="EYD729" s="424"/>
      <c r="EYE729" s="424"/>
      <c r="EYF729" s="424"/>
      <c r="EYG729" s="423" t="s">
        <v>2795</v>
      </c>
      <c r="EYH729" s="424"/>
      <c r="EYI729" s="424"/>
      <c r="EYJ729" s="424"/>
      <c r="EYK729" s="423" t="s">
        <v>2795</v>
      </c>
      <c r="EYL729" s="424"/>
      <c r="EYM729" s="424"/>
      <c r="EYN729" s="424"/>
      <c r="EYO729" s="423" t="s">
        <v>2795</v>
      </c>
      <c r="EYP729" s="424"/>
      <c r="EYQ729" s="424"/>
      <c r="EYR729" s="424"/>
      <c r="EYS729" s="423" t="s">
        <v>2795</v>
      </c>
      <c r="EYT729" s="424"/>
      <c r="EYU729" s="424"/>
      <c r="EYV729" s="424"/>
      <c r="EYW729" s="423" t="s">
        <v>2795</v>
      </c>
      <c r="EYX729" s="424"/>
      <c r="EYY729" s="424"/>
      <c r="EYZ729" s="424"/>
      <c r="EZA729" s="423" t="s">
        <v>2795</v>
      </c>
      <c r="EZB729" s="424"/>
      <c r="EZC729" s="424"/>
      <c r="EZD729" s="424"/>
      <c r="EZE729" s="423" t="s">
        <v>2795</v>
      </c>
      <c r="EZF729" s="424"/>
      <c r="EZG729" s="424"/>
      <c r="EZH729" s="424"/>
      <c r="EZI729" s="423" t="s">
        <v>2795</v>
      </c>
      <c r="EZJ729" s="424"/>
      <c r="EZK729" s="424"/>
      <c r="EZL729" s="424"/>
      <c r="EZM729" s="423" t="s">
        <v>2795</v>
      </c>
      <c r="EZN729" s="424"/>
      <c r="EZO729" s="424"/>
      <c r="EZP729" s="424"/>
      <c r="EZQ729" s="423" t="s">
        <v>2795</v>
      </c>
      <c r="EZR729" s="424"/>
      <c r="EZS729" s="424"/>
      <c r="EZT729" s="424"/>
      <c r="EZU729" s="423" t="s">
        <v>2795</v>
      </c>
      <c r="EZV729" s="424"/>
      <c r="EZW729" s="424"/>
      <c r="EZX729" s="424"/>
      <c r="EZY729" s="423" t="s">
        <v>2795</v>
      </c>
      <c r="EZZ729" s="424"/>
      <c r="FAA729" s="424"/>
      <c r="FAB729" s="424"/>
      <c r="FAC729" s="423" t="s">
        <v>2795</v>
      </c>
      <c r="FAD729" s="424"/>
      <c r="FAE729" s="424"/>
      <c r="FAF729" s="424"/>
      <c r="FAG729" s="423" t="s">
        <v>2795</v>
      </c>
      <c r="FAH729" s="424"/>
      <c r="FAI729" s="424"/>
      <c r="FAJ729" s="424"/>
      <c r="FAK729" s="423" t="s">
        <v>2795</v>
      </c>
      <c r="FAL729" s="424"/>
      <c r="FAM729" s="424"/>
      <c r="FAN729" s="424"/>
      <c r="FAO729" s="423" t="s">
        <v>2795</v>
      </c>
      <c r="FAP729" s="424"/>
      <c r="FAQ729" s="424"/>
      <c r="FAR729" s="424"/>
      <c r="FAS729" s="423" t="s">
        <v>2795</v>
      </c>
      <c r="FAT729" s="424"/>
      <c r="FAU729" s="424"/>
      <c r="FAV729" s="424"/>
      <c r="FAW729" s="423" t="s">
        <v>2795</v>
      </c>
      <c r="FAX729" s="424"/>
      <c r="FAY729" s="424"/>
      <c r="FAZ729" s="424"/>
      <c r="FBA729" s="423" t="s">
        <v>2795</v>
      </c>
      <c r="FBB729" s="424"/>
      <c r="FBC729" s="424"/>
      <c r="FBD729" s="424"/>
      <c r="FBE729" s="423" t="s">
        <v>2795</v>
      </c>
      <c r="FBF729" s="424"/>
      <c r="FBG729" s="424"/>
      <c r="FBH729" s="424"/>
      <c r="FBI729" s="423" t="s">
        <v>2795</v>
      </c>
      <c r="FBJ729" s="424"/>
      <c r="FBK729" s="424"/>
      <c r="FBL729" s="424"/>
      <c r="FBM729" s="423" t="s">
        <v>2795</v>
      </c>
      <c r="FBN729" s="424"/>
      <c r="FBO729" s="424"/>
      <c r="FBP729" s="424"/>
      <c r="FBQ729" s="423" t="s">
        <v>2795</v>
      </c>
      <c r="FBR729" s="424"/>
      <c r="FBS729" s="424"/>
      <c r="FBT729" s="424"/>
      <c r="FBU729" s="423" t="s">
        <v>2795</v>
      </c>
      <c r="FBV729" s="424"/>
      <c r="FBW729" s="424"/>
      <c r="FBX729" s="424"/>
      <c r="FBY729" s="423" t="s">
        <v>2795</v>
      </c>
      <c r="FBZ729" s="424"/>
      <c r="FCA729" s="424"/>
      <c r="FCB729" s="424"/>
      <c r="FCC729" s="423" t="s">
        <v>2795</v>
      </c>
      <c r="FCD729" s="424"/>
      <c r="FCE729" s="424"/>
      <c r="FCF729" s="424"/>
      <c r="FCG729" s="423" t="s">
        <v>2795</v>
      </c>
      <c r="FCH729" s="424"/>
      <c r="FCI729" s="424"/>
      <c r="FCJ729" s="424"/>
      <c r="FCK729" s="423" t="s">
        <v>2795</v>
      </c>
      <c r="FCL729" s="424"/>
      <c r="FCM729" s="424"/>
      <c r="FCN729" s="424"/>
      <c r="FCO729" s="423" t="s">
        <v>2795</v>
      </c>
      <c r="FCP729" s="424"/>
      <c r="FCQ729" s="424"/>
      <c r="FCR729" s="424"/>
      <c r="FCS729" s="423" t="s">
        <v>2795</v>
      </c>
      <c r="FCT729" s="424"/>
      <c r="FCU729" s="424"/>
      <c r="FCV729" s="424"/>
      <c r="FCW729" s="423" t="s">
        <v>2795</v>
      </c>
      <c r="FCX729" s="424"/>
      <c r="FCY729" s="424"/>
      <c r="FCZ729" s="424"/>
      <c r="FDA729" s="423" t="s">
        <v>2795</v>
      </c>
      <c r="FDB729" s="424"/>
      <c r="FDC729" s="424"/>
      <c r="FDD729" s="424"/>
      <c r="FDE729" s="423" t="s">
        <v>2795</v>
      </c>
      <c r="FDF729" s="424"/>
      <c r="FDG729" s="424"/>
      <c r="FDH729" s="424"/>
      <c r="FDI729" s="423" t="s">
        <v>2795</v>
      </c>
      <c r="FDJ729" s="424"/>
      <c r="FDK729" s="424"/>
      <c r="FDL729" s="424"/>
      <c r="FDM729" s="423" t="s">
        <v>2795</v>
      </c>
      <c r="FDN729" s="424"/>
      <c r="FDO729" s="424"/>
      <c r="FDP729" s="424"/>
      <c r="FDQ729" s="423" t="s">
        <v>2795</v>
      </c>
      <c r="FDR729" s="424"/>
      <c r="FDS729" s="424"/>
      <c r="FDT729" s="424"/>
      <c r="FDU729" s="423" t="s">
        <v>2795</v>
      </c>
      <c r="FDV729" s="424"/>
      <c r="FDW729" s="424"/>
      <c r="FDX729" s="424"/>
      <c r="FDY729" s="423" t="s">
        <v>2795</v>
      </c>
      <c r="FDZ729" s="424"/>
      <c r="FEA729" s="424"/>
      <c r="FEB729" s="424"/>
      <c r="FEC729" s="423" t="s">
        <v>2795</v>
      </c>
      <c r="FED729" s="424"/>
      <c r="FEE729" s="424"/>
      <c r="FEF729" s="424"/>
      <c r="FEG729" s="423" t="s">
        <v>2795</v>
      </c>
      <c r="FEH729" s="424"/>
      <c r="FEI729" s="424"/>
      <c r="FEJ729" s="424"/>
      <c r="FEK729" s="423" t="s">
        <v>2795</v>
      </c>
      <c r="FEL729" s="424"/>
      <c r="FEM729" s="424"/>
      <c r="FEN729" s="424"/>
      <c r="FEO729" s="423" t="s">
        <v>2795</v>
      </c>
      <c r="FEP729" s="424"/>
      <c r="FEQ729" s="424"/>
      <c r="FER729" s="424"/>
      <c r="FES729" s="423" t="s">
        <v>2795</v>
      </c>
      <c r="FET729" s="424"/>
      <c r="FEU729" s="424"/>
      <c r="FEV729" s="424"/>
      <c r="FEW729" s="423" t="s">
        <v>2795</v>
      </c>
      <c r="FEX729" s="424"/>
      <c r="FEY729" s="424"/>
      <c r="FEZ729" s="424"/>
      <c r="FFA729" s="423" t="s">
        <v>2795</v>
      </c>
      <c r="FFB729" s="424"/>
      <c r="FFC729" s="424"/>
      <c r="FFD729" s="424"/>
      <c r="FFE729" s="423" t="s">
        <v>2795</v>
      </c>
      <c r="FFF729" s="424"/>
      <c r="FFG729" s="424"/>
      <c r="FFH729" s="424"/>
      <c r="FFI729" s="423" t="s">
        <v>2795</v>
      </c>
      <c r="FFJ729" s="424"/>
      <c r="FFK729" s="424"/>
      <c r="FFL729" s="424"/>
      <c r="FFM729" s="423" t="s">
        <v>2795</v>
      </c>
      <c r="FFN729" s="424"/>
      <c r="FFO729" s="424"/>
      <c r="FFP729" s="424"/>
      <c r="FFQ729" s="423" t="s">
        <v>2795</v>
      </c>
      <c r="FFR729" s="424"/>
      <c r="FFS729" s="424"/>
      <c r="FFT729" s="424"/>
      <c r="FFU729" s="423" t="s">
        <v>2795</v>
      </c>
      <c r="FFV729" s="424"/>
      <c r="FFW729" s="424"/>
      <c r="FFX729" s="424"/>
      <c r="FFY729" s="423" t="s">
        <v>2795</v>
      </c>
      <c r="FFZ729" s="424"/>
      <c r="FGA729" s="424"/>
      <c r="FGB729" s="424"/>
      <c r="FGC729" s="423" t="s">
        <v>2795</v>
      </c>
      <c r="FGD729" s="424"/>
      <c r="FGE729" s="424"/>
      <c r="FGF729" s="424"/>
      <c r="FGG729" s="423" t="s">
        <v>2795</v>
      </c>
      <c r="FGH729" s="424"/>
      <c r="FGI729" s="424"/>
      <c r="FGJ729" s="424"/>
      <c r="FGK729" s="423" t="s">
        <v>2795</v>
      </c>
      <c r="FGL729" s="424"/>
      <c r="FGM729" s="424"/>
      <c r="FGN729" s="424"/>
      <c r="FGO729" s="423" t="s">
        <v>2795</v>
      </c>
      <c r="FGP729" s="424"/>
      <c r="FGQ729" s="424"/>
      <c r="FGR729" s="424"/>
      <c r="FGS729" s="423" t="s">
        <v>2795</v>
      </c>
      <c r="FGT729" s="424"/>
      <c r="FGU729" s="424"/>
      <c r="FGV729" s="424"/>
      <c r="FGW729" s="423" t="s">
        <v>2795</v>
      </c>
      <c r="FGX729" s="424"/>
      <c r="FGY729" s="424"/>
      <c r="FGZ729" s="424"/>
      <c r="FHA729" s="423" t="s">
        <v>2795</v>
      </c>
      <c r="FHB729" s="424"/>
      <c r="FHC729" s="424"/>
      <c r="FHD729" s="424"/>
      <c r="FHE729" s="423" t="s">
        <v>2795</v>
      </c>
      <c r="FHF729" s="424"/>
      <c r="FHG729" s="424"/>
      <c r="FHH729" s="424"/>
      <c r="FHI729" s="423" t="s">
        <v>2795</v>
      </c>
      <c r="FHJ729" s="424"/>
      <c r="FHK729" s="424"/>
      <c r="FHL729" s="424"/>
      <c r="FHM729" s="423" t="s">
        <v>2795</v>
      </c>
      <c r="FHN729" s="424"/>
      <c r="FHO729" s="424"/>
      <c r="FHP729" s="424"/>
      <c r="FHQ729" s="423" t="s">
        <v>2795</v>
      </c>
      <c r="FHR729" s="424"/>
      <c r="FHS729" s="424"/>
      <c r="FHT729" s="424"/>
      <c r="FHU729" s="423" t="s">
        <v>2795</v>
      </c>
      <c r="FHV729" s="424"/>
      <c r="FHW729" s="424"/>
      <c r="FHX729" s="424"/>
      <c r="FHY729" s="423" t="s">
        <v>2795</v>
      </c>
      <c r="FHZ729" s="424"/>
      <c r="FIA729" s="424"/>
      <c r="FIB729" s="424"/>
      <c r="FIC729" s="423" t="s">
        <v>2795</v>
      </c>
      <c r="FID729" s="424"/>
      <c r="FIE729" s="424"/>
      <c r="FIF729" s="424"/>
      <c r="FIG729" s="423" t="s">
        <v>2795</v>
      </c>
      <c r="FIH729" s="424"/>
      <c r="FII729" s="424"/>
      <c r="FIJ729" s="424"/>
      <c r="FIK729" s="423" t="s">
        <v>2795</v>
      </c>
      <c r="FIL729" s="424"/>
      <c r="FIM729" s="424"/>
      <c r="FIN729" s="424"/>
      <c r="FIO729" s="423" t="s">
        <v>2795</v>
      </c>
      <c r="FIP729" s="424"/>
      <c r="FIQ729" s="424"/>
      <c r="FIR729" s="424"/>
      <c r="FIS729" s="423" t="s">
        <v>2795</v>
      </c>
      <c r="FIT729" s="424"/>
      <c r="FIU729" s="424"/>
      <c r="FIV729" s="424"/>
      <c r="FIW729" s="423" t="s">
        <v>2795</v>
      </c>
      <c r="FIX729" s="424"/>
      <c r="FIY729" s="424"/>
      <c r="FIZ729" s="424"/>
      <c r="FJA729" s="423" t="s">
        <v>2795</v>
      </c>
      <c r="FJB729" s="424"/>
      <c r="FJC729" s="424"/>
      <c r="FJD729" s="424"/>
      <c r="FJE729" s="423" t="s">
        <v>2795</v>
      </c>
      <c r="FJF729" s="424"/>
      <c r="FJG729" s="424"/>
      <c r="FJH729" s="424"/>
      <c r="FJI729" s="423" t="s">
        <v>2795</v>
      </c>
      <c r="FJJ729" s="424"/>
      <c r="FJK729" s="424"/>
      <c r="FJL729" s="424"/>
      <c r="FJM729" s="423" t="s">
        <v>2795</v>
      </c>
      <c r="FJN729" s="424"/>
      <c r="FJO729" s="424"/>
      <c r="FJP729" s="424"/>
      <c r="FJQ729" s="423" t="s">
        <v>2795</v>
      </c>
      <c r="FJR729" s="424"/>
      <c r="FJS729" s="424"/>
      <c r="FJT729" s="424"/>
      <c r="FJU729" s="423" t="s">
        <v>2795</v>
      </c>
      <c r="FJV729" s="424"/>
      <c r="FJW729" s="424"/>
      <c r="FJX729" s="424"/>
      <c r="FJY729" s="423" t="s">
        <v>2795</v>
      </c>
      <c r="FJZ729" s="424"/>
      <c r="FKA729" s="424"/>
      <c r="FKB729" s="424"/>
      <c r="FKC729" s="423" t="s">
        <v>2795</v>
      </c>
      <c r="FKD729" s="424"/>
      <c r="FKE729" s="424"/>
      <c r="FKF729" s="424"/>
      <c r="FKG729" s="423" t="s">
        <v>2795</v>
      </c>
      <c r="FKH729" s="424"/>
      <c r="FKI729" s="424"/>
      <c r="FKJ729" s="424"/>
      <c r="FKK729" s="423" t="s">
        <v>2795</v>
      </c>
      <c r="FKL729" s="424"/>
      <c r="FKM729" s="424"/>
      <c r="FKN729" s="424"/>
      <c r="FKO729" s="423" t="s">
        <v>2795</v>
      </c>
      <c r="FKP729" s="424"/>
      <c r="FKQ729" s="424"/>
      <c r="FKR729" s="424"/>
      <c r="FKS729" s="423" t="s">
        <v>2795</v>
      </c>
      <c r="FKT729" s="424"/>
      <c r="FKU729" s="424"/>
      <c r="FKV729" s="424"/>
      <c r="FKW729" s="423" t="s">
        <v>2795</v>
      </c>
      <c r="FKX729" s="424"/>
      <c r="FKY729" s="424"/>
      <c r="FKZ729" s="424"/>
      <c r="FLA729" s="423" t="s">
        <v>2795</v>
      </c>
      <c r="FLB729" s="424"/>
      <c r="FLC729" s="424"/>
      <c r="FLD729" s="424"/>
      <c r="FLE729" s="423" t="s">
        <v>2795</v>
      </c>
      <c r="FLF729" s="424"/>
      <c r="FLG729" s="424"/>
      <c r="FLH729" s="424"/>
      <c r="FLI729" s="423" t="s">
        <v>2795</v>
      </c>
      <c r="FLJ729" s="424"/>
      <c r="FLK729" s="424"/>
      <c r="FLL729" s="424"/>
      <c r="FLM729" s="423" t="s">
        <v>2795</v>
      </c>
      <c r="FLN729" s="424"/>
      <c r="FLO729" s="424"/>
      <c r="FLP729" s="424"/>
      <c r="FLQ729" s="423" t="s">
        <v>2795</v>
      </c>
      <c r="FLR729" s="424"/>
      <c r="FLS729" s="424"/>
      <c r="FLT729" s="424"/>
      <c r="FLU729" s="423" t="s">
        <v>2795</v>
      </c>
      <c r="FLV729" s="424"/>
      <c r="FLW729" s="424"/>
      <c r="FLX729" s="424"/>
      <c r="FLY729" s="423" t="s">
        <v>2795</v>
      </c>
      <c r="FLZ729" s="424"/>
      <c r="FMA729" s="424"/>
      <c r="FMB729" s="424"/>
      <c r="FMC729" s="423" t="s">
        <v>2795</v>
      </c>
      <c r="FMD729" s="424"/>
      <c r="FME729" s="424"/>
      <c r="FMF729" s="424"/>
      <c r="FMG729" s="423" t="s">
        <v>2795</v>
      </c>
      <c r="FMH729" s="424"/>
      <c r="FMI729" s="424"/>
      <c r="FMJ729" s="424"/>
      <c r="FMK729" s="423" t="s">
        <v>2795</v>
      </c>
      <c r="FML729" s="424"/>
      <c r="FMM729" s="424"/>
      <c r="FMN729" s="424"/>
      <c r="FMO729" s="423" t="s">
        <v>2795</v>
      </c>
      <c r="FMP729" s="424"/>
      <c r="FMQ729" s="424"/>
      <c r="FMR729" s="424"/>
      <c r="FMS729" s="423" t="s">
        <v>2795</v>
      </c>
      <c r="FMT729" s="424"/>
      <c r="FMU729" s="424"/>
      <c r="FMV729" s="424"/>
      <c r="FMW729" s="423" t="s">
        <v>2795</v>
      </c>
      <c r="FMX729" s="424"/>
      <c r="FMY729" s="424"/>
      <c r="FMZ729" s="424"/>
      <c r="FNA729" s="423" t="s">
        <v>2795</v>
      </c>
      <c r="FNB729" s="424"/>
      <c r="FNC729" s="424"/>
      <c r="FND729" s="424"/>
      <c r="FNE729" s="423" t="s">
        <v>2795</v>
      </c>
      <c r="FNF729" s="424"/>
      <c r="FNG729" s="424"/>
      <c r="FNH729" s="424"/>
      <c r="FNI729" s="423" t="s">
        <v>2795</v>
      </c>
      <c r="FNJ729" s="424"/>
      <c r="FNK729" s="424"/>
      <c r="FNL729" s="424"/>
      <c r="FNM729" s="423" t="s">
        <v>2795</v>
      </c>
      <c r="FNN729" s="424"/>
      <c r="FNO729" s="424"/>
      <c r="FNP729" s="424"/>
      <c r="FNQ729" s="423" t="s">
        <v>2795</v>
      </c>
      <c r="FNR729" s="424"/>
      <c r="FNS729" s="424"/>
      <c r="FNT729" s="424"/>
      <c r="FNU729" s="423" t="s">
        <v>2795</v>
      </c>
      <c r="FNV729" s="424"/>
      <c r="FNW729" s="424"/>
      <c r="FNX729" s="424"/>
      <c r="FNY729" s="423" t="s">
        <v>2795</v>
      </c>
      <c r="FNZ729" s="424"/>
      <c r="FOA729" s="424"/>
      <c r="FOB729" s="424"/>
      <c r="FOC729" s="423" t="s">
        <v>2795</v>
      </c>
      <c r="FOD729" s="424"/>
      <c r="FOE729" s="424"/>
      <c r="FOF729" s="424"/>
      <c r="FOG729" s="423" t="s">
        <v>2795</v>
      </c>
      <c r="FOH729" s="424"/>
      <c r="FOI729" s="424"/>
      <c r="FOJ729" s="424"/>
      <c r="FOK729" s="423" t="s">
        <v>2795</v>
      </c>
      <c r="FOL729" s="424"/>
      <c r="FOM729" s="424"/>
      <c r="FON729" s="424"/>
      <c r="FOO729" s="423" t="s">
        <v>2795</v>
      </c>
      <c r="FOP729" s="424"/>
      <c r="FOQ729" s="424"/>
      <c r="FOR729" s="424"/>
      <c r="FOS729" s="423" t="s">
        <v>2795</v>
      </c>
      <c r="FOT729" s="424"/>
      <c r="FOU729" s="424"/>
      <c r="FOV729" s="424"/>
      <c r="FOW729" s="423" t="s">
        <v>2795</v>
      </c>
      <c r="FOX729" s="424"/>
      <c r="FOY729" s="424"/>
      <c r="FOZ729" s="424"/>
      <c r="FPA729" s="423" t="s">
        <v>2795</v>
      </c>
      <c r="FPB729" s="424"/>
      <c r="FPC729" s="424"/>
      <c r="FPD729" s="424"/>
      <c r="FPE729" s="423" t="s">
        <v>2795</v>
      </c>
      <c r="FPF729" s="424"/>
      <c r="FPG729" s="424"/>
      <c r="FPH729" s="424"/>
      <c r="FPI729" s="423" t="s">
        <v>2795</v>
      </c>
      <c r="FPJ729" s="424"/>
      <c r="FPK729" s="424"/>
      <c r="FPL729" s="424"/>
      <c r="FPM729" s="423" t="s">
        <v>2795</v>
      </c>
      <c r="FPN729" s="424"/>
      <c r="FPO729" s="424"/>
      <c r="FPP729" s="424"/>
      <c r="FPQ729" s="423" t="s">
        <v>2795</v>
      </c>
      <c r="FPR729" s="424"/>
      <c r="FPS729" s="424"/>
      <c r="FPT729" s="424"/>
      <c r="FPU729" s="423" t="s">
        <v>2795</v>
      </c>
      <c r="FPV729" s="424"/>
      <c r="FPW729" s="424"/>
      <c r="FPX729" s="424"/>
      <c r="FPY729" s="423" t="s">
        <v>2795</v>
      </c>
      <c r="FPZ729" s="424"/>
      <c r="FQA729" s="424"/>
      <c r="FQB729" s="424"/>
      <c r="FQC729" s="423" t="s">
        <v>2795</v>
      </c>
      <c r="FQD729" s="424"/>
      <c r="FQE729" s="424"/>
      <c r="FQF729" s="424"/>
      <c r="FQG729" s="423" t="s">
        <v>2795</v>
      </c>
      <c r="FQH729" s="424"/>
      <c r="FQI729" s="424"/>
      <c r="FQJ729" s="424"/>
      <c r="FQK729" s="423" t="s">
        <v>2795</v>
      </c>
      <c r="FQL729" s="424"/>
      <c r="FQM729" s="424"/>
      <c r="FQN729" s="424"/>
      <c r="FQO729" s="423" t="s">
        <v>2795</v>
      </c>
      <c r="FQP729" s="424"/>
      <c r="FQQ729" s="424"/>
      <c r="FQR729" s="424"/>
      <c r="FQS729" s="423" t="s">
        <v>2795</v>
      </c>
      <c r="FQT729" s="424"/>
      <c r="FQU729" s="424"/>
      <c r="FQV729" s="424"/>
      <c r="FQW729" s="423" t="s">
        <v>2795</v>
      </c>
      <c r="FQX729" s="424"/>
      <c r="FQY729" s="424"/>
      <c r="FQZ729" s="424"/>
      <c r="FRA729" s="423" t="s">
        <v>2795</v>
      </c>
      <c r="FRB729" s="424"/>
      <c r="FRC729" s="424"/>
      <c r="FRD729" s="424"/>
      <c r="FRE729" s="423" t="s">
        <v>2795</v>
      </c>
      <c r="FRF729" s="424"/>
      <c r="FRG729" s="424"/>
      <c r="FRH729" s="424"/>
      <c r="FRI729" s="423" t="s">
        <v>2795</v>
      </c>
      <c r="FRJ729" s="424"/>
      <c r="FRK729" s="424"/>
      <c r="FRL729" s="424"/>
      <c r="FRM729" s="423" t="s">
        <v>2795</v>
      </c>
      <c r="FRN729" s="424"/>
      <c r="FRO729" s="424"/>
      <c r="FRP729" s="424"/>
      <c r="FRQ729" s="423" t="s">
        <v>2795</v>
      </c>
      <c r="FRR729" s="424"/>
      <c r="FRS729" s="424"/>
      <c r="FRT729" s="424"/>
      <c r="FRU729" s="423" t="s">
        <v>2795</v>
      </c>
      <c r="FRV729" s="424"/>
      <c r="FRW729" s="424"/>
      <c r="FRX729" s="424"/>
      <c r="FRY729" s="423" t="s">
        <v>2795</v>
      </c>
      <c r="FRZ729" s="424"/>
      <c r="FSA729" s="424"/>
      <c r="FSB729" s="424"/>
      <c r="FSC729" s="423" t="s">
        <v>2795</v>
      </c>
      <c r="FSD729" s="424"/>
      <c r="FSE729" s="424"/>
      <c r="FSF729" s="424"/>
      <c r="FSG729" s="423" t="s">
        <v>2795</v>
      </c>
      <c r="FSH729" s="424"/>
      <c r="FSI729" s="424"/>
      <c r="FSJ729" s="424"/>
      <c r="FSK729" s="423" t="s">
        <v>2795</v>
      </c>
      <c r="FSL729" s="424"/>
      <c r="FSM729" s="424"/>
      <c r="FSN729" s="424"/>
      <c r="FSO729" s="423" t="s">
        <v>2795</v>
      </c>
      <c r="FSP729" s="424"/>
      <c r="FSQ729" s="424"/>
      <c r="FSR729" s="424"/>
      <c r="FSS729" s="423" t="s">
        <v>2795</v>
      </c>
      <c r="FST729" s="424"/>
      <c r="FSU729" s="424"/>
      <c r="FSV729" s="424"/>
      <c r="FSW729" s="423" t="s">
        <v>2795</v>
      </c>
      <c r="FSX729" s="424"/>
      <c r="FSY729" s="424"/>
      <c r="FSZ729" s="424"/>
      <c r="FTA729" s="423" t="s">
        <v>2795</v>
      </c>
      <c r="FTB729" s="424"/>
      <c r="FTC729" s="424"/>
      <c r="FTD729" s="424"/>
      <c r="FTE729" s="423" t="s">
        <v>2795</v>
      </c>
      <c r="FTF729" s="424"/>
      <c r="FTG729" s="424"/>
      <c r="FTH729" s="424"/>
      <c r="FTI729" s="423" t="s">
        <v>2795</v>
      </c>
      <c r="FTJ729" s="424"/>
      <c r="FTK729" s="424"/>
      <c r="FTL729" s="424"/>
      <c r="FTM729" s="423" t="s">
        <v>2795</v>
      </c>
      <c r="FTN729" s="424"/>
      <c r="FTO729" s="424"/>
      <c r="FTP729" s="424"/>
      <c r="FTQ729" s="423" t="s">
        <v>2795</v>
      </c>
      <c r="FTR729" s="424"/>
      <c r="FTS729" s="424"/>
      <c r="FTT729" s="424"/>
      <c r="FTU729" s="423" t="s">
        <v>2795</v>
      </c>
      <c r="FTV729" s="424"/>
      <c r="FTW729" s="424"/>
      <c r="FTX729" s="424"/>
      <c r="FTY729" s="423" t="s">
        <v>2795</v>
      </c>
      <c r="FTZ729" s="424"/>
      <c r="FUA729" s="424"/>
      <c r="FUB729" s="424"/>
      <c r="FUC729" s="423" t="s">
        <v>2795</v>
      </c>
      <c r="FUD729" s="424"/>
      <c r="FUE729" s="424"/>
      <c r="FUF729" s="424"/>
      <c r="FUG729" s="423" t="s">
        <v>2795</v>
      </c>
      <c r="FUH729" s="424"/>
      <c r="FUI729" s="424"/>
      <c r="FUJ729" s="424"/>
      <c r="FUK729" s="423" t="s">
        <v>2795</v>
      </c>
      <c r="FUL729" s="424"/>
      <c r="FUM729" s="424"/>
      <c r="FUN729" s="424"/>
      <c r="FUO729" s="423" t="s">
        <v>2795</v>
      </c>
      <c r="FUP729" s="424"/>
      <c r="FUQ729" s="424"/>
      <c r="FUR729" s="424"/>
      <c r="FUS729" s="423" t="s">
        <v>2795</v>
      </c>
      <c r="FUT729" s="424"/>
      <c r="FUU729" s="424"/>
      <c r="FUV729" s="424"/>
      <c r="FUW729" s="423" t="s">
        <v>2795</v>
      </c>
      <c r="FUX729" s="424"/>
      <c r="FUY729" s="424"/>
      <c r="FUZ729" s="424"/>
      <c r="FVA729" s="423" t="s">
        <v>2795</v>
      </c>
      <c r="FVB729" s="424"/>
      <c r="FVC729" s="424"/>
      <c r="FVD729" s="424"/>
      <c r="FVE729" s="423" t="s">
        <v>2795</v>
      </c>
      <c r="FVF729" s="424"/>
      <c r="FVG729" s="424"/>
      <c r="FVH729" s="424"/>
      <c r="FVI729" s="423" t="s">
        <v>2795</v>
      </c>
      <c r="FVJ729" s="424"/>
      <c r="FVK729" s="424"/>
      <c r="FVL729" s="424"/>
      <c r="FVM729" s="423" t="s">
        <v>2795</v>
      </c>
      <c r="FVN729" s="424"/>
      <c r="FVO729" s="424"/>
      <c r="FVP729" s="424"/>
      <c r="FVQ729" s="423" t="s">
        <v>2795</v>
      </c>
      <c r="FVR729" s="424"/>
      <c r="FVS729" s="424"/>
      <c r="FVT729" s="424"/>
      <c r="FVU729" s="423" t="s">
        <v>2795</v>
      </c>
      <c r="FVV729" s="424"/>
      <c r="FVW729" s="424"/>
      <c r="FVX729" s="424"/>
      <c r="FVY729" s="423" t="s">
        <v>2795</v>
      </c>
      <c r="FVZ729" s="424"/>
      <c r="FWA729" s="424"/>
      <c r="FWB729" s="424"/>
      <c r="FWC729" s="423" t="s">
        <v>2795</v>
      </c>
      <c r="FWD729" s="424"/>
      <c r="FWE729" s="424"/>
      <c r="FWF729" s="424"/>
      <c r="FWG729" s="423" t="s">
        <v>2795</v>
      </c>
      <c r="FWH729" s="424"/>
      <c r="FWI729" s="424"/>
      <c r="FWJ729" s="424"/>
      <c r="FWK729" s="423" t="s">
        <v>2795</v>
      </c>
      <c r="FWL729" s="424"/>
      <c r="FWM729" s="424"/>
      <c r="FWN729" s="424"/>
      <c r="FWO729" s="423" t="s">
        <v>2795</v>
      </c>
      <c r="FWP729" s="424"/>
      <c r="FWQ729" s="424"/>
      <c r="FWR729" s="424"/>
      <c r="FWS729" s="423" t="s">
        <v>2795</v>
      </c>
      <c r="FWT729" s="424"/>
      <c r="FWU729" s="424"/>
      <c r="FWV729" s="424"/>
      <c r="FWW729" s="423" t="s">
        <v>2795</v>
      </c>
      <c r="FWX729" s="424"/>
      <c r="FWY729" s="424"/>
      <c r="FWZ729" s="424"/>
      <c r="FXA729" s="423" t="s">
        <v>2795</v>
      </c>
      <c r="FXB729" s="424"/>
      <c r="FXC729" s="424"/>
      <c r="FXD729" s="424"/>
      <c r="FXE729" s="423" t="s">
        <v>2795</v>
      </c>
      <c r="FXF729" s="424"/>
      <c r="FXG729" s="424"/>
      <c r="FXH729" s="424"/>
      <c r="FXI729" s="423" t="s">
        <v>2795</v>
      </c>
      <c r="FXJ729" s="424"/>
      <c r="FXK729" s="424"/>
      <c r="FXL729" s="424"/>
      <c r="FXM729" s="423" t="s">
        <v>2795</v>
      </c>
      <c r="FXN729" s="424"/>
      <c r="FXO729" s="424"/>
      <c r="FXP729" s="424"/>
      <c r="FXQ729" s="423" t="s">
        <v>2795</v>
      </c>
      <c r="FXR729" s="424"/>
      <c r="FXS729" s="424"/>
      <c r="FXT729" s="424"/>
      <c r="FXU729" s="423" t="s">
        <v>2795</v>
      </c>
      <c r="FXV729" s="424"/>
      <c r="FXW729" s="424"/>
      <c r="FXX729" s="424"/>
      <c r="FXY729" s="423" t="s">
        <v>2795</v>
      </c>
      <c r="FXZ729" s="424"/>
      <c r="FYA729" s="424"/>
      <c r="FYB729" s="424"/>
      <c r="FYC729" s="423" t="s">
        <v>2795</v>
      </c>
      <c r="FYD729" s="424"/>
      <c r="FYE729" s="424"/>
      <c r="FYF729" s="424"/>
      <c r="FYG729" s="423" t="s">
        <v>2795</v>
      </c>
      <c r="FYH729" s="424"/>
      <c r="FYI729" s="424"/>
      <c r="FYJ729" s="424"/>
      <c r="FYK729" s="423" t="s">
        <v>2795</v>
      </c>
      <c r="FYL729" s="424"/>
      <c r="FYM729" s="424"/>
      <c r="FYN729" s="424"/>
      <c r="FYO729" s="423" t="s">
        <v>2795</v>
      </c>
      <c r="FYP729" s="424"/>
      <c r="FYQ729" s="424"/>
      <c r="FYR729" s="424"/>
      <c r="FYS729" s="423" t="s">
        <v>2795</v>
      </c>
      <c r="FYT729" s="424"/>
      <c r="FYU729" s="424"/>
      <c r="FYV729" s="424"/>
      <c r="FYW729" s="423" t="s">
        <v>2795</v>
      </c>
      <c r="FYX729" s="424"/>
      <c r="FYY729" s="424"/>
      <c r="FYZ729" s="424"/>
      <c r="FZA729" s="423" t="s">
        <v>2795</v>
      </c>
      <c r="FZB729" s="424"/>
      <c r="FZC729" s="424"/>
      <c r="FZD729" s="424"/>
      <c r="FZE729" s="423" t="s">
        <v>2795</v>
      </c>
      <c r="FZF729" s="424"/>
      <c r="FZG729" s="424"/>
      <c r="FZH729" s="424"/>
      <c r="FZI729" s="423" t="s">
        <v>2795</v>
      </c>
      <c r="FZJ729" s="424"/>
      <c r="FZK729" s="424"/>
      <c r="FZL729" s="424"/>
      <c r="FZM729" s="423" t="s">
        <v>2795</v>
      </c>
      <c r="FZN729" s="424"/>
      <c r="FZO729" s="424"/>
      <c r="FZP729" s="424"/>
      <c r="FZQ729" s="423" t="s">
        <v>2795</v>
      </c>
      <c r="FZR729" s="424"/>
      <c r="FZS729" s="424"/>
      <c r="FZT729" s="424"/>
      <c r="FZU729" s="423" t="s">
        <v>2795</v>
      </c>
      <c r="FZV729" s="424"/>
      <c r="FZW729" s="424"/>
      <c r="FZX729" s="424"/>
      <c r="FZY729" s="423" t="s">
        <v>2795</v>
      </c>
      <c r="FZZ729" s="424"/>
      <c r="GAA729" s="424"/>
      <c r="GAB729" s="424"/>
      <c r="GAC729" s="423" t="s">
        <v>2795</v>
      </c>
      <c r="GAD729" s="424"/>
      <c r="GAE729" s="424"/>
      <c r="GAF729" s="424"/>
      <c r="GAG729" s="423" t="s">
        <v>2795</v>
      </c>
      <c r="GAH729" s="424"/>
      <c r="GAI729" s="424"/>
      <c r="GAJ729" s="424"/>
      <c r="GAK729" s="423" t="s">
        <v>2795</v>
      </c>
      <c r="GAL729" s="424"/>
      <c r="GAM729" s="424"/>
      <c r="GAN729" s="424"/>
      <c r="GAO729" s="423" t="s">
        <v>2795</v>
      </c>
      <c r="GAP729" s="424"/>
      <c r="GAQ729" s="424"/>
      <c r="GAR729" s="424"/>
      <c r="GAS729" s="423" t="s">
        <v>2795</v>
      </c>
      <c r="GAT729" s="424"/>
      <c r="GAU729" s="424"/>
      <c r="GAV729" s="424"/>
      <c r="GAW729" s="423" t="s">
        <v>2795</v>
      </c>
      <c r="GAX729" s="424"/>
      <c r="GAY729" s="424"/>
      <c r="GAZ729" s="424"/>
      <c r="GBA729" s="423" t="s">
        <v>2795</v>
      </c>
      <c r="GBB729" s="424"/>
      <c r="GBC729" s="424"/>
      <c r="GBD729" s="424"/>
      <c r="GBE729" s="423" t="s">
        <v>2795</v>
      </c>
      <c r="GBF729" s="424"/>
      <c r="GBG729" s="424"/>
      <c r="GBH729" s="424"/>
      <c r="GBI729" s="423" t="s">
        <v>2795</v>
      </c>
      <c r="GBJ729" s="424"/>
      <c r="GBK729" s="424"/>
      <c r="GBL729" s="424"/>
      <c r="GBM729" s="423" t="s">
        <v>2795</v>
      </c>
      <c r="GBN729" s="424"/>
      <c r="GBO729" s="424"/>
      <c r="GBP729" s="424"/>
      <c r="GBQ729" s="423" t="s">
        <v>2795</v>
      </c>
      <c r="GBR729" s="424"/>
      <c r="GBS729" s="424"/>
      <c r="GBT729" s="424"/>
      <c r="GBU729" s="423" t="s">
        <v>2795</v>
      </c>
      <c r="GBV729" s="424"/>
      <c r="GBW729" s="424"/>
      <c r="GBX729" s="424"/>
      <c r="GBY729" s="423" t="s">
        <v>2795</v>
      </c>
      <c r="GBZ729" s="424"/>
      <c r="GCA729" s="424"/>
      <c r="GCB729" s="424"/>
      <c r="GCC729" s="423" t="s">
        <v>2795</v>
      </c>
      <c r="GCD729" s="424"/>
      <c r="GCE729" s="424"/>
      <c r="GCF729" s="424"/>
      <c r="GCG729" s="423" t="s">
        <v>2795</v>
      </c>
      <c r="GCH729" s="424"/>
      <c r="GCI729" s="424"/>
      <c r="GCJ729" s="424"/>
      <c r="GCK729" s="423" t="s">
        <v>2795</v>
      </c>
      <c r="GCL729" s="424"/>
      <c r="GCM729" s="424"/>
      <c r="GCN729" s="424"/>
      <c r="GCO729" s="423" t="s">
        <v>2795</v>
      </c>
      <c r="GCP729" s="424"/>
      <c r="GCQ729" s="424"/>
      <c r="GCR729" s="424"/>
      <c r="GCS729" s="423" t="s">
        <v>2795</v>
      </c>
      <c r="GCT729" s="424"/>
      <c r="GCU729" s="424"/>
      <c r="GCV729" s="424"/>
      <c r="GCW729" s="423" t="s">
        <v>2795</v>
      </c>
      <c r="GCX729" s="424"/>
      <c r="GCY729" s="424"/>
      <c r="GCZ729" s="424"/>
      <c r="GDA729" s="423" t="s">
        <v>2795</v>
      </c>
      <c r="GDB729" s="424"/>
      <c r="GDC729" s="424"/>
      <c r="GDD729" s="424"/>
      <c r="GDE729" s="423" t="s">
        <v>2795</v>
      </c>
      <c r="GDF729" s="424"/>
      <c r="GDG729" s="424"/>
      <c r="GDH729" s="424"/>
      <c r="GDI729" s="423" t="s">
        <v>2795</v>
      </c>
      <c r="GDJ729" s="424"/>
      <c r="GDK729" s="424"/>
      <c r="GDL729" s="424"/>
      <c r="GDM729" s="423" t="s">
        <v>2795</v>
      </c>
      <c r="GDN729" s="424"/>
      <c r="GDO729" s="424"/>
      <c r="GDP729" s="424"/>
      <c r="GDQ729" s="423" t="s">
        <v>2795</v>
      </c>
      <c r="GDR729" s="424"/>
      <c r="GDS729" s="424"/>
      <c r="GDT729" s="424"/>
      <c r="GDU729" s="423" t="s">
        <v>2795</v>
      </c>
      <c r="GDV729" s="424"/>
      <c r="GDW729" s="424"/>
      <c r="GDX729" s="424"/>
      <c r="GDY729" s="423" t="s">
        <v>2795</v>
      </c>
      <c r="GDZ729" s="424"/>
      <c r="GEA729" s="424"/>
      <c r="GEB729" s="424"/>
      <c r="GEC729" s="423" t="s">
        <v>2795</v>
      </c>
      <c r="GED729" s="424"/>
      <c r="GEE729" s="424"/>
      <c r="GEF729" s="424"/>
      <c r="GEG729" s="423" t="s">
        <v>2795</v>
      </c>
      <c r="GEH729" s="424"/>
      <c r="GEI729" s="424"/>
      <c r="GEJ729" s="424"/>
      <c r="GEK729" s="423" t="s">
        <v>2795</v>
      </c>
      <c r="GEL729" s="424"/>
      <c r="GEM729" s="424"/>
      <c r="GEN729" s="424"/>
      <c r="GEO729" s="423" t="s">
        <v>2795</v>
      </c>
      <c r="GEP729" s="424"/>
      <c r="GEQ729" s="424"/>
      <c r="GER729" s="424"/>
      <c r="GES729" s="423" t="s">
        <v>2795</v>
      </c>
      <c r="GET729" s="424"/>
      <c r="GEU729" s="424"/>
      <c r="GEV729" s="424"/>
      <c r="GEW729" s="423" t="s">
        <v>2795</v>
      </c>
      <c r="GEX729" s="424"/>
      <c r="GEY729" s="424"/>
      <c r="GEZ729" s="424"/>
      <c r="GFA729" s="423" t="s">
        <v>2795</v>
      </c>
      <c r="GFB729" s="424"/>
      <c r="GFC729" s="424"/>
      <c r="GFD729" s="424"/>
      <c r="GFE729" s="423" t="s">
        <v>2795</v>
      </c>
      <c r="GFF729" s="424"/>
      <c r="GFG729" s="424"/>
      <c r="GFH729" s="424"/>
      <c r="GFI729" s="423" t="s">
        <v>2795</v>
      </c>
      <c r="GFJ729" s="424"/>
      <c r="GFK729" s="424"/>
      <c r="GFL729" s="424"/>
      <c r="GFM729" s="423" t="s">
        <v>2795</v>
      </c>
      <c r="GFN729" s="424"/>
      <c r="GFO729" s="424"/>
      <c r="GFP729" s="424"/>
      <c r="GFQ729" s="423" t="s">
        <v>2795</v>
      </c>
      <c r="GFR729" s="424"/>
      <c r="GFS729" s="424"/>
      <c r="GFT729" s="424"/>
      <c r="GFU729" s="423" t="s">
        <v>2795</v>
      </c>
      <c r="GFV729" s="424"/>
      <c r="GFW729" s="424"/>
      <c r="GFX729" s="424"/>
      <c r="GFY729" s="423" t="s">
        <v>2795</v>
      </c>
      <c r="GFZ729" s="424"/>
      <c r="GGA729" s="424"/>
      <c r="GGB729" s="424"/>
      <c r="GGC729" s="423" t="s">
        <v>2795</v>
      </c>
      <c r="GGD729" s="424"/>
      <c r="GGE729" s="424"/>
      <c r="GGF729" s="424"/>
      <c r="GGG729" s="423" t="s">
        <v>2795</v>
      </c>
      <c r="GGH729" s="424"/>
      <c r="GGI729" s="424"/>
      <c r="GGJ729" s="424"/>
      <c r="GGK729" s="423" t="s">
        <v>2795</v>
      </c>
      <c r="GGL729" s="424"/>
      <c r="GGM729" s="424"/>
      <c r="GGN729" s="424"/>
      <c r="GGO729" s="423" t="s">
        <v>2795</v>
      </c>
      <c r="GGP729" s="424"/>
      <c r="GGQ729" s="424"/>
      <c r="GGR729" s="424"/>
      <c r="GGS729" s="423" t="s">
        <v>2795</v>
      </c>
      <c r="GGT729" s="424"/>
      <c r="GGU729" s="424"/>
      <c r="GGV729" s="424"/>
      <c r="GGW729" s="423" t="s">
        <v>2795</v>
      </c>
      <c r="GGX729" s="424"/>
      <c r="GGY729" s="424"/>
      <c r="GGZ729" s="424"/>
      <c r="GHA729" s="423" t="s">
        <v>2795</v>
      </c>
      <c r="GHB729" s="424"/>
      <c r="GHC729" s="424"/>
      <c r="GHD729" s="424"/>
      <c r="GHE729" s="423" t="s">
        <v>2795</v>
      </c>
      <c r="GHF729" s="424"/>
      <c r="GHG729" s="424"/>
      <c r="GHH729" s="424"/>
      <c r="GHI729" s="423" t="s">
        <v>2795</v>
      </c>
      <c r="GHJ729" s="424"/>
      <c r="GHK729" s="424"/>
      <c r="GHL729" s="424"/>
      <c r="GHM729" s="423" t="s">
        <v>2795</v>
      </c>
      <c r="GHN729" s="424"/>
      <c r="GHO729" s="424"/>
      <c r="GHP729" s="424"/>
      <c r="GHQ729" s="423" t="s">
        <v>2795</v>
      </c>
      <c r="GHR729" s="424"/>
      <c r="GHS729" s="424"/>
      <c r="GHT729" s="424"/>
      <c r="GHU729" s="423" t="s">
        <v>2795</v>
      </c>
      <c r="GHV729" s="424"/>
      <c r="GHW729" s="424"/>
      <c r="GHX729" s="424"/>
      <c r="GHY729" s="423" t="s">
        <v>2795</v>
      </c>
      <c r="GHZ729" s="424"/>
      <c r="GIA729" s="424"/>
      <c r="GIB729" s="424"/>
      <c r="GIC729" s="423" t="s">
        <v>2795</v>
      </c>
      <c r="GID729" s="424"/>
      <c r="GIE729" s="424"/>
      <c r="GIF729" s="424"/>
      <c r="GIG729" s="423" t="s">
        <v>2795</v>
      </c>
      <c r="GIH729" s="424"/>
      <c r="GII729" s="424"/>
      <c r="GIJ729" s="424"/>
      <c r="GIK729" s="423" t="s">
        <v>2795</v>
      </c>
      <c r="GIL729" s="424"/>
      <c r="GIM729" s="424"/>
      <c r="GIN729" s="424"/>
      <c r="GIO729" s="423" t="s">
        <v>2795</v>
      </c>
      <c r="GIP729" s="424"/>
      <c r="GIQ729" s="424"/>
      <c r="GIR729" s="424"/>
      <c r="GIS729" s="423" t="s">
        <v>2795</v>
      </c>
      <c r="GIT729" s="424"/>
      <c r="GIU729" s="424"/>
      <c r="GIV729" s="424"/>
      <c r="GIW729" s="423" t="s">
        <v>2795</v>
      </c>
      <c r="GIX729" s="424"/>
      <c r="GIY729" s="424"/>
      <c r="GIZ729" s="424"/>
      <c r="GJA729" s="423" t="s">
        <v>2795</v>
      </c>
      <c r="GJB729" s="424"/>
      <c r="GJC729" s="424"/>
      <c r="GJD729" s="424"/>
      <c r="GJE729" s="423" t="s">
        <v>2795</v>
      </c>
      <c r="GJF729" s="424"/>
      <c r="GJG729" s="424"/>
      <c r="GJH729" s="424"/>
      <c r="GJI729" s="423" t="s">
        <v>2795</v>
      </c>
      <c r="GJJ729" s="424"/>
      <c r="GJK729" s="424"/>
      <c r="GJL729" s="424"/>
      <c r="GJM729" s="423" t="s">
        <v>2795</v>
      </c>
      <c r="GJN729" s="424"/>
      <c r="GJO729" s="424"/>
      <c r="GJP729" s="424"/>
      <c r="GJQ729" s="423" t="s">
        <v>2795</v>
      </c>
      <c r="GJR729" s="424"/>
      <c r="GJS729" s="424"/>
      <c r="GJT729" s="424"/>
      <c r="GJU729" s="423" t="s">
        <v>2795</v>
      </c>
      <c r="GJV729" s="424"/>
      <c r="GJW729" s="424"/>
      <c r="GJX729" s="424"/>
      <c r="GJY729" s="423" t="s">
        <v>2795</v>
      </c>
      <c r="GJZ729" s="424"/>
      <c r="GKA729" s="424"/>
      <c r="GKB729" s="424"/>
      <c r="GKC729" s="423" t="s">
        <v>2795</v>
      </c>
      <c r="GKD729" s="424"/>
      <c r="GKE729" s="424"/>
      <c r="GKF729" s="424"/>
      <c r="GKG729" s="423" t="s">
        <v>2795</v>
      </c>
      <c r="GKH729" s="424"/>
      <c r="GKI729" s="424"/>
      <c r="GKJ729" s="424"/>
      <c r="GKK729" s="423" t="s">
        <v>2795</v>
      </c>
      <c r="GKL729" s="424"/>
      <c r="GKM729" s="424"/>
      <c r="GKN729" s="424"/>
      <c r="GKO729" s="423" t="s">
        <v>2795</v>
      </c>
      <c r="GKP729" s="424"/>
      <c r="GKQ729" s="424"/>
      <c r="GKR729" s="424"/>
      <c r="GKS729" s="423" t="s">
        <v>2795</v>
      </c>
      <c r="GKT729" s="424"/>
      <c r="GKU729" s="424"/>
      <c r="GKV729" s="424"/>
      <c r="GKW729" s="423" t="s">
        <v>2795</v>
      </c>
      <c r="GKX729" s="424"/>
      <c r="GKY729" s="424"/>
      <c r="GKZ729" s="424"/>
      <c r="GLA729" s="423" t="s">
        <v>2795</v>
      </c>
      <c r="GLB729" s="424"/>
      <c r="GLC729" s="424"/>
      <c r="GLD729" s="424"/>
      <c r="GLE729" s="423" t="s">
        <v>2795</v>
      </c>
      <c r="GLF729" s="424"/>
      <c r="GLG729" s="424"/>
      <c r="GLH729" s="424"/>
      <c r="GLI729" s="423" t="s">
        <v>2795</v>
      </c>
      <c r="GLJ729" s="424"/>
      <c r="GLK729" s="424"/>
      <c r="GLL729" s="424"/>
      <c r="GLM729" s="423" t="s">
        <v>2795</v>
      </c>
      <c r="GLN729" s="424"/>
      <c r="GLO729" s="424"/>
      <c r="GLP729" s="424"/>
      <c r="GLQ729" s="423" t="s">
        <v>2795</v>
      </c>
      <c r="GLR729" s="424"/>
      <c r="GLS729" s="424"/>
      <c r="GLT729" s="424"/>
      <c r="GLU729" s="423" t="s">
        <v>2795</v>
      </c>
      <c r="GLV729" s="424"/>
      <c r="GLW729" s="424"/>
      <c r="GLX729" s="424"/>
      <c r="GLY729" s="423" t="s">
        <v>2795</v>
      </c>
      <c r="GLZ729" s="424"/>
      <c r="GMA729" s="424"/>
      <c r="GMB729" s="424"/>
      <c r="GMC729" s="423" t="s">
        <v>2795</v>
      </c>
      <c r="GMD729" s="424"/>
      <c r="GME729" s="424"/>
      <c r="GMF729" s="424"/>
      <c r="GMG729" s="423" t="s">
        <v>2795</v>
      </c>
      <c r="GMH729" s="424"/>
      <c r="GMI729" s="424"/>
      <c r="GMJ729" s="424"/>
      <c r="GMK729" s="423" t="s">
        <v>2795</v>
      </c>
      <c r="GML729" s="424"/>
      <c r="GMM729" s="424"/>
      <c r="GMN729" s="424"/>
      <c r="GMO729" s="423" t="s">
        <v>2795</v>
      </c>
      <c r="GMP729" s="424"/>
      <c r="GMQ729" s="424"/>
      <c r="GMR729" s="424"/>
      <c r="GMS729" s="423" t="s">
        <v>2795</v>
      </c>
      <c r="GMT729" s="424"/>
      <c r="GMU729" s="424"/>
      <c r="GMV729" s="424"/>
      <c r="GMW729" s="423" t="s">
        <v>2795</v>
      </c>
      <c r="GMX729" s="424"/>
      <c r="GMY729" s="424"/>
      <c r="GMZ729" s="424"/>
      <c r="GNA729" s="423" t="s">
        <v>2795</v>
      </c>
      <c r="GNB729" s="424"/>
      <c r="GNC729" s="424"/>
      <c r="GND729" s="424"/>
      <c r="GNE729" s="423" t="s">
        <v>2795</v>
      </c>
      <c r="GNF729" s="424"/>
      <c r="GNG729" s="424"/>
      <c r="GNH729" s="424"/>
      <c r="GNI729" s="423" t="s">
        <v>2795</v>
      </c>
      <c r="GNJ729" s="424"/>
      <c r="GNK729" s="424"/>
      <c r="GNL729" s="424"/>
      <c r="GNM729" s="423" t="s">
        <v>2795</v>
      </c>
      <c r="GNN729" s="424"/>
      <c r="GNO729" s="424"/>
      <c r="GNP729" s="424"/>
      <c r="GNQ729" s="423" t="s">
        <v>2795</v>
      </c>
      <c r="GNR729" s="424"/>
      <c r="GNS729" s="424"/>
      <c r="GNT729" s="424"/>
      <c r="GNU729" s="423" t="s">
        <v>2795</v>
      </c>
      <c r="GNV729" s="424"/>
      <c r="GNW729" s="424"/>
      <c r="GNX729" s="424"/>
      <c r="GNY729" s="423" t="s">
        <v>2795</v>
      </c>
      <c r="GNZ729" s="424"/>
      <c r="GOA729" s="424"/>
      <c r="GOB729" s="424"/>
      <c r="GOC729" s="423" t="s">
        <v>2795</v>
      </c>
      <c r="GOD729" s="424"/>
      <c r="GOE729" s="424"/>
      <c r="GOF729" s="424"/>
      <c r="GOG729" s="423" t="s">
        <v>2795</v>
      </c>
      <c r="GOH729" s="424"/>
      <c r="GOI729" s="424"/>
      <c r="GOJ729" s="424"/>
      <c r="GOK729" s="423" t="s">
        <v>2795</v>
      </c>
      <c r="GOL729" s="424"/>
      <c r="GOM729" s="424"/>
      <c r="GON729" s="424"/>
      <c r="GOO729" s="423" t="s">
        <v>2795</v>
      </c>
      <c r="GOP729" s="424"/>
      <c r="GOQ729" s="424"/>
      <c r="GOR729" s="424"/>
      <c r="GOS729" s="423" t="s">
        <v>2795</v>
      </c>
      <c r="GOT729" s="424"/>
      <c r="GOU729" s="424"/>
      <c r="GOV729" s="424"/>
      <c r="GOW729" s="423" t="s">
        <v>2795</v>
      </c>
      <c r="GOX729" s="424"/>
      <c r="GOY729" s="424"/>
      <c r="GOZ729" s="424"/>
      <c r="GPA729" s="423" t="s">
        <v>2795</v>
      </c>
      <c r="GPB729" s="424"/>
      <c r="GPC729" s="424"/>
      <c r="GPD729" s="424"/>
      <c r="GPE729" s="423" t="s">
        <v>2795</v>
      </c>
      <c r="GPF729" s="424"/>
      <c r="GPG729" s="424"/>
      <c r="GPH729" s="424"/>
      <c r="GPI729" s="423" t="s">
        <v>2795</v>
      </c>
      <c r="GPJ729" s="424"/>
      <c r="GPK729" s="424"/>
      <c r="GPL729" s="424"/>
      <c r="GPM729" s="423" t="s">
        <v>2795</v>
      </c>
      <c r="GPN729" s="424"/>
      <c r="GPO729" s="424"/>
      <c r="GPP729" s="424"/>
      <c r="GPQ729" s="423" t="s">
        <v>2795</v>
      </c>
      <c r="GPR729" s="424"/>
      <c r="GPS729" s="424"/>
      <c r="GPT729" s="424"/>
      <c r="GPU729" s="423" t="s">
        <v>2795</v>
      </c>
      <c r="GPV729" s="424"/>
      <c r="GPW729" s="424"/>
      <c r="GPX729" s="424"/>
      <c r="GPY729" s="423" t="s">
        <v>2795</v>
      </c>
      <c r="GPZ729" s="424"/>
      <c r="GQA729" s="424"/>
      <c r="GQB729" s="424"/>
      <c r="GQC729" s="423" t="s">
        <v>2795</v>
      </c>
      <c r="GQD729" s="424"/>
      <c r="GQE729" s="424"/>
      <c r="GQF729" s="424"/>
      <c r="GQG729" s="423" t="s">
        <v>2795</v>
      </c>
      <c r="GQH729" s="424"/>
      <c r="GQI729" s="424"/>
      <c r="GQJ729" s="424"/>
      <c r="GQK729" s="423" t="s">
        <v>2795</v>
      </c>
      <c r="GQL729" s="424"/>
      <c r="GQM729" s="424"/>
      <c r="GQN729" s="424"/>
      <c r="GQO729" s="423" t="s">
        <v>2795</v>
      </c>
      <c r="GQP729" s="424"/>
      <c r="GQQ729" s="424"/>
      <c r="GQR729" s="424"/>
      <c r="GQS729" s="423" t="s">
        <v>2795</v>
      </c>
      <c r="GQT729" s="424"/>
      <c r="GQU729" s="424"/>
      <c r="GQV729" s="424"/>
      <c r="GQW729" s="423" t="s">
        <v>2795</v>
      </c>
      <c r="GQX729" s="424"/>
      <c r="GQY729" s="424"/>
      <c r="GQZ729" s="424"/>
      <c r="GRA729" s="423" t="s">
        <v>2795</v>
      </c>
      <c r="GRB729" s="424"/>
      <c r="GRC729" s="424"/>
      <c r="GRD729" s="424"/>
      <c r="GRE729" s="423" t="s">
        <v>2795</v>
      </c>
      <c r="GRF729" s="424"/>
      <c r="GRG729" s="424"/>
      <c r="GRH729" s="424"/>
      <c r="GRI729" s="423" t="s">
        <v>2795</v>
      </c>
      <c r="GRJ729" s="424"/>
      <c r="GRK729" s="424"/>
      <c r="GRL729" s="424"/>
      <c r="GRM729" s="423" t="s">
        <v>2795</v>
      </c>
      <c r="GRN729" s="424"/>
      <c r="GRO729" s="424"/>
      <c r="GRP729" s="424"/>
      <c r="GRQ729" s="423" t="s">
        <v>2795</v>
      </c>
      <c r="GRR729" s="424"/>
      <c r="GRS729" s="424"/>
      <c r="GRT729" s="424"/>
      <c r="GRU729" s="423" t="s">
        <v>2795</v>
      </c>
      <c r="GRV729" s="424"/>
      <c r="GRW729" s="424"/>
      <c r="GRX729" s="424"/>
      <c r="GRY729" s="423" t="s">
        <v>2795</v>
      </c>
      <c r="GRZ729" s="424"/>
      <c r="GSA729" s="424"/>
      <c r="GSB729" s="424"/>
      <c r="GSC729" s="423" t="s">
        <v>2795</v>
      </c>
      <c r="GSD729" s="424"/>
      <c r="GSE729" s="424"/>
      <c r="GSF729" s="424"/>
      <c r="GSG729" s="423" t="s">
        <v>2795</v>
      </c>
      <c r="GSH729" s="424"/>
      <c r="GSI729" s="424"/>
      <c r="GSJ729" s="424"/>
      <c r="GSK729" s="423" t="s">
        <v>2795</v>
      </c>
      <c r="GSL729" s="424"/>
      <c r="GSM729" s="424"/>
      <c r="GSN729" s="424"/>
      <c r="GSO729" s="423" t="s">
        <v>2795</v>
      </c>
      <c r="GSP729" s="424"/>
      <c r="GSQ729" s="424"/>
      <c r="GSR729" s="424"/>
      <c r="GSS729" s="423" t="s">
        <v>2795</v>
      </c>
      <c r="GST729" s="424"/>
      <c r="GSU729" s="424"/>
      <c r="GSV729" s="424"/>
      <c r="GSW729" s="423" t="s">
        <v>2795</v>
      </c>
      <c r="GSX729" s="424"/>
      <c r="GSY729" s="424"/>
      <c r="GSZ729" s="424"/>
      <c r="GTA729" s="423" t="s">
        <v>2795</v>
      </c>
      <c r="GTB729" s="424"/>
      <c r="GTC729" s="424"/>
      <c r="GTD729" s="424"/>
      <c r="GTE729" s="423" t="s">
        <v>2795</v>
      </c>
      <c r="GTF729" s="424"/>
      <c r="GTG729" s="424"/>
      <c r="GTH729" s="424"/>
      <c r="GTI729" s="423" t="s">
        <v>2795</v>
      </c>
      <c r="GTJ729" s="424"/>
      <c r="GTK729" s="424"/>
      <c r="GTL729" s="424"/>
      <c r="GTM729" s="423" t="s">
        <v>2795</v>
      </c>
      <c r="GTN729" s="424"/>
      <c r="GTO729" s="424"/>
      <c r="GTP729" s="424"/>
      <c r="GTQ729" s="423" t="s">
        <v>2795</v>
      </c>
      <c r="GTR729" s="424"/>
      <c r="GTS729" s="424"/>
      <c r="GTT729" s="424"/>
      <c r="GTU729" s="423" t="s">
        <v>2795</v>
      </c>
      <c r="GTV729" s="424"/>
      <c r="GTW729" s="424"/>
      <c r="GTX729" s="424"/>
      <c r="GTY729" s="423" t="s">
        <v>2795</v>
      </c>
      <c r="GTZ729" s="424"/>
      <c r="GUA729" s="424"/>
      <c r="GUB729" s="424"/>
      <c r="GUC729" s="423" t="s">
        <v>2795</v>
      </c>
      <c r="GUD729" s="424"/>
      <c r="GUE729" s="424"/>
      <c r="GUF729" s="424"/>
      <c r="GUG729" s="423" t="s">
        <v>2795</v>
      </c>
      <c r="GUH729" s="424"/>
      <c r="GUI729" s="424"/>
      <c r="GUJ729" s="424"/>
      <c r="GUK729" s="423" t="s">
        <v>2795</v>
      </c>
      <c r="GUL729" s="424"/>
      <c r="GUM729" s="424"/>
      <c r="GUN729" s="424"/>
      <c r="GUO729" s="423" t="s">
        <v>2795</v>
      </c>
      <c r="GUP729" s="424"/>
      <c r="GUQ729" s="424"/>
      <c r="GUR729" s="424"/>
      <c r="GUS729" s="423" t="s">
        <v>2795</v>
      </c>
      <c r="GUT729" s="424"/>
      <c r="GUU729" s="424"/>
      <c r="GUV729" s="424"/>
      <c r="GUW729" s="423" t="s">
        <v>2795</v>
      </c>
      <c r="GUX729" s="424"/>
      <c r="GUY729" s="424"/>
      <c r="GUZ729" s="424"/>
      <c r="GVA729" s="423" t="s">
        <v>2795</v>
      </c>
      <c r="GVB729" s="424"/>
      <c r="GVC729" s="424"/>
      <c r="GVD729" s="424"/>
      <c r="GVE729" s="423" t="s">
        <v>2795</v>
      </c>
      <c r="GVF729" s="424"/>
      <c r="GVG729" s="424"/>
      <c r="GVH729" s="424"/>
      <c r="GVI729" s="423" t="s">
        <v>2795</v>
      </c>
      <c r="GVJ729" s="424"/>
      <c r="GVK729" s="424"/>
      <c r="GVL729" s="424"/>
      <c r="GVM729" s="423" t="s">
        <v>2795</v>
      </c>
      <c r="GVN729" s="424"/>
      <c r="GVO729" s="424"/>
      <c r="GVP729" s="424"/>
      <c r="GVQ729" s="423" t="s">
        <v>2795</v>
      </c>
      <c r="GVR729" s="424"/>
      <c r="GVS729" s="424"/>
      <c r="GVT729" s="424"/>
      <c r="GVU729" s="423" t="s">
        <v>2795</v>
      </c>
      <c r="GVV729" s="424"/>
      <c r="GVW729" s="424"/>
      <c r="GVX729" s="424"/>
      <c r="GVY729" s="423" t="s">
        <v>2795</v>
      </c>
      <c r="GVZ729" s="424"/>
      <c r="GWA729" s="424"/>
      <c r="GWB729" s="424"/>
      <c r="GWC729" s="423" t="s">
        <v>2795</v>
      </c>
      <c r="GWD729" s="424"/>
      <c r="GWE729" s="424"/>
      <c r="GWF729" s="424"/>
      <c r="GWG729" s="423" t="s">
        <v>2795</v>
      </c>
      <c r="GWH729" s="424"/>
      <c r="GWI729" s="424"/>
      <c r="GWJ729" s="424"/>
      <c r="GWK729" s="423" t="s">
        <v>2795</v>
      </c>
      <c r="GWL729" s="424"/>
      <c r="GWM729" s="424"/>
      <c r="GWN729" s="424"/>
      <c r="GWO729" s="423" t="s">
        <v>2795</v>
      </c>
      <c r="GWP729" s="424"/>
      <c r="GWQ729" s="424"/>
      <c r="GWR729" s="424"/>
      <c r="GWS729" s="423" t="s">
        <v>2795</v>
      </c>
      <c r="GWT729" s="424"/>
      <c r="GWU729" s="424"/>
      <c r="GWV729" s="424"/>
      <c r="GWW729" s="423" t="s">
        <v>2795</v>
      </c>
      <c r="GWX729" s="424"/>
      <c r="GWY729" s="424"/>
      <c r="GWZ729" s="424"/>
      <c r="GXA729" s="423" t="s">
        <v>2795</v>
      </c>
      <c r="GXB729" s="424"/>
      <c r="GXC729" s="424"/>
      <c r="GXD729" s="424"/>
      <c r="GXE729" s="423" t="s">
        <v>2795</v>
      </c>
      <c r="GXF729" s="424"/>
      <c r="GXG729" s="424"/>
      <c r="GXH729" s="424"/>
      <c r="GXI729" s="423" t="s">
        <v>2795</v>
      </c>
      <c r="GXJ729" s="424"/>
      <c r="GXK729" s="424"/>
      <c r="GXL729" s="424"/>
      <c r="GXM729" s="423" t="s">
        <v>2795</v>
      </c>
      <c r="GXN729" s="424"/>
      <c r="GXO729" s="424"/>
      <c r="GXP729" s="424"/>
      <c r="GXQ729" s="423" t="s">
        <v>2795</v>
      </c>
      <c r="GXR729" s="424"/>
      <c r="GXS729" s="424"/>
      <c r="GXT729" s="424"/>
      <c r="GXU729" s="423" t="s">
        <v>2795</v>
      </c>
      <c r="GXV729" s="424"/>
      <c r="GXW729" s="424"/>
      <c r="GXX729" s="424"/>
      <c r="GXY729" s="423" t="s">
        <v>2795</v>
      </c>
      <c r="GXZ729" s="424"/>
      <c r="GYA729" s="424"/>
      <c r="GYB729" s="424"/>
      <c r="GYC729" s="423" t="s">
        <v>2795</v>
      </c>
      <c r="GYD729" s="424"/>
      <c r="GYE729" s="424"/>
      <c r="GYF729" s="424"/>
      <c r="GYG729" s="423" t="s">
        <v>2795</v>
      </c>
      <c r="GYH729" s="424"/>
      <c r="GYI729" s="424"/>
      <c r="GYJ729" s="424"/>
      <c r="GYK729" s="423" t="s">
        <v>2795</v>
      </c>
      <c r="GYL729" s="424"/>
      <c r="GYM729" s="424"/>
      <c r="GYN729" s="424"/>
      <c r="GYO729" s="423" t="s">
        <v>2795</v>
      </c>
      <c r="GYP729" s="424"/>
      <c r="GYQ729" s="424"/>
      <c r="GYR729" s="424"/>
      <c r="GYS729" s="423" t="s">
        <v>2795</v>
      </c>
      <c r="GYT729" s="424"/>
      <c r="GYU729" s="424"/>
      <c r="GYV729" s="424"/>
      <c r="GYW729" s="423" t="s">
        <v>2795</v>
      </c>
      <c r="GYX729" s="424"/>
      <c r="GYY729" s="424"/>
      <c r="GYZ729" s="424"/>
      <c r="GZA729" s="423" t="s">
        <v>2795</v>
      </c>
      <c r="GZB729" s="424"/>
      <c r="GZC729" s="424"/>
      <c r="GZD729" s="424"/>
      <c r="GZE729" s="423" t="s">
        <v>2795</v>
      </c>
      <c r="GZF729" s="424"/>
      <c r="GZG729" s="424"/>
      <c r="GZH729" s="424"/>
      <c r="GZI729" s="423" t="s">
        <v>2795</v>
      </c>
      <c r="GZJ729" s="424"/>
      <c r="GZK729" s="424"/>
      <c r="GZL729" s="424"/>
      <c r="GZM729" s="423" t="s">
        <v>2795</v>
      </c>
      <c r="GZN729" s="424"/>
      <c r="GZO729" s="424"/>
      <c r="GZP729" s="424"/>
      <c r="GZQ729" s="423" t="s">
        <v>2795</v>
      </c>
      <c r="GZR729" s="424"/>
      <c r="GZS729" s="424"/>
      <c r="GZT729" s="424"/>
      <c r="GZU729" s="423" t="s">
        <v>2795</v>
      </c>
      <c r="GZV729" s="424"/>
      <c r="GZW729" s="424"/>
      <c r="GZX729" s="424"/>
      <c r="GZY729" s="423" t="s">
        <v>2795</v>
      </c>
      <c r="GZZ729" s="424"/>
      <c r="HAA729" s="424"/>
      <c r="HAB729" s="424"/>
      <c r="HAC729" s="423" t="s">
        <v>2795</v>
      </c>
      <c r="HAD729" s="424"/>
      <c r="HAE729" s="424"/>
      <c r="HAF729" s="424"/>
      <c r="HAG729" s="423" t="s">
        <v>2795</v>
      </c>
      <c r="HAH729" s="424"/>
      <c r="HAI729" s="424"/>
      <c r="HAJ729" s="424"/>
      <c r="HAK729" s="423" t="s">
        <v>2795</v>
      </c>
      <c r="HAL729" s="424"/>
      <c r="HAM729" s="424"/>
      <c r="HAN729" s="424"/>
      <c r="HAO729" s="423" t="s">
        <v>2795</v>
      </c>
      <c r="HAP729" s="424"/>
      <c r="HAQ729" s="424"/>
      <c r="HAR729" s="424"/>
      <c r="HAS729" s="423" t="s">
        <v>2795</v>
      </c>
      <c r="HAT729" s="424"/>
      <c r="HAU729" s="424"/>
      <c r="HAV729" s="424"/>
      <c r="HAW729" s="423" t="s">
        <v>2795</v>
      </c>
      <c r="HAX729" s="424"/>
      <c r="HAY729" s="424"/>
      <c r="HAZ729" s="424"/>
      <c r="HBA729" s="423" t="s">
        <v>2795</v>
      </c>
      <c r="HBB729" s="424"/>
      <c r="HBC729" s="424"/>
      <c r="HBD729" s="424"/>
      <c r="HBE729" s="423" t="s">
        <v>2795</v>
      </c>
      <c r="HBF729" s="424"/>
      <c r="HBG729" s="424"/>
      <c r="HBH729" s="424"/>
      <c r="HBI729" s="423" t="s">
        <v>2795</v>
      </c>
      <c r="HBJ729" s="424"/>
      <c r="HBK729" s="424"/>
      <c r="HBL729" s="424"/>
      <c r="HBM729" s="423" t="s">
        <v>2795</v>
      </c>
      <c r="HBN729" s="424"/>
      <c r="HBO729" s="424"/>
      <c r="HBP729" s="424"/>
      <c r="HBQ729" s="423" t="s">
        <v>2795</v>
      </c>
      <c r="HBR729" s="424"/>
      <c r="HBS729" s="424"/>
      <c r="HBT729" s="424"/>
      <c r="HBU729" s="423" t="s">
        <v>2795</v>
      </c>
      <c r="HBV729" s="424"/>
      <c r="HBW729" s="424"/>
      <c r="HBX729" s="424"/>
      <c r="HBY729" s="423" t="s">
        <v>2795</v>
      </c>
      <c r="HBZ729" s="424"/>
      <c r="HCA729" s="424"/>
      <c r="HCB729" s="424"/>
      <c r="HCC729" s="423" t="s">
        <v>2795</v>
      </c>
      <c r="HCD729" s="424"/>
      <c r="HCE729" s="424"/>
      <c r="HCF729" s="424"/>
      <c r="HCG729" s="423" t="s">
        <v>2795</v>
      </c>
      <c r="HCH729" s="424"/>
      <c r="HCI729" s="424"/>
      <c r="HCJ729" s="424"/>
      <c r="HCK729" s="423" t="s">
        <v>2795</v>
      </c>
      <c r="HCL729" s="424"/>
      <c r="HCM729" s="424"/>
      <c r="HCN729" s="424"/>
      <c r="HCO729" s="423" t="s">
        <v>2795</v>
      </c>
      <c r="HCP729" s="424"/>
      <c r="HCQ729" s="424"/>
      <c r="HCR729" s="424"/>
      <c r="HCS729" s="423" t="s">
        <v>2795</v>
      </c>
      <c r="HCT729" s="424"/>
      <c r="HCU729" s="424"/>
      <c r="HCV729" s="424"/>
      <c r="HCW729" s="423" t="s">
        <v>2795</v>
      </c>
      <c r="HCX729" s="424"/>
      <c r="HCY729" s="424"/>
      <c r="HCZ729" s="424"/>
      <c r="HDA729" s="423" t="s">
        <v>2795</v>
      </c>
      <c r="HDB729" s="424"/>
      <c r="HDC729" s="424"/>
      <c r="HDD729" s="424"/>
      <c r="HDE729" s="423" t="s">
        <v>2795</v>
      </c>
      <c r="HDF729" s="424"/>
      <c r="HDG729" s="424"/>
      <c r="HDH729" s="424"/>
      <c r="HDI729" s="423" t="s">
        <v>2795</v>
      </c>
      <c r="HDJ729" s="424"/>
      <c r="HDK729" s="424"/>
      <c r="HDL729" s="424"/>
      <c r="HDM729" s="423" t="s">
        <v>2795</v>
      </c>
      <c r="HDN729" s="424"/>
      <c r="HDO729" s="424"/>
      <c r="HDP729" s="424"/>
      <c r="HDQ729" s="423" t="s">
        <v>2795</v>
      </c>
      <c r="HDR729" s="424"/>
      <c r="HDS729" s="424"/>
      <c r="HDT729" s="424"/>
      <c r="HDU729" s="423" t="s">
        <v>2795</v>
      </c>
      <c r="HDV729" s="424"/>
      <c r="HDW729" s="424"/>
      <c r="HDX729" s="424"/>
      <c r="HDY729" s="423" t="s">
        <v>2795</v>
      </c>
      <c r="HDZ729" s="424"/>
      <c r="HEA729" s="424"/>
      <c r="HEB729" s="424"/>
      <c r="HEC729" s="423" t="s">
        <v>2795</v>
      </c>
      <c r="HED729" s="424"/>
      <c r="HEE729" s="424"/>
      <c r="HEF729" s="424"/>
      <c r="HEG729" s="423" t="s">
        <v>2795</v>
      </c>
      <c r="HEH729" s="424"/>
      <c r="HEI729" s="424"/>
      <c r="HEJ729" s="424"/>
      <c r="HEK729" s="423" t="s">
        <v>2795</v>
      </c>
      <c r="HEL729" s="424"/>
      <c r="HEM729" s="424"/>
      <c r="HEN729" s="424"/>
      <c r="HEO729" s="423" t="s">
        <v>2795</v>
      </c>
      <c r="HEP729" s="424"/>
      <c r="HEQ729" s="424"/>
      <c r="HER729" s="424"/>
      <c r="HES729" s="423" t="s">
        <v>2795</v>
      </c>
      <c r="HET729" s="424"/>
      <c r="HEU729" s="424"/>
      <c r="HEV729" s="424"/>
      <c r="HEW729" s="423" t="s">
        <v>2795</v>
      </c>
      <c r="HEX729" s="424"/>
      <c r="HEY729" s="424"/>
      <c r="HEZ729" s="424"/>
      <c r="HFA729" s="423" t="s">
        <v>2795</v>
      </c>
      <c r="HFB729" s="424"/>
      <c r="HFC729" s="424"/>
      <c r="HFD729" s="424"/>
      <c r="HFE729" s="423" t="s">
        <v>2795</v>
      </c>
      <c r="HFF729" s="424"/>
      <c r="HFG729" s="424"/>
      <c r="HFH729" s="424"/>
      <c r="HFI729" s="423" t="s">
        <v>2795</v>
      </c>
      <c r="HFJ729" s="424"/>
      <c r="HFK729" s="424"/>
      <c r="HFL729" s="424"/>
      <c r="HFM729" s="423" t="s">
        <v>2795</v>
      </c>
      <c r="HFN729" s="424"/>
      <c r="HFO729" s="424"/>
      <c r="HFP729" s="424"/>
      <c r="HFQ729" s="423" t="s">
        <v>2795</v>
      </c>
      <c r="HFR729" s="424"/>
      <c r="HFS729" s="424"/>
      <c r="HFT729" s="424"/>
      <c r="HFU729" s="423" t="s">
        <v>2795</v>
      </c>
      <c r="HFV729" s="424"/>
      <c r="HFW729" s="424"/>
      <c r="HFX729" s="424"/>
      <c r="HFY729" s="423" t="s">
        <v>2795</v>
      </c>
      <c r="HFZ729" s="424"/>
      <c r="HGA729" s="424"/>
      <c r="HGB729" s="424"/>
      <c r="HGC729" s="423" t="s">
        <v>2795</v>
      </c>
      <c r="HGD729" s="424"/>
      <c r="HGE729" s="424"/>
      <c r="HGF729" s="424"/>
      <c r="HGG729" s="423" t="s">
        <v>2795</v>
      </c>
      <c r="HGH729" s="424"/>
      <c r="HGI729" s="424"/>
      <c r="HGJ729" s="424"/>
      <c r="HGK729" s="423" t="s">
        <v>2795</v>
      </c>
      <c r="HGL729" s="424"/>
      <c r="HGM729" s="424"/>
      <c r="HGN729" s="424"/>
      <c r="HGO729" s="423" t="s">
        <v>2795</v>
      </c>
      <c r="HGP729" s="424"/>
      <c r="HGQ729" s="424"/>
      <c r="HGR729" s="424"/>
      <c r="HGS729" s="423" t="s">
        <v>2795</v>
      </c>
      <c r="HGT729" s="424"/>
      <c r="HGU729" s="424"/>
      <c r="HGV729" s="424"/>
      <c r="HGW729" s="423" t="s">
        <v>2795</v>
      </c>
      <c r="HGX729" s="424"/>
      <c r="HGY729" s="424"/>
      <c r="HGZ729" s="424"/>
      <c r="HHA729" s="423" t="s">
        <v>2795</v>
      </c>
      <c r="HHB729" s="424"/>
      <c r="HHC729" s="424"/>
      <c r="HHD729" s="424"/>
      <c r="HHE729" s="423" t="s">
        <v>2795</v>
      </c>
      <c r="HHF729" s="424"/>
      <c r="HHG729" s="424"/>
      <c r="HHH729" s="424"/>
      <c r="HHI729" s="423" t="s">
        <v>2795</v>
      </c>
      <c r="HHJ729" s="424"/>
      <c r="HHK729" s="424"/>
      <c r="HHL729" s="424"/>
      <c r="HHM729" s="423" t="s">
        <v>2795</v>
      </c>
      <c r="HHN729" s="424"/>
      <c r="HHO729" s="424"/>
      <c r="HHP729" s="424"/>
      <c r="HHQ729" s="423" t="s">
        <v>2795</v>
      </c>
      <c r="HHR729" s="424"/>
      <c r="HHS729" s="424"/>
      <c r="HHT729" s="424"/>
      <c r="HHU729" s="423" t="s">
        <v>2795</v>
      </c>
      <c r="HHV729" s="424"/>
      <c r="HHW729" s="424"/>
      <c r="HHX729" s="424"/>
      <c r="HHY729" s="423" t="s">
        <v>2795</v>
      </c>
      <c r="HHZ729" s="424"/>
      <c r="HIA729" s="424"/>
      <c r="HIB729" s="424"/>
      <c r="HIC729" s="423" t="s">
        <v>2795</v>
      </c>
      <c r="HID729" s="424"/>
      <c r="HIE729" s="424"/>
      <c r="HIF729" s="424"/>
      <c r="HIG729" s="423" t="s">
        <v>2795</v>
      </c>
      <c r="HIH729" s="424"/>
      <c r="HII729" s="424"/>
      <c r="HIJ729" s="424"/>
      <c r="HIK729" s="423" t="s">
        <v>2795</v>
      </c>
      <c r="HIL729" s="424"/>
      <c r="HIM729" s="424"/>
      <c r="HIN729" s="424"/>
      <c r="HIO729" s="423" t="s">
        <v>2795</v>
      </c>
      <c r="HIP729" s="424"/>
      <c r="HIQ729" s="424"/>
      <c r="HIR729" s="424"/>
      <c r="HIS729" s="423" t="s">
        <v>2795</v>
      </c>
      <c r="HIT729" s="424"/>
      <c r="HIU729" s="424"/>
      <c r="HIV729" s="424"/>
      <c r="HIW729" s="423" t="s">
        <v>2795</v>
      </c>
      <c r="HIX729" s="424"/>
      <c r="HIY729" s="424"/>
      <c r="HIZ729" s="424"/>
      <c r="HJA729" s="423" t="s">
        <v>2795</v>
      </c>
      <c r="HJB729" s="424"/>
      <c r="HJC729" s="424"/>
      <c r="HJD729" s="424"/>
      <c r="HJE729" s="423" t="s">
        <v>2795</v>
      </c>
      <c r="HJF729" s="424"/>
      <c r="HJG729" s="424"/>
      <c r="HJH729" s="424"/>
      <c r="HJI729" s="423" t="s">
        <v>2795</v>
      </c>
      <c r="HJJ729" s="424"/>
      <c r="HJK729" s="424"/>
      <c r="HJL729" s="424"/>
      <c r="HJM729" s="423" t="s">
        <v>2795</v>
      </c>
      <c r="HJN729" s="424"/>
      <c r="HJO729" s="424"/>
      <c r="HJP729" s="424"/>
      <c r="HJQ729" s="423" t="s">
        <v>2795</v>
      </c>
      <c r="HJR729" s="424"/>
      <c r="HJS729" s="424"/>
      <c r="HJT729" s="424"/>
      <c r="HJU729" s="423" t="s">
        <v>2795</v>
      </c>
      <c r="HJV729" s="424"/>
      <c r="HJW729" s="424"/>
      <c r="HJX729" s="424"/>
      <c r="HJY729" s="423" t="s">
        <v>2795</v>
      </c>
      <c r="HJZ729" s="424"/>
      <c r="HKA729" s="424"/>
      <c r="HKB729" s="424"/>
      <c r="HKC729" s="423" t="s">
        <v>2795</v>
      </c>
      <c r="HKD729" s="424"/>
      <c r="HKE729" s="424"/>
      <c r="HKF729" s="424"/>
      <c r="HKG729" s="423" t="s">
        <v>2795</v>
      </c>
      <c r="HKH729" s="424"/>
      <c r="HKI729" s="424"/>
      <c r="HKJ729" s="424"/>
      <c r="HKK729" s="423" t="s">
        <v>2795</v>
      </c>
      <c r="HKL729" s="424"/>
      <c r="HKM729" s="424"/>
      <c r="HKN729" s="424"/>
      <c r="HKO729" s="423" t="s">
        <v>2795</v>
      </c>
      <c r="HKP729" s="424"/>
      <c r="HKQ729" s="424"/>
      <c r="HKR729" s="424"/>
      <c r="HKS729" s="423" t="s">
        <v>2795</v>
      </c>
      <c r="HKT729" s="424"/>
      <c r="HKU729" s="424"/>
      <c r="HKV729" s="424"/>
      <c r="HKW729" s="423" t="s">
        <v>2795</v>
      </c>
      <c r="HKX729" s="424"/>
      <c r="HKY729" s="424"/>
      <c r="HKZ729" s="424"/>
      <c r="HLA729" s="423" t="s">
        <v>2795</v>
      </c>
      <c r="HLB729" s="424"/>
      <c r="HLC729" s="424"/>
      <c r="HLD729" s="424"/>
      <c r="HLE729" s="423" t="s">
        <v>2795</v>
      </c>
      <c r="HLF729" s="424"/>
      <c r="HLG729" s="424"/>
      <c r="HLH729" s="424"/>
      <c r="HLI729" s="423" t="s">
        <v>2795</v>
      </c>
      <c r="HLJ729" s="424"/>
      <c r="HLK729" s="424"/>
      <c r="HLL729" s="424"/>
      <c r="HLM729" s="423" t="s">
        <v>2795</v>
      </c>
      <c r="HLN729" s="424"/>
      <c r="HLO729" s="424"/>
      <c r="HLP729" s="424"/>
      <c r="HLQ729" s="423" t="s">
        <v>2795</v>
      </c>
      <c r="HLR729" s="424"/>
      <c r="HLS729" s="424"/>
      <c r="HLT729" s="424"/>
      <c r="HLU729" s="423" t="s">
        <v>2795</v>
      </c>
      <c r="HLV729" s="424"/>
      <c r="HLW729" s="424"/>
      <c r="HLX729" s="424"/>
      <c r="HLY729" s="423" t="s">
        <v>2795</v>
      </c>
      <c r="HLZ729" s="424"/>
      <c r="HMA729" s="424"/>
      <c r="HMB729" s="424"/>
      <c r="HMC729" s="423" t="s">
        <v>2795</v>
      </c>
      <c r="HMD729" s="424"/>
      <c r="HME729" s="424"/>
      <c r="HMF729" s="424"/>
      <c r="HMG729" s="423" t="s">
        <v>2795</v>
      </c>
      <c r="HMH729" s="424"/>
      <c r="HMI729" s="424"/>
      <c r="HMJ729" s="424"/>
      <c r="HMK729" s="423" t="s">
        <v>2795</v>
      </c>
      <c r="HML729" s="424"/>
      <c r="HMM729" s="424"/>
      <c r="HMN729" s="424"/>
      <c r="HMO729" s="423" t="s">
        <v>2795</v>
      </c>
      <c r="HMP729" s="424"/>
      <c r="HMQ729" s="424"/>
      <c r="HMR729" s="424"/>
      <c r="HMS729" s="423" t="s">
        <v>2795</v>
      </c>
      <c r="HMT729" s="424"/>
      <c r="HMU729" s="424"/>
      <c r="HMV729" s="424"/>
      <c r="HMW729" s="423" t="s">
        <v>2795</v>
      </c>
      <c r="HMX729" s="424"/>
      <c r="HMY729" s="424"/>
      <c r="HMZ729" s="424"/>
      <c r="HNA729" s="423" t="s">
        <v>2795</v>
      </c>
      <c r="HNB729" s="424"/>
      <c r="HNC729" s="424"/>
      <c r="HND729" s="424"/>
      <c r="HNE729" s="423" t="s">
        <v>2795</v>
      </c>
      <c r="HNF729" s="424"/>
      <c r="HNG729" s="424"/>
      <c r="HNH729" s="424"/>
      <c r="HNI729" s="423" t="s">
        <v>2795</v>
      </c>
      <c r="HNJ729" s="424"/>
      <c r="HNK729" s="424"/>
      <c r="HNL729" s="424"/>
      <c r="HNM729" s="423" t="s">
        <v>2795</v>
      </c>
      <c r="HNN729" s="424"/>
      <c r="HNO729" s="424"/>
      <c r="HNP729" s="424"/>
      <c r="HNQ729" s="423" t="s">
        <v>2795</v>
      </c>
      <c r="HNR729" s="424"/>
      <c r="HNS729" s="424"/>
      <c r="HNT729" s="424"/>
      <c r="HNU729" s="423" t="s">
        <v>2795</v>
      </c>
      <c r="HNV729" s="424"/>
      <c r="HNW729" s="424"/>
      <c r="HNX729" s="424"/>
      <c r="HNY729" s="423" t="s">
        <v>2795</v>
      </c>
      <c r="HNZ729" s="424"/>
      <c r="HOA729" s="424"/>
      <c r="HOB729" s="424"/>
      <c r="HOC729" s="423" t="s">
        <v>2795</v>
      </c>
      <c r="HOD729" s="424"/>
      <c r="HOE729" s="424"/>
      <c r="HOF729" s="424"/>
      <c r="HOG729" s="423" t="s">
        <v>2795</v>
      </c>
      <c r="HOH729" s="424"/>
      <c r="HOI729" s="424"/>
      <c r="HOJ729" s="424"/>
      <c r="HOK729" s="423" t="s">
        <v>2795</v>
      </c>
      <c r="HOL729" s="424"/>
      <c r="HOM729" s="424"/>
      <c r="HON729" s="424"/>
      <c r="HOO729" s="423" t="s">
        <v>2795</v>
      </c>
      <c r="HOP729" s="424"/>
      <c r="HOQ729" s="424"/>
      <c r="HOR729" s="424"/>
      <c r="HOS729" s="423" t="s">
        <v>2795</v>
      </c>
      <c r="HOT729" s="424"/>
      <c r="HOU729" s="424"/>
      <c r="HOV729" s="424"/>
      <c r="HOW729" s="423" t="s">
        <v>2795</v>
      </c>
      <c r="HOX729" s="424"/>
      <c r="HOY729" s="424"/>
      <c r="HOZ729" s="424"/>
      <c r="HPA729" s="423" t="s">
        <v>2795</v>
      </c>
      <c r="HPB729" s="424"/>
      <c r="HPC729" s="424"/>
      <c r="HPD729" s="424"/>
      <c r="HPE729" s="423" t="s">
        <v>2795</v>
      </c>
      <c r="HPF729" s="424"/>
      <c r="HPG729" s="424"/>
      <c r="HPH729" s="424"/>
      <c r="HPI729" s="423" t="s">
        <v>2795</v>
      </c>
      <c r="HPJ729" s="424"/>
      <c r="HPK729" s="424"/>
      <c r="HPL729" s="424"/>
      <c r="HPM729" s="423" t="s">
        <v>2795</v>
      </c>
      <c r="HPN729" s="424"/>
      <c r="HPO729" s="424"/>
      <c r="HPP729" s="424"/>
      <c r="HPQ729" s="423" t="s">
        <v>2795</v>
      </c>
      <c r="HPR729" s="424"/>
      <c r="HPS729" s="424"/>
      <c r="HPT729" s="424"/>
      <c r="HPU729" s="423" t="s">
        <v>2795</v>
      </c>
      <c r="HPV729" s="424"/>
      <c r="HPW729" s="424"/>
      <c r="HPX729" s="424"/>
      <c r="HPY729" s="423" t="s">
        <v>2795</v>
      </c>
      <c r="HPZ729" s="424"/>
      <c r="HQA729" s="424"/>
      <c r="HQB729" s="424"/>
      <c r="HQC729" s="423" t="s">
        <v>2795</v>
      </c>
      <c r="HQD729" s="424"/>
      <c r="HQE729" s="424"/>
      <c r="HQF729" s="424"/>
      <c r="HQG729" s="423" t="s">
        <v>2795</v>
      </c>
      <c r="HQH729" s="424"/>
      <c r="HQI729" s="424"/>
      <c r="HQJ729" s="424"/>
      <c r="HQK729" s="423" t="s">
        <v>2795</v>
      </c>
      <c r="HQL729" s="424"/>
      <c r="HQM729" s="424"/>
      <c r="HQN729" s="424"/>
      <c r="HQO729" s="423" t="s">
        <v>2795</v>
      </c>
      <c r="HQP729" s="424"/>
      <c r="HQQ729" s="424"/>
      <c r="HQR729" s="424"/>
      <c r="HQS729" s="423" t="s">
        <v>2795</v>
      </c>
      <c r="HQT729" s="424"/>
      <c r="HQU729" s="424"/>
      <c r="HQV729" s="424"/>
      <c r="HQW729" s="423" t="s">
        <v>2795</v>
      </c>
      <c r="HQX729" s="424"/>
      <c r="HQY729" s="424"/>
      <c r="HQZ729" s="424"/>
      <c r="HRA729" s="423" t="s">
        <v>2795</v>
      </c>
      <c r="HRB729" s="424"/>
      <c r="HRC729" s="424"/>
      <c r="HRD729" s="424"/>
      <c r="HRE729" s="423" t="s">
        <v>2795</v>
      </c>
      <c r="HRF729" s="424"/>
      <c r="HRG729" s="424"/>
      <c r="HRH729" s="424"/>
      <c r="HRI729" s="423" t="s">
        <v>2795</v>
      </c>
      <c r="HRJ729" s="424"/>
      <c r="HRK729" s="424"/>
      <c r="HRL729" s="424"/>
      <c r="HRM729" s="423" t="s">
        <v>2795</v>
      </c>
      <c r="HRN729" s="424"/>
      <c r="HRO729" s="424"/>
      <c r="HRP729" s="424"/>
      <c r="HRQ729" s="423" t="s">
        <v>2795</v>
      </c>
      <c r="HRR729" s="424"/>
      <c r="HRS729" s="424"/>
      <c r="HRT729" s="424"/>
      <c r="HRU729" s="423" t="s">
        <v>2795</v>
      </c>
      <c r="HRV729" s="424"/>
      <c r="HRW729" s="424"/>
      <c r="HRX729" s="424"/>
      <c r="HRY729" s="423" t="s">
        <v>2795</v>
      </c>
      <c r="HRZ729" s="424"/>
      <c r="HSA729" s="424"/>
      <c r="HSB729" s="424"/>
      <c r="HSC729" s="423" t="s">
        <v>2795</v>
      </c>
      <c r="HSD729" s="424"/>
      <c r="HSE729" s="424"/>
      <c r="HSF729" s="424"/>
      <c r="HSG729" s="423" t="s">
        <v>2795</v>
      </c>
      <c r="HSH729" s="424"/>
      <c r="HSI729" s="424"/>
      <c r="HSJ729" s="424"/>
      <c r="HSK729" s="423" t="s">
        <v>2795</v>
      </c>
      <c r="HSL729" s="424"/>
      <c r="HSM729" s="424"/>
      <c r="HSN729" s="424"/>
      <c r="HSO729" s="423" t="s">
        <v>2795</v>
      </c>
      <c r="HSP729" s="424"/>
      <c r="HSQ729" s="424"/>
      <c r="HSR729" s="424"/>
      <c r="HSS729" s="423" t="s">
        <v>2795</v>
      </c>
      <c r="HST729" s="424"/>
      <c r="HSU729" s="424"/>
      <c r="HSV729" s="424"/>
      <c r="HSW729" s="423" t="s">
        <v>2795</v>
      </c>
      <c r="HSX729" s="424"/>
      <c r="HSY729" s="424"/>
      <c r="HSZ729" s="424"/>
      <c r="HTA729" s="423" t="s">
        <v>2795</v>
      </c>
      <c r="HTB729" s="424"/>
      <c r="HTC729" s="424"/>
      <c r="HTD729" s="424"/>
      <c r="HTE729" s="423" t="s">
        <v>2795</v>
      </c>
      <c r="HTF729" s="424"/>
      <c r="HTG729" s="424"/>
      <c r="HTH729" s="424"/>
      <c r="HTI729" s="423" t="s">
        <v>2795</v>
      </c>
      <c r="HTJ729" s="424"/>
      <c r="HTK729" s="424"/>
      <c r="HTL729" s="424"/>
      <c r="HTM729" s="423" t="s">
        <v>2795</v>
      </c>
      <c r="HTN729" s="424"/>
      <c r="HTO729" s="424"/>
      <c r="HTP729" s="424"/>
      <c r="HTQ729" s="423" t="s">
        <v>2795</v>
      </c>
      <c r="HTR729" s="424"/>
      <c r="HTS729" s="424"/>
      <c r="HTT729" s="424"/>
      <c r="HTU729" s="423" t="s">
        <v>2795</v>
      </c>
      <c r="HTV729" s="424"/>
      <c r="HTW729" s="424"/>
      <c r="HTX729" s="424"/>
      <c r="HTY729" s="423" t="s">
        <v>2795</v>
      </c>
      <c r="HTZ729" s="424"/>
      <c r="HUA729" s="424"/>
      <c r="HUB729" s="424"/>
      <c r="HUC729" s="423" t="s">
        <v>2795</v>
      </c>
      <c r="HUD729" s="424"/>
      <c r="HUE729" s="424"/>
      <c r="HUF729" s="424"/>
      <c r="HUG729" s="423" t="s">
        <v>2795</v>
      </c>
      <c r="HUH729" s="424"/>
      <c r="HUI729" s="424"/>
      <c r="HUJ729" s="424"/>
      <c r="HUK729" s="423" t="s">
        <v>2795</v>
      </c>
      <c r="HUL729" s="424"/>
      <c r="HUM729" s="424"/>
      <c r="HUN729" s="424"/>
      <c r="HUO729" s="423" t="s">
        <v>2795</v>
      </c>
      <c r="HUP729" s="424"/>
      <c r="HUQ729" s="424"/>
      <c r="HUR729" s="424"/>
      <c r="HUS729" s="423" t="s">
        <v>2795</v>
      </c>
      <c r="HUT729" s="424"/>
      <c r="HUU729" s="424"/>
      <c r="HUV729" s="424"/>
      <c r="HUW729" s="423" t="s">
        <v>2795</v>
      </c>
      <c r="HUX729" s="424"/>
      <c r="HUY729" s="424"/>
      <c r="HUZ729" s="424"/>
      <c r="HVA729" s="423" t="s">
        <v>2795</v>
      </c>
      <c r="HVB729" s="424"/>
      <c r="HVC729" s="424"/>
      <c r="HVD729" s="424"/>
      <c r="HVE729" s="423" t="s">
        <v>2795</v>
      </c>
      <c r="HVF729" s="424"/>
      <c r="HVG729" s="424"/>
      <c r="HVH729" s="424"/>
      <c r="HVI729" s="423" t="s">
        <v>2795</v>
      </c>
      <c r="HVJ729" s="424"/>
      <c r="HVK729" s="424"/>
      <c r="HVL729" s="424"/>
      <c r="HVM729" s="423" t="s">
        <v>2795</v>
      </c>
      <c r="HVN729" s="424"/>
      <c r="HVO729" s="424"/>
      <c r="HVP729" s="424"/>
      <c r="HVQ729" s="423" t="s">
        <v>2795</v>
      </c>
      <c r="HVR729" s="424"/>
      <c r="HVS729" s="424"/>
      <c r="HVT729" s="424"/>
      <c r="HVU729" s="423" t="s">
        <v>2795</v>
      </c>
      <c r="HVV729" s="424"/>
      <c r="HVW729" s="424"/>
      <c r="HVX729" s="424"/>
      <c r="HVY729" s="423" t="s">
        <v>2795</v>
      </c>
      <c r="HVZ729" s="424"/>
      <c r="HWA729" s="424"/>
      <c r="HWB729" s="424"/>
      <c r="HWC729" s="423" t="s">
        <v>2795</v>
      </c>
      <c r="HWD729" s="424"/>
      <c r="HWE729" s="424"/>
      <c r="HWF729" s="424"/>
      <c r="HWG729" s="423" t="s">
        <v>2795</v>
      </c>
      <c r="HWH729" s="424"/>
      <c r="HWI729" s="424"/>
      <c r="HWJ729" s="424"/>
      <c r="HWK729" s="423" t="s">
        <v>2795</v>
      </c>
      <c r="HWL729" s="424"/>
      <c r="HWM729" s="424"/>
      <c r="HWN729" s="424"/>
      <c r="HWO729" s="423" t="s">
        <v>2795</v>
      </c>
      <c r="HWP729" s="424"/>
      <c r="HWQ729" s="424"/>
      <c r="HWR729" s="424"/>
      <c r="HWS729" s="423" t="s">
        <v>2795</v>
      </c>
      <c r="HWT729" s="424"/>
      <c r="HWU729" s="424"/>
      <c r="HWV729" s="424"/>
      <c r="HWW729" s="423" t="s">
        <v>2795</v>
      </c>
      <c r="HWX729" s="424"/>
      <c r="HWY729" s="424"/>
      <c r="HWZ729" s="424"/>
      <c r="HXA729" s="423" t="s">
        <v>2795</v>
      </c>
      <c r="HXB729" s="424"/>
      <c r="HXC729" s="424"/>
      <c r="HXD729" s="424"/>
      <c r="HXE729" s="423" t="s">
        <v>2795</v>
      </c>
      <c r="HXF729" s="424"/>
      <c r="HXG729" s="424"/>
      <c r="HXH729" s="424"/>
      <c r="HXI729" s="423" t="s">
        <v>2795</v>
      </c>
      <c r="HXJ729" s="424"/>
      <c r="HXK729" s="424"/>
      <c r="HXL729" s="424"/>
      <c r="HXM729" s="423" t="s">
        <v>2795</v>
      </c>
      <c r="HXN729" s="424"/>
      <c r="HXO729" s="424"/>
      <c r="HXP729" s="424"/>
      <c r="HXQ729" s="423" t="s">
        <v>2795</v>
      </c>
      <c r="HXR729" s="424"/>
      <c r="HXS729" s="424"/>
      <c r="HXT729" s="424"/>
      <c r="HXU729" s="423" t="s">
        <v>2795</v>
      </c>
      <c r="HXV729" s="424"/>
      <c r="HXW729" s="424"/>
      <c r="HXX729" s="424"/>
      <c r="HXY729" s="423" t="s">
        <v>2795</v>
      </c>
      <c r="HXZ729" s="424"/>
      <c r="HYA729" s="424"/>
      <c r="HYB729" s="424"/>
      <c r="HYC729" s="423" t="s">
        <v>2795</v>
      </c>
      <c r="HYD729" s="424"/>
      <c r="HYE729" s="424"/>
      <c r="HYF729" s="424"/>
      <c r="HYG729" s="423" t="s">
        <v>2795</v>
      </c>
      <c r="HYH729" s="424"/>
      <c r="HYI729" s="424"/>
      <c r="HYJ729" s="424"/>
      <c r="HYK729" s="423" t="s">
        <v>2795</v>
      </c>
      <c r="HYL729" s="424"/>
      <c r="HYM729" s="424"/>
      <c r="HYN729" s="424"/>
      <c r="HYO729" s="423" t="s">
        <v>2795</v>
      </c>
      <c r="HYP729" s="424"/>
      <c r="HYQ729" s="424"/>
      <c r="HYR729" s="424"/>
      <c r="HYS729" s="423" t="s">
        <v>2795</v>
      </c>
      <c r="HYT729" s="424"/>
      <c r="HYU729" s="424"/>
      <c r="HYV729" s="424"/>
      <c r="HYW729" s="423" t="s">
        <v>2795</v>
      </c>
      <c r="HYX729" s="424"/>
      <c r="HYY729" s="424"/>
      <c r="HYZ729" s="424"/>
      <c r="HZA729" s="423" t="s">
        <v>2795</v>
      </c>
      <c r="HZB729" s="424"/>
      <c r="HZC729" s="424"/>
      <c r="HZD729" s="424"/>
      <c r="HZE729" s="423" t="s">
        <v>2795</v>
      </c>
      <c r="HZF729" s="424"/>
      <c r="HZG729" s="424"/>
      <c r="HZH729" s="424"/>
      <c r="HZI729" s="423" t="s">
        <v>2795</v>
      </c>
      <c r="HZJ729" s="424"/>
      <c r="HZK729" s="424"/>
      <c r="HZL729" s="424"/>
      <c r="HZM729" s="423" t="s">
        <v>2795</v>
      </c>
      <c r="HZN729" s="424"/>
      <c r="HZO729" s="424"/>
      <c r="HZP729" s="424"/>
      <c r="HZQ729" s="423" t="s">
        <v>2795</v>
      </c>
      <c r="HZR729" s="424"/>
      <c r="HZS729" s="424"/>
      <c r="HZT729" s="424"/>
      <c r="HZU729" s="423" t="s">
        <v>2795</v>
      </c>
      <c r="HZV729" s="424"/>
      <c r="HZW729" s="424"/>
      <c r="HZX729" s="424"/>
      <c r="HZY729" s="423" t="s">
        <v>2795</v>
      </c>
      <c r="HZZ729" s="424"/>
      <c r="IAA729" s="424"/>
      <c r="IAB729" s="424"/>
      <c r="IAC729" s="423" t="s">
        <v>2795</v>
      </c>
      <c r="IAD729" s="424"/>
      <c r="IAE729" s="424"/>
      <c r="IAF729" s="424"/>
      <c r="IAG729" s="423" t="s">
        <v>2795</v>
      </c>
      <c r="IAH729" s="424"/>
      <c r="IAI729" s="424"/>
      <c r="IAJ729" s="424"/>
      <c r="IAK729" s="423" t="s">
        <v>2795</v>
      </c>
      <c r="IAL729" s="424"/>
      <c r="IAM729" s="424"/>
      <c r="IAN729" s="424"/>
      <c r="IAO729" s="423" t="s">
        <v>2795</v>
      </c>
      <c r="IAP729" s="424"/>
      <c r="IAQ729" s="424"/>
      <c r="IAR729" s="424"/>
      <c r="IAS729" s="423" t="s">
        <v>2795</v>
      </c>
      <c r="IAT729" s="424"/>
      <c r="IAU729" s="424"/>
      <c r="IAV729" s="424"/>
      <c r="IAW729" s="423" t="s">
        <v>2795</v>
      </c>
      <c r="IAX729" s="424"/>
      <c r="IAY729" s="424"/>
      <c r="IAZ729" s="424"/>
      <c r="IBA729" s="423" t="s">
        <v>2795</v>
      </c>
      <c r="IBB729" s="424"/>
      <c r="IBC729" s="424"/>
      <c r="IBD729" s="424"/>
      <c r="IBE729" s="423" t="s">
        <v>2795</v>
      </c>
      <c r="IBF729" s="424"/>
      <c r="IBG729" s="424"/>
      <c r="IBH729" s="424"/>
      <c r="IBI729" s="423" t="s">
        <v>2795</v>
      </c>
      <c r="IBJ729" s="424"/>
      <c r="IBK729" s="424"/>
      <c r="IBL729" s="424"/>
      <c r="IBM729" s="423" t="s">
        <v>2795</v>
      </c>
      <c r="IBN729" s="424"/>
      <c r="IBO729" s="424"/>
      <c r="IBP729" s="424"/>
      <c r="IBQ729" s="423" t="s">
        <v>2795</v>
      </c>
      <c r="IBR729" s="424"/>
      <c r="IBS729" s="424"/>
      <c r="IBT729" s="424"/>
      <c r="IBU729" s="423" t="s">
        <v>2795</v>
      </c>
      <c r="IBV729" s="424"/>
      <c r="IBW729" s="424"/>
      <c r="IBX729" s="424"/>
      <c r="IBY729" s="423" t="s">
        <v>2795</v>
      </c>
      <c r="IBZ729" s="424"/>
      <c r="ICA729" s="424"/>
      <c r="ICB729" s="424"/>
      <c r="ICC729" s="423" t="s">
        <v>2795</v>
      </c>
      <c r="ICD729" s="424"/>
      <c r="ICE729" s="424"/>
      <c r="ICF729" s="424"/>
      <c r="ICG729" s="423" t="s">
        <v>2795</v>
      </c>
      <c r="ICH729" s="424"/>
      <c r="ICI729" s="424"/>
      <c r="ICJ729" s="424"/>
      <c r="ICK729" s="423" t="s">
        <v>2795</v>
      </c>
      <c r="ICL729" s="424"/>
      <c r="ICM729" s="424"/>
      <c r="ICN729" s="424"/>
      <c r="ICO729" s="423" t="s">
        <v>2795</v>
      </c>
      <c r="ICP729" s="424"/>
      <c r="ICQ729" s="424"/>
      <c r="ICR729" s="424"/>
      <c r="ICS729" s="423" t="s">
        <v>2795</v>
      </c>
      <c r="ICT729" s="424"/>
      <c r="ICU729" s="424"/>
      <c r="ICV729" s="424"/>
      <c r="ICW729" s="423" t="s">
        <v>2795</v>
      </c>
      <c r="ICX729" s="424"/>
      <c r="ICY729" s="424"/>
      <c r="ICZ729" s="424"/>
      <c r="IDA729" s="423" t="s">
        <v>2795</v>
      </c>
      <c r="IDB729" s="424"/>
      <c r="IDC729" s="424"/>
      <c r="IDD729" s="424"/>
      <c r="IDE729" s="423" t="s">
        <v>2795</v>
      </c>
      <c r="IDF729" s="424"/>
      <c r="IDG729" s="424"/>
      <c r="IDH729" s="424"/>
      <c r="IDI729" s="423" t="s">
        <v>2795</v>
      </c>
      <c r="IDJ729" s="424"/>
      <c r="IDK729" s="424"/>
      <c r="IDL729" s="424"/>
      <c r="IDM729" s="423" t="s">
        <v>2795</v>
      </c>
      <c r="IDN729" s="424"/>
      <c r="IDO729" s="424"/>
      <c r="IDP729" s="424"/>
      <c r="IDQ729" s="423" t="s">
        <v>2795</v>
      </c>
      <c r="IDR729" s="424"/>
      <c r="IDS729" s="424"/>
      <c r="IDT729" s="424"/>
      <c r="IDU729" s="423" t="s">
        <v>2795</v>
      </c>
      <c r="IDV729" s="424"/>
      <c r="IDW729" s="424"/>
      <c r="IDX729" s="424"/>
      <c r="IDY729" s="423" t="s">
        <v>2795</v>
      </c>
      <c r="IDZ729" s="424"/>
      <c r="IEA729" s="424"/>
      <c r="IEB729" s="424"/>
      <c r="IEC729" s="423" t="s">
        <v>2795</v>
      </c>
      <c r="IED729" s="424"/>
      <c r="IEE729" s="424"/>
      <c r="IEF729" s="424"/>
      <c r="IEG729" s="423" t="s">
        <v>2795</v>
      </c>
      <c r="IEH729" s="424"/>
      <c r="IEI729" s="424"/>
      <c r="IEJ729" s="424"/>
      <c r="IEK729" s="423" t="s">
        <v>2795</v>
      </c>
      <c r="IEL729" s="424"/>
      <c r="IEM729" s="424"/>
      <c r="IEN729" s="424"/>
      <c r="IEO729" s="423" t="s">
        <v>2795</v>
      </c>
      <c r="IEP729" s="424"/>
      <c r="IEQ729" s="424"/>
      <c r="IER729" s="424"/>
      <c r="IES729" s="423" t="s">
        <v>2795</v>
      </c>
      <c r="IET729" s="424"/>
      <c r="IEU729" s="424"/>
      <c r="IEV729" s="424"/>
      <c r="IEW729" s="423" t="s">
        <v>2795</v>
      </c>
      <c r="IEX729" s="424"/>
      <c r="IEY729" s="424"/>
      <c r="IEZ729" s="424"/>
      <c r="IFA729" s="423" t="s">
        <v>2795</v>
      </c>
      <c r="IFB729" s="424"/>
      <c r="IFC729" s="424"/>
      <c r="IFD729" s="424"/>
      <c r="IFE729" s="423" t="s">
        <v>2795</v>
      </c>
      <c r="IFF729" s="424"/>
      <c r="IFG729" s="424"/>
      <c r="IFH729" s="424"/>
      <c r="IFI729" s="423" t="s">
        <v>2795</v>
      </c>
      <c r="IFJ729" s="424"/>
      <c r="IFK729" s="424"/>
      <c r="IFL729" s="424"/>
      <c r="IFM729" s="423" t="s">
        <v>2795</v>
      </c>
      <c r="IFN729" s="424"/>
      <c r="IFO729" s="424"/>
      <c r="IFP729" s="424"/>
      <c r="IFQ729" s="423" t="s">
        <v>2795</v>
      </c>
      <c r="IFR729" s="424"/>
      <c r="IFS729" s="424"/>
      <c r="IFT729" s="424"/>
      <c r="IFU729" s="423" t="s">
        <v>2795</v>
      </c>
      <c r="IFV729" s="424"/>
      <c r="IFW729" s="424"/>
      <c r="IFX729" s="424"/>
      <c r="IFY729" s="423" t="s">
        <v>2795</v>
      </c>
      <c r="IFZ729" s="424"/>
      <c r="IGA729" s="424"/>
      <c r="IGB729" s="424"/>
      <c r="IGC729" s="423" t="s">
        <v>2795</v>
      </c>
      <c r="IGD729" s="424"/>
      <c r="IGE729" s="424"/>
      <c r="IGF729" s="424"/>
      <c r="IGG729" s="423" t="s">
        <v>2795</v>
      </c>
      <c r="IGH729" s="424"/>
      <c r="IGI729" s="424"/>
      <c r="IGJ729" s="424"/>
      <c r="IGK729" s="423" t="s">
        <v>2795</v>
      </c>
      <c r="IGL729" s="424"/>
      <c r="IGM729" s="424"/>
      <c r="IGN729" s="424"/>
      <c r="IGO729" s="423" t="s">
        <v>2795</v>
      </c>
      <c r="IGP729" s="424"/>
      <c r="IGQ729" s="424"/>
      <c r="IGR729" s="424"/>
      <c r="IGS729" s="423" t="s">
        <v>2795</v>
      </c>
      <c r="IGT729" s="424"/>
      <c r="IGU729" s="424"/>
      <c r="IGV729" s="424"/>
      <c r="IGW729" s="423" t="s">
        <v>2795</v>
      </c>
      <c r="IGX729" s="424"/>
      <c r="IGY729" s="424"/>
      <c r="IGZ729" s="424"/>
      <c r="IHA729" s="423" t="s">
        <v>2795</v>
      </c>
      <c r="IHB729" s="424"/>
      <c r="IHC729" s="424"/>
      <c r="IHD729" s="424"/>
      <c r="IHE729" s="423" t="s">
        <v>2795</v>
      </c>
      <c r="IHF729" s="424"/>
      <c r="IHG729" s="424"/>
      <c r="IHH729" s="424"/>
      <c r="IHI729" s="423" t="s">
        <v>2795</v>
      </c>
      <c r="IHJ729" s="424"/>
      <c r="IHK729" s="424"/>
      <c r="IHL729" s="424"/>
      <c r="IHM729" s="423" t="s">
        <v>2795</v>
      </c>
      <c r="IHN729" s="424"/>
      <c r="IHO729" s="424"/>
      <c r="IHP729" s="424"/>
      <c r="IHQ729" s="423" t="s">
        <v>2795</v>
      </c>
      <c r="IHR729" s="424"/>
      <c r="IHS729" s="424"/>
      <c r="IHT729" s="424"/>
      <c r="IHU729" s="423" t="s">
        <v>2795</v>
      </c>
      <c r="IHV729" s="424"/>
      <c r="IHW729" s="424"/>
      <c r="IHX729" s="424"/>
      <c r="IHY729" s="423" t="s">
        <v>2795</v>
      </c>
      <c r="IHZ729" s="424"/>
      <c r="IIA729" s="424"/>
      <c r="IIB729" s="424"/>
      <c r="IIC729" s="423" t="s">
        <v>2795</v>
      </c>
      <c r="IID729" s="424"/>
      <c r="IIE729" s="424"/>
      <c r="IIF729" s="424"/>
      <c r="IIG729" s="423" t="s">
        <v>2795</v>
      </c>
      <c r="IIH729" s="424"/>
      <c r="III729" s="424"/>
      <c r="IIJ729" s="424"/>
      <c r="IIK729" s="423" t="s">
        <v>2795</v>
      </c>
      <c r="IIL729" s="424"/>
      <c r="IIM729" s="424"/>
      <c r="IIN729" s="424"/>
      <c r="IIO729" s="423" t="s">
        <v>2795</v>
      </c>
      <c r="IIP729" s="424"/>
      <c r="IIQ729" s="424"/>
      <c r="IIR729" s="424"/>
      <c r="IIS729" s="423" t="s">
        <v>2795</v>
      </c>
      <c r="IIT729" s="424"/>
      <c r="IIU729" s="424"/>
      <c r="IIV729" s="424"/>
      <c r="IIW729" s="423" t="s">
        <v>2795</v>
      </c>
      <c r="IIX729" s="424"/>
      <c r="IIY729" s="424"/>
      <c r="IIZ729" s="424"/>
      <c r="IJA729" s="423" t="s">
        <v>2795</v>
      </c>
      <c r="IJB729" s="424"/>
      <c r="IJC729" s="424"/>
      <c r="IJD729" s="424"/>
      <c r="IJE729" s="423" t="s">
        <v>2795</v>
      </c>
      <c r="IJF729" s="424"/>
      <c r="IJG729" s="424"/>
      <c r="IJH729" s="424"/>
      <c r="IJI729" s="423" t="s">
        <v>2795</v>
      </c>
      <c r="IJJ729" s="424"/>
      <c r="IJK729" s="424"/>
      <c r="IJL729" s="424"/>
      <c r="IJM729" s="423" t="s">
        <v>2795</v>
      </c>
      <c r="IJN729" s="424"/>
      <c r="IJO729" s="424"/>
      <c r="IJP729" s="424"/>
      <c r="IJQ729" s="423" t="s">
        <v>2795</v>
      </c>
      <c r="IJR729" s="424"/>
      <c r="IJS729" s="424"/>
      <c r="IJT729" s="424"/>
      <c r="IJU729" s="423" t="s">
        <v>2795</v>
      </c>
      <c r="IJV729" s="424"/>
      <c r="IJW729" s="424"/>
      <c r="IJX729" s="424"/>
      <c r="IJY729" s="423" t="s">
        <v>2795</v>
      </c>
      <c r="IJZ729" s="424"/>
      <c r="IKA729" s="424"/>
      <c r="IKB729" s="424"/>
      <c r="IKC729" s="423" t="s">
        <v>2795</v>
      </c>
      <c r="IKD729" s="424"/>
      <c r="IKE729" s="424"/>
      <c r="IKF729" s="424"/>
      <c r="IKG729" s="423" t="s">
        <v>2795</v>
      </c>
      <c r="IKH729" s="424"/>
      <c r="IKI729" s="424"/>
      <c r="IKJ729" s="424"/>
      <c r="IKK729" s="423" t="s">
        <v>2795</v>
      </c>
      <c r="IKL729" s="424"/>
      <c r="IKM729" s="424"/>
      <c r="IKN729" s="424"/>
      <c r="IKO729" s="423" t="s">
        <v>2795</v>
      </c>
      <c r="IKP729" s="424"/>
      <c r="IKQ729" s="424"/>
      <c r="IKR729" s="424"/>
      <c r="IKS729" s="423" t="s">
        <v>2795</v>
      </c>
      <c r="IKT729" s="424"/>
      <c r="IKU729" s="424"/>
      <c r="IKV729" s="424"/>
      <c r="IKW729" s="423" t="s">
        <v>2795</v>
      </c>
      <c r="IKX729" s="424"/>
      <c r="IKY729" s="424"/>
      <c r="IKZ729" s="424"/>
      <c r="ILA729" s="423" t="s">
        <v>2795</v>
      </c>
      <c r="ILB729" s="424"/>
      <c r="ILC729" s="424"/>
      <c r="ILD729" s="424"/>
      <c r="ILE729" s="423" t="s">
        <v>2795</v>
      </c>
      <c r="ILF729" s="424"/>
      <c r="ILG729" s="424"/>
      <c r="ILH729" s="424"/>
      <c r="ILI729" s="423" t="s">
        <v>2795</v>
      </c>
      <c r="ILJ729" s="424"/>
      <c r="ILK729" s="424"/>
      <c r="ILL729" s="424"/>
      <c r="ILM729" s="423" t="s">
        <v>2795</v>
      </c>
      <c r="ILN729" s="424"/>
      <c r="ILO729" s="424"/>
      <c r="ILP729" s="424"/>
      <c r="ILQ729" s="423" t="s">
        <v>2795</v>
      </c>
      <c r="ILR729" s="424"/>
      <c r="ILS729" s="424"/>
      <c r="ILT729" s="424"/>
      <c r="ILU729" s="423" t="s">
        <v>2795</v>
      </c>
      <c r="ILV729" s="424"/>
      <c r="ILW729" s="424"/>
      <c r="ILX729" s="424"/>
      <c r="ILY729" s="423" t="s">
        <v>2795</v>
      </c>
      <c r="ILZ729" s="424"/>
      <c r="IMA729" s="424"/>
      <c r="IMB729" s="424"/>
      <c r="IMC729" s="423" t="s">
        <v>2795</v>
      </c>
      <c r="IMD729" s="424"/>
      <c r="IME729" s="424"/>
      <c r="IMF729" s="424"/>
      <c r="IMG729" s="423" t="s">
        <v>2795</v>
      </c>
      <c r="IMH729" s="424"/>
      <c r="IMI729" s="424"/>
      <c r="IMJ729" s="424"/>
      <c r="IMK729" s="423" t="s">
        <v>2795</v>
      </c>
      <c r="IML729" s="424"/>
      <c r="IMM729" s="424"/>
      <c r="IMN729" s="424"/>
      <c r="IMO729" s="423" t="s">
        <v>2795</v>
      </c>
      <c r="IMP729" s="424"/>
      <c r="IMQ729" s="424"/>
      <c r="IMR729" s="424"/>
      <c r="IMS729" s="423" t="s">
        <v>2795</v>
      </c>
      <c r="IMT729" s="424"/>
      <c r="IMU729" s="424"/>
      <c r="IMV729" s="424"/>
      <c r="IMW729" s="423" t="s">
        <v>2795</v>
      </c>
      <c r="IMX729" s="424"/>
      <c r="IMY729" s="424"/>
      <c r="IMZ729" s="424"/>
      <c r="INA729" s="423" t="s">
        <v>2795</v>
      </c>
      <c r="INB729" s="424"/>
      <c r="INC729" s="424"/>
      <c r="IND729" s="424"/>
      <c r="INE729" s="423" t="s">
        <v>2795</v>
      </c>
      <c r="INF729" s="424"/>
      <c r="ING729" s="424"/>
      <c r="INH729" s="424"/>
      <c r="INI729" s="423" t="s">
        <v>2795</v>
      </c>
      <c r="INJ729" s="424"/>
      <c r="INK729" s="424"/>
      <c r="INL729" s="424"/>
      <c r="INM729" s="423" t="s">
        <v>2795</v>
      </c>
      <c r="INN729" s="424"/>
      <c r="INO729" s="424"/>
      <c r="INP729" s="424"/>
      <c r="INQ729" s="423" t="s">
        <v>2795</v>
      </c>
      <c r="INR729" s="424"/>
      <c r="INS729" s="424"/>
      <c r="INT729" s="424"/>
      <c r="INU729" s="423" t="s">
        <v>2795</v>
      </c>
      <c r="INV729" s="424"/>
      <c r="INW729" s="424"/>
      <c r="INX729" s="424"/>
      <c r="INY729" s="423" t="s">
        <v>2795</v>
      </c>
      <c r="INZ729" s="424"/>
      <c r="IOA729" s="424"/>
      <c r="IOB729" s="424"/>
      <c r="IOC729" s="423" t="s">
        <v>2795</v>
      </c>
      <c r="IOD729" s="424"/>
      <c r="IOE729" s="424"/>
      <c r="IOF729" s="424"/>
      <c r="IOG729" s="423" t="s">
        <v>2795</v>
      </c>
      <c r="IOH729" s="424"/>
      <c r="IOI729" s="424"/>
      <c r="IOJ729" s="424"/>
      <c r="IOK729" s="423" t="s">
        <v>2795</v>
      </c>
      <c r="IOL729" s="424"/>
      <c r="IOM729" s="424"/>
      <c r="ION729" s="424"/>
      <c r="IOO729" s="423" t="s">
        <v>2795</v>
      </c>
      <c r="IOP729" s="424"/>
      <c r="IOQ729" s="424"/>
      <c r="IOR729" s="424"/>
      <c r="IOS729" s="423" t="s">
        <v>2795</v>
      </c>
      <c r="IOT729" s="424"/>
      <c r="IOU729" s="424"/>
      <c r="IOV729" s="424"/>
      <c r="IOW729" s="423" t="s">
        <v>2795</v>
      </c>
      <c r="IOX729" s="424"/>
      <c r="IOY729" s="424"/>
      <c r="IOZ729" s="424"/>
      <c r="IPA729" s="423" t="s">
        <v>2795</v>
      </c>
      <c r="IPB729" s="424"/>
      <c r="IPC729" s="424"/>
      <c r="IPD729" s="424"/>
      <c r="IPE729" s="423" t="s">
        <v>2795</v>
      </c>
      <c r="IPF729" s="424"/>
      <c r="IPG729" s="424"/>
      <c r="IPH729" s="424"/>
      <c r="IPI729" s="423" t="s">
        <v>2795</v>
      </c>
      <c r="IPJ729" s="424"/>
      <c r="IPK729" s="424"/>
      <c r="IPL729" s="424"/>
      <c r="IPM729" s="423" t="s">
        <v>2795</v>
      </c>
      <c r="IPN729" s="424"/>
      <c r="IPO729" s="424"/>
      <c r="IPP729" s="424"/>
      <c r="IPQ729" s="423" t="s">
        <v>2795</v>
      </c>
      <c r="IPR729" s="424"/>
      <c r="IPS729" s="424"/>
      <c r="IPT729" s="424"/>
      <c r="IPU729" s="423" t="s">
        <v>2795</v>
      </c>
      <c r="IPV729" s="424"/>
      <c r="IPW729" s="424"/>
      <c r="IPX729" s="424"/>
      <c r="IPY729" s="423" t="s">
        <v>2795</v>
      </c>
      <c r="IPZ729" s="424"/>
      <c r="IQA729" s="424"/>
      <c r="IQB729" s="424"/>
      <c r="IQC729" s="423" t="s">
        <v>2795</v>
      </c>
      <c r="IQD729" s="424"/>
      <c r="IQE729" s="424"/>
      <c r="IQF729" s="424"/>
      <c r="IQG729" s="423" t="s">
        <v>2795</v>
      </c>
      <c r="IQH729" s="424"/>
      <c r="IQI729" s="424"/>
      <c r="IQJ729" s="424"/>
      <c r="IQK729" s="423" t="s">
        <v>2795</v>
      </c>
      <c r="IQL729" s="424"/>
      <c r="IQM729" s="424"/>
      <c r="IQN729" s="424"/>
      <c r="IQO729" s="423" t="s">
        <v>2795</v>
      </c>
      <c r="IQP729" s="424"/>
      <c r="IQQ729" s="424"/>
      <c r="IQR729" s="424"/>
      <c r="IQS729" s="423" t="s">
        <v>2795</v>
      </c>
      <c r="IQT729" s="424"/>
      <c r="IQU729" s="424"/>
      <c r="IQV729" s="424"/>
      <c r="IQW729" s="423" t="s">
        <v>2795</v>
      </c>
      <c r="IQX729" s="424"/>
      <c r="IQY729" s="424"/>
      <c r="IQZ729" s="424"/>
      <c r="IRA729" s="423" t="s">
        <v>2795</v>
      </c>
      <c r="IRB729" s="424"/>
      <c r="IRC729" s="424"/>
      <c r="IRD729" s="424"/>
      <c r="IRE729" s="423" t="s">
        <v>2795</v>
      </c>
      <c r="IRF729" s="424"/>
      <c r="IRG729" s="424"/>
      <c r="IRH729" s="424"/>
      <c r="IRI729" s="423" t="s">
        <v>2795</v>
      </c>
      <c r="IRJ729" s="424"/>
      <c r="IRK729" s="424"/>
      <c r="IRL729" s="424"/>
      <c r="IRM729" s="423" t="s">
        <v>2795</v>
      </c>
      <c r="IRN729" s="424"/>
      <c r="IRO729" s="424"/>
      <c r="IRP729" s="424"/>
      <c r="IRQ729" s="423" t="s">
        <v>2795</v>
      </c>
      <c r="IRR729" s="424"/>
      <c r="IRS729" s="424"/>
      <c r="IRT729" s="424"/>
      <c r="IRU729" s="423" t="s">
        <v>2795</v>
      </c>
      <c r="IRV729" s="424"/>
      <c r="IRW729" s="424"/>
      <c r="IRX729" s="424"/>
      <c r="IRY729" s="423" t="s">
        <v>2795</v>
      </c>
      <c r="IRZ729" s="424"/>
      <c r="ISA729" s="424"/>
      <c r="ISB729" s="424"/>
      <c r="ISC729" s="423" t="s">
        <v>2795</v>
      </c>
      <c r="ISD729" s="424"/>
      <c r="ISE729" s="424"/>
      <c r="ISF729" s="424"/>
      <c r="ISG729" s="423" t="s">
        <v>2795</v>
      </c>
      <c r="ISH729" s="424"/>
      <c r="ISI729" s="424"/>
      <c r="ISJ729" s="424"/>
      <c r="ISK729" s="423" t="s">
        <v>2795</v>
      </c>
      <c r="ISL729" s="424"/>
      <c r="ISM729" s="424"/>
      <c r="ISN729" s="424"/>
      <c r="ISO729" s="423" t="s">
        <v>2795</v>
      </c>
      <c r="ISP729" s="424"/>
      <c r="ISQ729" s="424"/>
      <c r="ISR729" s="424"/>
      <c r="ISS729" s="423" t="s">
        <v>2795</v>
      </c>
      <c r="IST729" s="424"/>
      <c r="ISU729" s="424"/>
      <c r="ISV729" s="424"/>
      <c r="ISW729" s="423" t="s">
        <v>2795</v>
      </c>
      <c r="ISX729" s="424"/>
      <c r="ISY729" s="424"/>
      <c r="ISZ729" s="424"/>
      <c r="ITA729" s="423" t="s">
        <v>2795</v>
      </c>
      <c r="ITB729" s="424"/>
      <c r="ITC729" s="424"/>
      <c r="ITD729" s="424"/>
      <c r="ITE729" s="423" t="s">
        <v>2795</v>
      </c>
      <c r="ITF729" s="424"/>
      <c r="ITG729" s="424"/>
      <c r="ITH729" s="424"/>
      <c r="ITI729" s="423" t="s">
        <v>2795</v>
      </c>
      <c r="ITJ729" s="424"/>
      <c r="ITK729" s="424"/>
      <c r="ITL729" s="424"/>
      <c r="ITM729" s="423" t="s">
        <v>2795</v>
      </c>
      <c r="ITN729" s="424"/>
      <c r="ITO729" s="424"/>
      <c r="ITP729" s="424"/>
      <c r="ITQ729" s="423" t="s">
        <v>2795</v>
      </c>
      <c r="ITR729" s="424"/>
      <c r="ITS729" s="424"/>
      <c r="ITT729" s="424"/>
      <c r="ITU729" s="423" t="s">
        <v>2795</v>
      </c>
      <c r="ITV729" s="424"/>
      <c r="ITW729" s="424"/>
      <c r="ITX729" s="424"/>
      <c r="ITY729" s="423" t="s">
        <v>2795</v>
      </c>
      <c r="ITZ729" s="424"/>
      <c r="IUA729" s="424"/>
      <c r="IUB729" s="424"/>
      <c r="IUC729" s="423" t="s">
        <v>2795</v>
      </c>
      <c r="IUD729" s="424"/>
      <c r="IUE729" s="424"/>
      <c r="IUF729" s="424"/>
      <c r="IUG729" s="423" t="s">
        <v>2795</v>
      </c>
      <c r="IUH729" s="424"/>
      <c r="IUI729" s="424"/>
      <c r="IUJ729" s="424"/>
      <c r="IUK729" s="423" t="s">
        <v>2795</v>
      </c>
      <c r="IUL729" s="424"/>
      <c r="IUM729" s="424"/>
      <c r="IUN729" s="424"/>
      <c r="IUO729" s="423" t="s">
        <v>2795</v>
      </c>
      <c r="IUP729" s="424"/>
      <c r="IUQ729" s="424"/>
      <c r="IUR729" s="424"/>
      <c r="IUS729" s="423" t="s">
        <v>2795</v>
      </c>
      <c r="IUT729" s="424"/>
      <c r="IUU729" s="424"/>
      <c r="IUV729" s="424"/>
      <c r="IUW729" s="423" t="s">
        <v>2795</v>
      </c>
      <c r="IUX729" s="424"/>
      <c r="IUY729" s="424"/>
      <c r="IUZ729" s="424"/>
      <c r="IVA729" s="423" t="s">
        <v>2795</v>
      </c>
      <c r="IVB729" s="424"/>
      <c r="IVC729" s="424"/>
      <c r="IVD729" s="424"/>
      <c r="IVE729" s="423" t="s">
        <v>2795</v>
      </c>
      <c r="IVF729" s="424"/>
      <c r="IVG729" s="424"/>
      <c r="IVH729" s="424"/>
      <c r="IVI729" s="423" t="s">
        <v>2795</v>
      </c>
      <c r="IVJ729" s="424"/>
      <c r="IVK729" s="424"/>
      <c r="IVL729" s="424"/>
      <c r="IVM729" s="423" t="s">
        <v>2795</v>
      </c>
      <c r="IVN729" s="424"/>
      <c r="IVO729" s="424"/>
      <c r="IVP729" s="424"/>
      <c r="IVQ729" s="423" t="s">
        <v>2795</v>
      </c>
      <c r="IVR729" s="424"/>
      <c r="IVS729" s="424"/>
      <c r="IVT729" s="424"/>
      <c r="IVU729" s="423" t="s">
        <v>2795</v>
      </c>
      <c r="IVV729" s="424"/>
      <c r="IVW729" s="424"/>
      <c r="IVX729" s="424"/>
      <c r="IVY729" s="423" t="s">
        <v>2795</v>
      </c>
      <c r="IVZ729" s="424"/>
      <c r="IWA729" s="424"/>
      <c r="IWB729" s="424"/>
      <c r="IWC729" s="423" t="s">
        <v>2795</v>
      </c>
      <c r="IWD729" s="424"/>
      <c r="IWE729" s="424"/>
      <c r="IWF729" s="424"/>
      <c r="IWG729" s="423" t="s">
        <v>2795</v>
      </c>
      <c r="IWH729" s="424"/>
      <c r="IWI729" s="424"/>
      <c r="IWJ729" s="424"/>
      <c r="IWK729" s="423" t="s">
        <v>2795</v>
      </c>
      <c r="IWL729" s="424"/>
      <c r="IWM729" s="424"/>
      <c r="IWN729" s="424"/>
      <c r="IWO729" s="423" t="s">
        <v>2795</v>
      </c>
      <c r="IWP729" s="424"/>
      <c r="IWQ729" s="424"/>
      <c r="IWR729" s="424"/>
      <c r="IWS729" s="423" t="s">
        <v>2795</v>
      </c>
      <c r="IWT729" s="424"/>
      <c r="IWU729" s="424"/>
      <c r="IWV729" s="424"/>
      <c r="IWW729" s="423" t="s">
        <v>2795</v>
      </c>
      <c r="IWX729" s="424"/>
      <c r="IWY729" s="424"/>
      <c r="IWZ729" s="424"/>
      <c r="IXA729" s="423" t="s">
        <v>2795</v>
      </c>
      <c r="IXB729" s="424"/>
      <c r="IXC729" s="424"/>
      <c r="IXD729" s="424"/>
      <c r="IXE729" s="423" t="s">
        <v>2795</v>
      </c>
      <c r="IXF729" s="424"/>
      <c r="IXG729" s="424"/>
      <c r="IXH729" s="424"/>
      <c r="IXI729" s="423" t="s">
        <v>2795</v>
      </c>
      <c r="IXJ729" s="424"/>
      <c r="IXK729" s="424"/>
      <c r="IXL729" s="424"/>
      <c r="IXM729" s="423" t="s">
        <v>2795</v>
      </c>
      <c r="IXN729" s="424"/>
      <c r="IXO729" s="424"/>
      <c r="IXP729" s="424"/>
      <c r="IXQ729" s="423" t="s">
        <v>2795</v>
      </c>
      <c r="IXR729" s="424"/>
      <c r="IXS729" s="424"/>
      <c r="IXT729" s="424"/>
      <c r="IXU729" s="423" t="s">
        <v>2795</v>
      </c>
      <c r="IXV729" s="424"/>
      <c r="IXW729" s="424"/>
      <c r="IXX729" s="424"/>
      <c r="IXY729" s="423" t="s">
        <v>2795</v>
      </c>
      <c r="IXZ729" s="424"/>
      <c r="IYA729" s="424"/>
      <c r="IYB729" s="424"/>
      <c r="IYC729" s="423" t="s">
        <v>2795</v>
      </c>
      <c r="IYD729" s="424"/>
      <c r="IYE729" s="424"/>
      <c r="IYF729" s="424"/>
      <c r="IYG729" s="423" t="s">
        <v>2795</v>
      </c>
      <c r="IYH729" s="424"/>
      <c r="IYI729" s="424"/>
      <c r="IYJ729" s="424"/>
      <c r="IYK729" s="423" t="s">
        <v>2795</v>
      </c>
      <c r="IYL729" s="424"/>
      <c r="IYM729" s="424"/>
      <c r="IYN729" s="424"/>
      <c r="IYO729" s="423" t="s">
        <v>2795</v>
      </c>
      <c r="IYP729" s="424"/>
      <c r="IYQ729" s="424"/>
      <c r="IYR729" s="424"/>
      <c r="IYS729" s="423" t="s">
        <v>2795</v>
      </c>
      <c r="IYT729" s="424"/>
      <c r="IYU729" s="424"/>
      <c r="IYV729" s="424"/>
      <c r="IYW729" s="423" t="s">
        <v>2795</v>
      </c>
      <c r="IYX729" s="424"/>
      <c r="IYY729" s="424"/>
      <c r="IYZ729" s="424"/>
      <c r="IZA729" s="423" t="s">
        <v>2795</v>
      </c>
      <c r="IZB729" s="424"/>
      <c r="IZC729" s="424"/>
      <c r="IZD729" s="424"/>
      <c r="IZE729" s="423" t="s">
        <v>2795</v>
      </c>
      <c r="IZF729" s="424"/>
      <c r="IZG729" s="424"/>
      <c r="IZH729" s="424"/>
      <c r="IZI729" s="423" t="s">
        <v>2795</v>
      </c>
      <c r="IZJ729" s="424"/>
      <c r="IZK729" s="424"/>
      <c r="IZL729" s="424"/>
      <c r="IZM729" s="423" t="s">
        <v>2795</v>
      </c>
      <c r="IZN729" s="424"/>
      <c r="IZO729" s="424"/>
      <c r="IZP729" s="424"/>
      <c r="IZQ729" s="423" t="s">
        <v>2795</v>
      </c>
      <c r="IZR729" s="424"/>
      <c r="IZS729" s="424"/>
      <c r="IZT729" s="424"/>
      <c r="IZU729" s="423" t="s">
        <v>2795</v>
      </c>
      <c r="IZV729" s="424"/>
      <c r="IZW729" s="424"/>
      <c r="IZX729" s="424"/>
      <c r="IZY729" s="423" t="s">
        <v>2795</v>
      </c>
      <c r="IZZ729" s="424"/>
      <c r="JAA729" s="424"/>
      <c r="JAB729" s="424"/>
      <c r="JAC729" s="423" t="s">
        <v>2795</v>
      </c>
      <c r="JAD729" s="424"/>
      <c r="JAE729" s="424"/>
      <c r="JAF729" s="424"/>
      <c r="JAG729" s="423" t="s">
        <v>2795</v>
      </c>
      <c r="JAH729" s="424"/>
      <c r="JAI729" s="424"/>
      <c r="JAJ729" s="424"/>
      <c r="JAK729" s="423" t="s">
        <v>2795</v>
      </c>
      <c r="JAL729" s="424"/>
      <c r="JAM729" s="424"/>
      <c r="JAN729" s="424"/>
      <c r="JAO729" s="423" t="s">
        <v>2795</v>
      </c>
      <c r="JAP729" s="424"/>
      <c r="JAQ729" s="424"/>
      <c r="JAR729" s="424"/>
      <c r="JAS729" s="423" t="s">
        <v>2795</v>
      </c>
      <c r="JAT729" s="424"/>
      <c r="JAU729" s="424"/>
      <c r="JAV729" s="424"/>
      <c r="JAW729" s="423" t="s">
        <v>2795</v>
      </c>
      <c r="JAX729" s="424"/>
      <c r="JAY729" s="424"/>
      <c r="JAZ729" s="424"/>
      <c r="JBA729" s="423" t="s">
        <v>2795</v>
      </c>
      <c r="JBB729" s="424"/>
      <c r="JBC729" s="424"/>
      <c r="JBD729" s="424"/>
      <c r="JBE729" s="423" t="s">
        <v>2795</v>
      </c>
      <c r="JBF729" s="424"/>
      <c r="JBG729" s="424"/>
      <c r="JBH729" s="424"/>
      <c r="JBI729" s="423" t="s">
        <v>2795</v>
      </c>
      <c r="JBJ729" s="424"/>
      <c r="JBK729" s="424"/>
      <c r="JBL729" s="424"/>
      <c r="JBM729" s="423" t="s">
        <v>2795</v>
      </c>
      <c r="JBN729" s="424"/>
      <c r="JBO729" s="424"/>
      <c r="JBP729" s="424"/>
      <c r="JBQ729" s="423" t="s">
        <v>2795</v>
      </c>
      <c r="JBR729" s="424"/>
      <c r="JBS729" s="424"/>
      <c r="JBT729" s="424"/>
      <c r="JBU729" s="423" t="s">
        <v>2795</v>
      </c>
      <c r="JBV729" s="424"/>
      <c r="JBW729" s="424"/>
      <c r="JBX729" s="424"/>
      <c r="JBY729" s="423" t="s">
        <v>2795</v>
      </c>
      <c r="JBZ729" s="424"/>
      <c r="JCA729" s="424"/>
      <c r="JCB729" s="424"/>
      <c r="JCC729" s="423" t="s">
        <v>2795</v>
      </c>
      <c r="JCD729" s="424"/>
      <c r="JCE729" s="424"/>
      <c r="JCF729" s="424"/>
      <c r="JCG729" s="423" t="s">
        <v>2795</v>
      </c>
      <c r="JCH729" s="424"/>
      <c r="JCI729" s="424"/>
      <c r="JCJ729" s="424"/>
      <c r="JCK729" s="423" t="s">
        <v>2795</v>
      </c>
      <c r="JCL729" s="424"/>
      <c r="JCM729" s="424"/>
      <c r="JCN729" s="424"/>
      <c r="JCO729" s="423" t="s">
        <v>2795</v>
      </c>
      <c r="JCP729" s="424"/>
      <c r="JCQ729" s="424"/>
      <c r="JCR729" s="424"/>
      <c r="JCS729" s="423" t="s">
        <v>2795</v>
      </c>
      <c r="JCT729" s="424"/>
      <c r="JCU729" s="424"/>
      <c r="JCV729" s="424"/>
      <c r="JCW729" s="423" t="s">
        <v>2795</v>
      </c>
      <c r="JCX729" s="424"/>
      <c r="JCY729" s="424"/>
      <c r="JCZ729" s="424"/>
      <c r="JDA729" s="423" t="s">
        <v>2795</v>
      </c>
      <c r="JDB729" s="424"/>
      <c r="JDC729" s="424"/>
      <c r="JDD729" s="424"/>
      <c r="JDE729" s="423" t="s">
        <v>2795</v>
      </c>
      <c r="JDF729" s="424"/>
      <c r="JDG729" s="424"/>
      <c r="JDH729" s="424"/>
      <c r="JDI729" s="423" t="s">
        <v>2795</v>
      </c>
      <c r="JDJ729" s="424"/>
      <c r="JDK729" s="424"/>
      <c r="JDL729" s="424"/>
      <c r="JDM729" s="423" t="s">
        <v>2795</v>
      </c>
      <c r="JDN729" s="424"/>
      <c r="JDO729" s="424"/>
      <c r="JDP729" s="424"/>
      <c r="JDQ729" s="423" t="s">
        <v>2795</v>
      </c>
      <c r="JDR729" s="424"/>
      <c r="JDS729" s="424"/>
      <c r="JDT729" s="424"/>
      <c r="JDU729" s="423" t="s">
        <v>2795</v>
      </c>
      <c r="JDV729" s="424"/>
      <c r="JDW729" s="424"/>
      <c r="JDX729" s="424"/>
      <c r="JDY729" s="423" t="s">
        <v>2795</v>
      </c>
      <c r="JDZ729" s="424"/>
      <c r="JEA729" s="424"/>
      <c r="JEB729" s="424"/>
      <c r="JEC729" s="423" t="s">
        <v>2795</v>
      </c>
      <c r="JED729" s="424"/>
      <c r="JEE729" s="424"/>
      <c r="JEF729" s="424"/>
      <c r="JEG729" s="423" t="s">
        <v>2795</v>
      </c>
      <c r="JEH729" s="424"/>
      <c r="JEI729" s="424"/>
      <c r="JEJ729" s="424"/>
      <c r="JEK729" s="423" t="s">
        <v>2795</v>
      </c>
      <c r="JEL729" s="424"/>
      <c r="JEM729" s="424"/>
      <c r="JEN729" s="424"/>
      <c r="JEO729" s="423" t="s">
        <v>2795</v>
      </c>
      <c r="JEP729" s="424"/>
      <c r="JEQ729" s="424"/>
      <c r="JER729" s="424"/>
      <c r="JES729" s="423" t="s">
        <v>2795</v>
      </c>
      <c r="JET729" s="424"/>
      <c r="JEU729" s="424"/>
      <c r="JEV729" s="424"/>
      <c r="JEW729" s="423" t="s">
        <v>2795</v>
      </c>
      <c r="JEX729" s="424"/>
      <c r="JEY729" s="424"/>
      <c r="JEZ729" s="424"/>
      <c r="JFA729" s="423" t="s">
        <v>2795</v>
      </c>
      <c r="JFB729" s="424"/>
      <c r="JFC729" s="424"/>
      <c r="JFD729" s="424"/>
      <c r="JFE729" s="423" t="s">
        <v>2795</v>
      </c>
      <c r="JFF729" s="424"/>
      <c r="JFG729" s="424"/>
      <c r="JFH729" s="424"/>
      <c r="JFI729" s="423" t="s">
        <v>2795</v>
      </c>
      <c r="JFJ729" s="424"/>
      <c r="JFK729" s="424"/>
      <c r="JFL729" s="424"/>
      <c r="JFM729" s="423" t="s">
        <v>2795</v>
      </c>
      <c r="JFN729" s="424"/>
      <c r="JFO729" s="424"/>
      <c r="JFP729" s="424"/>
      <c r="JFQ729" s="423" t="s">
        <v>2795</v>
      </c>
      <c r="JFR729" s="424"/>
      <c r="JFS729" s="424"/>
      <c r="JFT729" s="424"/>
      <c r="JFU729" s="423" t="s">
        <v>2795</v>
      </c>
      <c r="JFV729" s="424"/>
      <c r="JFW729" s="424"/>
      <c r="JFX729" s="424"/>
      <c r="JFY729" s="423" t="s">
        <v>2795</v>
      </c>
      <c r="JFZ729" s="424"/>
      <c r="JGA729" s="424"/>
      <c r="JGB729" s="424"/>
      <c r="JGC729" s="423" t="s">
        <v>2795</v>
      </c>
      <c r="JGD729" s="424"/>
      <c r="JGE729" s="424"/>
      <c r="JGF729" s="424"/>
      <c r="JGG729" s="423" t="s">
        <v>2795</v>
      </c>
      <c r="JGH729" s="424"/>
      <c r="JGI729" s="424"/>
      <c r="JGJ729" s="424"/>
      <c r="JGK729" s="423" t="s">
        <v>2795</v>
      </c>
      <c r="JGL729" s="424"/>
      <c r="JGM729" s="424"/>
      <c r="JGN729" s="424"/>
      <c r="JGO729" s="423" t="s">
        <v>2795</v>
      </c>
      <c r="JGP729" s="424"/>
      <c r="JGQ729" s="424"/>
      <c r="JGR729" s="424"/>
      <c r="JGS729" s="423" t="s">
        <v>2795</v>
      </c>
      <c r="JGT729" s="424"/>
      <c r="JGU729" s="424"/>
      <c r="JGV729" s="424"/>
      <c r="JGW729" s="423" t="s">
        <v>2795</v>
      </c>
      <c r="JGX729" s="424"/>
      <c r="JGY729" s="424"/>
      <c r="JGZ729" s="424"/>
      <c r="JHA729" s="423" t="s">
        <v>2795</v>
      </c>
      <c r="JHB729" s="424"/>
      <c r="JHC729" s="424"/>
      <c r="JHD729" s="424"/>
      <c r="JHE729" s="423" t="s">
        <v>2795</v>
      </c>
      <c r="JHF729" s="424"/>
      <c r="JHG729" s="424"/>
      <c r="JHH729" s="424"/>
      <c r="JHI729" s="423" t="s">
        <v>2795</v>
      </c>
      <c r="JHJ729" s="424"/>
      <c r="JHK729" s="424"/>
      <c r="JHL729" s="424"/>
      <c r="JHM729" s="423" t="s">
        <v>2795</v>
      </c>
      <c r="JHN729" s="424"/>
      <c r="JHO729" s="424"/>
      <c r="JHP729" s="424"/>
      <c r="JHQ729" s="423" t="s">
        <v>2795</v>
      </c>
      <c r="JHR729" s="424"/>
      <c r="JHS729" s="424"/>
      <c r="JHT729" s="424"/>
      <c r="JHU729" s="423" t="s">
        <v>2795</v>
      </c>
      <c r="JHV729" s="424"/>
      <c r="JHW729" s="424"/>
      <c r="JHX729" s="424"/>
      <c r="JHY729" s="423" t="s">
        <v>2795</v>
      </c>
      <c r="JHZ729" s="424"/>
      <c r="JIA729" s="424"/>
      <c r="JIB729" s="424"/>
      <c r="JIC729" s="423" t="s">
        <v>2795</v>
      </c>
      <c r="JID729" s="424"/>
      <c r="JIE729" s="424"/>
      <c r="JIF729" s="424"/>
      <c r="JIG729" s="423" t="s">
        <v>2795</v>
      </c>
      <c r="JIH729" s="424"/>
      <c r="JII729" s="424"/>
      <c r="JIJ729" s="424"/>
      <c r="JIK729" s="423" t="s">
        <v>2795</v>
      </c>
      <c r="JIL729" s="424"/>
      <c r="JIM729" s="424"/>
      <c r="JIN729" s="424"/>
      <c r="JIO729" s="423" t="s">
        <v>2795</v>
      </c>
      <c r="JIP729" s="424"/>
      <c r="JIQ729" s="424"/>
      <c r="JIR729" s="424"/>
      <c r="JIS729" s="423" t="s">
        <v>2795</v>
      </c>
      <c r="JIT729" s="424"/>
      <c r="JIU729" s="424"/>
      <c r="JIV729" s="424"/>
      <c r="JIW729" s="423" t="s">
        <v>2795</v>
      </c>
      <c r="JIX729" s="424"/>
      <c r="JIY729" s="424"/>
      <c r="JIZ729" s="424"/>
      <c r="JJA729" s="423" t="s">
        <v>2795</v>
      </c>
      <c r="JJB729" s="424"/>
      <c r="JJC729" s="424"/>
      <c r="JJD729" s="424"/>
      <c r="JJE729" s="423" t="s">
        <v>2795</v>
      </c>
      <c r="JJF729" s="424"/>
      <c r="JJG729" s="424"/>
      <c r="JJH729" s="424"/>
      <c r="JJI729" s="423" t="s">
        <v>2795</v>
      </c>
      <c r="JJJ729" s="424"/>
      <c r="JJK729" s="424"/>
      <c r="JJL729" s="424"/>
      <c r="JJM729" s="423" t="s">
        <v>2795</v>
      </c>
      <c r="JJN729" s="424"/>
      <c r="JJO729" s="424"/>
      <c r="JJP729" s="424"/>
      <c r="JJQ729" s="423" t="s">
        <v>2795</v>
      </c>
      <c r="JJR729" s="424"/>
      <c r="JJS729" s="424"/>
      <c r="JJT729" s="424"/>
      <c r="JJU729" s="423" t="s">
        <v>2795</v>
      </c>
      <c r="JJV729" s="424"/>
      <c r="JJW729" s="424"/>
      <c r="JJX729" s="424"/>
      <c r="JJY729" s="423" t="s">
        <v>2795</v>
      </c>
      <c r="JJZ729" s="424"/>
      <c r="JKA729" s="424"/>
      <c r="JKB729" s="424"/>
      <c r="JKC729" s="423" t="s">
        <v>2795</v>
      </c>
      <c r="JKD729" s="424"/>
      <c r="JKE729" s="424"/>
      <c r="JKF729" s="424"/>
      <c r="JKG729" s="423" t="s">
        <v>2795</v>
      </c>
      <c r="JKH729" s="424"/>
      <c r="JKI729" s="424"/>
      <c r="JKJ729" s="424"/>
      <c r="JKK729" s="423" t="s">
        <v>2795</v>
      </c>
      <c r="JKL729" s="424"/>
      <c r="JKM729" s="424"/>
      <c r="JKN729" s="424"/>
      <c r="JKO729" s="423" t="s">
        <v>2795</v>
      </c>
      <c r="JKP729" s="424"/>
      <c r="JKQ729" s="424"/>
      <c r="JKR729" s="424"/>
      <c r="JKS729" s="423" t="s">
        <v>2795</v>
      </c>
      <c r="JKT729" s="424"/>
      <c r="JKU729" s="424"/>
      <c r="JKV729" s="424"/>
      <c r="JKW729" s="423" t="s">
        <v>2795</v>
      </c>
      <c r="JKX729" s="424"/>
      <c r="JKY729" s="424"/>
      <c r="JKZ729" s="424"/>
      <c r="JLA729" s="423" t="s">
        <v>2795</v>
      </c>
      <c r="JLB729" s="424"/>
      <c r="JLC729" s="424"/>
      <c r="JLD729" s="424"/>
      <c r="JLE729" s="423" t="s">
        <v>2795</v>
      </c>
      <c r="JLF729" s="424"/>
      <c r="JLG729" s="424"/>
      <c r="JLH729" s="424"/>
      <c r="JLI729" s="423" t="s">
        <v>2795</v>
      </c>
      <c r="JLJ729" s="424"/>
      <c r="JLK729" s="424"/>
      <c r="JLL729" s="424"/>
      <c r="JLM729" s="423" t="s">
        <v>2795</v>
      </c>
      <c r="JLN729" s="424"/>
      <c r="JLO729" s="424"/>
      <c r="JLP729" s="424"/>
      <c r="JLQ729" s="423" t="s">
        <v>2795</v>
      </c>
      <c r="JLR729" s="424"/>
      <c r="JLS729" s="424"/>
      <c r="JLT729" s="424"/>
      <c r="JLU729" s="423" t="s">
        <v>2795</v>
      </c>
      <c r="JLV729" s="424"/>
      <c r="JLW729" s="424"/>
      <c r="JLX729" s="424"/>
      <c r="JLY729" s="423" t="s">
        <v>2795</v>
      </c>
      <c r="JLZ729" s="424"/>
      <c r="JMA729" s="424"/>
      <c r="JMB729" s="424"/>
      <c r="JMC729" s="423" t="s">
        <v>2795</v>
      </c>
      <c r="JMD729" s="424"/>
      <c r="JME729" s="424"/>
      <c r="JMF729" s="424"/>
      <c r="JMG729" s="423" t="s">
        <v>2795</v>
      </c>
      <c r="JMH729" s="424"/>
      <c r="JMI729" s="424"/>
      <c r="JMJ729" s="424"/>
      <c r="JMK729" s="423" t="s">
        <v>2795</v>
      </c>
      <c r="JML729" s="424"/>
      <c r="JMM729" s="424"/>
      <c r="JMN729" s="424"/>
      <c r="JMO729" s="423" t="s">
        <v>2795</v>
      </c>
      <c r="JMP729" s="424"/>
      <c r="JMQ729" s="424"/>
      <c r="JMR729" s="424"/>
      <c r="JMS729" s="423" t="s">
        <v>2795</v>
      </c>
      <c r="JMT729" s="424"/>
      <c r="JMU729" s="424"/>
      <c r="JMV729" s="424"/>
      <c r="JMW729" s="423" t="s">
        <v>2795</v>
      </c>
      <c r="JMX729" s="424"/>
      <c r="JMY729" s="424"/>
      <c r="JMZ729" s="424"/>
      <c r="JNA729" s="423" t="s">
        <v>2795</v>
      </c>
      <c r="JNB729" s="424"/>
      <c r="JNC729" s="424"/>
      <c r="JND729" s="424"/>
      <c r="JNE729" s="423" t="s">
        <v>2795</v>
      </c>
      <c r="JNF729" s="424"/>
      <c r="JNG729" s="424"/>
      <c r="JNH729" s="424"/>
      <c r="JNI729" s="423" t="s">
        <v>2795</v>
      </c>
      <c r="JNJ729" s="424"/>
      <c r="JNK729" s="424"/>
      <c r="JNL729" s="424"/>
      <c r="JNM729" s="423" t="s">
        <v>2795</v>
      </c>
      <c r="JNN729" s="424"/>
      <c r="JNO729" s="424"/>
      <c r="JNP729" s="424"/>
      <c r="JNQ729" s="423" t="s">
        <v>2795</v>
      </c>
      <c r="JNR729" s="424"/>
      <c r="JNS729" s="424"/>
      <c r="JNT729" s="424"/>
      <c r="JNU729" s="423" t="s">
        <v>2795</v>
      </c>
      <c r="JNV729" s="424"/>
      <c r="JNW729" s="424"/>
      <c r="JNX729" s="424"/>
      <c r="JNY729" s="423" t="s">
        <v>2795</v>
      </c>
      <c r="JNZ729" s="424"/>
      <c r="JOA729" s="424"/>
      <c r="JOB729" s="424"/>
      <c r="JOC729" s="423" t="s">
        <v>2795</v>
      </c>
      <c r="JOD729" s="424"/>
      <c r="JOE729" s="424"/>
      <c r="JOF729" s="424"/>
      <c r="JOG729" s="423" t="s">
        <v>2795</v>
      </c>
      <c r="JOH729" s="424"/>
      <c r="JOI729" s="424"/>
      <c r="JOJ729" s="424"/>
      <c r="JOK729" s="423" t="s">
        <v>2795</v>
      </c>
      <c r="JOL729" s="424"/>
      <c r="JOM729" s="424"/>
      <c r="JON729" s="424"/>
      <c r="JOO729" s="423" t="s">
        <v>2795</v>
      </c>
      <c r="JOP729" s="424"/>
      <c r="JOQ729" s="424"/>
      <c r="JOR729" s="424"/>
      <c r="JOS729" s="423" t="s">
        <v>2795</v>
      </c>
      <c r="JOT729" s="424"/>
      <c r="JOU729" s="424"/>
      <c r="JOV729" s="424"/>
      <c r="JOW729" s="423" t="s">
        <v>2795</v>
      </c>
      <c r="JOX729" s="424"/>
      <c r="JOY729" s="424"/>
      <c r="JOZ729" s="424"/>
      <c r="JPA729" s="423" t="s">
        <v>2795</v>
      </c>
      <c r="JPB729" s="424"/>
      <c r="JPC729" s="424"/>
      <c r="JPD729" s="424"/>
      <c r="JPE729" s="423" t="s">
        <v>2795</v>
      </c>
      <c r="JPF729" s="424"/>
      <c r="JPG729" s="424"/>
      <c r="JPH729" s="424"/>
      <c r="JPI729" s="423" t="s">
        <v>2795</v>
      </c>
      <c r="JPJ729" s="424"/>
      <c r="JPK729" s="424"/>
      <c r="JPL729" s="424"/>
      <c r="JPM729" s="423" t="s">
        <v>2795</v>
      </c>
      <c r="JPN729" s="424"/>
      <c r="JPO729" s="424"/>
      <c r="JPP729" s="424"/>
      <c r="JPQ729" s="423" t="s">
        <v>2795</v>
      </c>
      <c r="JPR729" s="424"/>
      <c r="JPS729" s="424"/>
      <c r="JPT729" s="424"/>
      <c r="JPU729" s="423" t="s">
        <v>2795</v>
      </c>
      <c r="JPV729" s="424"/>
      <c r="JPW729" s="424"/>
      <c r="JPX729" s="424"/>
      <c r="JPY729" s="423" t="s">
        <v>2795</v>
      </c>
      <c r="JPZ729" s="424"/>
      <c r="JQA729" s="424"/>
      <c r="JQB729" s="424"/>
      <c r="JQC729" s="423" t="s">
        <v>2795</v>
      </c>
      <c r="JQD729" s="424"/>
      <c r="JQE729" s="424"/>
      <c r="JQF729" s="424"/>
      <c r="JQG729" s="423" t="s">
        <v>2795</v>
      </c>
      <c r="JQH729" s="424"/>
      <c r="JQI729" s="424"/>
      <c r="JQJ729" s="424"/>
      <c r="JQK729" s="423" t="s">
        <v>2795</v>
      </c>
      <c r="JQL729" s="424"/>
      <c r="JQM729" s="424"/>
      <c r="JQN729" s="424"/>
      <c r="JQO729" s="423" t="s">
        <v>2795</v>
      </c>
      <c r="JQP729" s="424"/>
      <c r="JQQ729" s="424"/>
      <c r="JQR729" s="424"/>
      <c r="JQS729" s="423" t="s">
        <v>2795</v>
      </c>
      <c r="JQT729" s="424"/>
      <c r="JQU729" s="424"/>
      <c r="JQV729" s="424"/>
      <c r="JQW729" s="423" t="s">
        <v>2795</v>
      </c>
      <c r="JQX729" s="424"/>
      <c r="JQY729" s="424"/>
      <c r="JQZ729" s="424"/>
      <c r="JRA729" s="423" t="s">
        <v>2795</v>
      </c>
      <c r="JRB729" s="424"/>
      <c r="JRC729" s="424"/>
      <c r="JRD729" s="424"/>
      <c r="JRE729" s="423" t="s">
        <v>2795</v>
      </c>
      <c r="JRF729" s="424"/>
      <c r="JRG729" s="424"/>
      <c r="JRH729" s="424"/>
      <c r="JRI729" s="423" t="s">
        <v>2795</v>
      </c>
      <c r="JRJ729" s="424"/>
      <c r="JRK729" s="424"/>
      <c r="JRL729" s="424"/>
      <c r="JRM729" s="423" t="s">
        <v>2795</v>
      </c>
      <c r="JRN729" s="424"/>
      <c r="JRO729" s="424"/>
      <c r="JRP729" s="424"/>
      <c r="JRQ729" s="423" t="s">
        <v>2795</v>
      </c>
      <c r="JRR729" s="424"/>
      <c r="JRS729" s="424"/>
      <c r="JRT729" s="424"/>
      <c r="JRU729" s="423" t="s">
        <v>2795</v>
      </c>
      <c r="JRV729" s="424"/>
      <c r="JRW729" s="424"/>
      <c r="JRX729" s="424"/>
      <c r="JRY729" s="423" t="s">
        <v>2795</v>
      </c>
      <c r="JRZ729" s="424"/>
      <c r="JSA729" s="424"/>
      <c r="JSB729" s="424"/>
      <c r="JSC729" s="423" t="s">
        <v>2795</v>
      </c>
      <c r="JSD729" s="424"/>
      <c r="JSE729" s="424"/>
      <c r="JSF729" s="424"/>
      <c r="JSG729" s="423" t="s">
        <v>2795</v>
      </c>
      <c r="JSH729" s="424"/>
      <c r="JSI729" s="424"/>
      <c r="JSJ729" s="424"/>
      <c r="JSK729" s="423" t="s">
        <v>2795</v>
      </c>
      <c r="JSL729" s="424"/>
      <c r="JSM729" s="424"/>
      <c r="JSN729" s="424"/>
      <c r="JSO729" s="423" t="s">
        <v>2795</v>
      </c>
      <c r="JSP729" s="424"/>
      <c r="JSQ729" s="424"/>
      <c r="JSR729" s="424"/>
      <c r="JSS729" s="423" t="s">
        <v>2795</v>
      </c>
      <c r="JST729" s="424"/>
      <c r="JSU729" s="424"/>
      <c r="JSV729" s="424"/>
      <c r="JSW729" s="423" t="s">
        <v>2795</v>
      </c>
      <c r="JSX729" s="424"/>
      <c r="JSY729" s="424"/>
      <c r="JSZ729" s="424"/>
      <c r="JTA729" s="423" t="s">
        <v>2795</v>
      </c>
      <c r="JTB729" s="424"/>
      <c r="JTC729" s="424"/>
      <c r="JTD729" s="424"/>
      <c r="JTE729" s="423" t="s">
        <v>2795</v>
      </c>
      <c r="JTF729" s="424"/>
      <c r="JTG729" s="424"/>
      <c r="JTH729" s="424"/>
      <c r="JTI729" s="423" t="s">
        <v>2795</v>
      </c>
      <c r="JTJ729" s="424"/>
      <c r="JTK729" s="424"/>
      <c r="JTL729" s="424"/>
      <c r="JTM729" s="423" t="s">
        <v>2795</v>
      </c>
      <c r="JTN729" s="424"/>
      <c r="JTO729" s="424"/>
      <c r="JTP729" s="424"/>
      <c r="JTQ729" s="423" t="s">
        <v>2795</v>
      </c>
      <c r="JTR729" s="424"/>
      <c r="JTS729" s="424"/>
      <c r="JTT729" s="424"/>
      <c r="JTU729" s="423" t="s">
        <v>2795</v>
      </c>
      <c r="JTV729" s="424"/>
      <c r="JTW729" s="424"/>
      <c r="JTX729" s="424"/>
      <c r="JTY729" s="423" t="s">
        <v>2795</v>
      </c>
      <c r="JTZ729" s="424"/>
      <c r="JUA729" s="424"/>
      <c r="JUB729" s="424"/>
      <c r="JUC729" s="423" t="s">
        <v>2795</v>
      </c>
      <c r="JUD729" s="424"/>
      <c r="JUE729" s="424"/>
      <c r="JUF729" s="424"/>
      <c r="JUG729" s="423" t="s">
        <v>2795</v>
      </c>
      <c r="JUH729" s="424"/>
      <c r="JUI729" s="424"/>
      <c r="JUJ729" s="424"/>
      <c r="JUK729" s="423" t="s">
        <v>2795</v>
      </c>
      <c r="JUL729" s="424"/>
      <c r="JUM729" s="424"/>
      <c r="JUN729" s="424"/>
      <c r="JUO729" s="423" t="s">
        <v>2795</v>
      </c>
      <c r="JUP729" s="424"/>
      <c r="JUQ729" s="424"/>
      <c r="JUR729" s="424"/>
      <c r="JUS729" s="423" t="s">
        <v>2795</v>
      </c>
      <c r="JUT729" s="424"/>
      <c r="JUU729" s="424"/>
      <c r="JUV729" s="424"/>
      <c r="JUW729" s="423" t="s">
        <v>2795</v>
      </c>
      <c r="JUX729" s="424"/>
      <c r="JUY729" s="424"/>
      <c r="JUZ729" s="424"/>
      <c r="JVA729" s="423" t="s">
        <v>2795</v>
      </c>
      <c r="JVB729" s="424"/>
      <c r="JVC729" s="424"/>
      <c r="JVD729" s="424"/>
      <c r="JVE729" s="423" t="s">
        <v>2795</v>
      </c>
      <c r="JVF729" s="424"/>
      <c r="JVG729" s="424"/>
      <c r="JVH729" s="424"/>
      <c r="JVI729" s="423" t="s">
        <v>2795</v>
      </c>
      <c r="JVJ729" s="424"/>
      <c r="JVK729" s="424"/>
      <c r="JVL729" s="424"/>
      <c r="JVM729" s="423" t="s">
        <v>2795</v>
      </c>
      <c r="JVN729" s="424"/>
      <c r="JVO729" s="424"/>
      <c r="JVP729" s="424"/>
      <c r="JVQ729" s="423" t="s">
        <v>2795</v>
      </c>
      <c r="JVR729" s="424"/>
      <c r="JVS729" s="424"/>
      <c r="JVT729" s="424"/>
      <c r="JVU729" s="423" t="s">
        <v>2795</v>
      </c>
      <c r="JVV729" s="424"/>
      <c r="JVW729" s="424"/>
      <c r="JVX729" s="424"/>
      <c r="JVY729" s="423" t="s">
        <v>2795</v>
      </c>
      <c r="JVZ729" s="424"/>
      <c r="JWA729" s="424"/>
      <c r="JWB729" s="424"/>
      <c r="JWC729" s="423" t="s">
        <v>2795</v>
      </c>
      <c r="JWD729" s="424"/>
      <c r="JWE729" s="424"/>
      <c r="JWF729" s="424"/>
      <c r="JWG729" s="423" t="s">
        <v>2795</v>
      </c>
      <c r="JWH729" s="424"/>
      <c r="JWI729" s="424"/>
      <c r="JWJ729" s="424"/>
      <c r="JWK729" s="423" t="s">
        <v>2795</v>
      </c>
      <c r="JWL729" s="424"/>
      <c r="JWM729" s="424"/>
      <c r="JWN729" s="424"/>
      <c r="JWO729" s="423" t="s">
        <v>2795</v>
      </c>
      <c r="JWP729" s="424"/>
      <c r="JWQ729" s="424"/>
      <c r="JWR729" s="424"/>
      <c r="JWS729" s="423" t="s">
        <v>2795</v>
      </c>
      <c r="JWT729" s="424"/>
      <c r="JWU729" s="424"/>
      <c r="JWV729" s="424"/>
      <c r="JWW729" s="423" t="s">
        <v>2795</v>
      </c>
      <c r="JWX729" s="424"/>
      <c r="JWY729" s="424"/>
      <c r="JWZ729" s="424"/>
      <c r="JXA729" s="423" t="s">
        <v>2795</v>
      </c>
      <c r="JXB729" s="424"/>
      <c r="JXC729" s="424"/>
      <c r="JXD729" s="424"/>
      <c r="JXE729" s="423" t="s">
        <v>2795</v>
      </c>
      <c r="JXF729" s="424"/>
      <c r="JXG729" s="424"/>
      <c r="JXH729" s="424"/>
      <c r="JXI729" s="423" t="s">
        <v>2795</v>
      </c>
      <c r="JXJ729" s="424"/>
      <c r="JXK729" s="424"/>
      <c r="JXL729" s="424"/>
      <c r="JXM729" s="423" t="s">
        <v>2795</v>
      </c>
      <c r="JXN729" s="424"/>
      <c r="JXO729" s="424"/>
      <c r="JXP729" s="424"/>
      <c r="JXQ729" s="423" t="s">
        <v>2795</v>
      </c>
      <c r="JXR729" s="424"/>
      <c r="JXS729" s="424"/>
      <c r="JXT729" s="424"/>
      <c r="JXU729" s="423" t="s">
        <v>2795</v>
      </c>
      <c r="JXV729" s="424"/>
      <c r="JXW729" s="424"/>
      <c r="JXX729" s="424"/>
      <c r="JXY729" s="423" t="s">
        <v>2795</v>
      </c>
      <c r="JXZ729" s="424"/>
      <c r="JYA729" s="424"/>
      <c r="JYB729" s="424"/>
      <c r="JYC729" s="423" t="s">
        <v>2795</v>
      </c>
      <c r="JYD729" s="424"/>
      <c r="JYE729" s="424"/>
      <c r="JYF729" s="424"/>
      <c r="JYG729" s="423" t="s">
        <v>2795</v>
      </c>
      <c r="JYH729" s="424"/>
      <c r="JYI729" s="424"/>
      <c r="JYJ729" s="424"/>
      <c r="JYK729" s="423" t="s">
        <v>2795</v>
      </c>
      <c r="JYL729" s="424"/>
      <c r="JYM729" s="424"/>
      <c r="JYN729" s="424"/>
      <c r="JYO729" s="423" t="s">
        <v>2795</v>
      </c>
      <c r="JYP729" s="424"/>
      <c r="JYQ729" s="424"/>
      <c r="JYR729" s="424"/>
      <c r="JYS729" s="423" t="s">
        <v>2795</v>
      </c>
      <c r="JYT729" s="424"/>
      <c r="JYU729" s="424"/>
      <c r="JYV729" s="424"/>
      <c r="JYW729" s="423" t="s">
        <v>2795</v>
      </c>
      <c r="JYX729" s="424"/>
      <c r="JYY729" s="424"/>
      <c r="JYZ729" s="424"/>
      <c r="JZA729" s="423" t="s">
        <v>2795</v>
      </c>
      <c r="JZB729" s="424"/>
      <c r="JZC729" s="424"/>
      <c r="JZD729" s="424"/>
      <c r="JZE729" s="423" t="s">
        <v>2795</v>
      </c>
      <c r="JZF729" s="424"/>
      <c r="JZG729" s="424"/>
      <c r="JZH729" s="424"/>
      <c r="JZI729" s="423" t="s">
        <v>2795</v>
      </c>
      <c r="JZJ729" s="424"/>
      <c r="JZK729" s="424"/>
      <c r="JZL729" s="424"/>
      <c r="JZM729" s="423" t="s">
        <v>2795</v>
      </c>
      <c r="JZN729" s="424"/>
      <c r="JZO729" s="424"/>
      <c r="JZP729" s="424"/>
      <c r="JZQ729" s="423" t="s">
        <v>2795</v>
      </c>
      <c r="JZR729" s="424"/>
      <c r="JZS729" s="424"/>
      <c r="JZT729" s="424"/>
      <c r="JZU729" s="423" t="s">
        <v>2795</v>
      </c>
      <c r="JZV729" s="424"/>
      <c r="JZW729" s="424"/>
      <c r="JZX729" s="424"/>
      <c r="JZY729" s="423" t="s">
        <v>2795</v>
      </c>
      <c r="JZZ729" s="424"/>
      <c r="KAA729" s="424"/>
      <c r="KAB729" s="424"/>
      <c r="KAC729" s="423" t="s">
        <v>2795</v>
      </c>
      <c r="KAD729" s="424"/>
      <c r="KAE729" s="424"/>
      <c r="KAF729" s="424"/>
      <c r="KAG729" s="423" t="s">
        <v>2795</v>
      </c>
      <c r="KAH729" s="424"/>
      <c r="KAI729" s="424"/>
      <c r="KAJ729" s="424"/>
      <c r="KAK729" s="423" t="s">
        <v>2795</v>
      </c>
      <c r="KAL729" s="424"/>
      <c r="KAM729" s="424"/>
      <c r="KAN729" s="424"/>
      <c r="KAO729" s="423" t="s">
        <v>2795</v>
      </c>
      <c r="KAP729" s="424"/>
      <c r="KAQ729" s="424"/>
      <c r="KAR729" s="424"/>
      <c r="KAS729" s="423" t="s">
        <v>2795</v>
      </c>
      <c r="KAT729" s="424"/>
      <c r="KAU729" s="424"/>
      <c r="KAV729" s="424"/>
      <c r="KAW729" s="423" t="s">
        <v>2795</v>
      </c>
      <c r="KAX729" s="424"/>
      <c r="KAY729" s="424"/>
      <c r="KAZ729" s="424"/>
      <c r="KBA729" s="423" t="s">
        <v>2795</v>
      </c>
      <c r="KBB729" s="424"/>
      <c r="KBC729" s="424"/>
      <c r="KBD729" s="424"/>
      <c r="KBE729" s="423" t="s">
        <v>2795</v>
      </c>
      <c r="KBF729" s="424"/>
      <c r="KBG729" s="424"/>
      <c r="KBH729" s="424"/>
      <c r="KBI729" s="423" t="s">
        <v>2795</v>
      </c>
      <c r="KBJ729" s="424"/>
      <c r="KBK729" s="424"/>
      <c r="KBL729" s="424"/>
      <c r="KBM729" s="423" t="s">
        <v>2795</v>
      </c>
      <c r="KBN729" s="424"/>
      <c r="KBO729" s="424"/>
      <c r="KBP729" s="424"/>
      <c r="KBQ729" s="423" t="s">
        <v>2795</v>
      </c>
      <c r="KBR729" s="424"/>
      <c r="KBS729" s="424"/>
      <c r="KBT729" s="424"/>
      <c r="KBU729" s="423" t="s">
        <v>2795</v>
      </c>
      <c r="KBV729" s="424"/>
      <c r="KBW729" s="424"/>
      <c r="KBX729" s="424"/>
      <c r="KBY729" s="423" t="s">
        <v>2795</v>
      </c>
      <c r="KBZ729" s="424"/>
      <c r="KCA729" s="424"/>
      <c r="KCB729" s="424"/>
      <c r="KCC729" s="423" t="s">
        <v>2795</v>
      </c>
      <c r="KCD729" s="424"/>
      <c r="KCE729" s="424"/>
      <c r="KCF729" s="424"/>
      <c r="KCG729" s="423" t="s">
        <v>2795</v>
      </c>
      <c r="KCH729" s="424"/>
      <c r="KCI729" s="424"/>
      <c r="KCJ729" s="424"/>
      <c r="KCK729" s="423" t="s">
        <v>2795</v>
      </c>
      <c r="KCL729" s="424"/>
      <c r="KCM729" s="424"/>
      <c r="KCN729" s="424"/>
      <c r="KCO729" s="423" t="s">
        <v>2795</v>
      </c>
      <c r="KCP729" s="424"/>
      <c r="KCQ729" s="424"/>
      <c r="KCR729" s="424"/>
      <c r="KCS729" s="423" t="s">
        <v>2795</v>
      </c>
      <c r="KCT729" s="424"/>
      <c r="KCU729" s="424"/>
      <c r="KCV729" s="424"/>
      <c r="KCW729" s="423" t="s">
        <v>2795</v>
      </c>
      <c r="KCX729" s="424"/>
      <c r="KCY729" s="424"/>
      <c r="KCZ729" s="424"/>
      <c r="KDA729" s="423" t="s">
        <v>2795</v>
      </c>
      <c r="KDB729" s="424"/>
      <c r="KDC729" s="424"/>
      <c r="KDD729" s="424"/>
      <c r="KDE729" s="423" t="s">
        <v>2795</v>
      </c>
      <c r="KDF729" s="424"/>
      <c r="KDG729" s="424"/>
      <c r="KDH729" s="424"/>
      <c r="KDI729" s="423" t="s">
        <v>2795</v>
      </c>
      <c r="KDJ729" s="424"/>
      <c r="KDK729" s="424"/>
      <c r="KDL729" s="424"/>
      <c r="KDM729" s="423" t="s">
        <v>2795</v>
      </c>
      <c r="KDN729" s="424"/>
      <c r="KDO729" s="424"/>
      <c r="KDP729" s="424"/>
      <c r="KDQ729" s="423" t="s">
        <v>2795</v>
      </c>
      <c r="KDR729" s="424"/>
      <c r="KDS729" s="424"/>
      <c r="KDT729" s="424"/>
      <c r="KDU729" s="423" t="s">
        <v>2795</v>
      </c>
      <c r="KDV729" s="424"/>
      <c r="KDW729" s="424"/>
      <c r="KDX729" s="424"/>
      <c r="KDY729" s="423" t="s">
        <v>2795</v>
      </c>
      <c r="KDZ729" s="424"/>
      <c r="KEA729" s="424"/>
      <c r="KEB729" s="424"/>
      <c r="KEC729" s="423" t="s">
        <v>2795</v>
      </c>
      <c r="KED729" s="424"/>
      <c r="KEE729" s="424"/>
      <c r="KEF729" s="424"/>
      <c r="KEG729" s="423" t="s">
        <v>2795</v>
      </c>
      <c r="KEH729" s="424"/>
      <c r="KEI729" s="424"/>
      <c r="KEJ729" s="424"/>
      <c r="KEK729" s="423" t="s">
        <v>2795</v>
      </c>
      <c r="KEL729" s="424"/>
      <c r="KEM729" s="424"/>
      <c r="KEN729" s="424"/>
      <c r="KEO729" s="423" t="s">
        <v>2795</v>
      </c>
      <c r="KEP729" s="424"/>
      <c r="KEQ729" s="424"/>
      <c r="KER729" s="424"/>
      <c r="KES729" s="423" t="s">
        <v>2795</v>
      </c>
      <c r="KET729" s="424"/>
      <c r="KEU729" s="424"/>
      <c r="KEV729" s="424"/>
      <c r="KEW729" s="423" t="s">
        <v>2795</v>
      </c>
      <c r="KEX729" s="424"/>
      <c r="KEY729" s="424"/>
      <c r="KEZ729" s="424"/>
      <c r="KFA729" s="423" t="s">
        <v>2795</v>
      </c>
      <c r="KFB729" s="424"/>
      <c r="KFC729" s="424"/>
      <c r="KFD729" s="424"/>
      <c r="KFE729" s="423" t="s">
        <v>2795</v>
      </c>
      <c r="KFF729" s="424"/>
      <c r="KFG729" s="424"/>
      <c r="KFH729" s="424"/>
      <c r="KFI729" s="423" t="s">
        <v>2795</v>
      </c>
      <c r="KFJ729" s="424"/>
      <c r="KFK729" s="424"/>
      <c r="KFL729" s="424"/>
      <c r="KFM729" s="423" t="s">
        <v>2795</v>
      </c>
      <c r="KFN729" s="424"/>
      <c r="KFO729" s="424"/>
      <c r="KFP729" s="424"/>
      <c r="KFQ729" s="423" t="s">
        <v>2795</v>
      </c>
      <c r="KFR729" s="424"/>
      <c r="KFS729" s="424"/>
      <c r="KFT729" s="424"/>
      <c r="KFU729" s="423" t="s">
        <v>2795</v>
      </c>
      <c r="KFV729" s="424"/>
      <c r="KFW729" s="424"/>
      <c r="KFX729" s="424"/>
      <c r="KFY729" s="423" t="s">
        <v>2795</v>
      </c>
      <c r="KFZ729" s="424"/>
      <c r="KGA729" s="424"/>
      <c r="KGB729" s="424"/>
      <c r="KGC729" s="423" t="s">
        <v>2795</v>
      </c>
      <c r="KGD729" s="424"/>
      <c r="KGE729" s="424"/>
      <c r="KGF729" s="424"/>
      <c r="KGG729" s="423" t="s">
        <v>2795</v>
      </c>
      <c r="KGH729" s="424"/>
      <c r="KGI729" s="424"/>
      <c r="KGJ729" s="424"/>
      <c r="KGK729" s="423" t="s">
        <v>2795</v>
      </c>
      <c r="KGL729" s="424"/>
      <c r="KGM729" s="424"/>
      <c r="KGN729" s="424"/>
      <c r="KGO729" s="423" t="s">
        <v>2795</v>
      </c>
      <c r="KGP729" s="424"/>
      <c r="KGQ729" s="424"/>
      <c r="KGR729" s="424"/>
      <c r="KGS729" s="423" t="s">
        <v>2795</v>
      </c>
      <c r="KGT729" s="424"/>
      <c r="KGU729" s="424"/>
      <c r="KGV729" s="424"/>
      <c r="KGW729" s="423" t="s">
        <v>2795</v>
      </c>
      <c r="KGX729" s="424"/>
      <c r="KGY729" s="424"/>
      <c r="KGZ729" s="424"/>
      <c r="KHA729" s="423" t="s">
        <v>2795</v>
      </c>
      <c r="KHB729" s="424"/>
      <c r="KHC729" s="424"/>
      <c r="KHD729" s="424"/>
      <c r="KHE729" s="423" t="s">
        <v>2795</v>
      </c>
      <c r="KHF729" s="424"/>
      <c r="KHG729" s="424"/>
      <c r="KHH729" s="424"/>
      <c r="KHI729" s="423" t="s">
        <v>2795</v>
      </c>
      <c r="KHJ729" s="424"/>
      <c r="KHK729" s="424"/>
      <c r="KHL729" s="424"/>
      <c r="KHM729" s="423" t="s">
        <v>2795</v>
      </c>
      <c r="KHN729" s="424"/>
      <c r="KHO729" s="424"/>
      <c r="KHP729" s="424"/>
      <c r="KHQ729" s="423" t="s">
        <v>2795</v>
      </c>
      <c r="KHR729" s="424"/>
      <c r="KHS729" s="424"/>
      <c r="KHT729" s="424"/>
      <c r="KHU729" s="423" t="s">
        <v>2795</v>
      </c>
      <c r="KHV729" s="424"/>
      <c r="KHW729" s="424"/>
      <c r="KHX729" s="424"/>
      <c r="KHY729" s="423" t="s">
        <v>2795</v>
      </c>
      <c r="KHZ729" s="424"/>
      <c r="KIA729" s="424"/>
      <c r="KIB729" s="424"/>
      <c r="KIC729" s="423" t="s">
        <v>2795</v>
      </c>
      <c r="KID729" s="424"/>
      <c r="KIE729" s="424"/>
      <c r="KIF729" s="424"/>
      <c r="KIG729" s="423" t="s">
        <v>2795</v>
      </c>
      <c r="KIH729" s="424"/>
      <c r="KII729" s="424"/>
      <c r="KIJ729" s="424"/>
      <c r="KIK729" s="423" t="s">
        <v>2795</v>
      </c>
      <c r="KIL729" s="424"/>
      <c r="KIM729" s="424"/>
      <c r="KIN729" s="424"/>
      <c r="KIO729" s="423" t="s">
        <v>2795</v>
      </c>
      <c r="KIP729" s="424"/>
      <c r="KIQ729" s="424"/>
      <c r="KIR729" s="424"/>
      <c r="KIS729" s="423" t="s">
        <v>2795</v>
      </c>
      <c r="KIT729" s="424"/>
      <c r="KIU729" s="424"/>
      <c r="KIV729" s="424"/>
      <c r="KIW729" s="423" t="s">
        <v>2795</v>
      </c>
      <c r="KIX729" s="424"/>
      <c r="KIY729" s="424"/>
      <c r="KIZ729" s="424"/>
      <c r="KJA729" s="423" t="s">
        <v>2795</v>
      </c>
      <c r="KJB729" s="424"/>
      <c r="KJC729" s="424"/>
      <c r="KJD729" s="424"/>
      <c r="KJE729" s="423" t="s">
        <v>2795</v>
      </c>
      <c r="KJF729" s="424"/>
      <c r="KJG729" s="424"/>
      <c r="KJH729" s="424"/>
      <c r="KJI729" s="423" t="s">
        <v>2795</v>
      </c>
      <c r="KJJ729" s="424"/>
      <c r="KJK729" s="424"/>
      <c r="KJL729" s="424"/>
      <c r="KJM729" s="423" t="s">
        <v>2795</v>
      </c>
      <c r="KJN729" s="424"/>
      <c r="KJO729" s="424"/>
      <c r="KJP729" s="424"/>
      <c r="KJQ729" s="423" t="s">
        <v>2795</v>
      </c>
      <c r="KJR729" s="424"/>
      <c r="KJS729" s="424"/>
      <c r="KJT729" s="424"/>
      <c r="KJU729" s="423" t="s">
        <v>2795</v>
      </c>
      <c r="KJV729" s="424"/>
      <c r="KJW729" s="424"/>
      <c r="KJX729" s="424"/>
      <c r="KJY729" s="423" t="s">
        <v>2795</v>
      </c>
      <c r="KJZ729" s="424"/>
      <c r="KKA729" s="424"/>
      <c r="KKB729" s="424"/>
      <c r="KKC729" s="423" t="s">
        <v>2795</v>
      </c>
      <c r="KKD729" s="424"/>
      <c r="KKE729" s="424"/>
      <c r="KKF729" s="424"/>
      <c r="KKG729" s="423" t="s">
        <v>2795</v>
      </c>
      <c r="KKH729" s="424"/>
      <c r="KKI729" s="424"/>
      <c r="KKJ729" s="424"/>
      <c r="KKK729" s="423" t="s">
        <v>2795</v>
      </c>
      <c r="KKL729" s="424"/>
      <c r="KKM729" s="424"/>
      <c r="KKN729" s="424"/>
      <c r="KKO729" s="423" t="s">
        <v>2795</v>
      </c>
      <c r="KKP729" s="424"/>
      <c r="KKQ729" s="424"/>
      <c r="KKR729" s="424"/>
      <c r="KKS729" s="423" t="s">
        <v>2795</v>
      </c>
      <c r="KKT729" s="424"/>
      <c r="KKU729" s="424"/>
      <c r="KKV729" s="424"/>
      <c r="KKW729" s="423" t="s">
        <v>2795</v>
      </c>
      <c r="KKX729" s="424"/>
      <c r="KKY729" s="424"/>
      <c r="KKZ729" s="424"/>
      <c r="KLA729" s="423" t="s">
        <v>2795</v>
      </c>
      <c r="KLB729" s="424"/>
      <c r="KLC729" s="424"/>
      <c r="KLD729" s="424"/>
      <c r="KLE729" s="423" t="s">
        <v>2795</v>
      </c>
      <c r="KLF729" s="424"/>
      <c r="KLG729" s="424"/>
      <c r="KLH729" s="424"/>
      <c r="KLI729" s="423" t="s">
        <v>2795</v>
      </c>
      <c r="KLJ729" s="424"/>
      <c r="KLK729" s="424"/>
      <c r="KLL729" s="424"/>
      <c r="KLM729" s="423" t="s">
        <v>2795</v>
      </c>
      <c r="KLN729" s="424"/>
      <c r="KLO729" s="424"/>
      <c r="KLP729" s="424"/>
      <c r="KLQ729" s="423" t="s">
        <v>2795</v>
      </c>
      <c r="KLR729" s="424"/>
      <c r="KLS729" s="424"/>
      <c r="KLT729" s="424"/>
      <c r="KLU729" s="423" t="s">
        <v>2795</v>
      </c>
      <c r="KLV729" s="424"/>
      <c r="KLW729" s="424"/>
      <c r="KLX729" s="424"/>
      <c r="KLY729" s="423" t="s">
        <v>2795</v>
      </c>
      <c r="KLZ729" s="424"/>
      <c r="KMA729" s="424"/>
      <c r="KMB729" s="424"/>
      <c r="KMC729" s="423" t="s">
        <v>2795</v>
      </c>
      <c r="KMD729" s="424"/>
      <c r="KME729" s="424"/>
      <c r="KMF729" s="424"/>
      <c r="KMG729" s="423" t="s">
        <v>2795</v>
      </c>
      <c r="KMH729" s="424"/>
      <c r="KMI729" s="424"/>
      <c r="KMJ729" s="424"/>
      <c r="KMK729" s="423" t="s">
        <v>2795</v>
      </c>
      <c r="KML729" s="424"/>
      <c r="KMM729" s="424"/>
      <c r="KMN729" s="424"/>
      <c r="KMO729" s="423" t="s">
        <v>2795</v>
      </c>
      <c r="KMP729" s="424"/>
      <c r="KMQ729" s="424"/>
      <c r="KMR729" s="424"/>
      <c r="KMS729" s="423" t="s">
        <v>2795</v>
      </c>
      <c r="KMT729" s="424"/>
      <c r="KMU729" s="424"/>
      <c r="KMV729" s="424"/>
      <c r="KMW729" s="423" t="s">
        <v>2795</v>
      </c>
      <c r="KMX729" s="424"/>
      <c r="KMY729" s="424"/>
      <c r="KMZ729" s="424"/>
      <c r="KNA729" s="423" t="s">
        <v>2795</v>
      </c>
      <c r="KNB729" s="424"/>
      <c r="KNC729" s="424"/>
      <c r="KND729" s="424"/>
      <c r="KNE729" s="423" t="s">
        <v>2795</v>
      </c>
      <c r="KNF729" s="424"/>
      <c r="KNG729" s="424"/>
      <c r="KNH729" s="424"/>
      <c r="KNI729" s="423" t="s">
        <v>2795</v>
      </c>
      <c r="KNJ729" s="424"/>
      <c r="KNK729" s="424"/>
      <c r="KNL729" s="424"/>
      <c r="KNM729" s="423" t="s">
        <v>2795</v>
      </c>
      <c r="KNN729" s="424"/>
      <c r="KNO729" s="424"/>
      <c r="KNP729" s="424"/>
      <c r="KNQ729" s="423" t="s">
        <v>2795</v>
      </c>
      <c r="KNR729" s="424"/>
      <c r="KNS729" s="424"/>
      <c r="KNT729" s="424"/>
      <c r="KNU729" s="423" t="s">
        <v>2795</v>
      </c>
      <c r="KNV729" s="424"/>
      <c r="KNW729" s="424"/>
      <c r="KNX729" s="424"/>
      <c r="KNY729" s="423" t="s">
        <v>2795</v>
      </c>
      <c r="KNZ729" s="424"/>
      <c r="KOA729" s="424"/>
      <c r="KOB729" s="424"/>
      <c r="KOC729" s="423" t="s">
        <v>2795</v>
      </c>
      <c r="KOD729" s="424"/>
      <c r="KOE729" s="424"/>
      <c r="KOF729" s="424"/>
      <c r="KOG729" s="423" t="s">
        <v>2795</v>
      </c>
      <c r="KOH729" s="424"/>
      <c r="KOI729" s="424"/>
      <c r="KOJ729" s="424"/>
      <c r="KOK729" s="423" t="s">
        <v>2795</v>
      </c>
      <c r="KOL729" s="424"/>
      <c r="KOM729" s="424"/>
      <c r="KON729" s="424"/>
      <c r="KOO729" s="423" t="s">
        <v>2795</v>
      </c>
      <c r="KOP729" s="424"/>
      <c r="KOQ729" s="424"/>
      <c r="KOR729" s="424"/>
      <c r="KOS729" s="423" t="s">
        <v>2795</v>
      </c>
      <c r="KOT729" s="424"/>
      <c r="KOU729" s="424"/>
      <c r="KOV729" s="424"/>
      <c r="KOW729" s="423" t="s">
        <v>2795</v>
      </c>
      <c r="KOX729" s="424"/>
      <c r="KOY729" s="424"/>
      <c r="KOZ729" s="424"/>
      <c r="KPA729" s="423" t="s">
        <v>2795</v>
      </c>
      <c r="KPB729" s="424"/>
      <c r="KPC729" s="424"/>
      <c r="KPD729" s="424"/>
      <c r="KPE729" s="423" t="s">
        <v>2795</v>
      </c>
      <c r="KPF729" s="424"/>
      <c r="KPG729" s="424"/>
      <c r="KPH729" s="424"/>
      <c r="KPI729" s="423" t="s">
        <v>2795</v>
      </c>
      <c r="KPJ729" s="424"/>
      <c r="KPK729" s="424"/>
      <c r="KPL729" s="424"/>
      <c r="KPM729" s="423" t="s">
        <v>2795</v>
      </c>
      <c r="KPN729" s="424"/>
      <c r="KPO729" s="424"/>
      <c r="KPP729" s="424"/>
      <c r="KPQ729" s="423" t="s">
        <v>2795</v>
      </c>
      <c r="KPR729" s="424"/>
      <c r="KPS729" s="424"/>
      <c r="KPT729" s="424"/>
      <c r="KPU729" s="423" t="s">
        <v>2795</v>
      </c>
      <c r="KPV729" s="424"/>
      <c r="KPW729" s="424"/>
      <c r="KPX729" s="424"/>
      <c r="KPY729" s="423" t="s">
        <v>2795</v>
      </c>
      <c r="KPZ729" s="424"/>
      <c r="KQA729" s="424"/>
      <c r="KQB729" s="424"/>
      <c r="KQC729" s="423" t="s">
        <v>2795</v>
      </c>
      <c r="KQD729" s="424"/>
      <c r="KQE729" s="424"/>
      <c r="KQF729" s="424"/>
      <c r="KQG729" s="423" t="s">
        <v>2795</v>
      </c>
      <c r="KQH729" s="424"/>
      <c r="KQI729" s="424"/>
      <c r="KQJ729" s="424"/>
      <c r="KQK729" s="423" t="s">
        <v>2795</v>
      </c>
      <c r="KQL729" s="424"/>
      <c r="KQM729" s="424"/>
      <c r="KQN729" s="424"/>
      <c r="KQO729" s="423" t="s">
        <v>2795</v>
      </c>
      <c r="KQP729" s="424"/>
      <c r="KQQ729" s="424"/>
      <c r="KQR729" s="424"/>
      <c r="KQS729" s="423" t="s">
        <v>2795</v>
      </c>
      <c r="KQT729" s="424"/>
      <c r="KQU729" s="424"/>
      <c r="KQV729" s="424"/>
      <c r="KQW729" s="423" t="s">
        <v>2795</v>
      </c>
      <c r="KQX729" s="424"/>
      <c r="KQY729" s="424"/>
      <c r="KQZ729" s="424"/>
      <c r="KRA729" s="423" t="s">
        <v>2795</v>
      </c>
      <c r="KRB729" s="424"/>
      <c r="KRC729" s="424"/>
      <c r="KRD729" s="424"/>
      <c r="KRE729" s="423" t="s">
        <v>2795</v>
      </c>
      <c r="KRF729" s="424"/>
      <c r="KRG729" s="424"/>
      <c r="KRH729" s="424"/>
      <c r="KRI729" s="423" t="s">
        <v>2795</v>
      </c>
      <c r="KRJ729" s="424"/>
      <c r="KRK729" s="424"/>
      <c r="KRL729" s="424"/>
      <c r="KRM729" s="423" t="s">
        <v>2795</v>
      </c>
      <c r="KRN729" s="424"/>
      <c r="KRO729" s="424"/>
      <c r="KRP729" s="424"/>
      <c r="KRQ729" s="423" t="s">
        <v>2795</v>
      </c>
      <c r="KRR729" s="424"/>
      <c r="KRS729" s="424"/>
      <c r="KRT729" s="424"/>
      <c r="KRU729" s="423" t="s">
        <v>2795</v>
      </c>
      <c r="KRV729" s="424"/>
      <c r="KRW729" s="424"/>
      <c r="KRX729" s="424"/>
      <c r="KRY729" s="423" t="s">
        <v>2795</v>
      </c>
      <c r="KRZ729" s="424"/>
      <c r="KSA729" s="424"/>
      <c r="KSB729" s="424"/>
      <c r="KSC729" s="423" t="s">
        <v>2795</v>
      </c>
      <c r="KSD729" s="424"/>
      <c r="KSE729" s="424"/>
      <c r="KSF729" s="424"/>
      <c r="KSG729" s="423" t="s">
        <v>2795</v>
      </c>
      <c r="KSH729" s="424"/>
      <c r="KSI729" s="424"/>
      <c r="KSJ729" s="424"/>
      <c r="KSK729" s="423" t="s">
        <v>2795</v>
      </c>
      <c r="KSL729" s="424"/>
      <c r="KSM729" s="424"/>
      <c r="KSN729" s="424"/>
      <c r="KSO729" s="423" t="s">
        <v>2795</v>
      </c>
      <c r="KSP729" s="424"/>
      <c r="KSQ729" s="424"/>
      <c r="KSR729" s="424"/>
      <c r="KSS729" s="423" t="s">
        <v>2795</v>
      </c>
      <c r="KST729" s="424"/>
      <c r="KSU729" s="424"/>
      <c r="KSV729" s="424"/>
      <c r="KSW729" s="423" t="s">
        <v>2795</v>
      </c>
      <c r="KSX729" s="424"/>
      <c r="KSY729" s="424"/>
      <c r="KSZ729" s="424"/>
      <c r="KTA729" s="423" t="s">
        <v>2795</v>
      </c>
      <c r="KTB729" s="424"/>
      <c r="KTC729" s="424"/>
      <c r="KTD729" s="424"/>
      <c r="KTE729" s="423" t="s">
        <v>2795</v>
      </c>
      <c r="KTF729" s="424"/>
      <c r="KTG729" s="424"/>
      <c r="KTH729" s="424"/>
      <c r="KTI729" s="423" t="s">
        <v>2795</v>
      </c>
      <c r="KTJ729" s="424"/>
      <c r="KTK729" s="424"/>
      <c r="KTL729" s="424"/>
      <c r="KTM729" s="423" t="s">
        <v>2795</v>
      </c>
      <c r="KTN729" s="424"/>
      <c r="KTO729" s="424"/>
      <c r="KTP729" s="424"/>
      <c r="KTQ729" s="423" t="s">
        <v>2795</v>
      </c>
      <c r="KTR729" s="424"/>
      <c r="KTS729" s="424"/>
      <c r="KTT729" s="424"/>
      <c r="KTU729" s="423" t="s">
        <v>2795</v>
      </c>
      <c r="KTV729" s="424"/>
      <c r="KTW729" s="424"/>
      <c r="KTX729" s="424"/>
      <c r="KTY729" s="423" t="s">
        <v>2795</v>
      </c>
      <c r="KTZ729" s="424"/>
      <c r="KUA729" s="424"/>
      <c r="KUB729" s="424"/>
      <c r="KUC729" s="423" t="s">
        <v>2795</v>
      </c>
      <c r="KUD729" s="424"/>
      <c r="KUE729" s="424"/>
      <c r="KUF729" s="424"/>
      <c r="KUG729" s="423" t="s">
        <v>2795</v>
      </c>
      <c r="KUH729" s="424"/>
      <c r="KUI729" s="424"/>
      <c r="KUJ729" s="424"/>
      <c r="KUK729" s="423" t="s">
        <v>2795</v>
      </c>
      <c r="KUL729" s="424"/>
      <c r="KUM729" s="424"/>
      <c r="KUN729" s="424"/>
      <c r="KUO729" s="423" t="s">
        <v>2795</v>
      </c>
      <c r="KUP729" s="424"/>
      <c r="KUQ729" s="424"/>
      <c r="KUR729" s="424"/>
      <c r="KUS729" s="423" t="s">
        <v>2795</v>
      </c>
      <c r="KUT729" s="424"/>
      <c r="KUU729" s="424"/>
      <c r="KUV729" s="424"/>
      <c r="KUW729" s="423" t="s">
        <v>2795</v>
      </c>
      <c r="KUX729" s="424"/>
      <c r="KUY729" s="424"/>
      <c r="KUZ729" s="424"/>
      <c r="KVA729" s="423" t="s">
        <v>2795</v>
      </c>
      <c r="KVB729" s="424"/>
      <c r="KVC729" s="424"/>
      <c r="KVD729" s="424"/>
      <c r="KVE729" s="423" t="s">
        <v>2795</v>
      </c>
      <c r="KVF729" s="424"/>
      <c r="KVG729" s="424"/>
      <c r="KVH729" s="424"/>
      <c r="KVI729" s="423" t="s">
        <v>2795</v>
      </c>
      <c r="KVJ729" s="424"/>
      <c r="KVK729" s="424"/>
      <c r="KVL729" s="424"/>
      <c r="KVM729" s="423" t="s">
        <v>2795</v>
      </c>
      <c r="KVN729" s="424"/>
      <c r="KVO729" s="424"/>
      <c r="KVP729" s="424"/>
      <c r="KVQ729" s="423" t="s">
        <v>2795</v>
      </c>
      <c r="KVR729" s="424"/>
      <c r="KVS729" s="424"/>
      <c r="KVT729" s="424"/>
      <c r="KVU729" s="423" t="s">
        <v>2795</v>
      </c>
      <c r="KVV729" s="424"/>
      <c r="KVW729" s="424"/>
      <c r="KVX729" s="424"/>
      <c r="KVY729" s="423" t="s">
        <v>2795</v>
      </c>
      <c r="KVZ729" s="424"/>
      <c r="KWA729" s="424"/>
      <c r="KWB729" s="424"/>
      <c r="KWC729" s="423" t="s">
        <v>2795</v>
      </c>
      <c r="KWD729" s="424"/>
      <c r="KWE729" s="424"/>
      <c r="KWF729" s="424"/>
      <c r="KWG729" s="423" t="s">
        <v>2795</v>
      </c>
      <c r="KWH729" s="424"/>
      <c r="KWI729" s="424"/>
      <c r="KWJ729" s="424"/>
      <c r="KWK729" s="423" t="s">
        <v>2795</v>
      </c>
      <c r="KWL729" s="424"/>
      <c r="KWM729" s="424"/>
      <c r="KWN729" s="424"/>
      <c r="KWO729" s="423" t="s">
        <v>2795</v>
      </c>
      <c r="KWP729" s="424"/>
      <c r="KWQ729" s="424"/>
      <c r="KWR729" s="424"/>
      <c r="KWS729" s="423" t="s">
        <v>2795</v>
      </c>
      <c r="KWT729" s="424"/>
      <c r="KWU729" s="424"/>
      <c r="KWV729" s="424"/>
      <c r="KWW729" s="423" t="s">
        <v>2795</v>
      </c>
      <c r="KWX729" s="424"/>
      <c r="KWY729" s="424"/>
      <c r="KWZ729" s="424"/>
      <c r="KXA729" s="423" t="s">
        <v>2795</v>
      </c>
      <c r="KXB729" s="424"/>
      <c r="KXC729" s="424"/>
      <c r="KXD729" s="424"/>
      <c r="KXE729" s="423" t="s">
        <v>2795</v>
      </c>
      <c r="KXF729" s="424"/>
      <c r="KXG729" s="424"/>
      <c r="KXH729" s="424"/>
      <c r="KXI729" s="423" t="s">
        <v>2795</v>
      </c>
      <c r="KXJ729" s="424"/>
      <c r="KXK729" s="424"/>
      <c r="KXL729" s="424"/>
      <c r="KXM729" s="423" t="s">
        <v>2795</v>
      </c>
      <c r="KXN729" s="424"/>
      <c r="KXO729" s="424"/>
      <c r="KXP729" s="424"/>
      <c r="KXQ729" s="423" t="s">
        <v>2795</v>
      </c>
      <c r="KXR729" s="424"/>
      <c r="KXS729" s="424"/>
      <c r="KXT729" s="424"/>
      <c r="KXU729" s="423" t="s">
        <v>2795</v>
      </c>
      <c r="KXV729" s="424"/>
      <c r="KXW729" s="424"/>
      <c r="KXX729" s="424"/>
      <c r="KXY729" s="423" t="s">
        <v>2795</v>
      </c>
      <c r="KXZ729" s="424"/>
      <c r="KYA729" s="424"/>
      <c r="KYB729" s="424"/>
      <c r="KYC729" s="423" t="s">
        <v>2795</v>
      </c>
      <c r="KYD729" s="424"/>
      <c r="KYE729" s="424"/>
      <c r="KYF729" s="424"/>
      <c r="KYG729" s="423" t="s">
        <v>2795</v>
      </c>
      <c r="KYH729" s="424"/>
      <c r="KYI729" s="424"/>
      <c r="KYJ729" s="424"/>
      <c r="KYK729" s="423" t="s">
        <v>2795</v>
      </c>
      <c r="KYL729" s="424"/>
      <c r="KYM729" s="424"/>
      <c r="KYN729" s="424"/>
      <c r="KYO729" s="423" t="s">
        <v>2795</v>
      </c>
      <c r="KYP729" s="424"/>
      <c r="KYQ729" s="424"/>
      <c r="KYR729" s="424"/>
      <c r="KYS729" s="423" t="s">
        <v>2795</v>
      </c>
      <c r="KYT729" s="424"/>
      <c r="KYU729" s="424"/>
      <c r="KYV729" s="424"/>
      <c r="KYW729" s="423" t="s">
        <v>2795</v>
      </c>
      <c r="KYX729" s="424"/>
      <c r="KYY729" s="424"/>
      <c r="KYZ729" s="424"/>
      <c r="KZA729" s="423" t="s">
        <v>2795</v>
      </c>
      <c r="KZB729" s="424"/>
      <c r="KZC729" s="424"/>
      <c r="KZD729" s="424"/>
      <c r="KZE729" s="423" t="s">
        <v>2795</v>
      </c>
      <c r="KZF729" s="424"/>
      <c r="KZG729" s="424"/>
      <c r="KZH729" s="424"/>
      <c r="KZI729" s="423" t="s">
        <v>2795</v>
      </c>
      <c r="KZJ729" s="424"/>
      <c r="KZK729" s="424"/>
      <c r="KZL729" s="424"/>
      <c r="KZM729" s="423" t="s">
        <v>2795</v>
      </c>
      <c r="KZN729" s="424"/>
      <c r="KZO729" s="424"/>
      <c r="KZP729" s="424"/>
      <c r="KZQ729" s="423" t="s">
        <v>2795</v>
      </c>
      <c r="KZR729" s="424"/>
      <c r="KZS729" s="424"/>
      <c r="KZT729" s="424"/>
      <c r="KZU729" s="423" t="s">
        <v>2795</v>
      </c>
      <c r="KZV729" s="424"/>
      <c r="KZW729" s="424"/>
      <c r="KZX729" s="424"/>
      <c r="KZY729" s="423" t="s">
        <v>2795</v>
      </c>
      <c r="KZZ729" s="424"/>
      <c r="LAA729" s="424"/>
      <c r="LAB729" s="424"/>
      <c r="LAC729" s="423" t="s">
        <v>2795</v>
      </c>
      <c r="LAD729" s="424"/>
      <c r="LAE729" s="424"/>
      <c r="LAF729" s="424"/>
      <c r="LAG729" s="423" t="s">
        <v>2795</v>
      </c>
      <c r="LAH729" s="424"/>
      <c r="LAI729" s="424"/>
      <c r="LAJ729" s="424"/>
      <c r="LAK729" s="423" t="s">
        <v>2795</v>
      </c>
      <c r="LAL729" s="424"/>
      <c r="LAM729" s="424"/>
      <c r="LAN729" s="424"/>
      <c r="LAO729" s="423" t="s">
        <v>2795</v>
      </c>
      <c r="LAP729" s="424"/>
      <c r="LAQ729" s="424"/>
      <c r="LAR729" s="424"/>
      <c r="LAS729" s="423" t="s">
        <v>2795</v>
      </c>
      <c r="LAT729" s="424"/>
      <c r="LAU729" s="424"/>
      <c r="LAV729" s="424"/>
      <c r="LAW729" s="423" t="s">
        <v>2795</v>
      </c>
      <c r="LAX729" s="424"/>
      <c r="LAY729" s="424"/>
      <c r="LAZ729" s="424"/>
      <c r="LBA729" s="423" t="s">
        <v>2795</v>
      </c>
      <c r="LBB729" s="424"/>
      <c r="LBC729" s="424"/>
      <c r="LBD729" s="424"/>
      <c r="LBE729" s="423" t="s">
        <v>2795</v>
      </c>
      <c r="LBF729" s="424"/>
      <c r="LBG729" s="424"/>
      <c r="LBH729" s="424"/>
      <c r="LBI729" s="423" t="s">
        <v>2795</v>
      </c>
      <c r="LBJ729" s="424"/>
      <c r="LBK729" s="424"/>
      <c r="LBL729" s="424"/>
      <c r="LBM729" s="423" t="s">
        <v>2795</v>
      </c>
      <c r="LBN729" s="424"/>
      <c r="LBO729" s="424"/>
      <c r="LBP729" s="424"/>
      <c r="LBQ729" s="423" t="s">
        <v>2795</v>
      </c>
      <c r="LBR729" s="424"/>
      <c r="LBS729" s="424"/>
      <c r="LBT729" s="424"/>
      <c r="LBU729" s="423" t="s">
        <v>2795</v>
      </c>
      <c r="LBV729" s="424"/>
      <c r="LBW729" s="424"/>
      <c r="LBX729" s="424"/>
      <c r="LBY729" s="423" t="s">
        <v>2795</v>
      </c>
      <c r="LBZ729" s="424"/>
      <c r="LCA729" s="424"/>
      <c r="LCB729" s="424"/>
      <c r="LCC729" s="423" t="s">
        <v>2795</v>
      </c>
      <c r="LCD729" s="424"/>
      <c r="LCE729" s="424"/>
      <c r="LCF729" s="424"/>
      <c r="LCG729" s="423" t="s">
        <v>2795</v>
      </c>
      <c r="LCH729" s="424"/>
      <c r="LCI729" s="424"/>
      <c r="LCJ729" s="424"/>
      <c r="LCK729" s="423" t="s">
        <v>2795</v>
      </c>
      <c r="LCL729" s="424"/>
      <c r="LCM729" s="424"/>
      <c r="LCN729" s="424"/>
      <c r="LCO729" s="423" t="s">
        <v>2795</v>
      </c>
      <c r="LCP729" s="424"/>
      <c r="LCQ729" s="424"/>
      <c r="LCR729" s="424"/>
      <c r="LCS729" s="423" t="s">
        <v>2795</v>
      </c>
      <c r="LCT729" s="424"/>
      <c r="LCU729" s="424"/>
      <c r="LCV729" s="424"/>
      <c r="LCW729" s="423" t="s">
        <v>2795</v>
      </c>
      <c r="LCX729" s="424"/>
      <c r="LCY729" s="424"/>
      <c r="LCZ729" s="424"/>
      <c r="LDA729" s="423" t="s">
        <v>2795</v>
      </c>
      <c r="LDB729" s="424"/>
      <c r="LDC729" s="424"/>
      <c r="LDD729" s="424"/>
      <c r="LDE729" s="423" t="s">
        <v>2795</v>
      </c>
      <c r="LDF729" s="424"/>
      <c r="LDG729" s="424"/>
      <c r="LDH729" s="424"/>
      <c r="LDI729" s="423" t="s">
        <v>2795</v>
      </c>
      <c r="LDJ729" s="424"/>
      <c r="LDK729" s="424"/>
      <c r="LDL729" s="424"/>
      <c r="LDM729" s="423" t="s">
        <v>2795</v>
      </c>
      <c r="LDN729" s="424"/>
      <c r="LDO729" s="424"/>
      <c r="LDP729" s="424"/>
      <c r="LDQ729" s="423" t="s">
        <v>2795</v>
      </c>
      <c r="LDR729" s="424"/>
      <c r="LDS729" s="424"/>
      <c r="LDT729" s="424"/>
      <c r="LDU729" s="423" t="s">
        <v>2795</v>
      </c>
      <c r="LDV729" s="424"/>
      <c r="LDW729" s="424"/>
      <c r="LDX729" s="424"/>
      <c r="LDY729" s="423" t="s">
        <v>2795</v>
      </c>
      <c r="LDZ729" s="424"/>
      <c r="LEA729" s="424"/>
      <c r="LEB729" s="424"/>
      <c r="LEC729" s="423" t="s">
        <v>2795</v>
      </c>
      <c r="LED729" s="424"/>
      <c r="LEE729" s="424"/>
      <c r="LEF729" s="424"/>
      <c r="LEG729" s="423" t="s">
        <v>2795</v>
      </c>
      <c r="LEH729" s="424"/>
      <c r="LEI729" s="424"/>
      <c r="LEJ729" s="424"/>
      <c r="LEK729" s="423" t="s">
        <v>2795</v>
      </c>
      <c r="LEL729" s="424"/>
      <c r="LEM729" s="424"/>
      <c r="LEN729" s="424"/>
      <c r="LEO729" s="423" t="s">
        <v>2795</v>
      </c>
      <c r="LEP729" s="424"/>
      <c r="LEQ729" s="424"/>
      <c r="LER729" s="424"/>
      <c r="LES729" s="423" t="s">
        <v>2795</v>
      </c>
      <c r="LET729" s="424"/>
      <c r="LEU729" s="424"/>
      <c r="LEV729" s="424"/>
      <c r="LEW729" s="423" t="s">
        <v>2795</v>
      </c>
      <c r="LEX729" s="424"/>
      <c r="LEY729" s="424"/>
      <c r="LEZ729" s="424"/>
      <c r="LFA729" s="423" t="s">
        <v>2795</v>
      </c>
      <c r="LFB729" s="424"/>
      <c r="LFC729" s="424"/>
      <c r="LFD729" s="424"/>
      <c r="LFE729" s="423" t="s">
        <v>2795</v>
      </c>
      <c r="LFF729" s="424"/>
      <c r="LFG729" s="424"/>
      <c r="LFH729" s="424"/>
      <c r="LFI729" s="423" t="s">
        <v>2795</v>
      </c>
      <c r="LFJ729" s="424"/>
      <c r="LFK729" s="424"/>
      <c r="LFL729" s="424"/>
      <c r="LFM729" s="423" t="s">
        <v>2795</v>
      </c>
      <c r="LFN729" s="424"/>
      <c r="LFO729" s="424"/>
      <c r="LFP729" s="424"/>
      <c r="LFQ729" s="423" t="s">
        <v>2795</v>
      </c>
      <c r="LFR729" s="424"/>
      <c r="LFS729" s="424"/>
      <c r="LFT729" s="424"/>
      <c r="LFU729" s="423" t="s">
        <v>2795</v>
      </c>
      <c r="LFV729" s="424"/>
      <c r="LFW729" s="424"/>
      <c r="LFX729" s="424"/>
      <c r="LFY729" s="423" t="s">
        <v>2795</v>
      </c>
      <c r="LFZ729" s="424"/>
      <c r="LGA729" s="424"/>
      <c r="LGB729" s="424"/>
      <c r="LGC729" s="423" t="s">
        <v>2795</v>
      </c>
      <c r="LGD729" s="424"/>
      <c r="LGE729" s="424"/>
      <c r="LGF729" s="424"/>
      <c r="LGG729" s="423" t="s">
        <v>2795</v>
      </c>
      <c r="LGH729" s="424"/>
      <c r="LGI729" s="424"/>
      <c r="LGJ729" s="424"/>
      <c r="LGK729" s="423" t="s">
        <v>2795</v>
      </c>
      <c r="LGL729" s="424"/>
      <c r="LGM729" s="424"/>
      <c r="LGN729" s="424"/>
      <c r="LGO729" s="423" t="s">
        <v>2795</v>
      </c>
      <c r="LGP729" s="424"/>
      <c r="LGQ729" s="424"/>
      <c r="LGR729" s="424"/>
      <c r="LGS729" s="423" t="s">
        <v>2795</v>
      </c>
      <c r="LGT729" s="424"/>
      <c r="LGU729" s="424"/>
      <c r="LGV729" s="424"/>
      <c r="LGW729" s="423" t="s">
        <v>2795</v>
      </c>
      <c r="LGX729" s="424"/>
      <c r="LGY729" s="424"/>
      <c r="LGZ729" s="424"/>
      <c r="LHA729" s="423" t="s">
        <v>2795</v>
      </c>
      <c r="LHB729" s="424"/>
      <c r="LHC729" s="424"/>
      <c r="LHD729" s="424"/>
      <c r="LHE729" s="423" t="s">
        <v>2795</v>
      </c>
      <c r="LHF729" s="424"/>
      <c r="LHG729" s="424"/>
      <c r="LHH729" s="424"/>
      <c r="LHI729" s="423" t="s">
        <v>2795</v>
      </c>
      <c r="LHJ729" s="424"/>
      <c r="LHK729" s="424"/>
      <c r="LHL729" s="424"/>
      <c r="LHM729" s="423" t="s">
        <v>2795</v>
      </c>
      <c r="LHN729" s="424"/>
      <c r="LHO729" s="424"/>
      <c r="LHP729" s="424"/>
      <c r="LHQ729" s="423" t="s">
        <v>2795</v>
      </c>
      <c r="LHR729" s="424"/>
      <c r="LHS729" s="424"/>
      <c r="LHT729" s="424"/>
      <c r="LHU729" s="423" t="s">
        <v>2795</v>
      </c>
      <c r="LHV729" s="424"/>
      <c r="LHW729" s="424"/>
      <c r="LHX729" s="424"/>
      <c r="LHY729" s="423" t="s">
        <v>2795</v>
      </c>
      <c r="LHZ729" s="424"/>
      <c r="LIA729" s="424"/>
      <c r="LIB729" s="424"/>
      <c r="LIC729" s="423" t="s">
        <v>2795</v>
      </c>
      <c r="LID729" s="424"/>
      <c r="LIE729" s="424"/>
      <c r="LIF729" s="424"/>
      <c r="LIG729" s="423" t="s">
        <v>2795</v>
      </c>
      <c r="LIH729" s="424"/>
      <c r="LII729" s="424"/>
      <c r="LIJ729" s="424"/>
      <c r="LIK729" s="423" t="s">
        <v>2795</v>
      </c>
      <c r="LIL729" s="424"/>
      <c r="LIM729" s="424"/>
      <c r="LIN729" s="424"/>
      <c r="LIO729" s="423" t="s">
        <v>2795</v>
      </c>
      <c r="LIP729" s="424"/>
      <c r="LIQ729" s="424"/>
      <c r="LIR729" s="424"/>
      <c r="LIS729" s="423" t="s">
        <v>2795</v>
      </c>
      <c r="LIT729" s="424"/>
      <c r="LIU729" s="424"/>
      <c r="LIV729" s="424"/>
      <c r="LIW729" s="423" t="s">
        <v>2795</v>
      </c>
      <c r="LIX729" s="424"/>
      <c r="LIY729" s="424"/>
      <c r="LIZ729" s="424"/>
      <c r="LJA729" s="423" t="s">
        <v>2795</v>
      </c>
      <c r="LJB729" s="424"/>
      <c r="LJC729" s="424"/>
      <c r="LJD729" s="424"/>
      <c r="LJE729" s="423" t="s">
        <v>2795</v>
      </c>
      <c r="LJF729" s="424"/>
      <c r="LJG729" s="424"/>
      <c r="LJH729" s="424"/>
      <c r="LJI729" s="423" t="s">
        <v>2795</v>
      </c>
      <c r="LJJ729" s="424"/>
      <c r="LJK729" s="424"/>
      <c r="LJL729" s="424"/>
      <c r="LJM729" s="423" t="s">
        <v>2795</v>
      </c>
      <c r="LJN729" s="424"/>
      <c r="LJO729" s="424"/>
      <c r="LJP729" s="424"/>
      <c r="LJQ729" s="423" t="s">
        <v>2795</v>
      </c>
      <c r="LJR729" s="424"/>
      <c r="LJS729" s="424"/>
      <c r="LJT729" s="424"/>
      <c r="LJU729" s="423" t="s">
        <v>2795</v>
      </c>
      <c r="LJV729" s="424"/>
      <c r="LJW729" s="424"/>
      <c r="LJX729" s="424"/>
      <c r="LJY729" s="423" t="s">
        <v>2795</v>
      </c>
      <c r="LJZ729" s="424"/>
      <c r="LKA729" s="424"/>
      <c r="LKB729" s="424"/>
      <c r="LKC729" s="423" t="s">
        <v>2795</v>
      </c>
      <c r="LKD729" s="424"/>
      <c r="LKE729" s="424"/>
      <c r="LKF729" s="424"/>
      <c r="LKG729" s="423" t="s">
        <v>2795</v>
      </c>
      <c r="LKH729" s="424"/>
      <c r="LKI729" s="424"/>
      <c r="LKJ729" s="424"/>
      <c r="LKK729" s="423" t="s">
        <v>2795</v>
      </c>
      <c r="LKL729" s="424"/>
      <c r="LKM729" s="424"/>
      <c r="LKN729" s="424"/>
      <c r="LKO729" s="423" t="s">
        <v>2795</v>
      </c>
      <c r="LKP729" s="424"/>
      <c r="LKQ729" s="424"/>
      <c r="LKR729" s="424"/>
      <c r="LKS729" s="423" t="s">
        <v>2795</v>
      </c>
      <c r="LKT729" s="424"/>
      <c r="LKU729" s="424"/>
      <c r="LKV729" s="424"/>
      <c r="LKW729" s="423" t="s">
        <v>2795</v>
      </c>
      <c r="LKX729" s="424"/>
      <c r="LKY729" s="424"/>
      <c r="LKZ729" s="424"/>
      <c r="LLA729" s="423" t="s">
        <v>2795</v>
      </c>
      <c r="LLB729" s="424"/>
      <c r="LLC729" s="424"/>
      <c r="LLD729" s="424"/>
      <c r="LLE729" s="423" t="s">
        <v>2795</v>
      </c>
      <c r="LLF729" s="424"/>
      <c r="LLG729" s="424"/>
      <c r="LLH729" s="424"/>
      <c r="LLI729" s="423" t="s">
        <v>2795</v>
      </c>
      <c r="LLJ729" s="424"/>
      <c r="LLK729" s="424"/>
      <c r="LLL729" s="424"/>
      <c r="LLM729" s="423" t="s">
        <v>2795</v>
      </c>
      <c r="LLN729" s="424"/>
      <c r="LLO729" s="424"/>
      <c r="LLP729" s="424"/>
      <c r="LLQ729" s="423" t="s">
        <v>2795</v>
      </c>
      <c r="LLR729" s="424"/>
      <c r="LLS729" s="424"/>
      <c r="LLT729" s="424"/>
      <c r="LLU729" s="423" t="s">
        <v>2795</v>
      </c>
      <c r="LLV729" s="424"/>
      <c r="LLW729" s="424"/>
      <c r="LLX729" s="424"/>
      <c r="LLY729" s="423" t="s">
        <v>2795</v>
      </c>
      <c r="LLZ729" s="424"/>
      <c r="LMA729" s="424"/>
      <c r="LMB729" s="424"/>
      <c r="LMC729" s="423" t="s">
        <v>2795</v>
      </c>
      <c r="LMD729" s="424"/>
      <c r="LME729" s="424"/>
      <c r="LMF729" s="424"/>
      <c r="LMG729" s="423" t="s">
        <v>2795</v>
      </c>
      <c r="LMH729" s="424"/>
      <c r="LMI729" s="424"/>
      <c r="LMJ729" s="424"/>
      <c r="LMK729" s="423" t="s">
        <v>2795</v>
      </c>
      <c r="LML729" s="424"/>
      <c r="LMM729" s="424"/>
      <c r="LMN729" s="424"/>
      <c r="LMO729" s="423" t="s">
        <v>2795</v>
      </c>
      <c r="LMP729" s="424"/>
      <c r="LMQ729" s="424"/>
      <c r="LMR729" s="424"/>
      <c r="LMS729" s="423" t="s">
        <v>2795</v>
      </c>
      <c r="LMT729" s="424"/>
      <c r="LMU729" s="424"/>
      <c r="LMV729" s="424"/>
      <c r="LMW729" s="423" t="s">
        <v>2795</v>
      </c>
      <c r="LMX729" s="424"/>
      <c r="LMY729" s="424"/>
      <c r="LMZ729" s="424"/>
      <c r="LNA729" s="423" t="s">
        <v>2795</v>
      </c>
      <c r="LNB729" s="424"/>
      <c r="LNC729" s="424"/>
      <c r="LND729" s="424"/>
      <c r="LNE729" s="423" t="s">
        <v>2795</v>
      </c>
      <c r="LNF729" s="424"/>
      <c r="LNG729" s="424"/>
      <c r="LNH729" s="424"/>
      <c r="LNI729" s="423" t="s">
        <v>2795</v>
      </c>
      <c r="LNJ729" s="424"/>
      <c r="LNK729" s="424"/>
      <c r="LNL729" s="424"/>
      <c r="LNM729" s="423" t="s">
        <v>2795</v>
      </c>
      <c r="LNN729" s="424"/>
      <c r="LNO729" s="424"/>
      <c r="LNP729" s="424"/>
      <c r="LNQ729" s="423" t="s">
        <v>2795</v>
      </c>
      <c r="LNR729" s="424"/>
      <c r="LNS729" s="424"/>
      <c r="LNT729" s="424"/>
      <c r="LNU729" s="423" t="s">
        <v>2795</v>
      </c>
      <c r="LNV729" s="424"/>
      <c r="LNW729" s="424"/>
      <c r="LNX729" s="424"/>
      <c r="LNY729" s="423" t="s">
        <v>2795</v>
      </c>
      <c r="LNZ729" s="424"/>
      <c r="LOA729" s="424"/>
      <c r="LOB729" s="424"/>
      <c r="LOC729" s="423" t="s">
        <v>2795</v>
      </c>
      <c r="LOD729" s="424"/>
      <c r="LOE729" s="424"/>
      <c r="LOF729" s="424"/>
      <c r="LOG729" s="423" t="s">
        <v>2795</v>
      </c>
      <c r="LOH729" s="424"/>
      <c r="LOI729" s="424"/>
      <c r="LOJ729" s="424"/>
      <c r="LOK729" s="423" t="s">
        <v>2795</v>
      </c>
      <c r="LOL729" s="424"/>
      <c r="LOM729" s="424"/>
      <c r="LON729" s="424"/>
      <c r="LOO729" s="423" t="s">
        <v>2795</v>
      </c>
      <c r="LOP729" s="424"/>
      <c r="LOQ729" s="424"/>
      <c r="LOR729" s="424"/>
      <c r="LOS729" s="423" t="s">
        <v>2795</v>
      </c>
      <c r="LOT729" s="424"/>
      <c r="LOU729" s="424"/>
      <c r="LOV729" s="424"/>
      <c r="LOW729" s="423" t="s">
        <v>2795</v>
      </c>
      <c r="LOX729" s="424"/>
      <c r="LOY729" s="424"/>
      <c r="LOZ729" s="424"/>
      <c r="LPA729" s="423" t="s">
        <v>2795</v>
      </c>
      <c r="LPB729" s="424"/>
      <c r="LPC729" s="424"/>
      <c r="LPD729" s="424"/>
      <c r="LPE729" s="423" t="s">
        <v>2795</v>
      </c>
      <c r="LPF729" s="424"/>
      <c r="LPG729" s="424"/>
      <c r="LPH729" s="424"/>
      <c r="LPI729" s="423" t="s">
        <v>2795</v>
      </c>
      <c r="LPJ729" s="424"/>
      <c r="LPK729" s="424"/>
      <c r="LPL729" s="424"/>
      <c r="LPM729" s="423" t="s">
        <v>2795</v>
      </c>
      <c r="LPN729" s="424"/>
      <c r="LPO729" s="424"/>
      <c r="LPP729" s="424"/>
      <c r="LPQ729" s="423" t="s">
        <v>2795</v>
      </c>
      <c r="LPR729" s="424"/>
      <c r="LPS729" s="424"/>
      <c r="LPT729" s="424"/>
      <c r="LPU729" s="423" t="s">
        <v>2795</v>
      </c>
      <c r="LPV729" s="424"/>
      <c r="LPW729" s="424"/>
      <c r="LPX729" s="424"/>
      <c r="LPY729" s="423" t="s">
        <v>2795</v>
      </c>
      <c r="LPZ729" s="424"/>
      <c r="LQA729" s="424"/>
      <c r="LQB729" s="424"/>
      <c r="LQC729" s="423" t="s">
        <v>2795</v>
      </c>
      <c r="LQD729" s="424"/>
      <c r="LQE729" s="424"/>
      <c r="LQF729" s="424"/>
      <c r="LQG729" s="423" t="s">
        <v>2795</v>
      </c>
      <c r="LQH729" s="424"/>
      <c r="LQI729" s="424"/>
      <c r="LQJ729" s="424"/>
      <c r="LQK729" s="423" t="s">
        <v>2795</v>
      </c>
      <c r="LQL729" s="424"/>
      <c r="LQM729" s="424"/>
      <c r="LQN729" s="424"/>
      <c r="LQO729" s="423" t="s">
        <v>2795</v>
      </c>
      <c r="LQP729" s="424"/>
      <c r="LQQ729" s="424"/>
      <c r="LQR729" s="424"/>
      <c r="LQS729" s="423" t="s">
        <v>2795</v>
      </c>
      <c r="LQT729" s="424"/>
      <c r="LQU729" s="424"/>
      <c r="LQV729" s="424"/>
      <c r="LQW729" s="423" t="s">
        <v>2795</v>
      </c>
      <c r="LQX729" s="424"/>
      <c r="LQY729" s="424"/>
      <c r="LQZ729" s="424"/>
      <c r="LRA729" s="423" t="s">
        <v>2795</v>
      </c>
      <c r="LRB729" s="424"/>
      <c r="LRC729" s="424"/>
      <c r="LRD729" s="424"/>
      <c r="LRE729" s="423" t="s">
        <v>2795</v>
      </c>
      <c r="LRF729" s="424"/>
      <c r="LRG729" s="424"/>
      <c r="LRH729" s="424"/>
      <c r="LRI729" s="423" t="s">
        <v>2795</v>
      </c>
      <c r="LRJ729" s="424"/>
      <c r="LRK729" s="424"/>
      <c r="LRL729" s="424"/>
      <c r="LRM729" s="423" t="s">
        <v>2795</v>
      </c>
      <c r="LRN729" s="424"/>
      <c r="LRO729" s="424"/>
      <c r="LRP729" s="424"/>
      <c r="LRQ729" s="423" t="s">
        <v>2795</v>
      </c>
      <c r="LRR729" s="424"/>
      <c r="LRS729" s="424"/>
      <c r="LRT729" s="424"/>
      <c r="LRU729" s="423" t="s">
        <v>2795</v>
      </c>
      <c r="LRV729" s="424"/>
      <c r="LRW729" s="424"/>
      <c r="LRX729" s="424"/>
      <c r="LRY729" s="423" t="s">
        <v>2795</v>
      </c>
      <c r="LRZ729" s="424"/>
      <c r="LSA729" s="424"/>
      <c r="LSB729" s="424"/>
      <c r="LSC729" s="423" t="s">
        <v>2795</v>
      </c>
      <c r="LSD729" s="424"/>
      <c r="LSE729" s="424"/>
      <c r="LSF729" s="424"/>
      <c r="LSG729" s="423" t="s">
        <v>2795</v>
      </c>
      <c r="LSH729" s="424"/>
      <c r="LSI729" s="424"/>
      <c r="LSJ729" s="424"/>
      <c r="LSK729" s="423" t="s">
        <v>2795</v>
      </c>
      <c r="LSL729" s="424"/>
      <c r="LSM729" s="424"/>
      <c r="LSN729" s="424"/>
      <c r="LSO729" s="423" t="s">
        <v>2795</v>
      </c>
      <c r="LSP729" s="424"/>
      <c r="LSQ729" s="424"/>
      <c r="LSR729" s="424"/>
      <c r="LSS729" s="423" t="s">
        <v>2795</v>
      </c>
      <c r="LST729" s="424"/>
      <c r="LSU729" s="424"/>
      <c r="LSV729" s="424"/>
      <c r="LSW729" s="423" t="s">
        <v>2795</v>
      </c>
      <c r="LSX729" s="424"/>
      <c r="LSY729" s="424"/>
      <c r="LSZ729" s="424"/>
      <c r="LTA729" s="423" t="s">
        <v>2795</v>
      </c>
      <c r="LTB729" s="424"/>
      <c r="LTC729" s="424"/>
      <c r="LTD729" s="424"/>
      <c r="LTE729" s="423" t="s">
        <v>2795</v>
      </c>
      <c r="LTF729" s="424"/>
      <c r="LTG729" s="424"/>
      <c r="LTH729" s="424"/>
      <c r="LTI729" s="423" t="s">
        <v>2795</v>
      </c>
      <c r="LTJ729" s="424"/>
      <c r="LTK729" s="424"/>
      <c r="LTL729" s="424"/>
      <c r="LTM729" s="423" t="s">
        <v>2795</v>
      </c>
      <c r="LTN729" s="424"/>
      <c r="LTO729" s="424"/>
      <c r="LTP729" s="424"/>
      <c r="LTQ729" s="423" t="s">
        <v>2795</v>
      </c>
      <c r="LTR729" s="424"/>
      <c r="LTS729" s="424"/>
      <c r="LTT729" s="424"/>
      <c r="LTU729" s="423" t="s">
        <v>2795</v>
      </c>
      <c r="LTV729" s="424"/>
      <c r="LTW729" s="424"/>
      <c r="LTX729" s="424"/>
      <c r="LTY729" s="423" t="s">
        <v>2795</v>
      </c>
      <c r="LTZ729" s="424"/>
      <c r="LUA729" s="424"/>
      <c r="LUB729" s="424"/>
      <c r="LUC729" s="423" t="s">
        <v>2795</v>
      </c>
      <c r="LUD729" s="424"/>
      <c r="LUE729" s="424"/>
      <c r="LUF729" s="424"/>
      <c r="LUG729" s="423" t="s">
        <v>2795</v>
      </c>
      <c r="LUH729" s="424"/>
      <c r="LUI729" s="424"/>
      <c r="LUJ729" s="424"/>
      <c r="LUK729" s="423" t="s">
        <v>2795</v>
      </c>
      <c r="LUL729" s="424"/>
      <c r="LUM729" s="424"/>
      <c r="LUN729" s="424"/>
      <c r="LUO729" s="423" t="s">
        <v>2795</v>
      </c>
      <c r="LUP729" s="424"/>
      <c r="LUQ729" s="424"/>
      <c r="LUR729" s="424"/>
      <c r="LUS729" s="423" t="s">
        <v>2795</v>
      </c>
      <c r="LUT729" s="424"/>
      <c r="LUU729" s="424"/>
      <c r="LUV729" s="424"/>
      <c r="LUW729" s="423" t="s">
        <v>2795</v>
      </c>
      <c r="LUX729" s="424"/>
      <c r="LUY729" s="424"/>
      <c r="LUZ729" s="424"/>
      <c r="LVA729" s="423" t="s">
        <v>2795</v>
      </c>
      <c r="LVB729" s="424"/>
      <c r="LVC729" s="424"/>
      <c r="LVD729" s="424"/>
      <c r="LVE729" s="423" t="s">
        <v>2795</v>
      </c>
      <c r="LVF729" s="424"/>
      <c r="LVG729" s="424"/>
      <c r="LVH729" s="424"/>
      <c r="LVI729" s="423" t="s">
        <v>2795</v>
      </c>
      <c r="LVJ729" s="424"/>
      <c r="LVK729" s="424"/>
      <c r="LVL729" s="424"/>
      <c r="LVM729" s="423" t="s">
        <v>2795</v>
      </c>
      <c r="LVN729" s="424"/>
      <c r="LVO729" s="424"/>
      <c r="LVP729" s="424"/>
      <c r="LVQ729" s="423" t="s">
        <v>2795</v>
      </c>
      <c r="LVR729" s="424"/>
      <c r="LVS729" s="424"/>
      <c r="LVT729" s="424"/>
      <c r="LVU729" s="423" t="s">
        <v>2795</v>
      </c>
      <c r="LVV729" s="424"/>
      <c r="LVW729" s="424"/>
      <c r="LVX729" s="424"/>
      <c r="LVY729" s="423" t="s">
        <v>2795</v>
      </c>
      <c r="LVZ729" s="424"/>
      <c r="LWA729" s="424"/>
      <c r="LWB729" s="424"/>
      <c r="LWC729" s="423" t="s">
        <v>2795</v>
      </c>
      <c r="LWD729" s="424"/>
      <c r="LWE729" s="424"/>
      <c r="LWF729" s="424"/>
      <c r="LWG729" s="423" t="s">
        <v>2795</v>
      </c>
      <c r="LWH729" s="424"/>
      <c r="LWI729" s="424"/>
      <c r="LWJ729" s="424"/>
      <c r="LWK729" s="423" t="s">
        <v>2795</v>
      </c>
      <c r="LWL729" s="424"/>
      <c r="LWM729" s="424"/>
      <c r="LWN729" s="424"/>
      <c r="LWO729" s="423" t="s">
        <v>2795</v>
      </c>
      <c r="LWP729" s="424"/>
      <c r="LWQ729" s="424"/>
      <c r="LWR729" s="424"/>
      <c r="LWS729" s="423" t="s">
        <v>2795</v>
      </c>
      <c r="LWT729" s="424"/>
      <c r="LWU729" s="424"/>
      <c r="LWV729" s="424"/>
      <c r="LWW729" s="423" t="s">
        <v>2795</v>
      </c>
      <c r="LWX729" s="424"/>
      <c r="LWY729" s="424"/>
      <c r="LWZ729" s="424"/>
      <c r="LXA729" s="423" t="s">
        <v>2795</v>
      </c>
      <c r="LXB729" s="424"/>
      <c r="LXC729" s="424"/>
      <c r="LXD729" s="424"/>
      <c r="LXE729" s="423" t="s">
        <v>2795</v>
      </c>
      <c r="LXF729" s="424"/>
      <c r="LXG729" s="424"/>
      <c r="LXH729" s="424"/>
      <c r="LXI729" s="423" t="s">
        <v>2795</v>
      </c>
      <c r="LXJ729" s="424"/>
      <c r="LXK729" s="424"/>
      <c r="LXL729" s="424"/>
      <c r="LXM729" s="423" t="s">
        <v>2795</v>
      </c>
      <c r="LXN729" s="424"/>
      <c r="LXO729" s="424"/>
      <c r="LXP729" s="424"/>
      <c r="LXQ729" s="423" t="s">
        <v>2795</v>
      </c>
      <c r="LXR729" s="424"/>
      <c r="LXS729" s="424"/>
      <c r="LXT729" s="424"/>
      <c r="LXU729" s="423" t="s">
        <v>2795</v>
      </c>
      <c r="LXV729" s="424"/>
      <c r="LXW729" s="424"/>
      <c r="LXX729" s="424"/>
      <c r="LXY729" s="423" t="s">
        <v>2795</v>
      </c>
      <c r="LXZ729" s="424"/>
      <c r="LYA729" s="424"/>
      <c r="LYB729" s="424"/>
      <c r="LYC729" s="423" t="s">
        <v>2795</v>
      </c>
      <c r="LYD729" s="424"/>
      <c r="LYE729" s="424"/>
      <c r="LYF729" s="424"/>
      <c r="LYG729" s="423" t="s">
        <v>2795</v>
      </c>
      <c r="LYH729" s="424"/>
      <c r="LYI729" s="424"/>
      <c r="LYJ729" s="424"/>
      <c r="LYK729" s="423" t="s">
        <v>2795</v>
      </c>
      <c r="LYL729" s="424"/>
      <c r="LYM729" s="424"/>
      <c r="LYN729" s="424"/>
      <c r="LYO729" s="423" t="s">
        <v>2795</v>
      </c>
      <c r="LYP729" s="424"/>
      <c r="LYQ729" s="424"/>
      <c r="LYR729" s="424"/>
      <c r="LYS729" s="423" t="s">
        <v>2795</v>
      </c>
      <c r="LYT729" s="424"/>
      <c r="LYU729" s="424"/>
      <c r="LYV729" s="424"/>
      <c r="LYW729" s="423" t="s">
        <v>2795</v>
      </c>
      <c r="LYX729" s="424"/>
      <c r="LYY729" s="424"/>
      <c r="LYZ729" s="424"/>
      <c r="LZA729" s="423" t="s">
        <v>2795</v>
      </c>
      <c r="LZB729" s="424"/>
      <c r="LZC729" s="424"/>
      <c r="LZD729" s="424"/>
      <c r="LZE729" s="423" t="s">
        <v>2795</v>
      </c>
      <c r="LZF729" s="424"/>
      <c r="LZG729" s="424"/>
      <c r="LZH729" s="424"/>
      <c r="LZI729" s="423" t="s">
        <v>2795</v>
      </c>
      <c r="LZJ729" s="424"/>
      <c r="LZK729" s="424"/>
      <c r="LZL729" s="424"/>
      <c r="LZM729" s="423" t="s">
        <v>2795</v>
      </c>
      <c r="LZN729" s="424"/>
      <c r="LZO729" s="424"/>
      <c r="LZP729" s="424"/>
      <c r="LZQ729" s="423" t="s">
        <v>2795</v>
      </c>
      <c r="LZR729" s="424"/>
      <c r="LZS729" s="424"/>
      <c r="LZT729" s="424"/>
      <c r="LZU729" s="423" t="s">
        <v>2795</v>
      </c>
      <c r="LZV729" s="424"/>
      <c r="LZW729" s="424"/>
      <c r="LZX729" s="424"/>
      <c r="LZY729" s="423" t="s">
        <v>2795</v>
      </c>
      <c r="LZZ729" s="424"/>
      <c r="MAA729" s="424"/>
      <c r="MAB729" s="424"/>
      <c r="MAC729" s="423" t="s">
        <v>2795</v>
      </c>
      <c r="MAD729" s="424"/>
      <c r="MAE729" s="424"/>
      <c r="MAF729" s="424"/>
      <c r="MAG729" s="423" t="s">
        <v>2795</v>
      </c>
      <c r="MAH729" s="424"/>
      <c r="MAI729" s="424"/>
      <c r="MAJ729" s="424"/>
      <c r="MAK729" s="423" t="s">
        <v>2795</v>
      </c>
      <c r="MAL729" s="424"/>
      <c r="MAM729" s="424"/>
      <c r="MAN729" s="424"/>
      <c r="MAO729" s="423" t="s">
        <v>2795</v>
      </c>
      <c r="MAP729" s="424"/>
      <c r="MAQ729" s="424"/>
      <c r="MAR729" s="424"/>
      <c r="MAS729" s="423" t="s">
        <v>2795</v>
      </c>
      <c r="MAT729" s="424"/>
      <c r="MAU729" s="424"/>
      <c r="MAV729" s="424"/>
      <c r="MAW729" s="423" t="s">
        <v>2795</v>
      </c>
      <c r="MAX729" s="424"/>
      <c r="MAY729" s="424"/>
      <c r="MAZ729" s="424"/>
      <c r="MBA729" s="423" t="s">
        <v>2795</v>
      </c>
      <c r="MBB729" s="424"/>
      <c r="MBC729" s="424"/>
      <c r="MBD729" s="424"/>
      <c r="MBE729" s="423" t="s">
        <v>2795</v>
      </c>
      <c r="MBF729" s="424"/>
      <c r="MBG729" s="424"/>
      <c r="MBH729" s="424"/>
      <c r="MBI729" s="423" t="s">
        <v>2795</v>
      </c>
      <c r="MBJ729" s="424"/>
      <c r="MBK729" s="424"/>
      <c r="MBL729" s="424"/>
      <c r="MBM729" s="423" t="s">
        <v>2795</v>
      </c>
      <c r="MBN729" s="424"/>
      <c r="MBO729" s="424"/>
      <c r="MBP729" s="424"/>
      <c r="MBQ729" s="423" t="s">
        <v>2795</v>
      </c>
      <c r="MBR729" s="424"/>
      <c r="MBS729" s="424"/>
      <c r="MBT729" s="424"/>
      <c r="MBU729" s="423" t="s">
        <v>2795</v>
      </c>
      <c r="MBV729" s="424"/>
      <c r="MBW729" s="424"/>
      <c r="MBX729" s="424"/>
      <c r="MBY729" s="423" t="s">
        <v>2795</v>
      </c>
      <c r="MBZ729" s="424"/>
      <c r="MCA729" s="424"/>
      <c r="MCB729" s="424"/>
      <c r="MCC729" s="423" t="s">
        <v>2795</v>
      </c>
      <c r="MCD729" s="424"/>
      <c r="MCE729" s="424"/>
      <c r="MCF729" s="424"/>
      <c r="MCG729" s="423" t="s">
        <v>2795</v>
      </c>
      <c r="MCH729" s="424"/>
      <c r="MCI729" s="424"/>
      <c r="MCJ729" s="424"/>
      <c r="MCK729" s="423" t="s">
        <v>2795</v>
      </c>
      <c r="MCL729" s="424"/>
      <c r="MCM729" s="424"/>
      <c r="MCN729" s="424"/>
      <c r="MCO729" s="423" t="s">
        <v>2795</v>
      </c>
      <c r="MCP729" s="424"/>
      <c r="MCQ729" s="424"/>
      <c r="MCR729" s="424"/>
      <c r="MCS729" s="423" t="s">
        <v>2795</v>
      </c>
      <c r="MCT729" s="424"/>
      <c r="MCU729" s="424"/>
      <c r="MCV729" s="424"/>
      <c r="MCW729" s="423" t="s">
        <v>2795</v>
      </c>
      <c r="MCX729" s="424"/>
      <c r="MCY729" s="424"/>
      <c r="MCZ729" s="424"/>
      <c r="MDA729" s="423" t="s">
        <v>2795</v>
      </c>
      <c r="MDB729" s="424"/>
      <c r="MDC729" s="424"/>
      <c r="MDD729" s="424"/>
      <c r="MDE729" s="423" t="s">
        <v>2795</v>
      </c>
      <c r="MDF729" s="424"/>
      <c r="MDG729" s="424"/>
      <c r="MDH729" s="424"/>
      <c r="MDI729" s="423" t="s">
        <v>2795</v>
      </c>
      <c r="MDJ729" s="424"/>
      <c r="MDK729" s="424"/>
      <c r="MDL729" s="424"/>
      <c r="MDM729" s="423" t="s">
        <v>2795</v>
      </c>
      <c r="MDN729" s="424"/>
      <c r="MDO729" s="424"/>
      <c r="MDP729" s="424"/>
      <c r="MDQ729" s="423" t="s">
        <v>2795</v>
      </c>
      <c r="MDR729" s="424"/>
      <c r="MDS729" s="424"/>
      <c r="MDT729" s="424"/>
      <c r="MDU729" s="423" t="s">
        <v>2795</v>
      </c>
      <c r="MDV729" s="424"/>
      <c r="MDW729" s="424"/>
      <c r="MDX729" s="424"/>
      <c r="MDY729" s="423" t="s">
        <v>2795</v>
      </c>
      <c r="MDZ729" s="424"/>
      <c r="MEA729" s="424"/>
      <c r="MEB729" s="424"/>
      <c r="MEC729" s="423" t="s">
        <v>2795</v>
      </c>
      <c r="MED729" s="424"/>
      <c r="MEE729" s="424"/>
      <c r="MEF729" s="424"/>
      <c r="MEG729" s="423" t="s">
        <v>2795</v>
      </c>
      <c r="MEH729" s="424"/>
      <c r="MEI729" s="424"/>
      <c r="MEJ729" s="424"/>
      <c r="MEK729" s="423" t="s">
        <v>2795</v>
      </c>
      <c r="MEL729" s="424"/>
      <c r="MEM729" s="424"/>
      <c r="MEN729" s="424"/>
      <c r="MEO729" s="423" t="s">
        <v>2795</v>
      </c>
      <c r="MEP729" s="424"/>
      <c r="MEQ729" s="424"/>
      <c r="MER729" s="424"/>
      <c r="MES729" s="423" t="s">
        <v>2795</v>
      </c>
      <c r="MET729" s="424"/>
      <c r="MEU729" s="424"/>
      <c r="MEV729" s="424"/>
      <c r="MEW729" s="423" t="s">
        <v>2795</v>
      </c>
      <c r="MEX729" s="424"/>
      <c r="MEY729" s="424"/>
      <c r="MEZ729" s="424"/>
      <c r="MFA729" s="423" t="s">
        <v>2795</v>
      </c>
      <c r="MFB729" s="424"/>
      <c r="MFC729" s="424"/>
      <c r="MFD729" s="424"/>
      <c r="MFE729" s="423" t="s">
        <v>2795</v>
      </c>
      <c r="MFF729" s="424"/>
      <c r="MFG729" s="424"/>
      <c r="MFH729" s="424"/>
      <c r="MFI729" s="423" t="s">
        <v>2795</v>
      </c>
      <c r="MFJ729" s="424"/>
      <c r="MFK729" s="424"/>
      <c r="MFL729" s="424"/>
      <c r="MFM729" s="423" t="s">
        <v>2795</v>
      </c>
      <c r="MFN729" s="424"/>
      <c r="MFO729" s="424"/>
      <c r="MFP729" s="424"/>
      <c r="MFQ729" s="423" t="s">
        <v>2795</v>
      </c>
      <c r="MFR729" s="424"/>
      <c r="MFS729" s="424"/>
      <c r="MFT729" s="424"/>
      <c r="MFU729" s="423" t="s">
        <v>2795</v>
      </c>
      <c r="MFV729" s="424"/>
      <c r="MFW729" s="424"/>
      <c r="MFX729" s="424"/>
      <c r="MFY729" s="423" t="s">
        <v>2795</v>
      </c>
      <c r="MFZ729" s="424"/>
      <c r="MGA729" s="424"/>
      <c r="MGB729" s="424"/>
      <c r="MGC729" s="423" t="s">
        <v>2795</v>
      </c>
      <c r="MGD729" s="424"/>
      <c r="MGE729" s="424"/>
      <c r="MGF729" s="424"/>
      <c r="MGG729" s="423" t="s">
        <v>2795</v>
      </c>
      <c r="MGH729" s="424"/>
      <c r="MGI729" s="424"/>
      <c r="MGJ729" s="424"/>
      <c r="MGK729" s="423" t="s">
        <v>2795</v>
      </c>
      <c r="MGL729" s="424"/>
      <c r="MGM729" s="424"/>
      <c r="MGN729" s="424"/>
      <c r="MGO729" s="423" t="s">
        <v>2795</v>
      </c>
      <c r="MGP729" s="424"/>
      <c r="MGQ729" s="424"/>
      <c r="MGR729" s="424"/>
      <c r="MGS729" s="423" t="s">
        <v>2795</v>
      </c>
      <c r="MGT729" s="424"/>
      <c r="MGU729" s="424"/>
      <c r="MGV729" s="424"/>
      <c r="MGW729" s="423" t="s">
        <v>2795</v>
      </c>
      <c r="MGX729" s="424"/>
      <c r="MGY729" s="424"/>
      <c r="MGZ729" s="424"/>
      <c r="MHA729" s="423" t="s">
        <v>2795</v>
      </c>
      <c r="MHB729" s="424"/>
      <c r="MHC729" s="424"/>
      <c r="MHD729" s="424"/>
      <c r="MHE729" s="423" t="s">
        <v>2795</v>
      </c>
      <c r="MHF729" s="424"/>
      <c r="MHG729" s="424"/>
      <c r="MHH729" s="424"/>
      <c r="MHI729" s="423" t="s">
        <v>2795</v>
      </c>
      <c r="MHJ729" s="424"/>
      <c r="MHK729" s="424"/>
      <c r="MHL729" s="424"/>
      <c r="MHM729" s="423" t="s">
        <v>2795</v>
      </c>
      <c r="MHN729" s="424"/>
      <c r="MHO729" s="424"/>
      <c r="MHP729" s="424"/>
      <c r="MHQ729" s="423" t="s">
        <v>2795</v>
      </c>
      <c r="MHR729" s="424"/>
      <c r="MHS729" s="424"/>
      <c r="MHT729" s="424"/>
      <c r="MHU729" s="423" t="s">
        <v>2795</v>
      </c>
      <c r="MHV729" s="424"/>
      <c r="MHW729" s="424"/>
      <c r="MHX729" s="424"/>
      <c r="MHY729" s="423" t="s">
        <v>2795</v>
      </c>
      <c r="MHZ729" s="424"/>
      <c r="MIA729" s="424"/>
      <c r="MIB729" s="424"/>
      <c r="MIC729" s="423" t="s">
        <v>2795</v>
      </c>
      <c r="MID729" s="424"/>
      <c r="MIE729" s="424"/>
      <c r="MIF729" s="424"/>
      <c r="MIG729" s="423" t="s">
        <v>2795</v>
      </c>
      <c r="MIH729" s="424"/>
      <c r="MII729" s="424"/>
      <c r="MIJ729" s="424"/>
      <c r="MIK729" s="423" t="s">
        <v>2795</v>
      </c>
      <c r="MIL729" s="424"/>
      <c r="MIM729" s="424"/>
      <c r="MIN729" s="424"/>
      <c r="MIO729" s="423" t="s">
        <v>2795</v>
      </c>
      <c r="MIP729" s="424"/>
      <c r="MIQ729" s="424"/>
      <c r="MIR729" s="424"/>
      <c r="MIS729" s="423" t="s">
        <v>2795</v>
      </c>
      <c r="MIT729" s="424"/>
      <c r="MIU729" s="424"/>
      <c r="MIV729" s="424"/>
      <c r="MIW729" s="423" t="s">
        <v>2795</v>
      </c>
      <c r="MIX729" s="424"/>
      <c r="MIY729" s="424"/>
      <c r="MIZ729" s="424"/>
      <c r="MJA729" s="423" t="s">
        <v>2795</v>
      </c>
      <c r="MJB729" s="424"/>
      <c r="MJC729" s="424"/>
      <c r="MJD729" s="424"/>
      <c r="MJE729" s="423" t="s">
        <v>2795</v>
      </c>
      <c r="MJF729" s="424"/>
      <c r="MJG729" s="424"/>
      <c r="MJH729" s="424"/>
      <c r="MJI729" s="423" t="s">
        <v>2795</v>
      </c>
      <c r="MJJ729" s="424"/>
      <c r="MJK729" s="424"/>
      <c r="MJL729" s="424"/>
      <c r="MJM729" s="423" t="s">
        <v>2795</v>
      </c>
      <c r="MJN729" s="424"/>
      <c r="MJO729" s="424"/>
      <c r="MJP729" s="424"/>
      <c r="MJQ729" s="423" t="s">
        <v>2795</v>
      </c>
      <c r="MJR729" s="424"/>
      <c r="MJS729" s="424"/>
      <c r="MJT729" s="424"/>
      <c r="MJU729" s="423" t="s">
        <v>2795</v>
      </c>
      <c r="MJV729" s="424"/>
      <c r="MJW729" s="424"/>
      <c r="MJX729" s="424"/>
      <c r="MJY729" s="423" t="s">
        <v>2795</v>
      </c>
      <c r="MJZ729" s="424"/>
      <c r="MKA729" s="424"/>
      <c r="MKB729" s="424"/>
      <c r="MKC729" s="423" t="s">
        <v>2795</v>
      </c>
      <c r="MKD729" s="424"/>
      <c r="MKE729" s="424"/>
      <c r="MKF729" s="424"/>
      <c r="MKG729" s="423" t="s">
        <v>2795</v>
      </c>
      <c r="MKH729" s="424"/>
      <c r="MKI729" s="424"/>
      <c r="MKJ729" s="424"/>
      <c r="MKK729" s="423" t="s">
        <v>2795</v>
      </c>
      <c r="MKL729" s="424"/>
      <c r="MKM729" s="424"/>
      <c r="MKN729" s="424"/>
      <c r="MKO729" s="423" t="s">
        <v>2795</v>
      </c>
      <c r="MKP729" s="424"/>
      <c r="MKQ729" s="424"/>
      <c r="MKR729" s="424"/>
      <c r="MKS729" s="423" t="s">
        <v>2795</v>
      </c>
      <c r="MKT729" s="424"/>
      <c r="MKU729" s="424"/>
      <c r="MKV729" s="424"/>
      <c r="MKW729" s="423" t="s">
        <v>2795</v>
      </c>
      <c r="MKX729" s="424"/>
      <c r="MKY729" s="424"/>
      <c r="MKZ729" s="424"/>
      <c r="MLA729" s="423" t="s">
        <v>2795</v>
      </c>
      <c r="MLB729" s="424"/>
      <c r="MLC729" s="424"/>
      <c r="MLD729" s="424"/>
      <c r="MLE729" s="423" t="s">
        <v>2795</v>
      </c>
      <c r="MLF729" s="424"/>
      <c r="MLG729" s="424"/>
      <c r="MLH729" s="424"/>
      <c r="MLI729" s="423" t="s">
        <v>2795</v>
      </c>
      <c r="MLJ729" s="424"/>
      <c r="MLK729" s="424"/>
      <c r="MLL729" s="424"/>
      <c r="MLM729" s="423" t="s">
        <v>2795</v>
      </c>
      <c r="MLN729" s="424"/>
      <c r="MLO729" s="424"/>
      <c r="MLP729" s="424"/>
      <c r="MLQ729" s="423" t="s">
        <v>2795</v>
      </c>
      <c r="MLR729" s="424"/>
      <c r="MLS729" s="424"/>
      <c r="MLT729" s="424"/>
      <c r="MLU729" s="423" t="s">
        <v>2795</v>
      </c>
      <c r="MLV729" s="424"/>
      <c r="MLW729" s="424"/>
      <c r="MLX729" s="424"/>
      <c r="MLY729" s="423" t="s">
        <v>2795</v>
      </c>
      <c r="MLZ729" s="424"/>
      <c r="MMA729" s="424"/>
      <c r="MMB729" s="424"/>
      <c r="MMC729" s="423" t="s">
        <v>2795</v>
      </c>
      <c r="MMD729" s="424"/>
      <c r="MME729" s="424"/>
      <c r="MMF729" s="424"/>
      <c r="MMG729" s="423" t="s">
        <v>2795</v>
      </c>
      <c r="MMH729" s="424"/>
      <c r="MMI729" s="424"/>
      <c r="MMJ729" s="424"/>
      <c r="MMK729" s="423" t="s">
        <v>2795</v>
      </c>
      <c r="MML729" s="424"/>
      <c r="MMM729" s="424"/>
      <c r="MMN729" s="424"/>
      <c r="MMO729" s="423" t="s">
        <v>2795</v>
      </c>
      <c r="MMP729" s="424"/>
      <c r="MMQ729" s="424"/>
      <c r="MMR729" s="424"/>
      <c r="MMS729" s="423" t="s">
        <v>2795</v>
      </c>
      <c r="MMT729" s="424"/>
      <c r="MMU729" s="424"/>
      <c r="MMV729" s="424"/>
      <c r="MMW729" s="423" t="s">
        <v>2795</v>
      </c>
      <c r="MMX729" s="424"/>
      <c r="MMY729" s="424"/>
      <c r="MMZ729" s="424"/>
      <c r="MNA729" s="423" t="s">
        <v>2795</v>
      </c>
      <c r="MNB729" s="424"/>
      <c r="MNC729" s="424"/>
      <c r="MND729" s="424"/>
      <c r="MNE729" s="423" t="s">
        <v>2795</v>
      </c>
      <c r="MNF729" s="424"/>
      <c r="MNG729" s="424"/>
      <c r="MNH729" s="424"/>
      <c r="MNI729" s="423" t="s">
        <v>2795</v>
      </c>
      <c r="MNJ729" s="424"/>
      <c r="MNK729" s="424"/>
      <c r="MNL729" s="424"/>
      <c r="MNM729" s="423" t="s">
        <v>2795</v>
      </c>
      <c r="MNN729" s="424"/>
      <c r="MNO729" s="424"/>
      <c r="MNP729" s="424"/>
      <c r="MNQ729" s="423" t="s">
        <v>2795</v>
      </c>
      <c r="MNR729" s="424"/>
      <c r="MNS729" s="424"/>
      <c r="MNT729" s="424"/>
      <c r="MNU729" s="423" t="s">
        <v>2795</v>
      </c>
      <c r="MNV729" s="424"/>
      <c r="MNW729" s="424"/>
      <c r="MNX729" s="424"/>
      <c r="MNY729" s="423" t="s">
        <v>2795</v>
      </c>
      <c r="MNZ729" s="424"/>
      <c r="MOA729" s="424"/>
      <c r="MOB729" s="424"/>
      <c r="MOC729" s="423" t="s">
        <v>2795</v>
      </c>
      <c r="MOD729" s="424"/>
      <c r="MOE729" s="424"/>
      <c r="MOF729" s="424"/>
      <c r="MOG729" s="423" t="s">
        <v>2795</v>
      </c>
      <c r="MOH729" s="424"/>
      <c r="MOI729" s="424"/>
      <c r="MOJ729" s="424"/>
      <c r="MOK729" s="423" t="s">
        <v>2795</v>
      </c>
      <c r="MOL729" s="424"/>
      <c r="MOM729" s="424"/>
      <c r="MON729" s="424"/>
      <c r="MOO729" s="423" t="s">
        <v>2795</v>
      </c>
      <c r="MOP729" s="424"/>
      <c r="MOQ729" s="424"/>
      <c r="MOR729" s="424"/>
      <c r="MOS729" s="423" t="s">
        <v>2795</v>
      </c>
      <c r="MOT729" s="424"/>
      <c r="MOU729" s="424"/>
      <c r="MOV729" s="424"/>
      <c r="MOW729" s="423" t="s">
        <v>2795</v>
      </c>
      <c r="MOX729" s="424"/>
      <c r="MOY729" s="424"/>
      <c r="MOZ729" s="424"/>
      <c r="MPA729" s="423" t="s">
        <v>2795</v>
      </c>
      <c r="MPB729" s="424"/>
      <c r="MPC729" s="424"/>
      <c r="MPD729" s="424"/>
      <c r="MPE729" s="423" t="s">
        <v>2795</v>
      </c>
      <c r="MPF729" s="424"/>
      <c r="MPG729" s="424"/>
      <c r="MPH729" s="424"/>
      <c r="MPI729" s="423" t="s">
        <v>2795</v>
      </c>
      <c r="MPJ729" s="424"/>
      <c r="MPK729" s="424"/>
      <c r="MPL729" s="424"/>
      <c r="MPM729" s="423" t="s">
        <v>2795</v>
      </c>
      <c r="MPN729" s="424"/>
      <c r="MPO729" s="424"/>
      <c r="MPP729" s="424"/>
      <c r="MPQ729" s="423" t="s">
        <v>2795</v>
      </c>
      <c r="MPR729" s="424"/>
      <c r="MPS729" s="424"/>
      <c r="MPT729" s="424"/>
      <c r="MPU729" s="423" t="s">
        <v>2795</v>
      </c>
      <c r="MPV729" s="424"/>
      <c r="MPW729" s="424"/>
      <c r="MPX729" s="424"/>
      <c r="MPY729" s="423" t="s">
        <v>2795</v>
      </c>
      <c r="MPZ729" s="424"/>
      <c r="MQA729" s="424"/>
      <c r="MQB729" s="424"/>
      <c r="MQC729" s="423" t="s">
        <v>2795</v>
      </c>
      <c r="MQD729" s="424"/>
      <c r="MQE729" s="424"/>
      <c r="MQF729" s="424"/>
      <c r="MQG729" s="423" t="s">
        <v>2795</v>
      </c>
      <c r="MQH729" s="424"/>
      <c r="MQI729" s="424"/>
      <c r="MQJ729" s="424"/>
      <c r="MQK729" s="423" t="s">
        <v>2795</v>
      </c>
      <c r="MQL729" s="424"/>
      <c r="MQM729" s="424"/>
      <c r="MQN729" s="424"/>
      <c r="MQO729" s="423" t="s">
        <v>2795</v>
      </c>
      <c r="MQP729" s="424"/>
      <c r="MQQ729" s="424"/>
      <c r="MQR729" s="424"/>
      <c r="MQS729" s="423" t="s">
        <v>2795</v>
      </c>
      <c r="MQT729" s="424"/>
      <c r="MQU729" s="424"/>
      <c r="MQV729" s="424"/>
      <c r="MQW729" s="423" t="s">
        <v>2795</v>
      </c>
      <c r="MQX729" s="424"/>
      <c r="MQY729" s="424"/>
      <c r="MQZ729" s="424"/>
      <c r="MRA729" s="423" t="s">
        <v>2795</v>
      </c>
      <c r="MRB729" s="424"/>
      <c r="MRC729" s="424"/>
      <c r="MRD729" s="424"/>
      <c r="MRE729" s="423" t="s">
        <v>2795</v>
      </c>
      <c r="MRF729" s="424"/>
      <c r="MRG729" s="424"/>
      <c r="MRH729" s="424"/>
      <c r="MRI729" s="423" t="s">
        <v>2795</v>
      </c>
      <c r="MRJ729" s="424"/>
      <c r="MRK729" s="424"/>
      <c r="MRL729" s="424"/>
      <c r="MRM729" s="423" t="s">
        <v>2795</v>
      </c>
      <c r="MRN729" s="424"/>
      <c r="MRO729" s="424"/>
      <c r="MRP729" s="424"/>
      <c r="MRQ729" s="423" t="s">
        <v>2795</v>
      </c>
      <c r="MRR729" s="424"/>
      <c r="MRS729" s="424"/>
      <c r="MRT729" s="424"/>
      <c r="MRU729" s="423" t="s">
        <v>2795</v>
      </c>
      <c r="MRV729" s="424"/>
      <c r="MRW729" s="424"/>
      <c r="MRX729" s="424"/>
      <c r="MRY729" s="423" t="s">
        <v>2795</v>
      </c>
      <c r="MRZ729" s="424"/>
      <c r="MSA729" s="424"/>
      <c r="MSB729" s="424"/>
      <c r="MSC729" s="423" t="s">
        <v>2795</v>
      </c>
      <c r="MSD729" s="424"/>
      <c r="MSE729" s="424"/>
      <c r="MSF729" s="424"/>
      <c r="MSG729" s="423" t="s">
        <v>2795</v>
      </c>
      <c r="MSH729" s="424"/>
      <c r="MSI729" s="424"/>
      <c r="MSJ729" s="424"/>
      <c r="MSK729" s="423" t="s">
        <v>2795</v>
      </c>
      <c r="MSL729" s="424"/>
      <c r="MSM729" s="424"/>
      <c r="MSN729" s="424"/>
      <c r="MSO729" s="423" t="s">
        <v>2795</v>
      </c>
      <c r="MSP729" s="424"/>
      <c r="MSQ729" s="424"/>
      <c r="MSR729" s="424"/>
      <c r="MSS729" s="423" t="s">
        <v>2795</v>
      </c>
      <c r="MST729" s="424"/>
      <c r="MSU729" s="424"/>
      <c r="MSV729" s="424"/>
      <c r="MSW729" s="423" t="s">
        <v>2795</v>
      </c>
      <c r="MSX729" s="424"/>
      <c r="MSY729" s="424"/>
      <c r="MSZ729" s="424"/>
      <c r="MTA729" s="423" t="s">
        <v>2795</v>
      </c>
      <c r="MTB729" s="424"/>
      <c r="MTC729" s="424"/>
      <c r="MTD729" s="424"/>
      <c r="MTE729" s="423" t="s">
        <v>2795</v>
      </c>
      <c r="MTF729" s="424"/>
      <c r="MTG729" s="424"/>
      <c r="MTH729" s="424"/>
      <c r="MTI729" s="423" t="s">
        <v>2795</v>
      </c>
      <c r="MTJ729" s="424"/>
      <c r="MTK729" s="424"/>
      <c r="MTL729" s="424"/>
      <c r="MTM729" s="423" t="s">
        <v>2795</v>
      </c>
      <c r="MTN729" s="424"/>
      <c r="MTO729" s="424"/>
      <c r="MTP729" s="424"/>
      <c r="MTQ729" s="423" t="s">
        <v>2795</v>
      </c>
      <c r="MTR729" s="424"/>
      <c r="MTS729" s="424"/>
      <c r="MTT729" s="424"/>
      <c r="MTU729" s="423" t="s">
        <v>2795</v>
      </c>
      <c r="MTV729" s="424"/>
      <c r="MTW729" s="424"/>
      <c r="MTX729" s="424"/>
      <c r="MTY729" s="423" t="s">
        <v>2795</v>
      </c>
      <c r="MTZ729" s="424"/>
      <c r="MUA729" s="424"/>
      <c r="MUB729" s="424"/>
      <c r="MUC729" s="423" t="s">
        <v>2795</v>
      </c>
      <c r="MUD729" s="424"/>
      <c r="MUE729" s="424"/>
      <c r="MUF729" s="424"/>
      <c r="MUG729" s="423" t="s">
        <v>2795</v>
      </c>
      <c r="MUH729" s="424"/>
      <c r="MUI729" s="424"/>
      <c r="MUJ729" s="424"/>
      <c r="MUK729" s="423" t="s">
        <v>2795</v>
      </c>
      <c r="MUL729" s="424"/>
      <c r="MUM729" s="424"/>
      <c r="MUN729" s="424"/>
      <c r="MUO729" s="423" t="s">
        <v>2795</v>
      </c>
      <c r="MUP729" s="424"/>
      <c r="MUQ729" s="424"/>
      <c r="MUR729" s="424"/>
      <c r="MUS729" s="423" t="s">
        <v>2795</v>
      </c>
      <c r="MUT729" s="424"/>
      <c r="MUU729" s="424"/>
      <c r="MUV729" s="424"/>
      <c r="MUW729" s="423" t="s">
        <v>2795</v>
      </c>
      <c r="MUX729" s="424"/>
      <c r="MUY729" s="424"/>
      <c r="MUZ729" s="424"/>
      <c r="MVA729" s="423" t="s">
        <v>2795</v>
      </c>
      <c r="MVB729" s="424"/>
      <c r="MVC729" s="424"/>
      <c r="MVD729" s="424"/>
      <c r="MVE729" s="423" t="s">
        <v>2795</v>
      </c>
      <c r="MVF729" s="424"/>
      <c r="MVG729" s="424"/>
      <c r="MVH729" s="424"/>
      <c r="MVI729" s="423" t="s">
        <v>2795</v>
      </c>
      <c r="MVJ729" s="424"/>
      <c r="MVK729" s="424"/>
      <c r="MVL729" s="424"/>
      <c r="MVM729" s="423" t="s">
        <v>2795</v>
      </c>
      <c r="MVN729" s="424"/>
      <c r="MVO729" s="424"/>
      <c r="MVP729" s="424"/>
      <c r="MVQ729" s="423" t="s">
        <v>2795</v>
      </c>
      <c r="MVR729" s="424"/>
      <c r="MVS729" s="424"/>
      <c r="MVT729" s="424"/>
      <c r="MVU729" s="423" t="s">
        <v>2795</v>
      </c>
      <c r="MVV729" s="424"/>
      <c r="MVW729" s="424"/>
      <c r="MVX729" s="424"/>
      <c r="MVY729" s="423" t="s">
        <v>2795</v>
      </c>
      <c r="MVZ729" s="424"/>
      <c r="MWA729" s="424"/>
      <c r="MWB729" s="424"/>
      <c r="MWC729" s="423" t="s">
        <v>2795</v>
      </c>
      <c r="MWD729" s="424"/>
      <c r="MWE729" s="424"/>
      <c r="MWF729" s="424"/>
      <c r="MWG729" s="423" t="s">
        <v>2795</v>
      </c>
      <c r="MWH729" s="424"/>
      <c r="MWI729" s="424"/>
      <c r="MWJ729" s="424"/>
      <c r="MWK729" s="423" t="s">
        <v>2795</v>
      </c>
      <c r="MWL729" s="424"/>
      <c r="MWM729" s="424"/>
      <c r="MWN729" s="424"/>
      <c r="MWO729" s="423" t="s">
        <v>2795</v>
      </c>
      <c r="MWP729" s="424"/>
      <c r="MWQ729" s="424"/>
      <c r="MWR729" s="424"/>
      <c r="MWS729" s="423" t="s">
        <v>2795</v>
      </c>
      <c r="MWT729" s="424"/>
      <c r="MWU729" s="424"/>
      <c r="MWV729" s="424"/>
      <c r="MWW729" s="423" t="s">
        <v>2795</v>
      </c>
      <c r="MWX729" s="424"/>
      <c r="MWY729" s="424"/>
      <c r="MWZ729" s="424"/>
      <c r="MXA729" s="423" t="s">
        <v>2795</v>
      </c>
      <c r="MXB729" s="424"/>
      <c r="MXC729" s="424"/>
      <c r="MXD729" s="424"/>
      <c r="MXE729" s="423" t="s">
        <v>2795</v>
      </c>
      <c r="MXF729" s="424"/>
      <c r="MXG729" s="424"/>
      <c r="MXH729" s="424"/>
      <c r="MXI729" s="423" t="s">
        <v>2795</v>
      </c>
      <c r="MXJ729" s="424"/>
      <c r="MXK729" s="424"/>
      <c r="MXL729" s="424"/>
      <c r="MXM729" s="423" t="s">
        <v>2795</v>
      </c>
      <c r="MXN729" s="424"/>
      <c r="MXO729" s="424"/>
      <c r="MXP729" s="424"/>
      <c r="MXQ729" s="423" t="s">
        <v>2795</v>
      </c>
      <c r="MXR729" s="424"/>
      <c r="MXS729" s="424"/>
      <c r="MXT729" s="424"/>
      <c r="MXU729" s="423" t="s">
        <v>2795</v>
      </c>
      <c r="MXV729" s="424"/>
      <c r="MXW729" s="424"/>
      <c r="MXX729" s="424"/>
      <c r="MXY729" s="423" t="s">
        <v>2795</v>
      </c>
      <c r="MXZ729" s="424"/>
      <c r="MYA729" s="424"/>
      <c r="MYB729" s="424"/>
      <c r="MYC729" s="423" t="s">
        <v>2795</v>
      </c>
      <c r="MYD729" s="424"/>
      <c r="MYE729" s="424"/>
      <c r="MYF729" s="424"/>
      <c r="MYG729" s="423" t="s">
        <v>2795</v>
      </c>
      <c r="MYH729" s="424"/>
      <c r="MYI729" s="424"/>
      <c r="MYJ729" s="424"/>
      <c r="MYK729" s="423" t="s">
        <v>2795</v>
      </c>
      <c r="MYL729" s="424"/>
      <c r="MYM729" s="424"/>
      <c r="MYN729" s="424"/>
      <c r="MYO729" s="423" t="s">
        <v>2795</v>
      </c>
      <c r="MYP729" s="424"/>
      <c r="MYQ729" s="424"/>
      <c r="MYR729" s="424"/>
      <c r="MYS729" s="423" t="s">
        <v>2795</v>
      </c>
      <c r="MYT729" s="424"/>
      <c r="MYU729" s="424"/>
      <c r="MYV729" s="424"/>
      <c r="MYW729" s="423" t="s">
        <v>2795</v>
      </c>
      <c r="MYX729" s="424"/>
      <c r="MYY729" s="424"/>
      <c r="MYZ729" s="424"/>
      <c r="MZA729" s="423" t="s">
        <v>2795</v>
      </c>
      <c r="MZB729" s="424"/>
      <c r="MZC729" s="424"/>
      <c r="MZD729" s="424"/>
      <c r="MZE729" s="423" t="s">
        <v>2795</v>
      </c>
      <c r="MZF729" s="424"/>
      <c r="MZG729" s="424"/>
      <c r="MZH729" s="424"/>
      <c r="MZI729" s="423" t="s">
        <v>2795</v>
      </c>
      <c r="MZJ729" s="424"/>
      <c r="MZK729" s="424"/>
      <c r="MZL729" s="424"/>
      <c r="MZM729" s="423" t="s">
        <v>2795</v>
      </c>
      <c r="MZN729" s="424"/>
      <c r="MZO729" s="424"/>
      <c r="MZP729" s="424"/>
      <c r="MZQ729" s="423" t="s">
        <v>2795</v>
      </c>
      <c r="MZR729" s="424"/>
      <c r="MZS729" s="424"/>
      <c r="MZT729" s="424"/>
      <c r="MZU729" s="423" t="s">
        <v>2795</v>
      </c>
      <c r="MZV729" s="424"/>
      <c r="MZW729" s="424"/>
      <c r="MZX729" s="424"/>
      <c r="MZY729" s="423" t="s">
        <v>2795</v>
      </c>
      <c r="MZZ729" s="424"/>
      <c r="NAA729" s="424"/>
      <c r="NAB729" s="424"/>
      <c r="NAC729" s="423" t="s">
        <v>2795</v>
      </c>
      <c r="NAD729" s="424"/>
      <c r="NAE729" s="424"/>
      <c r="NAF729" s="424"/>
      <c r="NAG729" s="423" t="s">
        <v>2795</v>
      </c>
      <c r="NAH729" s="424"/>
      <c r="NAI729" s="424"/>
      <c r="NAJ729" s="424"/>
      <c r="NAK729" s="423" t="s">
        <v>2795</v>
      </c>
      <c r="NAL729" s="424"/>
      <c r="NAM729" s="424"/>
      <c r="NAN729" s="424"/>
      <c r="NAO729" s="423" t="s">
        <v>2795</v>
      </c>
      <c r="NAP729" s="424"/>
      <c r="NAQ729" s="424"/>
      <c r="NAR729" s="424"/>
      <c r="NAS729" s="423" t="s">
        <v>2795</v>
      </c>
      <c r="NAT729" s="424"/>
      <c r="NAU729" s="424"/>
      <c r="NAV729" s="424"/>
      <c r="NAW729" s="423" t="s">
        <v>2795</v>
      </c>
      <c r="NAX729" s="424"/>
      <c r="NAY729" s="424"/>
      <c r="NAZ729" s="424"/>
      <c r="NBA729" s="423" t="s">
        <v>2795</v>
      </c>
      <c r="NBB729" s="424"/>
      <c r="NBC729" s="424"/>
      <c r="NBD729" s="424"/>
      <c r="NBE729" s="423" t="s">
        <v>2795</v>
      </c>
      <c r="NBF729" s="424"/>
      <c r="NBG729" s="424"/>
      <c r="NBH729" s="424"/>
      <c r="NBI729" s="423" t="s">
        <v>2795</v>
      </c>
      <c r="NBJ729" s="424"/>
      <c r="NBK729" s="424"/>
      <c r="NBL729" s="424"/>
      <c r="NBM729" s="423" t="s">
        <v>2795</v>
      </c>
      <c r="NBN729" s="424"/>
      <c r="NBO729" s="424"/>
      <c r="NBP729" s="424"/>
      <c r="NBQ729" s="423" t="s">
        <v>2795</v>
      </c>
      <c r="NBR729" s="424"/>
      <c r="NBS729" s="424"/>
      <c r="NBT729" s="424"/>
      <c r="NBU729" s="423" t="s">
        <v>2795</v>
      </c>
      <c r="NBV729" s="424"/>
      <c r="NBW729" s="424"/>
      <c r="NBX729" s="424"/>
      <c r="NBY729" s="423" t="s">
        <v>2795</v>
      </c>
      <c r="NBZ729" s="424"/>
      <c r="NCA729" s="424"/>
      <c r="NCB729" s="424"/>
      <c r="NCC729" s="423" t="s">
        <v>2795</v>
      </c>
      <c r="NCD729" s="424"/>
      <c r="NCE729" s="424"/>
      <c r="NCF729" s="424"/>
      <c r="NCG729" s="423" t="s">
        <v>2795</v>
      </c>
      <c r="NCH729" s="424"/>
      <c r="NCI729" s="424"/>
      <c r="NCJ729" s="424"/>
      <c r="NCK729" s="423" t="s">
        <v>2795</v>
      </c>
      <c r="NCL729" s="424"/>
      <c r="NCM729" s="424"/>
      <c r="NCN729" s="424"/>
      <c r="NCO729" s="423" t="s">
        <v>2795</v>
      </c>
      <c r="NCP729" s="424"/>
      <c r="NCQ729" s="424"/>
      <c r="NCR729" s="424"/>
      <c r="NCS729" s="423" t="s">
        <v>2795</v>
      </c>
      <c r="NCT729" s="424"/>
      <c r="NCU729" s="424"/>
      <c r="NCV729" s="424"/>
      <c r="NCW729" s="423" t="s">
        <v>2795</v>
      </c>
      <c r="NCX729" s="424"/>
      <c r="NCY729" s="424"/>
      <c r="NCZ729" s="424"/>
      <c r="NDA729" s="423" t="s">
        <v>2795</v>
      </c>
      <c r="NDB729" s="424"/>
      <c r="NDC729" s="424"/>
      <c r="NDD729" s="424"/>
      <c r="NDE729" s="423" t="s">
        <v>2795</v>
      </c>
      <c r="NDF729" s="424"/>
      <c r="NDG729" s="424"/>
      <c r="NDH729" s="424"/>
      <c r="NDI729" s="423" t="s">
        <v>2795</v>
      </c>
      <c r="NDJ729" s="424"/>
      <c r="NDK729" s="424"/>
      <c r="NDL729" s="424"/>
      <c r="NDM729" s="423" t="s">
        <v>2795</v>
      </c>
      <c r="NDN729" s="424"/>
      <c r="NDO729" s="424"/>
      <c r="NDP729" s="424"/>
      <c r="NDQ729" s="423" t="s">
        <v>2795</v>
      </c>
      <c r="NDR729" s="424"/>
      <c r="NDS729" s="424"/>
      <c r="NDT729" s="424"/>
      <c r="NDU729" s="423" t="s">
        <v>2795</v>
      </c>
      <c r="NDV729" s="424"/>
      <c r="NDW729" s="424"/>
      <c r="NDX729" s="424"/>
      <c r="NDY729" s="423" t="s">
        <v>2795</v>
      </c>
      <c r="NDZ729" s="424"/>
      <c r="NEA729" s="424"/>
      <c r="NEB729" s="424"/>
      <c r="NEC729" s="423" t="s">
        <v>2795</v>
      </c>
      <c r="NED729" s="424"/>
      <c r="NEE729" s="424"/>
      <c r="NEF729" s="424"/>
      <c r="NEG729" s="423" t="s">
        <v>2795</v>
      </c>
      <c r="NEH729" s="424"/>
      <c r="NEI729" s="424"/>
      <c r="NEJ729" s="424"/>
      <c r="NEK729" s="423" t="s">
        <v>2795</v>
      </c>
      <c r="NEL729" s="424"/>
      <c r="NEM729" s="424"/>
      <c r="NEN729" s="424"/>
      <c r="NEO729" s="423" t="s">
        <v>2795</v>
      </c>
      <c r="NEP729" s="424"/>
      <c r="NEQ729" s="424"/>
      <c r="NER729" s="424"/>
      <c r="NES729" s="423" t="s">
        <v>2795</v>
      </c>
      <c r="NET729" s="424"/>
      <c r="NEU729" s="424"/>
      <c r="NEV729" s="424"/>
      <c r="NEW729" s="423" t="s">
        <v>2795</v>
      </c>
      <c r="NEX729" s="424"/>
      <c r="NEY729" s="424"/>
      <c r="NEZ729" s="424"/>
      <c r="NFA729" s="423" t="s">
        <v>2795</v>
      </c>
      <c r="NFB729" s="424"/>
      <c r="NFC729" s="424"/>
      <c r="NFD729" s="424"/>
      <c r="NFE729" s="423" t="s">
        <v>2795</v>
      </c>
      <c r="NFF729" s="424"/>
      <c r="NFG729" s="424"/>
      <c r="NFH729" s="424"/>
      <c r="NFI729" s="423" t="s">
        <v>2795</v>
      </c>
      <c r="NFJ729" s="424"/>
      <c r="NFK729" s="424"/>
      <c r="NFL729" s="424"/>
      <c r="NFM729" s="423" t="s">
        <v>2795</v>
      </c>
      <c r="NFN729" s="424"/>
      <c r="NFO729" s="424"/>
      <c r="NFP729" s="424"/>
      <c r="NFQ729" s="423" t="s">
        <v>2795</v>
      </c>
      <c r="NFR729" s="424"/>
      <c r="NFS729" s="424"/>
      <c r="NFT729" s="424"/>
      <c r="NFU729" s="423" t="s">
        <v>2795</v>
      </c>
      <c r="NFV729" s="424"/>
      <c r="NFW729" s="424"/>
      <c r="NFX729" s="424"/>
      <c r="NFY729" s="423" t="s">
        <v>2795</v>
      </c>
      <c r="NFZ729" s="424"/>
      <c r="NGA729" s="424"/>
      <c r="NGB729" s="424"/>
      <c r="NGC729" s="423" t="s">
        <v>2795</v>
      </c>
      <c r="NGD729" s="424"/>
      <c r="NGE729" s="424"/>
      <c r="NGF729" s="424"/>
      <c r="NGG729" s="423" t="s">
        <v>2795</v>
      </c>
      <c r="NGH729" s="424"/>
      <c r="NGI729" s="424"/>
      <c r="NGJ729" s="424"/>
      <c r="NGK729" s="423" t="s">
        <v>2795</v>
      </c>
      <c r="NGL729" s="424"/>
      <c r="NGM729" s="424"/>
      <c r="NGN729" s="424"/>
      <c r="NGO729" s="423" t="s">
        <v>2795</v>
      </c>
      <c r="NGP729" s="424"/>
      <c r="NGQ729" s="424"/>
      <c r="NGR729" s="424"/>
      <c r="NGS729" s="423" t="s">
        <v>2795</v>
      </c>
      <c r="NGT729" s="424"/>
      <c r="NGU729" s="424"/>
      <c r="NGV729" s="424"/>
      <c r="NGW729" s="423" t="s">
        <v>2795</v>
      </c>
      <c r="NGX729" s="424"/>
      <c r="NGY729" s="424"/>
      <c r="NGZ729" s="424"/>
      <c r="NHA729" s="423" t="s">
        <v>2795</v>
      </c>
      <c r="NHB729" s="424"/>
      <c r="NHC729" s="424"/>
      <c r="NHD729" s="424"/>
      <c r="NHE729" s="423" t="s">
        <v>2795</v>
      </c>
      <c r="NHF729" s="424"/>
      <c r="NHG729" s="424"/>
      <c r="NHH729" s="424"/>
      <c r="NHI729" s="423" t="s">
        <v>2795</v>
      </c>
      <c r="NHJ729" s="424"/>
      <c r="NHK729" s="424"/>
      <c r="NHL729" s="424"/>
      <c r="NHM729" s="423" t="s">
        <v>2795</v>
      </c>
      <c r="NHN729" s="424"/>
      <c r="NHO729" s="424"/>
      <c r="NHP729" s="424"/>
      <c r="NHQ729" s="423" t="s">
        <v>2795</v>
      </c>
      <c r="NHR729" s="424"/>
      <c r="NHS729" s="424"/>
      <c r="NHT729" s="424"/>
      <c r="NHU729" s="423" t="s">
        <v>2795</v>
      </c>
      <c r="NHV729" s="424"/>
      <c r="NHW729" s="424"/>
      <c r="NHX729" s="424"/>
      <c r="NHY729" s="423" t="s">
        <v>2795</v>
      </c>
      <c r="NHZ729" s="424"/>
      <c r="NIA729" s="424"/>
      <c r="NIB729" s="424"/>
      <c r="NIC729" s="423" t="s">
        <v>2795</v>
      </c>
      <c r="NID729" s="424"/>
      <c r="NIE729" s="424"/>
      <c r="NIF729" s="424"/>
      <c r="NIG729" s="423" t="s">
        <v>2795</v>
      </c>
      <c r="NIH729" s="424"/>
      <c r="NII729" s="424"/>
      <c r="NIJ729" s="424"/>
      <c r="NIK729" s="423" t="s">
        <v>2795</v>
      </c>
      <c r="NIL729" s="424"/>
      <c r="NIM729" s="424"/>
      <c r="NIN729" s="424"/>
      <c r="NIO729" s="423" t="s">
        <v>2795</v>
      </c>
      <c r="NIP729" s="424"/>
      <c r="NIQ729" s="424"/>
      <c r="NIR729" s="424"/>
      <c r="NIS729" s="423" t="s">
        <v>2795</v>
      </c>
      <c r="NIT729" s="424"/>
      <c r="NIU729" s="424"/>
      <c r="NIV729" s="424"/>
      <c r="NIW729" s="423" t="s">
        <v>2795</v>
      </c>
      <c r="NIX729" s="424"/>
      <c r="NIY729" s="424"/>
      <c r="NIZ729" s="424"/>
      <c r="NJA729" s="423" t="s">
        <v>2795</v>
      </c>
      <c r="NJB729" s="424"/>
      <c r="NJC729" s="424"/>
      <c r="NJD729" s="424"/>
      <c r="NJE729" s="423" t="s">
        <v>2795</v>
      </c>
      <c r="NJF729" s="424"/>
      <c r="NJG729" s="424"/>
      <c r="NJH729" s="424"/>
      <c r="NJI729" s="423" t="s">
        <v>2795</v>
      </c>
      <c r="NJJ729" s="424"/>
      <c r="NJK729" s="424"/>
      <c r="NJL729" s="424"/>
      <c r="NJM729" s="423" t="s">
        <v>2795</v>
      </c>
      <c r="NJN729" s="424"/>
      <c r="NJO729" s="424"/>
      <c r="NJP729" s="424"/>
      <c r="NJQ729" s="423" t="s">
        <v>2795</v>
      </c>
      <c r="NJR729" s="424"/>
      <c r="NJS729" s="424"/>
      <c r="NJT729" s="424"/>
      <c r="NJU729" s="423" t="s">
        <v>2795</v>
      </c>
      <c r="NJV729" s="424"/>
      <c r="NJW729" s="424"/>
      <c r="NJX729" s="424"/>
      <c r="NJY729" s="423" t="s">
        <v>2795</v>
      </c>
      <c r="NJZ729" s="424"/>
      <c r="NKA729" s="424"/>
      <c r="NKB729" s="424"/>
      <c r="NKC729" s="423" t="s">
        <v>2795</v>
      </c>
      <c r="NKD729" s="424"/>
      <c r="NKE729" s="424"/>
      <c r="NKF729" s="424"/>
      <c r="NKG729" s="423" t="s">
        <v>2795</v>
      </c>
      <c r="NKH729" s="424"/>
      <c r="NKI729" s="424"/>
      <c r="NKJ729" s="424"/>
      <c r="NKK729" s="423" t="s">
        <v>2795</v>
      </c>
      <c r="NKL729" s="424"/>
      <c r="NKM729" s="424"/>
      <c r="NKN729" s="424"/>
      <c r="NKO729" s="423" t="s">
        <v>2795</v>
      </c>
      <c r="NKP729" s="424"/>
      <c r="NKQ729" s="424"/>
      <c r="NKR729" s="424"/>
      <c r="NKS729" s="423" t="s">
        <v>2795</v>
      </c>
      <c r="NKT729" s="424"/>
      <c r="NKU729" s="424"/>
      <c r="NKV729" s="424"/>
      <c r="NKW729" s="423" t="s">
        <v>2795</v>
      </c>
      <c r="NKX729" s="424"/>
      <c r="NKY729" s="424"/>
      <c r="NKZ729" s="424"/>
      <c r="NLA729" s="423" t="s">
        <v>2795</v>
      </c>
      <c r="NLB729" s="424"/>
      <c r="NLC729" s="424"/>
      <c r="NLD729" s="424"/>
      <c r="NLE729" s="423" t="s">
        <v>2795</v>
      </c>
      <c r="NLF729" s="424"/>
      <c r="NLG729" s="424"/>
      <c r="NLH729" s="424"/>
      <c r="NLI729" s="423" t="s">
        <v>2795</v>
      </c>
      <c r="NLJ729" s="424"/>
      <c r="NLK729" s="424"/>
      <c r="NLL729" s="424"/>
      <c r="NLM729" s="423" t="s">
        <v>2795</v>
      </c>
      <c r="NLN729" s="424"/>
      <c r="NLO729" s="424"/>
      <c r="NLP729" s="424"/>
      <c r="NLQ729" s="423" t="s">
        <v>2795</v>
      </c>
      <c r="NLR729" s="424"/>
      <c r="NLS729" s="424"/>
      <c r="NLT729" s="424"/>
      <c r="NLU729" s="423" t="s">
        <v>2795</v>
      </c>
      <c r="NLV729" s="424"/>
      <c r="NLW729" s="424"/>
      <c r="NLX729" s="424"/>
      <c r="NLY729" s="423" t="s">
        <v>2795</v>
      </c>
      <c r="NLZ729" s="424"/>
      <c r="NMA729" s="424"/>
      <c r="NMB729" s="424"/>
      <c r="NMC729" s="423" t="s">
        <v>2795</v>
      </c>
      <c r="NMD729" s="424"/>
      <c r="NME729" s="424"/>
      <c r="NMF729" s="424"/>
      <c r="NMG729" s="423" t="s">
        <v>2795</v>
      </c>
      <c r="NMH729" s="424"/>
      <c r="NMI729" s="424"/>
      <c r="NMJ729" s="424"/>
      <c r="NMK729" s="423" t="s">
        <v>2795</v>
      </c>
      <c r="NML729" s="424"/>
      <c r="NMM729" s="424"/>
      <c r="NMN729" s="424"/>
      <c r="NMO729" s="423" t="s">
        <v>2795</v>
      </c>
      <c r="NMP729" s="424"/>
      <c r="NMQ729" s="424"/>
      <c r="NMR729" s="424"/>
      <c r="NMS729" s="423" t="s">
        <v>2795</v>
      </c>
      <c r="NMT729" s="424"/>
      <c r="NMU729" s="424"/>
      <c r="NMV729" s="424"/>
      <c r="NMW729" s="423" t="s">
        <v>2795</v>
      </c>
      <c r="NMX729" s="424"/>
      <c r="NMY729" s="424"/>
      <c r="NMZ729" s="424"/>
      <c r="NNA729" s="423" t="s">
        <v>2795</v>
      </c>
      <c r="NNB729" s="424"/>
      <c r="NNC729" s="424"/>
      <c r="NND729" s="424"/>
      <c r="NNE729" s="423" t="s">
        <v>2795</v>
      </c>
      <c r="NNF729" s="424"/>
      <c r="NNG729" s="424"/>
      <c r="NNH729" s="424"/>
      <c r="NNI729" s="423" t="s">
        <v>2795</v>
      </c>
      <c r="NNJ729" s="424"/>
      <c r="NNK729" s="424"/>
      <c r="NNL729" s="424"/>
      <c r="NNM729" s="423" t="s">
        <v>2795</v>
      </c>
      <c r="NNN729" s="424"/>
      <c r="NNO729" s="424"/>
      <c r="NNP729" s="424"/>
      <c r="NNQ729" s="423" t="s">
        <v>2795</v>
      </c>
      <c r="NNR729" s="424"/>
      <c r="NNS729" s="424"/>
      <c r="NNT729" s="424"/>
      <c r="NNU729" s="423" t="s">
        <v>2795</v>
      </c>
      <c r="NNV729" s="424"/>
      <c r="NNW729" s="424"/>
      <c r="NNX729" s="424"/>
      <c r="NNY729" s="423" t="s">
        <v>2795</v>
      </c>
      <c r="NNZ729" s="424"/>
      <c r="NOA729" s="424"/>
      <c r="NOB729" s="424"/>
      <c r="NOC729" s="423" t="s">
        <v>2795</v>
      </c>
      <c r="NOD729" s="424"/>
      <c r="NOE729" s="424"/>
      <c r="NOF729" s="424"/>
      <c r="NOG729" s="423" t="s">
        <v>2795</v>
      </c>
      <c r="NOH729" s="424"/>
      <c r="NOI729" s="424"/>
      <c r="NOJ729" s="424"/>
      <c r="NOK729" s="423" t="s">
        <v>2795</v>
      </c>
      <c r="NOL729" s="424"/>
      <c r="NOM729" s="424"/>
      <c r="NON729" s="424"/>
      <c r="NOO729" s="423" t="s">
        <v>2795</v>
      </c>
      <c r="NOP729" s="424"/>
      <c r="NOQ729" s="424"/>
      <c r="NOR729" s="424"/>
      <c r="NOS729" s="423" t="s">
        <v>2795</v>
      </c>
      <c r="NOT729" s="424"/>
      <c r="NOU729" s="424"/>
      <c r="NOV729" s="424"/>
      <c r="NOW729" s="423" t="s">
        <v>2795</v>
      </c>
      <c r="NOX729" s="424"/>
      <c r="NOY729" s="424"/>
      <c r="NOZ729" s="424"/>
      <c r="NPA729" s="423" t="s">
        <v>2795</v>
      </c>
      <c r="NPB729" s="424"/>
      <c r="NPC729" s="424"/>
      <c r="NPD729" s="424"/>
      <c r="NPE729" s="423" t="s">
        <v>2795</v>
      </c>
      <c r="NPF729" s="424"/>
      <c r="NPG729" s="424"/>
      <c r="NPH729" s="424"/>
      <c r="NPI729" s="423" t="s">
        <v>2795</v>
      </c>
      <c r="NPJ729" s="424"/>
      <c r="NPK729" s="424"/>
      <c r="NPL729" s="424"/>
      <c r="NPM729" s="423" t="s">
        <v>2795</v>
      </c>
      <c r="NPN729" s="424"/>
      <c r="NPO729" s="424"/>
      <c r="NPP729" s="424"/>
      <c r="NPQ729" s="423" t="s">
        <v>2795</v>
      </c>
      <c r="NPR729" s="424"/>
      <c r="NPS729" s="424"/>
      <c r="NPT729" s="424"/>
      <c r="NPU729" s="423" t="s">
        <v>2795</v>
      </c>
      <c r="NPV729" s="424"/>
      <c r="NPW729" s="424"/>
      <c r="NPX729" s="424"/>
      <c r="NPY729" s="423" t="s">
        <v>2795</v>
      </c>
      <c r="NPZ729" s="424"/>
      <c r="NQA729" s="424"/>
      <c r="NQB729" s="424"/>
      <c r="NQC729" s="423" t="s">
        <v>2795</v>
      </c>
      <c r="NQD729" s="424"/>
      <c r="NQE729" s="424"/>
      <c r="NQF729" s="424"/>
      <c r="NQG729" s="423" t="s">
        <v>2795</v>
      </c>
      <c r="NQH729" s="424"/>
      <c r="NQI729" s="424"/>
      <c r="NQJ729" s="424"/>
      <c r="NQK729" s="423" t="s">
        <v>2795</v>
      </c>
      <c r="NQL729" s="424"/>
      <c r="NQM729" s="424"/>
      <c r="NQN729" s="424"/>
      <c r="NQO729" s="423" t="s">
        <v>2795</v>
      </c>
      <c r="NQP729" s="424"/>
      <c r="NQQ729" s="424"/>
      <c r="NQR729" s="424"/>
      <c r="NQS729" s="423" t="s">
        <v>2795</v>
      </c>
      <c r="NQT729" s="424"/>
      <c r="NQU729" s="424"/>
      <c r="NQV729" s="424"/>
      <c r="NQW729" s="423" t="s">
        <v>2795</v>
      </c>
      <c r="NQX729" s="424"/>
      <c r="NQY729" s="424"/>
      <c r="NQZ729" s="424"/>
      <c r="NRA729" s="423" t="s">
        <v>2795</v>
      </c>
      <c r="NRB729" s="424"/>
      <c r="NRC729" s="424"/>
      <c r="NRD729" s="424"/>
      <c r="NRE729" s="423" t="s">
        <v>2795</v>
      </c>
      <c r="NRF729" s="424"/>
      <c r="NRG729" s="424"/>
      <c r="NRH729" s="424"/>
      <c r="NRI729" s="423" t="s">
        <v>2795</v>
      </c>
      <c r="NRJ729" s="424"/>
      <c r="NRK729" s="424"/>
      <c r="NRL729" s="424"/>
      <c r="NRM729" s="423" t="s">
        <v>2795</v>
      </c>
      <c r="NRN729" s="424"/>
      <c r="NRO729" s="424"/>
      <c r="NRP729" s="424"/>
      <c r="NRQ729" s="423" t="s">
        <v>2795</v>
      </c>
      <c r="NRR729" s="424"/>
      <c r="NRS729" s="424"/>
      <c r="NRT729" s="424"/>
      <c r="NRU729" s="423" t="s">
        <v>2795</v>
      </c>
      <c r="NRV729" s="424"/>
      <c r="NRW729" s="424"/>
      <c r="NRX729" s="424"/>
      <c r="NRY729" s="423" t="s">
        <v>2795</v>
      </c>
      <c r="NRZ729" s="424"/>
      <c r="NSA729" s="424"/>
      <c r="NSB729" s="424"/>
      <c r="NSC729" s="423" t="s">
        <v>2795</v>
      </c>
      <c r="NSD729" s="424"/>
      <c r="NSE729" s="424"/>
      <c r="NSF729" s="424"/>
      <c r="NSG729" s="423" t="s">
        <v>2795</v>
      </c>
      <c r="NSH729" s="424"/>
      <c r="NSI729" s="424"/>
      <c r="NSJ729" s="424"/>
      <c r="NSK729" s="423" t="s">
        <v>2795</v>
      </c>
      <c r="NSL729" s="424"/>
      <c r="NSM729" s="424"/>
      <c r="NSN729" s="424"/>
      <c r="NSO729" s="423" t="s">
        <v>2795</v>
      </c>
      <c r="NSP729" s="424"/>
      <c r="NSQ729" s="424"/>
      <c r="NSR729" s="424"/>
      <c r="NSS729" s="423" t="s">
        <v>2795</v>
      </c>
      <c r="NST729" s="424"/>
      <c r="NSU729" s="424"/>
      <c r="NSV729" s="424"/>
      <c r="NSW729" s="423" t="s">
        <v>2795</v>
      </c>
      <c r="NSX729" s="424"/>
      <c r="NSY729" s="424"/>
      <c r="NSZ729" s="424"/>
      <c r="NTA729" s="423" t="s">
        <v>2795</v>
      </c>
      <c r="NTB729" s="424"/>
      <c r="NTC729" s="424"/>
      <c r="NTD729" s="424"/>
      <c r="NTE729" s="423" t="s">
        <v>2795</v>
      </c>
      <c r="NTF729" s="424"/>
      <c r="NTG729" s="424"/>
      <c r="NTH729" s="424"/>
      <c r="NTI729" s="423" t="s">
        <v>2795</v>
      </c>
      <c r="NTJ729" s="424"/>
      <c r="NTK729" s="424"/>
      <c r="NTL729" s="424"/>
      <c r="NTM729" s="423" t="s">
        <v>2795</v>
      </c>
      <c r="NTN729" s="424"/>
      <c r="NTO729" s="424"/>
      <c r="NTP729" s="424"/>
      <c r="NTQ729" s="423" t="s">
        <v>2795</v>
      </c>
      <c r="NTR729" s="424"/>
      <c r="NTS729" s="424"/>
      <c r="NTT729" s="424"/>
      <c r="NTU729" s="423" t="s">
        <v>2795</v>
      </c>
      <c r="NTV729" s="424"/>
      <c r="NTW729" s="424"/>
      <c r="NTX729" s="424"/>
      <c r="NTY729" s="423" t="s">
        <v>2795</v>
      </c>
      <c r="NTZ729" s="424"/>
      <c r="NUA729" s="424"/>
      <c r="NUB729" s="424"/>
      <c r="NUC729" s="423" t="s">
        <v>2795</v>
      </c>
      <c r="NUD729" s="424"/>
      <c r="NUE729" s="424"/>
      <c r="NUF729" s="424"/>
      <c r="NUG729" s="423" t="s">
        <v>2795</v>
      </c>
      <c r="NUH729" s="424"/>
      <c r="NUI729" s="424"/>
      <c r="NUJ729" s="424"/>
      <c r="NUK729" s="423" t="s">
        <v>2795</v>
      </c>
      <c r="NUL729" s="424"/>
      <c r="NUM729" s="424"/>
      <c r="NUN729" s="424"/>
      <c r="NUO729" s="423" t="s">
        <v>2795</v>
      </c>
      <c r="NUP729" s="424"/>
      <c r="NUQ729" s="424"/>
      <c r="NUR729" s="424"/>
      <c r="NUS729" s="423" t="s">
        <v>2795</v>
      </c>
      <c r="NUT729" s="424"/>
      <c r="NUU729" s="424"/>
      <c r="NUV729" s="424"/>
      <c r="NUW729" s="423" t="s">
        <v>2795</v>
      </c>
      <c r="NUX729" s="424"/>
      <c r="NUY729" s="424"/>
      <c r="NUZ729" s="424"/>
      <c r="NVA729" s="423" t="s">
        <v>2795</v>
      </c>
      <c r="NVB729" s="424"/>
      <c r="NVC729" s="424"/>
      <c r="NVD729" s="424"/>
      <c r="NVE729" s="423" t="s">
        <v>2795</v>
      </c>
      <c r="NVF729" s="424"/>
      <c r="NVG729" s="424"/>
      <c r="NVH729" s="424"/>
      <c r="NVI729" s="423" t="s">
        <v>2795</v>
      </c>
      <c r="NVJ729" s="424"/>
      <c r="NVK729" s="424"/>
      <c r="NVL729" s="424"/>
      <c r="NVM729" s="423" t="s">
        <v>2795</v>
      </c>
      <c r="NVN729" s="424"/>
      <c r="NVO729" s="424"/>
      <c r="NVP729" s="424"/>
      <c r="NVQ729" s="423" t="s">
        <v>2795</v>
      </c>
      <c r="NVR729" s="424"/>
      <c r="NVS729" s="424"/>
      <c r="NVT729" s="424"/>
      <c r="NVU729" s="423" t="s">
        <v>2795</v>
      </c>
      <c r="NVV729" s="424"/>
      <c r="NVW729" s="424"/>
      <c r="NVX729" s="424"/>
      <c r="NVY729" s="423" t="s">
        <v>2795</v>
      </c>
      <c r="NVZ729" s="424"/>
      <c r="NWA729" s="424"/>
      <c r="NWB729" s="424"/>
      <c r="NWC729" s="423" t="s">
        <v>2795</v>
      </c>
      <c r="NWD729" s="424"/>
      <c r="NWE729" s="424"/>
      <c r="NWF729" s="424"/>
      <c r="NWG729" s="423" t="s">
        <v>2795</v>
      </c>
      <c r="NWH729" s="424"/>
      <c r="NWI729" s="424"/>
      <c r="NWJ729" s="424"/>
      <c r="NWK729" s="423" t="s">
        <v>2795</v>
      </c>
      <c r="NWL729" s="424"/>
      <c r="NWM729" s="424"/>
      <c r="NWN729" s="424"/>
      <c r="NWO729" s="423" t="s">
        <v>2795</v>
      </c>
      <c r="NWP729" s="424"/>
      <c r="NWQ729" s="424"/>
      <c r="NWR729" s="424"/>
      <c r="NWS729" s="423" t="s">
        <v>2795</v>
      </c>
      <c r="NWT729" s="424"/>
      <c r="NWU729" s="424"/>
      <c r="NWV729" s="424"/>
      <c r="NWW729" s="423" t="s">
        <v>2795</v>
      </c>
      <c r="NWX729" s="424"/>
      <c r="NWY729" s="424"/>
      <c r="NWZ729" s="424"/>
      <c r="NXA729" s="423" t="s">
        <v>2795</v>
      </c>
      <c r="NXB729" s="424"/>
      <c r="NXC729" s="424"/>
      <c r="NXD729" s="424"/>
      <c r="NXE729" s="423" t="s">
        <v>2795</v>
      </c>
      <c r="NXF729" s="424"/>
      <c r="NXG729" s="424"/>
      <c r="NXH729" s="424"/>
      <c r="NXI729" s="423" t="s">
        <v>2795</v>
      </c>
      <c r="NXJ729" s="424"/>
      <c r="NXK729" s="424"/>
      <c r="NXL729" s="424"/>
      <c r="NXM729" s="423" t="s">
        <v>2795</v>
      </c>
      <c r="NXN729" s="424"/>
      <c r="NXO729" s="424"/>
      <c r="NXP729" s="424"/>
      <c r="NXQ729" s="423" t="s">
        <v>2795</v>
      </c>
      <c r="NXR729" s="424"/>
      <c r="NXS729" s="424"/>
      <c r="NXT729" s="424"/>
      <c r="NXU729" s="423" t="s">
        <v>2795</v>
      </c>
      <c r="NXV729" s="424"/>
      <c r="NXW729" s="424"/>
      <c r="NXX729" s="424"/>
      <c r="NXY729" s="423" t="s">
        <v>2795</v>
      </c>
      <c r="NXZ729" s="424"/>
      <c r="NYA729" s="424"/>
      <c r="NYB729" s="424"/>
      <c r="NYC729" s="423" t="s">
        <v>2795</v>
      </c>
      <c r="NYD729" s="424"/>
      <c r="NYE729" s="424"/>
      <c r="NYF729" s="424"/>
      <c r="NYG729" s="423" t="s">
        <v>2795</v>
      </c>
      <c r="NYH729" s="424"/>
      <c r="NYI729" s="424"/>
      <c r="NYJ729" s="424"/>
      <c r="NYK729" s="423" t="s">
        <v>2795</v>
      </c>
      <c r="NYL729" s="424"/>
      <c r="NYM729" s="424"/>
      <c r="NYN729" s="424"/>
      <c r="NYO729" s="423" t="s">
        <v>2795</v>
      </c>
      <c r="NYP729" s="424"/>
      <c r="NYQ729" s="424"/>
      <c r="NYR729" s="424"/>
      <c r="NYS729" s="423" t="s">
        <v>2795</v>
      </c>
      <c r="NYT729" s="424"/>
      <c r="NYU729" s="424"/>
      <c r="NYV729" s="424"/>
      <c r="NYW729" s="423" t="s">
        <v>2795</v>
      </c>
      <c r="NYX729" s="424"/>
      <c r="NYY729" s="424"/>
      <c r="NYZ729" s="424"/>
      <c r="NZA729" s="423" t="s">
        <v>2795</v>
      </c>
      <c r="NZB729" s="424"/>
      <c r="NZC729" s="424"/>
      <c r="NZD729" s="424"/>
      <c r="NZE729" s="423" t="s">
        <v>2795</v>
      </c>
      <c r="NZF729" s="424"/>
      <c r="NZG729" s="424"/>
      <c r="NZH729" s="424"/>
      <c r="NZI729" s="423" t="s">
        <v>2795</v>
      </c>
      <c r="NZJ729" s="424"/>
      <c r="NZK729" s="424"/>
      <c r="NZL729" s="424"/>
      <c r="NZM729" s="423" t="s">
        <v>2795</v>
      </c>
      <c r="NZN729" s="424"/>
      <c r="NZO729" s="424"/>
      <c r="NZP729" s="424"/>
      <c r="NZQ729" s="423" t="s">
        <v>2795</v>
      </c>
      <c r="NZR729" s="424"/>
      <c r="NZS729" s="424"/>
      <c r="NZT729" s="424"/>
      <c r="NZU729" s="423" t="s">
        <v>2795</v>
      </c>
      <c r="NZV729" s="424"/>
      <c r="NZW729" s="424"/>
      <c r="NZX729" s="424"/>
      <c r="NZY729" s="423" t="s">
        <v>2795</v>
      </c>
      <c r="NZZ729" s="424"/>
      <c r="OAA729" s="424"/>
      <c r="OAB729" s="424"/>
      <c r="OAC729" s="423" t="s">
        <v>2795</v>
      </c>
      <c r="OAD729" s="424"/>
      <c r="OAE729" s="424"/>
      <c r="OAF729" s="424"/>
      <c r="OAG729" s="423" t="s">
        <v>2795</v>
      </c>
      <c r="OAH729" s="424"/>
      <c r="OAI729" s="424"/>
      <c r="OAJ729" s="424"/>
      <c r="OAK729" s="423" t="s">
        <v>2795</v>
      </c>
      <c r="OAL729" s="424"/>
      <c r="OAM729" s="424"/>
      <c r="OAN729" s="424"/>
      <c r="OAO729" s="423" t="s">
        <v>2795</v>
      </c>
      <c r="OAP729" s="424"/>
      <c r="OAQ729" s="424"/>
      <c r="OAR729" s="424"/>
      <c r="OAS729" s="423" t="s">
        <v>2795</v>
      </c>
      <c r="OAT729" s="424"/>
      <c r="OAU729" s="424"/>
      <c r="OAV729" s="424"/>
      <c r="OAW729" s="423" t="s">
        <v>2795</v>
      </c>
      <c r="OAX729" s="424"/>
      <c r="OAY729" s="424"/>
      <c r="OAZ729" s="424"/>
      <c r="OBA729" s="423" t="s">
        <v>2795</v>
      </c>
      <c r="OBB729" s="424"/>
      <c r="OBC729" s="424"/>
      <c r="OBD729" s="424"/>
      <c r="OBE729" s="423" t="s">
        <v>2795</v>
      </c>
      <c r="OBF729" s="424"/>
      <c r="OBG729" s="424"/>
      <c r="OBH729" s="424"/>
      <c r="OBI729" s="423" t="s">
        <v>2795</v>
      </c>
      <c r="OBJ729" s="424"/>
      <c r="OBK729" s="424"/>
      <c r="OBL729" s="424"/>
      <c r="OBM729" s="423" t="s">
        <v>2795</v>
      </c>
      <c r="OBN729" s="424"/>
      <c r="OBO729" s="424"/>
      <c r="OBP729" s="424"/>
      <c r="OBQ729" s="423" t="s">
        <v>2795</v>
      </c>
      <c r="OBR729" s="424"/>
      <c r="OBS729" s="424"/>
      <c r="OBT729" s="424"/>
      <c r="OBU729" s="423" t="s">
        <v>2795</v>
      </c>
      <c r="OBV729" s="424"/>
      <c r="OBW729" s="424"/>
      <c r="OBX729" s="424"/>
      <c r="OBY729" s="423" t="s">
        <v>2795</v>
      </c>
      <c r="OBZ729" s="424"/>
      <c r="OCA729" s="424"/>
      <c r="OCB729" s="424"/>
      <c r="OCC729" s="423" t="s">
        <v>2795</v>
      </c>
      <c r="OCD729" s="424"/>
      <c r="OCE729" s="424"/>
      <c r="OCF729" s="424"/>
      <c r="OCG729" s="423" t="s">
        <v>2795</v>
      </c>
      <c r="OCH729" s="424"/>
      <c r="OCI729" s="424"/>
      <c r="OCJ729" s="424"/>
      <c r="OCK729" s="423" t="s">
        <v>2795</v>
      </c>
      <c r="OCL729" s="424"/>
      <c r="OCM729" s="424"/>
      <c r="OCN729" s="424"/>
      <c r="OCO729" s="423" t="s">
        <v>2795</v>
      </c>
      <c r="OCP729" s="424"/>
      <c r="OCQ729" s="424"/>
      <c r="OCR729" s="424"/>
      <c r="OCS729" s="423" t="s">
        <v>2795</v>
      </c>
      <c r="OCT729" s="424"/>
      <c r="OCU729" s="424"/>
      <c r="OCV729" s="424"/>
      <c r="OCW729" s="423" t="s">
        <v>2795</v>
      </c>
      <c r="OCX729" s="424"/>
      <c r="OCY729" s="424"/>
      <c r="OCZ729" s="424"/>
      <c r="ODA729" s="423" t="s">
        <v>2795</v>
      </c>
      <c r="ODB729" s="424"/>
      <c r="ODC729" s="424"/>
      <c r="ODD729" s="424"/>
      <c r="ODE729" s="423" t="s">
        <v>2795</v>
      </c>
      <c r="ODF729" s="424"/>
      <c r="ODG729" s="424"/>
      <c r="ODH729" s="424"/>
      <c r="ODI729" s="423" t="s">
        <v>2795</v>
      </c>
      <c r="ODJ729" s="424"/>
      <c r="ODK729" s="424"/>
      <c r="ODL729" s="424"/>
      <c r="ODM729" s="423" t="s">
        <v>2795</v>
      </c>
      <c r="ODN729" s="424"/>
      <c r="ODO729" s="424"/>
      <c r="ODP729" s="424"/>
      <c r="ODQ729" s="423" t="s">
        <v>2795</v>
      </c>
      <c r="ODR729" s="424"/>
      <c r="ODS729" s="424"/>
      <c r="ODT729" s="424"/>
      <c r="ODU729" s="423" t="s">
        <v>2795</v>
      </c>
      <c r="ODV729" s="424"/>
      <c r="ODW729" s="424"/>
      <c r="ODX729" s="424"/>
      <c r="ODY729" s="423" t="s">
        <v>2795</v>
      </c>
      <c r="ODZ729" s="424"/>
      <c r="OEA729" s="424"/>
      <c r="OEB729" s="424"/>
      <c r="OEC729" s="423" t="s">
        <v>2795</v>
      </c>
      <c r="OED729" s="424"/>
      <c r="OEE729" s="424"/>
      <c r="OEF729" s="424"/>
      <c r="OEG729" s="423" t="s">
        <v>2795</v>
      </c>
      <c r="OEH729" s="424"/>
      <c r="OEI729" s="424"/>
      <c r="OEJ729" s="424"/>
      <c r="OEK729" s="423" t="s">
        <v>2795</v>
      </c>
      <c r="OEL729" s="424"/>
      <c r="OEM729" s="424"/>
      <c r="OEN729" s="424"/>
      <c r="OEO729" s="423" t="s">
        <v>2795</v>
      </c>
      <c r="OEP729" s="424"/>
      <c r="OEQ729" s="424"/>
      <c r="OER729" s="424"/>
      <c r="OES729" s="423" t="s">
        <v>2795</v>
      </c>
      <c r="OET729" s="424"/>
      <c r="OEU729" s="424"/>
      <c r="OEV729" s="424"/>
      <c r="OEW729" s="423" t="s">
        <v>2795</v>
      </c>
      <c r="OEX729" s="424"/>
      <c r="OEY729" s="424"/>
      <c r="OEZ729" s="424"/>
      <c r="OFA729" s="423" t="s">
        <v>2795</v>
      </c>
      <c r="OFB729" s="424"/>
      <c r="OFC729" s="424"/>
      <c r="OFD729" s="424"/>
      <c r="OFE729" s="423" t="s">
        <v>2795</v>
      </c>
      <c r="OFF729" s="424"/>
      <c r="OFG729" s="424"/>
      <c r="OFH729" s="424"/>
      <c r="OFI729" s="423" t="s">
        <v>2795</v>
      </c>
      <c r="OFJ729" s="424"/>
      <c r="OFK729" s="424"/>
      <c r="OFL729" s="424"/>
      <c r="OFM729" s="423" t="s">
        <v>2795</v>
      </c>
      <c r="OFN729" s="424"/>
      <c r="OFO729" s="424"/>
      <c r="OFP729" s="424"/>
      <c r="OFQ729" s="423" t="s">
        <v>2795</v>
      </c>
      <c r="OFR729" s="424"/>
      <c r="OFS729" s="424"/>
      <c r="OFT729" s="424"/>
      <c r="OFU729" s="423" t="s">
        <v>2795</v>
      </c>
      <c r="OFV729" s="424"/>
      <c r="OFW729" s="424"/>
      <c r="OFX729" s="424"/>
      <c r="OFY729" s="423" t="s">
        <v>2795</v>
      </c>
      <c r="OFZ729" s="424"/>
      <c r="OGA729" s="424"/>
      <c r="OGB729" s="424"/>
      <c r="OGC729" s="423" t="s">
        <v>2795</v>
      </c>
      <c r="OGD729" s="424"/>
      <c r="OGE729" s="424"/>
      <c r="OGF729" s="424"/>
      <c r="OGG729" s="423" t="s">
        <v>2795</v>
      </c>
      <c r="OGH729" s="424"/>
      <c r="OGI729" s="424"/>
      <c r="OGJ729" s="424"/>
      <c r="OGK729" s="423" t="s">
        <v>2795</v>
      </c>
      <c r="OGL729" s="424"/>
      <c r="OGM729" s="424"/>
      <c r="OGN729" s="424"/>
      <c r="OGO729" s="423" t="s">
        <v>2795</v>
      </c>
      <c r="OGP729" s="424"/>
      <c r="OGQ729" s="424"/>
      <c r="OGR729" s="424"/>
      <c r="OGS729" s="423" t="s">
        <v>2795</v>
      </c>
      <c r="OGT729" s="424"/>
      <c r="OGU729" s="424"/>
      <c r="OGV729" s="424"/>
      <c r="OGW729" s="423" t="s">
        <v>2795</v>
      </c>
      <c r="OGX729" s="424"/>
      <c r="OGY729" s="424"/>
      <c r="OGZ729" s="424"/>
      <c r="OHA729" s="423" t="s">
        <v>2795</v>
      </c>
      <c r="OHB729" s="424"/>
      <c r="OHC729" s="424"/>
      <c r="OHD729" s="424"/>
      <c r="OHE729" s="423" t="s">
        <v>2795</v>
      </c>
      <c r="OHF729" s="424"/>
      <c r="OHG729" s="424"/>
      <c r="OHH729" s="424"/>
      <c r="OHI729" s="423" t="s">
        <v>2795</v>
      </c>
      <c r="OHJ729" s="424"/>
      <c r="OHK729" s="424"/>
      <c r="OHL729" s="424"/>
      <c r="OHM729" s="423" t="s">
        <v>2795</v>
      </c>
      <c r="OHN729" s="424"/>
      <c r="OHO729" s="424"/>
      <c r="OHP729" s="424"/>
      <c r="OHQ729" s="423" t="s">
        <v>2795</v>
      </c>
      <c r="OHR729" s="424"/>
      <c r="OHS729" s="424"/>
      <c r="OHT729" s="424"/>
      <c r="OHU729" s="423" t="s">
        <v>2795</v>
      </c>
      <c r="OHV729" s="424"/>
      <c r="OHW729" s="424"/>
      <c r="OHX729" s="424"/>
      <c r="OHY729" s="423" t="s">
        <v>2795</v>
      </c>
      <c r="OHZ729" s="424"/>
      <c r="OIA729" s="424"/>
      <c r="OIB729" s="424"/>
      <c r="OIC729" s="423" t="s">
        <v>2795</v>
      </c>
      <c r="OID729" s="424"/>
      <c r="OIE729" s="424"/>
      <c r="OIF729" s="424"/>
      <c r="OIG729" s="423" t="s">
        <v>2795</v>
      </c>
      <c r="OIH729" s="424"/>
      <c r="OII729" s="424"/>
      <c r="OIJ729" s="424"/>
      <c r="OIK729" s="423" t="s">
        <v>2795</v>
      </c>
      <c r="OIL729" s="424"/>
      <c r="OIM729" s="424"/>
      <c r="OIN729" s="424"/>
      <c r="OIO729" s="423" t="s">
        <v>2795</v>
      </c>
      <c r="OIP729" s="424"/>
      <c r="OIQ729" s="424"/>
      <c r="OIR729" s="424"/>
      <c r="OIS729" s="423" t="s">
        <v>2795</v>
      </c>
      <c r="OIT729" s="424"/>
      <c r="OIU729" s="424"/>
      <c r="OIV729" s="424"/>
      <c r="OIW729" s="423" t="s">
        <v>2795</v>
      </c>
      <c r="OIX729" s="424"/>
      <c r="OIY729" s="424"/>
      <c r="OIZ729" s="424"/>
      <c r="OJA729" s="423" t="s">
        <v>2795</v>
      </c>
      <c r="OJB729" s="424"/>
      <c r="OJC729" s="424"/>
      <c r="OJD729" s="424"/>
      <c r="OJE729" s="423" t="s">
        <v>2795</v>
      </c>
      <c r="OJF729" s="424"/>
      <c r="OJG729" s="424"/>
      <c r="OJH729" s="424"/>
      <c r="OJI729" s="423" t="s">
        <v>2795</v>
      </c>
      <c r="OJJ729" s="424"/>
      <c r="OJK729" s="424"/>
      <c r="OJL729" s="424"/>
      <c r="OJM729" s="423" t="s">
        <v>2795</v>
      </c>
      <c r="OJN729" s="424"/>
      <c r="OJO729" s="424"/>
      <c r="OJP729" s="424"/>
      <c r="OJQ729" s="423" t="s">
        <v>2795</v>
      </c>
      <c r="OJR729" s="424"/>
      <c r="OJS729" s="424"/>
      <c r="OJT729" s="424"/>
      <c r="OJU729" s="423" t="s">
        <v>2795</v>
      </c>
      <c r="OJV729" s="424"/>
      <c r="OJW729" s="424"/>
      <c r="OJX729" s="424"/>
      <c r="OJY729" s="423" t="s">
        <v>2795</v>
      </c>
      <c r="OJZ729" s="424"/>
      <c r="OKA729" s="424"/>
      <c r="OKB729" s="424"/>
      <c r="OKC729" s="423" t="s">
        <v>2795</v>
      </c>
      <c r="OKD729" s="424"/>
      <c r="OKE729" s="424"/>
      <c r="OKF729" s="424"/>
      <c r="OKG729" s="423" t="s">
        <v>2795</v>
      </c>
      <c r="OKH729" s="424"/>
      <c r="OKI729" s="424"/>
      <c r="OKJ729" s="424"/>
      <c r="OKK729" s="423" t="s">
        <v>2795</v>
      </c>
      <c r="OKL729" s="424"/>
      <c r="OKM729" s="424"/>
      <c r="OKN729" s="424"/>
      <c r="OKO729" s="423" t="s">
        <v>2795</v>
      </c>
      <c r="OKP729" s="424"/>
      <c r="OKQ729" s="424"/>
      <c r="OKR729" s="424"/>
      <c r="OKS729" s="423" t="s">
        <v>2795</v>
      </c>
      <c r="OKT729" s="424"/>
      <c r="OKU729" s="424"/>
      <c r="OKV729" s="424"/>
      <c r="OKW729" s="423" t="s">
        <v>2795</v>
      </c>
      <c r="OKX729" s="424"/>
      <c r="OKY729" s="424"/>
      <c r="OKZ729" s="424"/>
      <c r="OLA729" s="423" t="s">
        <v>2795</v>
      </c>
      <c r="OLB729" s="424"/>
      <c r="OLC729" s="424"/>
      <c r="OLD729" s="424"/>
      <c r="OLE729" s="423" t="s">
        <v>2795</v>
      </c>
      <c r="OLF729" s="424"/>
      <c r="OLG729" s="424"/>
      <c r="OLH729" s="424"/>
      <c r="OLI729" s="423" t="s">
        <v>2795</v>
      </c>
      <c r="OLJ729" s="424"/>
      <c r="OLK729" s="424"/>
      <c r="OLL729" s="424"/>
      <c r="OLM729" s="423" t="s">
        <v>2795</v>
      </c>
      <c r="OLN729" s="424"/>
      <c r="OLO729" s="424"/>
      <c r="OLP729" s="424"/>
      <c r="OLQ729" s="423" t="s">
        <v>2795</v>
      </c>
      <c r="OLR729" s="424"/>
      <c r="OLS729" s="424"/>
      <c r="OLT729" s="424"/>
      <c r="OLU729" s="423" t="s">
        <v>2795</v>
      </c>
      <c r="OLV729" s="424"/>
      <c r="OLW729" s="424"/>
      <c r="OLX729" s="424"/>
      <c r="OLY729" s="423" t="s">
        <v>2795</v>
      </c>
      <c r="OLZ729" s="424"/>
      <c r="OMA729" s="424"/>
      <c r="OMB729" s="424"/>
      <c r="OMC729" s="423" t="s">
        <v>2795</v>
      </c>
      <c r="OMD729" s="424"/>
      <c r="OME729" s="424"/>
      <c r="OMF729" s="424"/>
      <c r="OMG729" s="423" t="s">
        <v>2795</v>
      </c>
      <c r="OMH729" s="424"/>
      <c r="OMI729" s="424"/>
      <c r="OMJ729" s="424"/>
      <c r="OMK729" s="423" t="s">
        <v>2795</v>
      </c>
      <c r="OML729" s="424"/>
      <c r="OMM729" s="424"/>
      <c r="OMN729" s="424"/>
      <c r="OMO729" s="423" t="s">
        <v>2795</v>
      </c>
      <c r="OMP729" s="424"/>
      <c r="OMQ729" s="424"/>
      <c r="OMR729" s="424"/>
      <c r="OMS729" s="423" t="s">
        <v>2795</v>
      </c>
      <c r="OMT729" s="424"/>
      <c r="OMU729" s="424"/>
      <c r="OMV729" s="424"/>
      <c r="OMW729" s="423" t="s">
        <v>2795</v>
      </c>
      <c r="OMX729" s="424"/>
      <c r="OMY729" s="424"/>
      <c r="OMZ729" s="424"/>
      <c r="ONA729" s="423" t="s">
        <v>2795</v>
      </c>
      <c r="ONB729" s="424"/>
      <c r="ONC729" s="424"/>
      <c r="OND729" s="424"/>
      <c r="ONE729" s="423" t="s">
        <v>2795</v>
      </c>
      <c r="ONF729" s="424"/>
      <c r="ONG729" s="424"/>
      <c r="ONH729" s="424"/>
      <c r="ONI729" s="423" t="s">
        <v>2795</v>
      </c>
      <c r="ONJ729" s="424"/>
      <c r="ONK729" s="424"/>
      <c r="ONL729" s="424"/>
      <c r="ONM729" s="423" t="s">
        <v>2795</v>
      </c>
      <c r="ONN729" s="424"/>
      <c r="ONO729" s="424"/>
      <c r="ONP729" s="424"/>
      <c r="ONQ729" s="423" t="s">
        <v>2795</v>
      </c>
      <c r="ONR729" s="424"/>
      <c r="ONS729" s="424"/>
      <c r="ONT729" s="424"/>
      <c r="ONU729" s="423" t="s">
        <v>2795</v>
      </c>
      <c r="ONV729" s="424"/>
      <c r="ONW729" s="424"/>
      <c r="ONX729" s="424"/>
      <c r="ONY729" s="423" t="s">
        <v>2795</v>
      </c>
      <c r="ONZ729" s="424"/>
      <c r="OOA729" s="424"/>
      <c r="OOB729" s="424"/>
      <c r="OOC729" s="423" t="s">
        <v>2795</v>
      </c>
      <c r="OOD729" s="424"/>
      <c r="OOE729" s="424"/>
      <c r="OOF729" s="424"/>
      <c r="OOG729" s="423" t="s">
        <v>2795</v>
      </c>
      <c r="OOH729" s="424"/>
      <c r="OOI729" s="424"/>
      <c r="OOJ729" s="424"/>
      <c r="OOK729" s="423" t="s">
        <v>2795</v>
      </c>
      <c r="OOL729" s="424"/>
      <c r="OOM729" s="424"/>
      <c r="OON729" s="424"/>
      <c r="OOO729" s="423" t="s">
        <v>2795</v>
      </c>
      <c r="OOP729" s="424"/>
      <c r="OOQ729" s="424"/>
      <c r="OOR729" s="424"/>
      <c r="OOS729" s="423" t="s">
        <v>2795</v>
      </c>
      <c r="OOT729" s="424"/>
      <c r="OOU729" s="424"/>
      <c r="OOV729" s="424"/>
      <c r="OOW729" s="423" t="s">
        <v>2795</v>
      </c>
      <c r="OOX729" s="424"/>
      <c r="OOY729" s="424"/>
      <c r="OOZ729" s="424"/>
      <c r="OPA729" s="423" t="s">
        <v>2795</v>
      </c>
      <c r="OPB729" s="424"/>
      <c r="OPC729" s="424"/>
      <c r="OPD729" s="424"/>
      <c r="OPE729" s="423" t="s">
        <v>2795</v>
      </c>
      <c r="OPF729" s="424"/>
      <c r="OPG729" s="424"/>
      <c r="OPH729" s="424"/>
      <c r="OPI729" s="423" t="s">
        <v>2795</v>
      </c>
      <c r="OPJ729" s="424"/>
      <c r="OPK729" s="424"/>
      <c r="OPL729" s="424"/>
      <c r="OPM729" s="423" t="s">
        <v>2795</v>
      </c>
      <c r="OPN729" s="424"/>
      <c r="OPO729" s="424"/>
      <c r="OPP729" s="424"/>
      <c r="OPQ729" s="423" t="s">
        <v>2795</v>
      </c>
      <c r="OPR729" s="424"/>
      <c r="OPS729" s="424"/>
      <c r="OPT729" s="424"/>
      <c r="OPU729" s="423" t="s">
        <v>2795</v>
      </c>
      <c r="OPV729" s="424"/>
      <c r="OPW729" s="424"/>
      <c r="OPX729" s="424"/>
      <c r="OPY729" s="423" t="s">
        <v>2795</v>
      </c>
      <c r="OPZ729" s="424"/>
      <c r="OQA729" s="424"/>
      <c r="OQB729" s="424"/>
      <c r="OQC729" s="423" t="s">
        <v>2795</v>
      </c>
      <c r="OQD729" s="424"/>
      <c r="OQE729" s="424"/>
      <c r="OQF729" s="424"/>
      <c r="OQG729" s="423" t="s">
        <v>2795</v>
      </c>
      <c r="OQH729" s="424"/>
      <c r="OQI729" s="424"/>
      <c r="OQJ729" s="424"/>
      <c r="OQK729" s="423" t="s">
        <v>2795</v>
      </c>
      <c r="OQL729" s="424"/>
      <c r="OQM729" s="424"/>
      <c r="OQN729" s="424"/>
      <c r="OQO729" s="423" t="s">
        <v>2795</v>
      </c>
      <c r="OQP729" s="424"/>
      <c r="OQQ729" s="424"/>
      <c r="OQR729" s="424"/>
      <c r="OQS729" s="423" t="s">
        <v>2795</v>
      </c>
      <c r="OQT729" s="424"/>
      <c r="OQU729" s="424"/>
      <c r="OQV729" s="424"/>
      <c r="OQW729" s="423" t="s">
        <v>2795</v>
      </c>
      <c r="OQX729" s="424"/>
      <c r="OQY729" s="424"/>
      <c r="OQZ729" s="424"/>
      <c r="ORA729" s="423" t="s">
        <v>2795</v>
      </c>
      <c r="ORB729" s="424"/>
      <c r="ORC729" s="424"/>
      <c r="ORD729" s="424"/>
      <c r="ORE729" s="423" t="s">
        <v>2795</v>
      </c>
      <c r="ORF729" s="424"/>
      <c r="ORG729" s="424"/>
      <c r="ORH729" s="424"/>
      <c r="ORI729" s="423" t="s">
        <v>2795</v>
      </c>
      <c r="ORJ729" s="424"/>
      <c r="ORK729" s="424"/>
      <c r="ORL729" s="424"/>
      <c r="ORM729" s="423" t="s">
        <v>2795</v>
      </c>
      <c r="ORN729" s="424"/>
      <c r="ORO729" s="424"/>
      <c r="ORP729" s="424"/>
      <c r="ORQ729" s="423" t="s">
        <v>2795</v>
      </c>
      <c r="ORR729" s="424"/>
      <c r="ORS729" s="424"/>
      <c r="ORT729" s="424"/>
      <c r="ORU729" s="423" t="s">
        <v>2795</v>
      </c>
      <c r="ORV729" s="424"/>
      <c r="ORW729" s="424"/>
      <c r="ORX729" s="424"/>
      <c r="ORY729" s="423" t="s">
        <v>2795</v>
      </c>
      <c r="ORZ729" s="424"/>
      <c r="OSA729" s="424"/>
      <c r="OSB729" s="424"/>
      <c r="OSC729" s="423" t="s">
        <v>2795</v>
      </c>
      <c r="OSD729" s="424"/>
      <c r="OSE729" s="424"/>
      <c r="OSF729" s="424"/>
      <c r="OSG729" s="423" t="s">
        <v>2795</v>
      </c>
      <c r="OSH729" s="424"/>
      <c r="OSI729" s="424"/>
      <c r="OSJ729" s="424"/>
      <c r="OSK729" s="423" t="s">
        <v>2795</v>
      </c>
      <c r="OSL729" s="424"/>
      <c r="OSM729" s="424"/>
      <c r="OSN729" s="424"/>
      <c r="OSO729" s="423" t="s">
        <v>2795</v>
      </c>
      <c r="OSP729" s="424"/>
      <c r="OSQ729" s="424"/>
      <c r="OSR729" s="424"/>
      <c r="OSS729" s="423" t="s">
        <v>2795</v>
      </c>
      <c r="OST729" s="424"/>
      <c r="OSU729" s="424"/>
      <c r="OSV729" s="424"/>
      <c r="OSW729" s="423" t="s">
        <v>2795</v>
      </c>
      <c r="OSX729" s="424"/>
      <c r="OSY729" s="424"/>
      <c r="OSZ729" s="424"/>
      <c r="OTA729" s="423" t="s">
        <v>2795</v>
      </c>
      <c r="OTB729" s="424"/>
      <c r="OTC729" s="424"/>
      <c r="OTD729" s="424"/>
      <c r="OTE729" s="423" t="s">
        <v>2795</v>
      </c>
      <c r="OTF729" s="424"/>
      <c r="OTG729" s="424"/>
      <c r="OTH729" s="424"/>
      <c r="OTI729" s="423" t="s">
        <v>2795</v>
      </c>
      <c r="OTJ729" s="424"/>
      <c r="OTK729" s="424"/>
      <c r="OTL729" s="424"/>
      <c r="OTM729" s="423" t="s">
        <v>2795</v>
      </c>
      <c r="OTN729" s="424"/>
      <c r="OTO729" s="424"/>
      <c r="OTP729" s="424"/>
      <c r="OTQ729" s="423" t="s">
        <v>2795</v>
      </c>
      <c r="OTR729" s="424"/>
      <c r="OTS729" s="424"/>
      <c r="OTT729" s="424"/>
      <c r="OTU729" s="423" t="s">
        <v>2795</v>
      </c>
      <c r="OTV729" s="424"/>
      <c r="OTW729" s="424"/>
      <c r="OTX729" s="424"/>
      <c r="OTY729" s="423" t="s">
        <v>2795</v>
      </c>
      <c r="OTZ729" s="424"/>
      <c r="OUA729" s="424"/>
      <c r="OUB729" s="424"/>
      <c r="OUC729" s="423" t="s">
        <v>2795</v>
      </c>
      <c r="OUD729" s="424"/>
      <c r="OUE729" s="424"/>
      <c r="OUF729" s="424"/>
      <c r="OUG729" s="423" t="s">
        <v>2795</v>
      </c>
      <c r="OUH729" s="424"/>
      <c r="OUI729" s="424"/>
      <c r="OUJ729" s="424"/>
      <c r="OUK729" s="423" t="s">
        <v>2795</v>
      </c>
      <c r="OUL729" s="424"/>
      <c r="OUM729" s="424"/>
      <c r="OUN729" s="424"/>
      <c r="OUO729" s="423" t="s">
        <v>2795</v>
      </c>
      <c r="OUP729" s="424"/>
      <c r="OUQ729" s="424"/>
      <c r="OUR729" s="424"/>
      <c r="OUS729" s="423" t="s">
        <v>2795</v>
      </c>
      <c r="OUT729" s="424"/>
      <c r="OUU729" s="424"/>
      <c r="OUV729" s="424"/>
      <c r="OUW729" s="423" t="s">
        <v>2795</v>
      </c>
      <c r="OUX729" s="424"/>
      <c r="OUY729" s="424"/>
      <c r="OUZ729" s="424"/>
      <c r="OVA729" s="423" t="s">
        <v>2795</v>
      </c>
      <c r="OVB729" s="424"/>
      <c r="OVC729" s="424"/>
      <c r="OVD729" s="424"/>
      <c r="OVE729" s="423" t="s">
        <v>2795</v>
      </c>
      <c r="OVF729" s="424"/>
      <c r="OVG729" s="424"/>
      <c r="OVH729" s="424"/>
      <c r="OVI729" s="423" t="s">
        <v>2795</v>
      </c>
      <c r="OVJ729" s="424"/>
      <c r="OVK729" s="424"/>
      <c r="OVL729" s="424"/>
      <c r="OVM729" s="423" t="s">
        <v>2795</v>
      </c>
      <c r="OVN729" s="424"/>
      <c r="OVO729" s="424"/>
      <c r="OVP729" s="424"/>
      <c r="OVQ729" s="423" t="s">
        <v>2795</v>
      </c>
      <c r="OVR729" s="424"/>
      <c r="OVS729" s="424"/>
      <c r="OVT729" s="424"/>
      <c r="OVU729" s="423" t="s">
        <v>2795</v>
      </c>
      <c r="OVV729" s="424"/>
      <c r="OVW729" s="424"/>
      <c r="OVX729" s="424"/>
      <c r="OVY729" s="423" t="s">
        <v>2795</v>
      </c>
      <c r="OVZ729" s="424"/>
      <c r="OWA729" s="424"/>
      <c r="OWB729" s="424"/>
      <c r="OWC729" s="423" t="s">
        <v>2795</v>
      </c>
      <c r="OWD729" s="424"/>
      <c r="OWE729" s="424"/>
      <c r="OWF729" s="424"/>
      <c r="OWG729" s="423" t="s">
        <v>2795</v>
      </c>
      <c r="OWH729" s="424"/>
      <c r="OWI729" s="424"/>
      <c r="OWJ729" s="424"/>
      <c r="OWK729" s="423" t="s">
        <v>2795</v>
      </c>
      <c r="OWL729" s="424"/>
      <c r="OWM729" s="424"/>
      <c r="OWN729" s="424"/>
      <c r="OWO729" s="423" t="s">
        <v>2795</v>
      </c>
      <c r="OWP729" s="424"/>
      <c r="OWQ729" s="424"/>
      <c r="OWR729" s="424"/>
      <c r="OWS729" s="423" t="s">
        <v>2795</v>
      </c>
      <c r="OWT729" s="424"/>
      <c r="OWU729" s="424"/>
      <c r="OWV729" s="424"/>
      <c r="OWW729" s="423" t="s">
        <v>2795</v>
      </c>
      <c r="OWX729" s="424"/>
      <c r="OWY729" s="424"/>
      <c r="OWZ729" s="424"/>
      <c r="OXA729" s="423" t="s">
        <v>2795</v>
      </c>
      <c r="OXB729" s="424"/>
      <c r="OXC729" s="424"/>
      <c r="OXD729" s="424"/>
      <c r="OXE729" s="423" t="s">
        <v>2795</v>
      </c>
      <c r="OXF729" s="424"/>
      <c r="OXG729" s="424"/>
      <c r="OXH729" s="424"/>
      <c r="OXI729" s="423" t="s">
        <v>2795</v>
      </c>
      <c r="OXJ729" s="424"/>
      <c r="OXK729" s="424"/>
      <c r="OXL729" s="424"/>
      <c r="OXM729" s="423" t="s">
        <v>2795</v>
      </c>
      <c r="OXN729" s="424"/>
      <c r="OXO729" s="424"/>
      <c r="OXP729" s="424"/>
      <c r="OXQ729" s="423" t="s">
        <v>2795</v>
      </c>
      <c r="OXR729" s="424"/>
      <c r="OXS729" s="424"/>
      <c r="OXT729" s="424"/>
      <c r="OXU729" s="423" t="s">
        <v>2795</v>
      </c>
      <c r="OXV729" s="424"/>
      <c r="OXW729" s="424"/>
      <c r="OXX729" s="424"/>
      <c r="OXY729" s="423" t="s">
        <v>2795</v>
      </c>
      <c r="OXZ729" s="424"/>
      <c r="OYA729" s="424"/>
      <c r="OYB729" s="424"/>
      <c r="OYC729" s="423" t="s">
        <v>2795</v>
      </c>
      <c r="OYD729" s="424"/>
      <c r="OYE729" s="424"/>
      <c r="OYF729" s="424"/>
      <c r="OYG729" s="423" t="s">
        <v>2795</v>
      </c>
      <c r="OYH729" s="424"/>
      <c r="OYI729" s="424"/>
      <c r="OYJ729" s="424"/>
      <c r="OYK729" s="423" t="s">
        <v>2795</v>
      </c>
      <c r="OYL729" s="424"/>
      <c r="OYM729" s="424"/>
      <c r="OYN729" s="424"/>
      <c r="OYO729" s="423" t="s">
        <v>2795</v>
      </c>
      <c r="OYP729" s="424"/>
      <c r="OYQ729" s="424"/>
      <c r="OYR729" s="424"/>
      <c r="OYS729" s="423" t="s">
        <v>2795</v>
      </c>
      <c r="OYT729" s="424"/>
      <c r="OYU729" s="424"/>
      <c r="OYV729" s="424"/>
      <c r="OYW729" s="423" t="s">
        <v>2795</v>
      </c>
      <c r="OYX729" s="424"/>
      <c r="OYY729" s="424"/>
      <c r="OYZ729" s="424"/>
      <c r="OZA729" s="423" t="s">
        <v>2795</v>
      </c>
      <c r="OZB729" s="424"/>
      <c r="OZC729" s="424"/>
      <c r="OZD729" s="424"/>
      <c r="OZE729" s="423" t="s">
        <v>2795</v>
      </c>
      <c r="OZF729" s="424"/>
      <c r="OZG729" s="424"/>
      <c r="OZH729" s="424"/>
      <c r="OZI729" s="423" t="s">
        <v>2795</v>
      </c>
      <c r="OZJ729" s="424"/>
      <c r="OZK729" s="424"/>
      <c r="OZL729" s="424"/>
      <c r="OZM729" s="423" t="s">
        <v>2795</v>
      </c>
      <c r="OZN729" s="424"/>
      <c r="OZO729" s="424"/>
      <c r="OZP729" s="424"/>
      <c r="OZQ729" s="423" t="s">
        <v>2795</v>
      </c>
      <c r="OZR729" s="424"/>
      <c r="OZS729" s="424"/>
      <c r="OZT729" s="424"/>
      <c r="OZU729" s="423" t="s">
        <v>2795</v>
      </c>
      <c r="OZV729" s="424"/>
      <c r="OZW729" s="424"/>
      <c r="OZX729" s="424"/>
      <c r="OZY729" s="423" t="s">
        <v>2795</v>
      </c>
      <c r="OZZ729" s="424"/>
      <c r="PAA729" s="424"/>
      <c r="PAB729" s="424"/>
      <c r="PAC729" s="423" t="s">
        <v>2795</v>
      </c>
      <c r="PAD729" s="424"/>
      <c r="PAE729" s="424"/>
      <c r="PAF729" s="424"/>
      <c r="PAG729" s="423" t="s">
        <v>2795</v>
      </c>
      <c r="PAH729" s="424"/>
      <c r="PAI729" s="424"/>
      <c r="PAJ729" s="424"/>
      <c r="PAK729" s="423" t="s">
        <v>2795</v>
      </c>
      <c r="PAL729" s="424"/>
      <c r="PAM729" s="424"/>
      <c r="PAN729" s="424"/>
      <c r="PAO729" s="423" t="s">
        <v>2795</v>
      </c>
      <c r="PAP729" s="424"/>
      <c r="PAQ729" s="424"/>
      <c r="PAR729" s="424"/>
      <c r="PAS729" s="423" t="s">
        <v>2795</v>
      </c>
      <c r="PAT729" s="424"/>
      <c r="PAU729" s="424"/>
      <c r="PAV729" s="424"/>
      <c r="PAW729" s="423" t="s">
        <v>2795</v>
      </c>
      <c r="PAX729" s="424"/>
      <c r="PAY729" s="424"/>
      <c r="PAZ729" s="424"/>
      <c r="PBA729" s="423" t="s">
        <v>2795</v>
      </c>
      <c r="PBB729" s="424"/>
      <c r="PBC729" s="424"/>
      <c r="PBD729" s="424"/>
      <c r="PBE729" s="423" t="s">
        <v>2795</v>
      </c>
      <c r="PBF729" s="424"/>
      <c r="PBG729" s="424"/>
      <c r="PBH729" s="424"/>
      <c r="PBI729" s="423" t="s">
        <v>2795</v>
      </c>
      <c r="PBJ729" s="424"/>
      <c r="PBK729" s="424"/>
      <c r="PBL729" s="424"/>
      <c r="PBM729" s="423" t="s">
        <v>2795</v>
      </c>
      <c r="PBN729" s="424"/>
      <c r="PBO729" s="424"/>
      <c r="PBP729" s="424"/>
      <c r="PBQ729" s="423" t="s">
        <v>2795</v>
      </c>
      <c r="PBR729" s="424"/>
      <c r="PBS729" s="424"/>
      <c r="PBT729" s="424"/>
      <c r="PBU729" s="423" t="s">
        <v>2795</v>
      </c>
      <c r="PBV729" s="424"/>
      <c r="PBW729" s="424"/>
      <c r="PBX729" s="424"/>
      <c r="PBY729" s="423" t="s">
        <v>2795</v>
      </c>
      <c r="PBZ729" s="424"/>
      <c r="PCA729" s="424"/>
      <c r="PCB729" s="424"/>
      <c r="PCC729" s="423" t="s">
        <v>2795</v>
      </c>
      <c r="PCD729" s="424"/>
      <c r="PCE729" s="424"/>
      <c r="PCF729" s="424"/>
      <c r="PCG729" s="423" t="s">
        <v>2795</v>
      </c>
      <c r="PCH729" s="424"/>
      <c r="PCI729" s="424"/>
      <c r="PCJ729" s="424"/>
      <c r="PCK729" s="423" t="s">
        <v>2795</v>
      </c>
      <c r="PCL729" s="424"/>
      <c r="PCM729" s="424"/>
      <c r="PCN729" s="424"/>
      <c r="PCO729" s="423" t="s">
        <v>2795</v>
      </c>
      <c r="PCP729" s="424"/>
      <c r="PCQ729" s="424"/>
      <c r="PCR729" s="424"/>
      <c r="PCS729" s="423" t="s">
        <v>2795</v>
      </c>
      <c r="PCT729" s="424"/>
      <c r="PCU729" s="424"/>
      <c r="PCV729" s="424"/>
      <c r="PCW729" s="423" t="s">
        <v>2795</v>
      </c>
      <c r="PCX729" s="424"/>
      <c r="PCY729" s="424"/>
      <c r="PCZ729" s="424"/>
      <c r="PDA729" s="423" t="s">
        <v>2795</v>
      </c>
      <c r="PDB729" s="424"/>
      <c r="PDC729" s="424"/>
      <c r="PDD729" s="424"/>
      <c r="PDE729" s="423" t="s">
        <v>2795</v>
      </c>
      <c r="PDF729" s="424"/>
      <c r="PDG729" s="424"/>
      <c r="PDH729" s="424"/>
      <c r="PDI729" s="423" t="s">
        <v>2795</v>
      </c>
      <c r="PDJ729" s="424"/>
      <c r="PDK729" s="424"/>
      <c r="PDL729" s="424"/>
      <c r="PDM729" s="423" t="s">
        <v>2795</v>
      </c>
      <c r="PDN729" s="424"/>
      <c r="PDO729" s="424"/>
      <c r="PDP729" s="424"/>
      <c r="PDQ729" s="423" t="s">
        <v>2795</v>
      </c>
      <c r="PDR729" s="424"/>
      <c r="PDS729" s="424"/>
      <c r="PDT729" s="424"/>
      <c r="PDU729" s="423" t="s">
        <v>2795</v>
      </c>
      <c r="PDV729" s="424"/>
      <c r="PDW729" s="424"/>
      <c r="PDX729" s="424"/>
      <c r="PDY729" s="423" t="s">
        <v>2795</v>
      </c>
      <c r="PDZ729" s="424"/>
      <c r="PEA729" s="424"/>
      <c r="PEB729" s="424"/>
      <c r="PEC729" s="423" t="s">
        <v>2795</v>
      </c>
      <c r="PED729" s="424"/>
      <c r="PEE729" s="424"/>
      <c r="PEF729" s="424"/>
      <c r="PEG729" s="423" t="s">
        <v>2795</v>
      </c>
      <c r="PEH729" s="424"/>
      <c r="PEI729" s="424"/>
      <c r="PEJ729" s="424"/>
      <c r="PEK729" s="423" t="s">
        <v>2795</v>
      </c>
      <c r="PEL729" s="424"/>
      <c r="PEM729" s="424"/>
      <c r="PEN729" s="424"/>
      <c r="PEO729" s="423" t="s">
        <v>2795</v>
      </c>
      <c r="PEP729" s="424"/>
      <c r="PEQ729" s="424"/>
      <c r="PER729" s="424"/>
      <c r="PES729" s="423" t="s">
        <v>2795</v>
      </c>
      <c r="PET729" s="424"/>
      <c r="PEU729" s="424"/>
      <c r="PEV729" s="424"/>
      <c r="PEW729" s="423" t="s">
        <v>2795</v>
      </c>
      <c r="PEX729" s="424"/>
      <c r="PEY729" s="424"/>
      <c r="PEZ729" s="424"/>
      <c r="PFA729" s="423" t="s">
        <v>2795</v>
      </c>
      <c r="PFB729" s="424"/>
      <c r="PFC729" s="424"/>
      <c r="PFD729" s="424"/>
      <c r="PFE729" s="423" t="s">
        <v>2795</v>
      </c>
      <c r="PFF729" s="424"/>
      <c r="PFG729" s="424"/>
      <c r="PFH729" s="424"/>
      <c r="PFI729" s="423" t="s">
        <v>2795</v>
      </c>
      <c r="PFJ729" s="424"/>
      <c r="PFK729" s="424"/>
      <c r="PFL729" s="424"/>
      <c r="PFM729" s="423" t="s">
        <v>2795</v>
      </c>
      <c r="PFN729" s="424"/>
      <c r="PFO729" s="424"/>
      <c r="PFP729" s="424"/>
      <c r="PFQ729" s="423" t="s">
        <v>2795</v>
      </c>
      <c r="PFR729" s="424"/>
      <c r="PFS729" s="424"/>
      <c r="PFT729" s="424"/>
      <c r="PFU729" s="423" t="s">
        <v>2795</v>
      </c>
      <c r="PFV729" s="424"/>
      <c r="PFW729" s="424"/>
      <c r="PFX729" s="424"/>
      <c r="PFY729" s="423" t="s">
        <v>2795</v>
      </c>
      <c r="PFZ729" s="424"/>
      <c r="PGA729" s="424"/>
      <c r="PGB729" s="424"/>
      <c r="PGC729" s="423" t="s">
        <v>2795</v>
      </c>
      <c r="PGD729" s="424"/>
      <c r="PGE729" s="424"/>
      <c r="PGF729" s="424"/>
      <c r="PGG729" s="423" t="s">
        <v>2795</v>
      </c>
      <c r="PGH729" s="424"/>
      <c r="PGI729" s="424"/>
      <c r="PGJ729" s="424"/>
      <c r="PGK729" s="423" t="s">
        <v>2795</v>
      </c>
      <c r="PGL729" s="424"/>
      <c r="PGM729" s="424"/>
      <c r="PGN729" s="424"/>
      <c r="PGO729" s="423" t="s">
        <v>2795</v>
      </c>
      <c r="PGP729" s="424"/>
      <c r="PGQ729" s="424"/>
      <c r="PGR729" s="424"/>
      <c r="PGS729" s="423" t="s">
        <v>2795</v>
      </c>
      <c r="PGT729" s="424"/>
      <c r="PGU729" s="424"/>
      <c r="PGV729" s="424"/>
      <c r="PGW729" s="423" t="s">
        <v>2795</v>
      </c>
      <c r="PGX729" s="424"/>
      <c r="PGY729" s="424"/>
      <c r="PGZ729" s="424"/>
      <c r="PHA729" s="423" t="s">
        <v>2795</v>
      </c>
      <c r="PHB729" s="424"/>
      <c r="PHC729" s="424"/>
      <c r="PHD729" s="424"/>
      <c r="PHE729" s="423" t="s">
        <v>2795</v>
      </c>
      <c r="PHF729" s="424"/>
      <c r="PHG729" s="424"/>
      <c r="PHH729" s="424"/>
      <c r="PHI729" s="423" t="s">
        <v>2795</v>
      </c>
      <c r="PHJ729" s="424"/>
      <c r="PHK729" s="424"/>
      <c r="PHL729" s="424"/>
      <c r="PHM729" s="423" t="s">
        <v>2795</v>
      </c>
      <c r="PHN729" s="424"/>
      <c r="PHO729" s="424"/>
      <c r="PHP729" s="424"/>
      <c r="PHQ729" s="423" t="s">
        <v>2795</v>
      </c>
      <c r="PHR729" s="424"/>
      <c r="PHS729" s="424"/>
      <c r="PHT729" s="424"/>
      <c r="PHU729" s="423" t="s">
        <v>2795</v>
      </c>
      <c r="PHV729" s="424"/>
      <c r="PHW729" s="424"/>
      <c r="PHX729" s="424"/>
      <c r="PHY729" s="423" t="s">
        <v>2795</v>
      </c>
      <c r="PHZ729" s="424"/>
      <c r="PIA729" s="424"/>
      <c r="PIB729" s="424"/>
      <c r="PIC729" s="423" t="s">
        <v>2795</v>
      </c>
      <c r="PID729" s="424"/>
      <c r="PIE729" s="424"/>
      <c r="PIF729" s="424"/>
      <c r="PIG729" s="423" t="s">
        <v>2795</v>
      </c>
      <c r="PIH729" s="424"/>
      <c r="PII729" s="424"/>
      <c r="PIJ729" s="424"/>
      <c r="PIK729" s="423" t="s">
        <v>2795</v>
      </c>
      <c r="PIL729" s="424"/>
      <c r="PIM729" s="424"/>
      <c r="PIN729" s="424"/>
      <c r="PIO729" s="423" t="s">
        <v>2795</v>
      </c>
      <c r="PIP729" s="424"/>
      <c r="PIQ729" s="424"/>
      <c r="PIR729" s="424"/>
      <c r="PIS729" s="423" t="s">
        <v>2795</v>
      </c>
      <c r="PIT729" s="424"/>
      <c r="PIU729" s="424"/>
      <c r="PIV729" s="424"/>
      <c r="PIW729" s="423" t="s">
        <v>2795</v>
      </c>
      <c r="PIX729" s="424"/>
      <c r="PIY729" s="424"/>
      <c r="PIZ729" s="424"/>
      <c r="PJA729" s="423" t="s">
        <v>2795</v>
      </c>
      <c r="PJB729" s="424"/>
      <c r="PJC729" s="424"/>
      <c r="PJD729" s="424"/>
      <c r="PJE729" s="423" t="s">
        <v>2795</v>
      </c>
      <c r="PJF729" s="424"/>
      <c r="PJG729" s="424"/>
      <c r="PJH729" s="424"/>
      <c r="PJI729" s="423" t="s">
        <v>2795</v>
      </c>
      <c r="PJJ729" s="424"/>
      <c r="PJK729" s="424"/>
      <c r="PJL729" s="424"/>
      <c r="PJM729" s="423" t="s">
        <v>2795</v>
      </c>
      <c r="PJN729" s="424"/>
      <c r="PJO729" s="424"/>
      <c r="PJP729" s="424"/>
      <c r="PJQ729" s="423" t="s">
        <v>2795</v>
      </c>
      <c r="PJR729" s="424"/>
      <c r="PJS729" s="424"/>
      <c r="PJT729" s="424"/>
      <c r="PJU729" s="423" t="s">
        <v>2795</v>
      </c>
      <c r="PJV729" s="424"/>
      <c r="PJW729" s="424"/>
      <c r="PJX729" s="424"/>
      <c r="PJY729" s="423" t="s">
        <v>2795</v>
      </c>
      <c r="PJZ729" s="424"/>
      <c r="PKA729" s="424"/>
      <c r="PKB729" s="424"/>
      <c r="PKC729" s="423" t="s">
        <v>2795</v>
      </c>
      <c r="PKD729" s="424"/>
      <c r="PKE729" s="424"/>
      <c r="PKF729" s="424"/>
      <c r="PKG729" s="423" t="s">
        <v>2795</v>
      </c>
      <c r="PKH729" s="424"/>
      <c r="PKI729" s="424"/>
      <c r="PKJ729" s="424"/>
      <c r="PKK729" s="423" t="s">
        <v>2795</v>
      </c>
      <c r="PKL729" s="424"/>
      <c r="PKM729" s="424"/>
      <c r="PKN729" s="424"/>
      <c r="PKO729" s="423" t="s">
        <v>2795</v>
      </c>
      <c r="PKP729" s="424"/>
      <c r="PKQ729" s="424"/>
      <c r="PKR729" s="424"/>
      <c r="PKS729" s="423" t="s">
        <v>2795</v>
      </c>
      <c r="PKT729" s="424"/>
      <c r="PKU729" s="424"/>
      <c r="PKV729" s="424"/>
      <c r="PKW729" s="423" t="s">
        <v>2795</v>
      </c>
      <c r="PKX729" s="424"/>
      <c r="PKY729" s="424"/>
      <c r="PKZ729" s="424"/>
      <c r="PLA729" s="423" t="s">
        <v>2795</v>
      </c>
      <c r="PLB729" s="424"/>
      <c r="PLC729" s="424"/>
      <c r="PLD729" s="424"/>
      <c r="PLE729" s="423" t="s">
        <v>2795</v>
      </c>
      <c r="PLF729" s="424"/>
      <c r="PLG729" s="424"/>
      <c r="PLH729" s="424"/>
      <c r="PLI729" s="423" t="s">
        <v>2795</v>
      </c>
      <c r="PLJ729" s="424"/>
      <c r="PLK729" s="424"/>
      <c r="PLL729" s="424"/>
      <c r="PLM729" s="423" t="s">
        <v>2795</v>
      </c>
      <c r="PLN729" s="424"/>
      <c r="PLO729" s="424"/>
      <c r="PLP729" s="424"/>
      <c r="PLQ729" s="423" t="s">
        <v>2795</v>
      </c>
      <c r="PLR729" s="424"/>
      <c r="PLS729" s="424"/>
      <c r="PLT729" s="424"/>
      <c r="PLU729" s="423" t="s">
        <v>2795</v>
      </c>
      <c r="PLV729" s="424"/>
      <c r="PLW729" s="424"/>
      <c r="PLX729" s="424"/>
      <c r="PLY729" s="423" t="s">
        <v>2795</v>
      </c>
      <c r="PLZ729" s="424"/>
      <c r="PMA729" s="424"/>
      <c r="PMB729" s="424"/>
      <c r="PMC729" s="423" t="s">
        <v>2795</v>
      </c>
      <c r="PMD729" s="424"/>
      <c r="PME729" s="424"/>
      <c r="PMF729" s="424"/>
      <c r="PMG729" s="423" t="s">
        <v>2795</v>
      </c>
      <c r="PMH729" s="424"/>
      <c r="PMI729" s="424"/>
      <c r="PMJ729" s="424"/>
      <c r="PMK729" s="423" t="s">
        <v>2795</v>
      </c>
      <c r="PML729" s="424"/>
      <c r="PMM729" s="424"/>
      <c r="PMN729" s="424"/>
      <c r="PMO729" s="423" t="s">
        <v>2795</v>
      </c>
      <c r="PMP729" s="424"/>
      <c r="PMQ729" s="424"/>
      <c r="PMR729" s="424"/>
      <c r="PMS729" s="423" t="s">
        <v>2795</v>
      </c>
      <c r="PMT729" s="424"/>
      <c r="PMU729" s="424"/>
      <c r="PMV729" s="424"/>
      <c r="PMW729" s="423" t="s">
        <v>2795</v>
      </c>
      <c r="PMX729" s="424"/>
      <c r="PMY729" s="424"/>
      <c r="PMZ729" s="424"/>
      <c r="PNA729" s="423" t="s">
        <v>2795</v>
      </c>
      <c r="PNB729" s="424"/>
      <c r="PNC729" s="424"/>
      <c r="PND729" s="424"/>
      <c r="PNE729" s="423" t="s">
        <v>2795</v>
      </c>
      <c r="PNF729" s="424"/>
      <c r="PNG729" s="424"/>
      <c r="PNH729" s="424"/>
      <c r="PNI729" s="423" t="s">
        <v>2795</v>
      </c>
      <c r="PNJ729" s="424"/>
      <c r="PNK729" s="424"/>
      <c r="PNL729" s="424"/>
      <c r="PNM729" s="423" t="s">
        <v>2795</v>
      </c>
      <c r="PNN729" s="424"/>
      <c r="PNO729" s="424"/>
      <c r="PNP729" s="424"/>
      <c r="PNQ729" s="423" t="s">
        <v>2795</v>
      </c>
      <c r="PNR729" s="424"/>
      <c r="PNS729" s="424"/>
      <c r="PNT729" s="424"/>
      <c r="PNU729" s="423" t="s">
        <v>2795</v>
      </c>
      <c r="PNV729" s="424"/>
      <c r="PNW729" s="424"/>
      <c r="PNX729" s="424"/>
      <c r="PNY729" s="423" t="s">
        <v>2795</v>
      </c>
      <c r="PNZ729" s="424"/>
      <c r="POA729" s="424"/>
      <c r="POB729" s="424"/>
      <c r="POC729" s="423" t="s">
        <v>2795</v>
      </c>
      <c r="POD729" s="424"/>
      <c r="POE729" s="424"/>
      <c r="POF729" s="424"/>
      <c r="POG729" s="423" t="s">
        <v>2795</v>
      </c>
      <c r="POH729" s="424"/>
      <c r="POI729" s="424"/>
      <c r="POJ729" s="424"/>
      <c r="POK729" s="423" t="s">
        <v>2795</v>
      </c>
      <c r="POL729" s="424"/>
      <c r="POM729" s="424"/>
      <c r="PON729" s="424"/>
      <c r="POO729" s="423" t="s">
        <v>2795</v>
      </c>
      <c r="POP729" s="424"/>
      <c r="POQ729" s="424"/>
      <c r="POR729" s="424"/>
      <c r="POS729" s="423" t="s">
        <v>2795</v>
      </c>
      <c r="POT729" s="424"/>
      <c r="POU729" s="424"/>
      <c r="POV729" s="424"/>
      <c r="POW729" s="423" t="s">
        <v>2795</v>
      </c>
      <c r="POX729" s="424"/>
      <c r="POY729" s="424"/>
      <c r="POZ729" s="424"/>
      <c r="PPA729" s="423" t="s">
        <v>2795</v>
      </c>
      <c r="PPB729" s="424"/>
      <c r="PPC729" s="424"/>
      <c r="PPD729" s="424"/>
      <c r="PPE729" s="423" t="s">
        <v>2795</v>
      </c>
      <c r="PPF729" s="424"/>
      <c r="PPG729" s="424"/>
      <c r="PPH729" s="424"/>
      <c r="PPI729" s="423" t="s">
        <v>2795</v>
      </c>
      <c r="PPJ729" s="424"/>
      <c r="PPK729" s="424"/>
      <c r="PPL729" s="424"/>
      <c r="PPM729" s="423" t="s">
        <v>2795</v>
      </c>
      <c r="PPN729" s="424"/>
      <c r="PPO729" s="424"/>
      <c r="PPP729" s="424"/>
      <c r="PPQ729" s="423" t="s">
        <v>2795</v>
      </c>
      <c r="PPR729" s="424"/>
      <c r="PPS729" s="424"/>
      <c r="PPT729" s="424"/>
      <c r="PPU729" s="423" t="s">
        <v>2795</v>
      </c>
      <c r="PPV729" s="424"/>
      <c r="PPW729" s="424"/>
      <c r="PPX729" s="424"/>
      <c r="PPY729" s="423" t="s">
        <v>2795</v>
      </c>
      <c r="PPZ729" s="424"/>
      <c r="PQA729" s="424"/>
      <c r="PQB729" s="424"/>
      <c r="PQC729" s="423" t="s">
        <v>2795</v>
      </c>
      <c r="PQD729" s="424"/>
      <c r="PQE729" s="424"/>
      <c r="PQF729" s="424"/>
      <c r="PQG729" s="423" t="s">
        <v>2795</v>
      </c>
      <c r="PQH729" s="424"/>
      <c r="PQI729" s="424"/>
      <c r="PQJ729" s="424"/>
      <c r="PQK729" s="423" t="s">
        <v>2795</v>
      </c>
      <c r="PQL729" s="424"/>
      <c r="PQM729" s="424"/>
      <c r="PQN729" s="424"/>
      <c r="PQO729" s="423" t="s">
        <v>2795</v>
      </c>
      <c r="PQP729" s="424"/>
      <c r="PQQ729" s="424"/>
      <c r="PQR729" s="424"/>
      <c r="PQS729" s="423" t="s">
        <v>2795</v>
      </c>
      <c r="PQT729" s="424"/>
      <c r="PQU729" s="424"/>
      <c r="PQV729" s="424"/>
      <c r="PQW729" s="423" t="s">
        <v>2795</v>
      </c>
      <c r="PQX729" s="424"/>
      <c r="PQY729" s="424"/>
      <c r="PQZ729" s="424"/>
      <c r="PRA729" s="423" t="s">
        <v>2795</v>
      </c>
      <c r="PRB729" s="424"/>
      <c r="PRC729" s="424"/>
      <c r="PRD729" s="424"/>
      <c r="PRE729" s="423" t="s">
        <v>2795</v>
      </c>
      <c r="PRF729" s="424"/>
      <c r="PRG729" s="424"/>
      <c r="PRH729" s="424"/>
      <c r="PRI729" s="423" t="s">
        <v>2795</v>
      </c>
      <c r="PRJ729" s="424"/>
      <c r="PRK729" s="424"/>
      <c r="PRL729" s="424"/>
      <c r="PRM729" s="423" t="s">
        <v>2795</v>
      </c>
      <c r="PRN729" s="424"/>
      <c r="PRO729" s="424"/>
      <c r="PRP729" s="424"/>
      <c r="PRQ729" s="423" t="s">
        <v>2795</v>
      </c>
      <c r="PRR729" s="424"/>
      <c r="PRS729" s="424"/>
      <c r="PRT729" s="424"/>
      <c r="PRU729" s="423" t="s">
        <v>2795</v>
      </c>
      <c r="PRV729" s="424"/>
      <c r="PRW729" s="424"/>
      <c r="PRX729" s="424"/>
      <c r="PRY729" s="423" t="s">
        <v>2795</v>
      </c>
      <c r="PRZ729" s="424"/>
      <c r="PSA729" s="424"/>
      <c r="PSB729" s="424"/>
      <c r="PSC729" s="423" t="s">
        <v>2795</v>
      </c>
      <c r="PSD729" s="424"/>
      <c r="PSE729" s="424"/>
      <c r="PSF729" s="424"/>
      <c r="PSG729" s="423" t="s">
        <v>2795</v>
      </c>
      <c r="PSH729" s="424"/>
      <c r="PSI729" s="424"/>
      <c r="PSJ729" s="424"/>
      <c r="PSK729" s="423" t="s">
        <v>2795</v>
      </c>
      <c r="PSL729" s="424"/>
      <c r="PSM729" s="424"/>
      <c r="PSN729" s="424"/>
      <c r="PSO729" s="423" t="s">
        <v>2795</v>
      </c>
      <c r="PSP729" s="424"/>
      <c r="PSQ729" s="424"/>
      <c r="PSR729" s="424"/>
      <c r="PSS729" s="423" t="s">
        <v>2795</v>
      </c>
      <c r="PST729" s="424"/>
      <c r="PSU729" s="424"/>
      <c r="PSV729" s="424"/>
      <c r="PSW729" s="423" t="s">
        <v>2795</v>
      </c>
      <c r="PSX729" s="424"/>
      <c r="PSY729" s="424"/>
      <c r="PSZ729" s="424"/>
      <c r="PTA729" s="423" t="s">
        <v>2795</v>
      </c>
      <c r="PTB729" s="424"/>
      <c r="PTC729" s="424"/>
      <c r="PTD729" s="424"/>
      <c r="PTE729" s="423" t="s">
        <v>2795</v>
      </c>
      <c r="PTF729" s="424"/>
      <c r="PTG729" s="424"/>
      <c r="PTH729" s="424"/>
      <c r="PTI729" s="423" t="s">
        <v>2795</v>
      </c>
      <c r="PTJ729" s="424"/>
      <c r="PTK729" s="424"/>
      <c r="PTL729" s="424"/>
      <c r="PTM729" s="423" t="s">
        <v>2795</v>
      </c>
      <c r="PTN729" s="424"/>
      <c r="PTO729" s="424"/>
      <c r="PTP729" s="424"/>
      <c r="PTQ729" s="423" t="s">
        <v>2795</v>
      </c>
      <c r="PTR729" s="424"/>
      <c r="PTS729" s="424"/>
      <c r="PTT729" s="424"/>
      <c r="PTU729" s="423" t="s">
        <v>2795</v>
      </c>
      <c r="PTV729" s="424"/>
      <c r="PTW729" s="424"/>
      <c r="PTX729" s="424"/>
      <c r="PTY729" s="423" t="s">
        <v>2795</v>
      </c>
      <c r="PTZ729" s="424"/>
      <c r="PUA729" s="424"/>
      <c r="PUB729" s="424"/>
      <c r="PUC729" s="423" t="s">
        <v>2795</v>
      </c>
      <c r="PUD729" s="424"/>
      <c r="PUE729" s="424"/>
      <c r="PUF729" s="424"/>
      <c r="PUG729" s="423" t="s">
        <v>2795</v>
      </c>
      <c r="PUH729" s="424"/>
      <c r="PUI729" s="424"/>
      <c r="PUJ729" s="424"/>
      <c r="PUK729" s="423" t="s">
        <v>2795</v>
      </c>
      <c r="PUL729" s="424"/>
      <c r="PUM729" s="424"/>
      <c r="PUN729" s="424"/>
      <c r="PUO729" s="423" t="s">
        <v>2795</v>
      </c>
      <c r="PUP729" s="424"/>
      <c r="PUQ729" s="424"/>
      <c r="PUR729" s="424"/>
      <c r="PUS729" s="423" t="s">
        <v>2795</v>
      </c>
      <c r="PUT729" s="424"/>
      <c r="PUU729" s="424"/>
      <c r="PUV729" s="424"/>
      <c r="PUW729" s="423" t="s">
        <v>2795</v>
      </c>
      <c r="PUX729" s="424"/>
      <c r="PUY729" s="424"/>
      <c r="PUZ729" s="424"/>
      <c r="PVA729" s="423" t="s">
        <v>2795</v>
      </c>
      <c r="PVB729" s="424"/>
      <c r="PVC729" s="424"/>
      <c r="PVD729" s="424"/>
      <c r="PVE729" s="423" t="s">
        <v>2795</v>
      </c>
      <c r="PVF729" s="424"/>
      <c r="PVG729" s="424"/>
      <c r="PVH729" s="424"/>
      <c r="PVI729" s="423" t="s">
        <v>2795</v>
      </c>
      <c r="PVJ729" s="424"/>
      <c r="PVK729" s="424"/>
      <c r="PVL729" s="424"/>
      <c r="PVM729" s="423" t="s">
        <v>2795</v>
      </c>
      <c r="PVN729" s="424"/>
      <c r="PVO729" s="424"/>
      <c r="PVP729" s="424"/>
      <c r="PVQ729" s="423" t="s">
        <v>2795</v>
      </c>
      <c r="PVR729" s="424"/>
      <c r="PVS729" s="424"/>
      <c r="PVT729" s="424"/>
      <c r="PVU729" s="423" t="s">
        <v>2795</v>
      </c>
      <c r="PVV729" s="424"/>
      <c r="PVW729" s="424"/>
      <c r="PVX729" s="424"/>
      <c r="PVY729" s="423" t="s">
        <v>2795</v>
      </c>
      <c r="PVZ729" s="424"/>
      <c r="PWA729" s="424"/>
      <c r="PWB729" s="424"/>
      <c r="PWC729" s="423" t="s">
        <v>2795</v>
      </c>
      <c r="PWD729" s="424"/>
      <c r="PWE729" s="424"/>
      <c r="PWF729" s="424"/>
      <c r="PWG729" s="423" t="s">
        <v>2795</v>
      </c>
      <c r="PWH729" s="424"/>
      <c r="PWI729" s="424"/>
      <c r="PWJ729" s="424"/>
      <c r="PWK729" s="423" t="s">
        <v>2795</v>
      </c>
      <c r="PWL729" s="424"/>
      <c r="PWM729" s="424"/>
      <c r="PWN729" s="424"/>
      <c r="PWO729" s="423" t="s">
        <v>2795</v>
      </c>
      <c r="PWP729" s="424"/>
      <c r="PWQ729" s="424"/>
      <c r="PWR729" s="424"/>
      <c r="PWS729" s="423" t="s">
        <v>2795</v>
      </c>
      <c r="PWT729" s="424"/>
      <c r="PWU729" s="424"/>
      <c r="PWV729" s="424"/>
      <c r="PWW729" s="423" t="s">
        <v>2795</v>
      </c>
      <c r="PWX729" s="424"/>
      <c r="PWY729" s="424"/>
      <c r="PWZ729" s="424"/>
      <c r="PXA729" s="423" t="s">
        <v>2795</v>
      </c>
      <c r="PXB729" s="424"/>
      <c r="PXC729" s="424"/>
      <c r="PXD729" s="424"/>
      <c r="PXE729" s="423" t="s">
        <v>2795</v>
      </c>
      <c r="PXF729" s="424"/>
      <c r="PXG729" s="424"/>
      <c r="PXH729" s="424"/>
      <c r="PXI729" s="423" t="s">
        <v>2795</v>
      </c>
      <c r="PXJ729" s="424"/>
      <c r="PXK729" s="424"/>
      <c r="PXL729" s="424"/>
      <c r="PXM729" s="423" t="s">
        <v>2795</v>
      </c>
      <c r="PXN729" s="424"/>
      <c r="PXO729" s="424"/>
      <c r="PXP729" s="424"/>
      <c r="PXQ729" s="423" t="s">
        <v>2795</v>
      </c>
      <c r="PXR729" s="424"/>
      <c r="PXS729" s="424"/>
      <c r="PXT729" s="424"/>
      <c r="PXU729" s="423" t="s">
        <v>2795</v>
      </c>
      <c r="PXV729" s="424"/>
      <c r="PXW729" s="424"/>
      <c r="PXX729" s="424"/>
      <c r="PXY729" s="423" t="s">
        <v>2795</v>
      </c>
      <c r="PXZ729" s="424"/>
      <c r="PYA729" s="424"/>
      <c r="PYB729" s="424"/>
      <c r="PYC729" s="423" t="s">
        <v>2795</v>
      </c>
      <c r="PYD729" s="424"/>
      <c r="PYE729" s="424"/>
      <c r="PYF729" s="424"/>
      <c r="PYG729" s="423" t="s">
        <v>2795</v>
      </c>
      <c r="PYH729" s="424"/>
      <c r="PYI729" s="424"/>
      <c r="PYJ729" s="424"/>
      <c r="PYK729" s="423" t="s">
        <v>2795</v>
      </c>
      <c r="PYL729" s="424"/>
      <c r="PYM729" s="424"/>
      <c r="PYN729" s="424"/>
      <c r="PYO729" s="423" t="s">
        <v>2795</v>
      </c>
      <c r="PYP729" s="424"/>
      <c r="PYQ729" s="424"/>
      <c r="PYR729" s="424"/>
      <c r="PYS729" s="423" t="s">
        <v>2795</v>
      </c>
      <c r="PYT729" s="424"/>
      <c r="PYU729" s="424"/>
      <c r="PYV729" s="424"/>
      <c r="PYW729" s="423" t="s">
        <v>2795</v>
      </c>
      <c r="PYX729" s="424"/>
      <c r="PYY729" s="424"/>
      <c r="PYZ729" s="424"/>
      <c r="PZA729" s="423" t="s">
        <v>2795</v>
      </c>
      <c r="PZB729" s="424"/>
      <c r="PZC729" s="424"/>
      <c r="PZD729" s="424"/>
      <c r="PZE729" s="423" t="s">
        <v>2795</v>
      </c>
      <c r="PZF729" s="424"/>
      <c r="PZG729" s="424"/>
      <c r="PZH729" s="424"/>
      <c r="PZI729" s="423" t="s">
        <v>2795</v>
      </c>
      <c r="PZJ729" s="424"/>
      <c r="PZK729" s="424"/>
      <c r="PZL729" s="424"/>
      <c r="PZM729" s="423" t="s">
        <v>2795</v>
      </c>
      <c r="PZN729" s="424"/>
      <c r="PZO729" s="424"/>
      <c r="PZP729" s="424"/>
      <c r="PZQ729" s="423" t="s">
        <v>2795</v>
      </c>
      <c r="PZR729" s="424"/>
      <c r="PZS729" s="424"/>
      <c r="PZT729" s="424"/>
      <c r="PZU729" s="423" t="s">
        <v>2795</v>
      </c>
      <c r="PZV729" s="424"/>
      <c r="PZW729" s="424"/>
      <c r="PZX729" s="424"/>
      <c r="PZY729" s="423" t="s">
        <v>2795</v>
      </c>
      <c r="PZZ729" s="424"/>
      <c r="QAA729" s="424"/>
      <c r="QAB729" s="424"/>
      <c r="QAC729" s="423" t="s">
        <v>2795</v>
      </c>
      <c r="QAD729" s="424"/>
      <c r="QAE729" s="424"/>
      <c r="QAF729" s="424"/>
      <c r="QAG729" s="423" t="s">
        <v>2795</v>
      </c>
      <c r="QAH729" s="424"/>
      <c r="QAI729" s="424"/>
      <c r="QAJ729" s="424"/>
      <c r="QAK729" s="423" t="s">
        <v>2795</v>
      </c>
      <c r="QAL729" s="424"/>
      <c r="QAM729" s="424"/>
      <c r="QAN729" s="424"/>
      <c r="QAO729" s="423" t="s">
        <v>2795</v>
      </c>
      <c r="QAP729" s="424"/>
      <c r="QAQ729" s="424"/>
      <c r="QAR729" s="424"/>
      <c r="QAS729" s="423" t="s">
        <v>2795</v>
      </c>
      <c r="QAT729" s="424"/>
      <c r="QAU729" s="424"/>
      <c r="QAV729" s="424"/>
      <c r="QAW729" s="423" t="s">
        <v>2795</v>
      </c>
      <c r="QAX729" s="424"/>
      <c r="QAY729" s="424"/>
      <c r="QAZ729" s="424"/>
      <c r="QBA729" s="423" t="s">
        <v>2795</v>
      </c>
      <c r="QBB729" s="424"/>
      <c r="QBC729" s="424"/>
      <c r="QBD729" s="424"/>
      <c r="QBE729" s="423" t="s">
        <v>2795</v>
      </c>
      <c r="QBF729" s="424"/>
      <c r="QBG729" s="424"/>
      <c r="QBH729" s="424"/>
      <c r="QBI729" s="423" t="s">
        <v>2795</v>
      </c>
      <c r="QBJ729" s="424"/>
      <c r="QBK729" s="424"/>
      <c r="QBL729" s="424"/>
      <c r="QBM729" s="423" t="s">
        <v>2795</v>
      </c>
      <c r="QBN729" s="424"/>
      <c r="QBO729" s="424"/>
      <c r="QBP729" s="424"/>
      <c r="QBQ729" s="423" t="s">
        <v>2795</v>
      </c>
      <c r="QBR729" s="424"/>
      <c r="QBS729" s="424"/>
      <c r="QBT729" s="424"/>
      <c r="QBU729" s="423" t="s">
        <v>2795</v>
      </c>
      <c r="QBV729" s="424"/>
      <c r="QBW729" s="424"/>
      <c r="QBX729" s="424"/>
      <c r="QBY729" s="423" t="s">
        <v>2795</v>
      </c>
      <c r="QBZ729" s="424"/>
      <c r="QCA729" s="424"/>
      <c r="QCB729" s="424"/>
      <c r="QCC729" s="423" t="s">
        <v>2795</v>
      </c>
      <c r="QCD729" s="424"/>
      <c r="QCE729" s="424"/>
      <c r="QCF729" s="424"/>
      <c r="QCG729" s="423" t="s">
        <v>2795</v>
      </c>
      <c r="QCH729" s="424"/>
      <c r="QCI729" s="424"/>
      <c r="QCJ729" s="424"/>
      <c r="QCK729" s="423" t="s">
        <v>2795</v>
      </c>
      <c r="QCL729" s="424"/>
      <c r="QCM729" s="424"/>
      <c r="QCN729" s="424"/>
      <c r="QCO729" s="423" t="s">
        <v>2795</v>
      </c>
      <c r="QCP729" s="424"/>
      <c r="QCQ729" s="424"/>
      <c r="QCR729" s="424"/>
      <c r="QCS729" s="423" t="s">
        <v>2795</v>
      </c>
      <c r="QCT729" s="424"/>
      <c r="QCU729" s="424"/>
      <c r="QCV729" s="424"/>
      <c r="QCW729" s="423" t="s">
        <v>2795</v>
      </c>
      <c r="QCX729" s="424"/>
      <c r="QCY729" s="424"/>
      <c r="QCZ729" s="424"/>
      <c r="QDA729" s="423" t="s">
        <v>2795</v>
      </c>
      <c r="QDB729" s="424"/>
      <c r="QDC729" s="424"/>
      <c r="QDD729" s="424"/>
      <c r="QDE729" s="423" t="s">
        <v>2795</v>
      </c>
      <c r="QDF729" s="424"/>
      <c r="QDG729" s="424"/>
      <c r="QDH729" s="424"/>
      <c r="QDI729" s="423" t="s">
        <v>2795</v>
      </c>
      <c r="QDJ729" s="424"/>
      <c r="QDK729" s="424"/>
      <c r="QDL729" s="424"/>
      <c r="QDM729" s="423" t="s">
        <v>2795</v>
      </c>
      <c r="QDN729" s="424"/>
      <c r="QDO729" s="424"/>
      <c r="QDP729" s="424"/>
      <c r="QDQ729" s="423" t="s">
        <v>2795</v>
      </c>
      <c r="QDR729" s="424"/>
      <c r="QDS729" s="424"/>
      <c r="QDT729" s="424"/>
      <c r="QDU729" s="423" t="s">
        <v>2795</v>
      </c>
      <c r="QDV729" s="424"/>
      <c r="QDW729" s="424"/>
      <c r="QDX729" s="424"/>
      <c r="QDY729" s="423" t="s">
        <v>2795</v>
      </c>
      <c r="QDZ729" s="424"/>
      <c r="QEA729" s="424"/>
      <c r="QEB729" s="424"/>
      <c r="QEC729" s="423" t="s">
        <v>2795</v>
      </c>
      <c r="QED729" s="424"/>
      <c r="QEE729" s="424"/>
      <c r="QEF729" s="424"/>
      <c r="QEG729" s="423" t="s">
        <v>2795</v>
      </c>
      <c r="QEH729" s="424"/>
      <c r="QEI729" s="424"/>
      <c r="QEJ729" s="424"/>
      <c r="QEK729" s="423" t="s">
        <v>2795</v>
      </c>
      <c r="QEL729" s="424"/>
      <c r="QEM729" s="424"/>
      <c r="QEN729" s="424"/>
      <c r="QEO729" s="423" t="s">
        <v>2795</v>
      </c>
      <c r="QEP729" s="424"/>
      <c r="QEQ729" s="424"/>
      <c r="QER729" s="424"/>
      <c r="QES729" s="423" t="s">
        <v>2795</v>
      </c>
      <c r="QET729" s="424"/>
      <c r="QEU729" s="424"/>
      <c r="QEV729" s="424"/>
      <c r="QEW729" s="423" t="s">
        <v>2795</v>
      </c>
      <c r="QEX729" s="424"/>
      <c r="QEY729" s="424"/>
      <c r="QEZ729" s="424"/>
      <c r="QFA729" s="423" t="s">
        <v>2795</v>
      </c>
      <c r="QFB729" s="424"/>
      <c r="QFC729" s="424"/>
      <c r="QFD729" s="424"/>
      <c r="QFE729" s="423" t="s">
        <v>2795</v>
      </c>
      <c r="QFF729" s="424"/>
      <c r="QFG729" s="424"/>
      <c r="QFH729" s="424"/>
      <c r="QFI729" s="423" t="s">
        <v>2795</v>
      </c>
      <c r="QFJ729" s="424"/>
      <c r="QFK729" s="424"/>
      <c r="QFL729" s="424"/>
      <c r="QFM729" s="423" t="s">
        <v>2795</v>
      </c>
      <c r="QFN729" s="424"/>
      <c r="QFO729" s="424"/>
      <c r="QFP729" s="424"/>
      <c r="QFQ729" s="423" t="s">
        <v>2795</v>
      </c>
      <c r="QFR729" s="424"/>
      <c r="QFS729" s="424"/>
      <c r="QFT729" s="424"/>
      <c r="QFU729" s="423" t="s">
        <v>2795</v>
      </c>
      <c r="QFV729" s="424"/>
      <c r="QFW729" s="424"/>
      <c r="QFX729" s="424"/>
      <c r="QFY729" s="423" t="s">
        <v>2795</v>
      </c>
      <c r="QFZ729" s="424"/>
      <c r="QGA729" s="424"/>
      <c r="QGB729" s="424"/>
      <c r="QGC729" s="423" t="s">
        <v>2795</v>
      </c>
      <c r="QGD729" s="424"/>
      <c r="QGE729" s="424"/>
      <c r="QGF729" s="424"/>
      <c r="QGG729" s="423" t="s">
        <v>2795</v>
      </c>
      <c r="QGH729" s="424"/>
      <c r="QGI729" s="424"/>
      <c r="QGJ729" s="424"/>
      <c r="QGK729" s="423" t="s">
        <v>2795</v>
      </c>
      <c r="QGL729" s="424"/>
      <c r="QGM729" s="424"/>
      <c r="QGN729" s="424"/>
      <c r="QGO729" s="423" t="s">
        <v>2795</v>
      </c>
      <c r="QGP729" s="424"/>
      <c r="QGQ729" s="424"/>
      <c r="QGR729" s="424"/>
      <c r="QGS729" s="423" t="s">
        <v>2795</v>
      </c>
      <c r="QGT729" s="424"/>
      <c r="QGU729" s="424"/>
      <c r="QGV729" s="424"/>
      <c r="QGW729" s="423" t="s">
        <v>2795</v>
      </c>
      <c r="QGX729" s="424"/>
      <c r="QGY729" s="424"/>
      <c r="QGZ729" s="424"/>
      <c r="QHA729" s="423" t="s">
        <v>2795</v>
      </c>
      <c r="QHB729" s="424"/>
      <c r="QHC729" s="424"/>
      <c r="QHD729" s="424"/>
      <c r="QHE729" s="423" t="s">
        <v>2795</v>
      </c>
      <c r="QHF729" s="424"/>
      <c r="QHG729" s="424"/>
      <c r="QHH729" s="424"/>
      <c r="QHI729" s="423" t="s">
        <v>2795</v>
      </c>
      <c r="QHJ729" s="424"/>
      <c r="QHK729" s="424"/>
      <c r="QHL729" s="424"/>
      <c r="QHM729" s="423" t="s">
        <v>2795</v>
      </c>
      <c r="QHN729" s="424"/>
      <c r="QHO729" s="424"/>
      <c r="QHP729" s="424"/>
      <c r="QHQ729" s="423" t="s">
        <v>2795</v>
      </c>
      <c r="QHR729" s="424"/>
      <c r="QHS729" s="424"/>
      <c r="QHT729" s="424"/>
      <c r="QHU729" s="423" t="s">
        <v>2795</v>
      </c>
      <c r="QHV729" s="424"/>
      <c r="QHW729" s="424"/>
      <c r="QHX729" s="424"/>
      <c r="QHY729" s="423" t="s">
        <v>2795</v>
      </c>
      <c r="QHZ729" s="424"/>
      <c r="QIA729" s="424"/>
      <c r="QIB729" s="424"/>
      <c r="QIC729" s="423" t="s">
        <v>2795</v>
      </c>
      <c r="QID729" s="424"/>
      <c r="QIE729" s="424"/>
      <c r="QIF729" s="424"/>
      <c r="QIG729" s="423" t="s">
        <v>2795</v>
      </c>
      <c r="QIH729" s="424"/>
      <c r="QII729" s="424"/>
      <c r="QIJ729" s="424"/>
      <c r="QIK729" s="423" t="s">
        <v>2795</v>
      </c>
      <c r="QIL729" s="424"/>
      <c r="QIM729" s="424"/>
      <c r="QIN729" s="424"/>
      <c r="QIO729" s="423" t="s">
        <v>2795</v>
      </c>
      <c r="QIP729" s="424"/>
      <c r="QIQ729" s="424"/>
      <c r="QIR729" s="424"/>
      <c r="QIS729" s="423" t="s">
        <v>2795</v>
      </c>
      <c r="QIT729" s="424"/>
      <c r="QIU729" s="424"/>
      <c r="QIV729" s="424"/>
      <c r="QIW729" s="423" t="s">
        <v>2795</v>
      </c>
      <c r="QIX729" s="424"/>
      <c r="QIY729" s="424"/>
      <c r="QIZ729" s="424"/>
      <c r="QJA729" s="423" t="s">
        <v>2795</v>
      </c>
      <c r="QJB729" s="424"/>
      <c r="QJC729" s="424"/>
      <c r="QJD729" s="424"/>
      <c r="QJE729" s="423" t="s">
        <v>2795</v>
      </c>
      <c r="QJF729" s="424"/>
      <c r="QJG729" s="424"/>
      <c r="QJH729" s="424"/>
      <c r="QJI729" s="423" t="s">
        <v>2795</v>
      </c>
      <c r="QJJ729" s="424"/>
      <c r="QJK729" s="424"/>
      <c r="QJL729" s="424"/>
      <c r="QJM729" s="423" t="s">
        <v>2795</v>
      </c>
      <c r="QJN729" s="424"/>
      <c r="QJO729" s="424"/>
      <c r="QJP729" s="424"/>
      <c r="QJQ729" s="423" t="s">
        <v>2795</v>
      </c>
      <c r="QJR729" s="424"/>
      <c r="QJS729" s="424"/>
      <c r="QJT729" s="424"/>
      <c r="QJU729" s="423" t="s">
        <v>2795</v>
      </c>
      <c r="QJV729" s="424"/>
      <c r="QJW729" s="424"/>
      <c r="QJX729" s="424"/>
      <c r="QJY729" s="423" t="s">
        <v>2795</v>
      </c>
      <c r="QJZ729" s="424"/>
      <c r="QKA729" s="424"/>
      <c r="QKB729" s="424"/>
      <c r="QKC729" s="423" t="s">
        <v>2795</v>
      </c>
      <c r="QKD729" s="424"/>
      <c r="QKE729" s="424"/>
      <c r="QKF729" s="424"/>
      <c r="QKG729" s="423" t="s">
        <v>2795</v>
      </c>
      <c r="QKH729" s="424"/>
      <c r="QKI729" s="424"/>
      <c r="QKJ729" s="424"/>
      <c r="QKK729" s="423" t="s">
        <v>2795</v>
      </c>
      <c r="QKL729" s="424"/>
      <c r="QKM729" s="424"/>
      <c r="QKN729" s="424"/>
      <c r="QKO729" s="423" t="s">
        <v>2795</v>
      </c>
      <c r="QKP729" s="424"/>
      <c r="QKQ729" s="424"/>
      <c r="QKR729" s="424"/>
      <c r="QKS729" s="423" t="s">
        <v>2795</v>
      </c>
      <c r="QKT729" s="424"/>
      <c r="QKU729" s="424"/>
      <c r="QKV729" s="424"/>
      <c r="QKW729" s="423" t="s">
        <v>2795</v>
      </c>
      <c r="QKX729" s="424"/>
      <c r="QKY729" s="424"/>
      <c r="QKZ729" s="424"/>
      <c r="QLA729" s="423" t="s">
        <v>2795</v>
      </c>
      <c r="QLB729" s="424"/>
      <c r="QLC729" s="424"/>
      <c r="QLD729" s="424"/>
      <c r="QLE729" s="423" t="s">
        <v>2795</v>
      </c>
      <c r="QLF729" s="424"/>
      <c r="QLG729" s="424"/>
      <c r="QLH729" s="424"/>
      <c r="QLI729" s="423" t="s">
        <v>2795</v>
      </c>
      <c r="QLJ729" s="424"/>
      <c r="QLK729" s="424"/>
      <c r="QLL729" s="424"/>
      <c r="QLM729" s="423" t="s">
        <v>2795</v>
      </c>
      <c r="QLN729" s="424"/>
      <c r="QLO729" s="424"/>
      <c r="QLP729" s="424"/>
      <c r="QLQ729" s="423" t="s">
        <v>2795</v>
      </c>
      <c r="QLR729" s="424"/>
      <c r="QLS729" s="424"/>
      <c r="QLT729" s="424"/>
      <c r="QLU729" s="423" t="s">
        <v>2795</v>
      </c>
      <c r="QLV729" s="424"/>
      <c r="QLW729" s="424"/>
      <c r="QLX729" s="424"/>
      <c r="QLY729" s="423" t="s">
        <v>2795</v>
      </c>
      <c r="QLZ729" s="424"/>
      <c r="QMA729" s="424"/>
      <c r="QMB729" s="424"/>
      <c r="QMC729" s="423" t="s">
        <v>2795</v>
      </c>
      <c r="QMD729" s="424"/>
      <c r="QME729" s="424"/>
      <c r="QMF729" s="424"/>
      <c r="QMG729" s="423" t="s">
        <v>2795</v>
      </c>
      <c r="QMH729" s="424"/>
      <c r="QMI729" s="424"/>
      <c r="QMJ729" s="424"/>
      <c r="QMK729" s="423" t="s">
        <v>2795</v>
      </c>
      <c r="QML729" s="424"/>
      <c r="QMM729" s="424"/>
      <c r="QMN729" s="424"/>
      <c r="QMO729" s="423" t="s">
        <v>2795</v>
      </c>
      <c r="QMP729" s="424"/>
      <c r="QMQ729" s="424"/>
      <c r="QMR729" s="424"/>
      <c r="QMS729" s="423" t="s">
        <v>2795</v>
      </c>
      <c r="QMT729" s="424"/>
      <c r="QMU729" s="424"/>
      <c r="QMV729" s="424"/>
      <c r="QMW729" s="423" t="s">
        <v>2795</v>
      </c>
      <c r="QMX729" s="424"/>
      <c r="QMY729" s="424"/>
      <c r="QMZ729" s="424"/>
      <c r="QNA729" s="423" t="s">
        <v>2795</v>
      </c>
      <c r="QNB729" s="424"/>
      <c r="QNC729" s="424"/>
      <c r="QND729" s="424"/>
      <c r="QNE729" s="423" t="s">
        <v>2795</v>
      </c>
      <c r="QNF729" s="424"/>
      <c r="QNG729" s="424"/>
      <c r="QNH729" s="424"/>
      <c r="QNI729" s="423" t="s">
        <v>2795</v>
      </c>
      <c r="QNJ729" s="424"/>
      <c r="QNK729" s="424"/>
      <c r="QNL729" s="424"/>
      <c r="QNM729" s="423" t="s">
        <v>2795</v>
      </c>
      <c r="QNN729" s="424"/>
      <c r="QNO729" s="424"/>
      <c r="QNP729" s="424"/>
      <c r="QNQ729" s="423" t="s">
        <v>2795</v>
      </c>
      <c r="QNR729" s="424"/>
      <c r="QNS729" s="424"/>
      <c r="QNT729" s="424"/>
      <c r="QNU729" s="423" t="s">
        <v>2795</v>
      </c>
      <c r="QNV729" s="424"/>
      <c r="QNW729" s="424"/>
      <c r="QNX729" s="424"/>
      <c r="QNY729" s="423" t="s">
        <v>2795</v>
      </c>
      <c r="QNZ729" s="424"/>
      <c r="QOA729" s="424"/>
      <c r="QOB729" s="424"/>
      <c r="QOC729" s="423" t="s">
        <v>2795</v>
      </c>
      <c r="QOD729" s="424"/>
      <c r="QOE729" s="424"/>
      <c r="QOF729" s="424"/>
      <c r="QOG729" s="423" t="s">
        <v>2795</v>
      </c>
      <c r="QOH729" s="424"/>
      <c r="QOI729" s="424"/>
      <c r="QOJ729" s="424"/>
      <c r="QOK729" s="423" t="s">
        <v>2795</v>
      </c>
      <c r="QOL729" s="424"/>
      <c r="QOM729" s="424"/>
      <c r="QON729" s="424"/>
      <c r="QOO729" s="423" t="s">
        <v>2795</v>
      </c>
      <c r="QOP729" s="424"/>
      <c r="QOQ729" s="424"/>
      <c r="QOR729" s="424"/>
      <c r="QOS729" s="423" t="s">
        <v>2795</v>
      </c>
      <c r="QOT729" s="424"/>
      <c r="QOU729" s="424"/>
      <c r="QOV729" s="424"/>
      <c r="QOW729" s="423" t="s">
        <v>2795</v>
      </c>
      <c r="QOX729" s="424"/>
      <c r="QOY729" s="424"/>
      <c r="QOZ729" s="424"/>
      <c r="QPA729" s="423" t="s">
        <v>2795</v>
      </c>
      <c r="QPB729" s="424"/>
      <c r="QPC729" s="424"/>
      <c r="QPD729" s="424"/>
      <c r="QPE729" s="423" t="s">
        <v>2795</v>
      </c>
      <c r="QPF729" s="424"/>
      <c r="QPG729" s="424"/>
      <c r="QPH729" s="424"/>
      <c r="QPI729" s="423" t="s">
        <v>2795</v>
      </c>
      <c r="QPJ729" s="424"/>
      <c r="QPK729" s="424"/>
      <c r="QPL729" s="424"/>
      <c r="QPM729" s="423" t="s">
        <v>2795</v>
      </c>
      <c r="QPN729" s="424"/>
      <c r="QPO729" s="424"/>
      <c r="QPP729" s="424"/>
      <c r="QPQ729" s="423" t="s">
        <v>2795</v>
      </c>
      <c r="QPR729" s="424"/>
      <c r="QPS729" s="424"/>
      <c r="QPT729" s="424"/>
      <c r="QPU729" s="423" t="s">
        <v>2795</v>
      </c>
      <c r="QPV729" s="424"/>
      <c r="QPW729" s="424"/>
      <c r="QPX729" s="424"/>
      <c r="QPY729" s="423" t="s">
        <v>2795</v>
      </c>
      <c r="QPZ729" s="424"/>
      <c r="QQA729" s="424"/>
      <c r="QQB729" s="424"/>
      <c r="QQC729" s="423" t="s">
        <v>2795</v>
      </c>
      <c r="QQD729" s="424"/>
      <c r="QQE729" s="424"/>
      <c r="QQF729" s="424"/>
      <c r="QQG729" s="423" t="s">
        <v>2795</v>
      </c>
      <c r="QQH729" s="424"/>
      <c r="QQI729" s="424"/>
      <c r="QQJ729" s="424"/>
      <c r="QQK729" s="423" t="s">
        <v>2795</v>
      </c>
      <c r="QQL729" s="424"/>
      <c r="QQM729" s="424"/>
      <c r="QQN729" s="424"/>
      <c r="QQO729" s="423" t="s">
        <v>2795</v>
      </c>
      <c r="QQP729" s="424"/>
      <c r="QQQ729" s="424"/>
      <c r="QQR729" s="424"/>
      <c r="QQS729" s="423" t="s">
        <v>2795</v>
      </c>
      <c r="QQT729" s="424"/>
      <c r="QQU729" s="424"/>
      <c r="QQV729" s="424"/>
      <c r="QQW729" s="423" t="s">
        <v>2795</v>
      </c>
      <c r="QQX729" s="424"/>
      <c r="QQY729" s="424"/>
      <c r="QQZ729" s="424"/>
      <c r="QRA729" s="423" t="s">
        <v>2795</v>
      </c>
      <c r="QRB729" s="424"/>
      <c r="QRC729" s="424"/>
      <c r="QRD729" s="424"/>
      <c r="QRE729" s="423" t="s">
        <v>2795</v>
      </c>
      <c r="QRF729" s="424"/>
      <c r="QRG729" s="424"/>
      <c r="QRH729" s="424"/>
      <c r="QRI729" s="423" t="s">
        <v>2795</v>
      </c>
      <c r="QRJ729" s="424"/>
      <c r="QRK729" s="424"/>
      <c r="QRL729" s="424"/>
      <c r="QRM729" s="423" t="s">
        <v>2795</v>
      </c>
      <c r="QRN729" s="424"/>
      <c r="QRO729" s="424"/>
      <c r="QRP729" s="424"/>
      <c r="QRQ729" s="423" t="s">
        <v>2795</v>
      </c>
      <c r="QRR729" s="424"/>
      <c r="QRS729" s="424"/>
      <c r="QRT729" s="424"/>
      <c r="QRU729" s="423" t="s">
        <v>2795</v>
      </c>
      <c r="QRV729" s="424"/>
      <c r="QRW729" s="424"/>
      <c r="QRX729" s="424"/>
      <c r="QRY729" s="423" t="s">
        <v>2795</v>
      </c>
      <c r="QRZ729" s="424"/>
      <c r="QSA729" s="424"/>
      <c r="QSB729" s="424"/>
      <c r="QSC729" s="423" t="s">
        <v>2795</v>
      </c>
      <c r="QSD729" s="424"/>
      <c r="QSE729" s="424"/>
      <c r="QSF729" s="424"/>
      <c r="QSG729" s="423" t="s">
        <v>2795</v>
      </c>
      <c r="QSH729" s="424"/>
      <c r="QSI729" s="424"/>
      <c r="QSJ729" s="424"/>
      <c r="QSK729" s="423" t="s">
        <v>2795</v>
      </c>
      <c r="QSL729" s="424"/>
      <c r="QSM729" s="424"/>
      <c r="QSN729" s="424"/>
      <c r="QSO729" s="423" t="s">
        <v>2795</v>
      </c>
      <c r="QSP729" s="424"/>
      <c r="QSQ729" s="424"/>
      <c r="QSR729" s="424"/>
      <c r="QSS729" s="423" t="s">
        <v>2795</v>
      </c>
      <c r="QST729" s="424"/>
      <c r="QSU729" s="424"/>
      <c r="QSV729" s="424"/>
      <c r="QSW729" s="423" t="s">
        <v>2795</v>
      </c>
      <c r="QSX729" s="424"/>
      <c r="QSY729" s="424"/>
      <c r="QSZ729" s="424"/>
      <c r="QTA729" s="423" t="s">
        <v>2795</v>
      </c>
      <c r="QTB729" s="424"/>
      <c r="QTC729" s="424"/>
      <c r="QTD729" s="424"/>
      <c r="QTE729" s="423" t="s">
        <v>2795</v>
      </c>
      <c r="QTF729" s="424"/>
      <c r="QTG729" s="424"/>
      <c r="QTH729" s="424"/>
      <c r="QTI729" s="423" t="s">
        <v>2795</v>
      </c>
      <c r="QTJ729" s="424"/>
      <c r="QTK729" s="424"/>
      <c r="QTL729" s="424"/>
      <c r="QTM729" s="423" t="s">
        <v>2795</v>
      </c>
      <c r="QTN729" s="424"/>
      <c r="QTO729" s="424"/>
      <c r="QTP729" s="424"/>
      <c r="QTQ729" s="423" t="s">
        <v>2795</v>
      </c>
      <c r="QTR729" s="424"/>
      <c r="QTS729" s="424"/>
      <c r="QTT729" s="424"/>
      <c r="QTU729" s="423" t="s">
        <v>2795</v>
      </c>
      <c r="QTV729" s="424"/>
      <c r="QTW729" s="424"/>
      <c r="QTX729" s="424"/>
      <c r="QTY729" s="423" t="s">
        <v>2795</v>
      </c>
      <c r="QTZ729" s="424"/>
      <c r="QUA729" s="424"/>
      <c r="QUB729" s="424"/>
      <c r="QUC729" s="423" t="s">
        <v>2795</v>
      </c>
      <c r="QUD729" s="424"/>
      <c r="QUE729" s="424"/>
      <c r="QUF729" s="424"/>
      <c r="QUG729" s="423" t="s">
        <v>2795</v>
      </c>
      <c r="QUH729" s="424"/>
      <c r="QUI729" s="424"/>
      <c r="QUJ729" s="424"/>
      <c r="QUK729" s="423" t="s">
        <v>2795</v>
      </c>
      <c r="QUL729" s="424"/>
      <c r="QUM729" s="424"/>
      <c r="QUN729" s="424"/>
      <c r="QUO729" s="423" t="s">
        <v>2795</v>
      </c>
      <c r="QUP729" s="424"/>
      <c r="QUQ729" s="424"/>
      <c r="QUR729" s="424"/>
      <c r="QUS729" s="423" t="s">
        <v>2795</v>
      </c>
      <c r="QUT729" s="424"/>
      <c r="QUU729" s="424"/>
      <c r="QUV729" s="424"/>
      <c r="QUW729" s="423" t="s">
        <v>2795</v>
      </c>
      <c r="QUX729" s="424"/>
      <c r="QUY729" s="424"/>
      <c r="QUZ729" s="424"/>
      <c r="QVA729" s="423" t="s">
        <v>2795</v>
      </c>
      <c r="QVB729" s="424"/>
      <c r="QVC729" s="424"/>
      <c r="QVD729" s="424"/>
      <c r="QVE729" s="423" t="s">
        <v>2795</v>
      </c>
      <c r="QVF729" s="424"/>
      <c r="QVG729" s="424"/>
      <c r="QVH729" s="424"/>
      <c r="QVI729" s="423" t="s">
        <v>2795</v>
      </c>
      <c r="QVJ729" s="424"/>
      <c r="QVK729" s="424"/>
      <c r="QVL729" s="424"/>
      <c r="QVM729" s="423" t="s">
        <v>2795</v>
      </c>
      <c r="QVN729" s="424"/>
      <c r="QVO729" s="424"/>
      <c r="QVP729" s="424"/>
      <c r="QVQ729" s="423" t="s">
        <v>2795</v>
      </c>
      <c r="QVR729" s="424"/>
      <c r="QVS729" s="424"/>
      <c r="QVT729" s="424"/>
      <c r="QVU729" s="423" t="s">
        <v>2795</v>
      </c>
      <c r="QVV729" s="424"/>
      <c r="QVW729" s="424"/>
      <c r="QVX729" s="424"/>
      <c r="QVY729" s="423" t="s">
        <v>2795</v>
      </c>
      <c r="QVZ729" s="424"/>
      <c r="QWA729" s="424"/>
      <c r="QWB729" s="424"/>
      <c r="QWC729" s="423" t="s">
        <v>2795</v>
      </c>
      <c r="QWD729" s="424"/>
      <c r="QWE729" s="424"/>
      <c r="QWF729" s="424"/>
      <c r="QWG729" s="423" t="s">
        <v>2795</v>
      </c>
      <c r="QWH729" s="424"/>
      <c r="QWI729" s="424"/>
      <c r="QWJ729" s="424"/>
      <c r="QWK729" s="423" t="s">
        <v>2795</v>
      </c>
      <c r="QWL729" s="424"/>
      <c r="QWM729" s="424"/>
      <c r="QWN729" s="424"/>
      <c r="QWO729" s="423" t="s">
        <v>2795</v>
      </c>
      <c r="QWP729" s="424"/>
      <c r="QWQ729" s="424"/>
      <c r="QWR729" s="424"/>
      <c r="QWS729" s="423" t="s">
        <v>2795</v>
      </c>
      <c r="QWT729" s="424"/>
      <c r="QWU729" s="424"/>
      <c r="QWV729" s="424"/>
      <c r="QWW729" s="423" t="s">
        <v>2795</v>
      </c>
      <c r="QWX729" s="424"/>
      <c r="QWY729" s="424"/>
      <c r="QWZ729" s="424"/>
      <c r="QXA729" s="423" t="s">
        <v>2795</v>
      </c>
      <c r="QXB729" s="424"/>
      <c r="QXC729" s="424"/>
      <c r="QXD729" s="424"/>
      <c r="QXE729" s="423" t="s">
        <v>2795</v>
      </c>
      <c r="QXF729" s="424"/>
      <c r="QXG729" s="424"/>
      <c r="QXH729" s="424"/>
      <c r="QXI729" s="423" t="s">
        <v>2795</v>
      </c>
      <c r="QXJ729" s="424"/>
      <c r="QXK729" s="424"/>
      <c r="QXL729" s="424"/>
      <c r="QXM729" s="423" t="s">
        <v>2795</v>
      </c>
      <c r="QXN729" s="424"/>
      <c r="QXO729" s="424"/>
      <c r="QXP729" s="424"/>
      <c r="QXQ729" s="423" t="s">
        <v>2795</v>
      </c>
      <c r="QXR729" s="424"/>
      <c r="QXS729" s="424"/>
      <c r="QXT729" s="424"/>
      <c r="QXU729" s="423" t="s">
        <v>2795</v>
      </c>
      <c r="QXV729" s="424"/>
      <c r="QXW729" s="424"/>
      <c r="QXX729" s="424"/>
      <c r="QXY729" s="423" t="s">
        <v>2795</v>
      </c>
      <c r="QXZ729" s="424"/>
      <c r="QYA729" s="424"/>
      <c r="QYB729" s="424"/>
      <c r="QYC729" s="423" t="s">
        <v>2795</v>
      </c>
      <c r="QYD729" s="424"/>
      <c r="QYE729" s="424"/>
      <c r="QYF729" s="424"/>
      <c r="QYG729" s="423" t="s">
        <v>2795</v>
      </c>
      <c r="QYH729" s="424"/>
      <c r="QYI729" s="424"/>
      <c r="QYJ729" s="424"/>
      <c r="QYK729" s="423" t="s">
        <v>2795</v>
      </c>
      <c r="QYL729" s="424"/>
      <c r="QYM729" s="424"/>
      <c r="QYN729" s="424"/>
      <c r="QYO729" s="423" t="s">
        <v>2795</v>
      </c>
      <c r="QYP729" s="424"/>
      <c r="QYQ729" s="424"/>
      <c r="QYR729" s="424"/>
      <c r="QYS729" s="423" t="s">
        <v>2795</v>
      </c>
      <c r="QYT729" s="424"/>
      <c r="QYU729" s="424"/>
      <c r="QYV729" s="424"/>
      <c r="QYW729" s="423" t="s">
        <v>2795</v>
      </c>
      <c r="QYX729" s="424"/>
      <c r="QYY729" s="424"/>
      <c r="QYZ729" s="424"/>
      <c r="QZA729" s="423" t="s">
        <v>2795</v>
      </c>
      <c r="QZB729" s="424"/>
      <c r="QZC729" s="424"/>
      <c r="QZD729" s="424"/>
      <c r="QZE729" s="423" t="s">
        <v>2795</v>
      </c>
      <c r="QZF729" s="424"/>
      <c r="QZG729" s="424"/>
      <c r="QZH729" s="424"/>
      <c r="QZI729" s="423" t="s">
        <v>2795</v>
      </c>
      <c r="QZJ729" s="424"/>
      <c r="QZK729" s="424"/>
      <c r="QZL729" s="424"/>
      <c r="QZM729" s="423" t="s">
        <v>2795</v>
      </c>
      <c r="QZN729" s="424"/>
      <c r="QZO729" s="424"/>
      <c r="QZP729" s="424"/>
      <c r="QZQ729" s="423" t="s">
        <v>2795</v>
      </c>
      <c r="QZR729" s="424"/>
      <c r="QZS729" s="424"/>
      <c r="QZT729" s="424"/>
      <c r="QZU729" s="423" t="s">
        <v>2795</v>
      </c>
      <c r="QZV729" s="424"/>
      <c r="QZW729" s="424"/>
      <c r="QZX729" s="424"/>
      <c r="QZY729" s="423" t="s">
        <v>2795</v>
      </c>
      <c r="QZZ729" s="424"/>
      <c r="RAA729" s="424"/>
      <c r="RAB729" s="424"/>
      <c r="RAC729" s="423" t="s">
        <v>2795</v>
      </c>
      <c r="RAD729" s="424"/>
      <c r="RAE729" s="424"/>
      <c r="RAF729" s="424"/>
      <c r="RAG729" s="423" t="s">
        <v>2795</v>
      </c>
      <c r="RAH729" s="424"/>
      <c r="RAI729" s="424"/>
      <c r="RAJ729" s="424"/>
      <c r="RAK729" s="423" t="s">
        <v>2795</v>
      </c>
      <c r="RAL729" s="424"/>
      <c r="RAM729" s="424"/>
      <c r="RAN729" s="424"/>
      <c r="RAO729" s="423" t="s">
        <v>2795</v>
      </c>
      <c r="RAP729" s="424"/>
      <c r="RAQ729" s="424"/>
      <c r="RAR729" s="424"/>
      <c r="RAS729" s="423" t="s">
        <v>2795</v>
      </c>
      <c r="RAT729" s="424"/>
      <c r="RAU729" s="424"/>
      <c r="RAV729" s="424"/>
      <c r="RAW729" s="423" t="s">
        <v>2795</v>
      </c>
      <c r="RAX729" s="424"/>
      <c r="RAY729" s="424"/>
      <c r="RAZ729" s="424"/>
      <c r="RBA729" s="423" t="s">
        <v>2795</v>
      </c>
      <c r="RBB729" s="424"/>
      <c r="RBC729" s="424"/>
      <c r="RBD729" s="424"/>
      <c r="RBE729" s="423" t="s">
        <v>2795</v>
      </c>
      <c r="RBF729" s="424"/>
      <c r="RBG729" s="424"/>
      <c r="RBH729" s="424"/>
      <c r="RBI729" s="423" t="s">
        <v>2795</v>
      </c>
      <c r="RBJ729" s="424"/>
      <c r="RBK729" s="424"/>
      <c r="RBL729" s="424"/>
      <c r="RBM729" s="423" t="s">
        <v>2795</v>
      </c>
      <c r="RBN729" s="424"/>
      <c r="RBO729" s="424"/>
      <c r="RBP729" s="424"/>
      <c r="RBQ729" s="423" t="s">
        <v>2795</v>
      </c>
      <c r="RBR729" s="424"/>
      <c r="RBS729" s="424"/>
      <c r="RBT729" s="424"/>
      <c r="RBU729" s="423" t="s">
        <v>2795</v>
      </c>
      <c r="RBV729" s="424"/>
      <c r="RBW729" s="424"/>
      <c r="RBX729" s="424"/>
      <c r="RBY729" s="423" t="s">
        <v>2795</v>
      </c>
      <c r="RBZ729" s="424"/>
      <c r="RCA729" s="424"/>
      <c r="RCB729" s="424"/>
      <c r="RCC729" s="423" t="s">
        <v>2795</v>
      </c>
      <c r="RCD729" s="424"/>
      <c r="RCE729" s="424"/>
      <c r="RCF729" s="424"/>
      <c r="RCG729" s="423" t="s">
        <v>2795</v>
      </c>
      <c r="RCH729" s="424"/>
      <c r="RCI729" s="424"/>
      <c r="RCJ729" s="424"/>
      <c r="RCK729" s="423" t="s">
        <v>2795</v>
      </c>
      <c r="RCL729" s="424"/>
      <c r="RCM729" s="424"/>
      <c r="RCN729" s="424"/>
      <c r="RCO729" s="423" t="s">
        <v>2795</v>
      </c>
      <c r="RCP729" s="424"/>
      <c r="RCQ729" s="424"/>
      <c r="RCR729" s="424"/>
      <c r="RCS729" s="423" t="s">
        <v>2795</v>
      </c>
      <c r="RCT729" s="424"/>
      <c r="RCU729" s="424"/>
      <c r="RCV729" s="424"/>
      <c r="RCW729" s="423" t="s">
        <v>2795</v>
      </c>
      <c r="RCX729" s="424"/>
      <c r="RCY729" s="424"/>
      <c r="RCZ729" s="424"/>
      <c r="RDA729" s="423" t="s">
        <v>2795</v>
      </c>
      <c r="RDB729" s="424"/>
      <c r="RDC729" s="424"/>
      <c r="RDD729" s="424"/>
      <c r="RDE729" s="423" t="s">
        <v>2795</v>
      </c>
      <c r="RDF729" s="424"/>
      <c r="RDG729" s="424"/>
      <c r="RDH729" s="424"/>
      <c r="RDI729" s="423" t="s">
        <v>2795</v>
      </c>
      <c r="RDJ729" s="424"/>
      <c r="RDK729" s="424"/>
      <c r="RDL729" s="424"/>
      <c r="RDM729" s="423" t="s">
        <v>2795</v>
      </c>
      <c r="RDN729" s="424"/>
      <c r="RDO729" s="424"/>
      <c r="RDP729" s="424"/>
      <c r="RDQ729" s="423" t="s">
        <v>2795</v>
      </c>
      <c r="RDR729" s="424"/>
      <c r="RDS729" s="424"/>
      <c r="RDT729" s="424"/>
      <c r="RDU729" s="423" t="s">
        <v>2795</v>
      </c>
      <c r="RDV729" s="424"/>
      <c r="RDW729" s="424"/>
      <c r="RDX729" s="424"/>
      <c r="RDY729" s="423" t="s">
        <v>2795</v>
      </c>
      <c r="RDZ729" s="424"/>
      <c r="REA729" s="424"/>
      <c r="REB729" s="424"/>
      <c r="REC729" s="423" t="s">
        <v>2795</v>
      </c>
      <c r="RED729" s="424"/>
      <c r="REE729" s="424"/>
      <c r="REF729" s="424"/>
      <c r="REG729" s="423" t="s">
        <v>2795</v>
      </c>
      <c r="REH729" s="424"/>
      <c r="REI729" s="424"/>
      <c r="REJ729" s="424"/>
      <c r="REK729" s="423" t="s">
        <v>2795</v>
      </c>
      <c r="REL729" s="424"/>
      <c r="REM729" s="424"/>
      <c r="REN729" s="424"/>
      <c r="REO729" s="423" t="s">
        <v>2795</v>
      </c>
      <c r="REP729" s="424"/>
      <c r="REQ729" s="424"/>
      <c r="RER729" s="424"/>
      <c r="RES729" s="423" t="s">
        <v>2795</v>
      </c>
      <c r="RET729" s="424"/>
      <c r="REU729" s="424"/>
      <c r="REV729" s="424"/>
      <c r="REW729" s="423" t="s">
        <v>2795</v>
      </c>
      <c r="REX729" s="424"/>
      <c r="REY729" s="424"/>
      <c r="REZ729" s="424"/>
      <c r="RFA729" s="423" t="s">
        <v>2795</v>
      </c>
      <c r="RFB729" s="424"/>
      <c r="RFC729" s="424"/>
      <c r="RFD729" s="424"/>
      <c r="RFE729" s="423" t="s">
        <v>2795</v>
      </c>
      <c r="RFF729" s="424"/>
      <c r="RFG729" s="424"/>
      <c r="RFH729" s="424"/>
      <c r="RFI729" s="423" t="s">
        <v>2795</v>
      </c>
      <c r="RFJ729" s="424"/>
      <c r="RFK729" s="424"/>
      <c r="RFL729" s="424"/>
      <c r="RFM729" s="423" t="s">
        <v>2795</v>
      </c>
      <c r="RFN729" s="424"/>
      <c r="RFO729" s="424"/>
      <c r="RFP729" s="424"/>
      <c r="RFQ729" s="423" t="s">
        <v>2795</v>
      </c>
      <c r="RFR729" s="424"/>
      <c r="RFS729" s="424"/>
      <c r="RFT729" s="424"/>
      <c r="RFU729" s="423" t="s">
        <v>2795</v>
      </c>
      <c r="RFV729" s="424"/>
      <c r="RFW729" s="424"/>
      <c r="RFX729" s="424"/>
      <c r="RFY729" s="423" t="s">
        <v>2795</v>
      </c>
      <c r="RFZ729" s="424"/>
      <c r="RGA729" s="424"/>
      <c r="RGB729" s="424"/>
      <c r="RGC729" s="423" t="s">
        <v>2795</v>
      </c>
      <c r="RGD729" s="424"/>
      <c r="RGE729" s="424"/>
      <c r="RGF729" s="424"/>
      <c r="RGG729" s="423" t="s">
        <v>2795</v>
      </c>
      <c r="RGH729" s="424"/>
      <c r="RGI729" s="424"/>
      <c r="RGJ729" s="424"/>
      <c r="RGK729" s="423" t="s">
        <v>2795</v>
      </c>
      <c r="RGL729" s="424"/>
      <c r="RGM729" s="424"/>
      <c r="RGN729" s="424"/>
      <c r="RGO729" s="423" t="s">
        <v>2795</v>
      </c>
      <c r="RGP729" s="424"/>
      <c r="RGQ729" s="424"/>
      <c r="RGR729" s="424"/>
      <c r="RGS729" s="423" t="s">
        <v>2795</v>
      </c>
      <c r="RGT729" s="424"/>
      <c r="RGU729" s="424"/>
      <c r="RGV729" s="424"/>
      <c r="RGW729" s="423" t="s">
        <v>2795</v>
      </c>
      <c r="RGX729" s="424"/>
      <c r="RGY729" s="424"/>
      <c r="RGZ729" s="424"/>
      <c r="RHA729" s="423" t="s">
        <v>2795</v>
      </c>
      <c r="RHB729" s="424"/>
      <c r="RHC729" s="424"/>
      <c r="RHD729" s="424"/>
      <c r="RHE729" s="423" t="s">
        <v>2795</v>
      </c>
      <c r="RHF729" s="424"/>
      <c r="RHG729" s="424"/>
      <c r="RHH729" s="424"/>
      <c r="RHI729" s="423" t="s">
        <v>2795</v>
      </c>
      <c r="RHJ729" s="424"/>
      <c r="RHK729" s="424"/>
      <c r="RHL729" s="424"/>
      <c r="RHM729" s="423" t="s">
        <v>2795</v>
      </c>
      <c r="RHN729" s="424"/>
      <c r="RHO729" s="424"/>
      <c r="RHP729" s="424"/>
      <c r="RHQ729" s="423" t="s">
        <v>2795</v>
      </c>
      <c r="RHR729" s="424"/>
      <c r="RHS729" s="424"/>
      <c r="RHT729" s="424"/>
      <c r="RHU729" s="423" t="s">
        <v>2795</v>
      </c>
      <c r="RHV729" s="424"/>
      <c r="RHW729" s="424"/>
      <c r="RHX729" s="424"/>
      <c r="RHY729" s="423" t="s">
        <v>2795</v>
      </c>
      <c r="RHZ729" s="424"/>
      <c r="RIA729" s="424"/>
      <c r="RIB729" s="424"/>
      <c r="RIC729" s="423" t="s">
        <v>2795</v>
      </c>
      <c r="RID729" s="424"/>
      <c r="RIE729" s="424"/>
      <c r="RIF729" s="424"/>
      <c r="RIG729" s="423" t="s">
        <v>2795</v>
      </c>
      <c r="RIH729" s="424"/>
      <c r="RII729" s="424"/>
      <c r="RIJ729" s="424"/>
      <c r="RIK729" s="423" t="s">
        <v>2795</v>
      </c>
      <c r="RIL729" s="424"/>
      <c r="RIM729" s="424"/>
      <c r="RIN729" s="424"/>
      <c r="RIO729" s="423" t="s">
        <v>2795</v>
      </c>
      <c r="RIP729" s="424"/>
      <c r="RIQ729" s="424"/>
      <c r="RIR729" s="424"/>
      <c r="RIS729" s="423" t="s">
        <v>2795</v>
      </c>
      <c r="RIT729" s="424"/>
      <c r="RIU729" s="424"/>
      <c r="RIV729" s="424"/>
      <c r="RIW729" s="423" t="s">
        <v>2795</v>
      </c>
      <c r="RIX729" s="424"/>
      <c r="RIY729" s="424"/>
      <c r="RIZ729" s="424"/>
      <c r="RJA729" s="423" t="s">
        <v>2795</v>
      </c>
      <c r="RJB729" s="424"/>
      <c r="RJC729" s="424"/>
      <c r="RJD729" s="424"/>
      <c r="RJE729" s="423" t="s">
        <v>2795</v>
      </c>
      <c r="RJF729" s="424"/>
      <c r="RJG729" s="424"/>
      <c r="RJH729" s="424"/>
      <c r="RJI729" s="423" t="s">
        <v>2795</v>
      </c>
      <c r="RJJ729" s="424"/>
      <c r="RJK729" s="424"/>
      <c r="RJL729" s="424"/>
      <c r="RJM729" s="423" t="s">
        <v>2795</v>
      </c>
      <c r="RJN729" s="424"/>
      <c r="RJO729" s="424"/>
      <c r="RJP729" s="424"/>
      <c r="RJQ729" s="423" t="s">
        <v>2795</v>
      </c>
      <c r="RJR729" s="424"/>
      <c r="RJS729" s="424"/>
      <c r="RJT729" s="424"/>
      <c r="RJU729" s="423" t="s">
        <v>2795</v>
      </c>
      <c r="RJV729" s="424"/>
      <c r="RJW729" s="424"/>
      <c r="RJX729" s="424"/>
      <c r="RJY729" s="423" t="s">
        <v>2795</v>
      </c>
      <c r="RJZ729" s="424"/>
      <c r="RKA729" s="424"/>
      <c r="RKB729" s="424"/>
      <c r="RKC729" s="423" t="s">
        <v>2795</v>
      </c>
      <c r="RKD729" s="424"/>
      <c r="RKE729" s="424"/>
      <c r="RKF729" s="424"/>
      <c r="RKG729" s="423" t="s">
        <v>2795</v>
      </c>
      <c r="RKH729" s="424"/>
      <c r="RKI729" s="424"/>
      <c r="RKJ729" s="424"/>
      <c r="RKK729" s="423" t="s">
        <v>2795</v>
      </c>
      <c r="RKL729" s="424"/>
      <c r="RKM729" s="424"/>
      <c r="RKN729" s="424"/>
      <c r="RKO729" s="423" t="s">
        <v>2795</v>
      </c>
      <c r="RKP729" s="424"/>
      <c r="RKQ729" s="424"/>
      <c r="RKR729" s="424"/>
      <c r="RKS729" s="423" t="s">
        <v>2795</v>
      </c>
      <c r="RKT729" s="424"/>
      <c r="RKU729" s="424"/>
      <c r="RKV729" s="424"/>
      <c r="RKW729" s="423" t="s">
        <v>2795</v>
      </c>
      <c r="RKX729" s="424"/>
      <c r="RKY729" s="424"/>
      <c r="RKZ729" s="424"/>
      <c r="RLA729" s="423" t="s">
        <v>2795</v>
      </c>
      <c r="RLB729" s="424"/>
      <c r="RLC729" s="424"/>
      <c r="RLD729" s="424"/>
      <c r="RLE729" s="423" t="s">
        <v>2795</v>
      </c>
      <c r="RLF729" s="424"/>
      <c r="RLG729" s="424"/>
      <c r="RLH729" s="424"/>
      <c r="RLI729" s="423" t="s">
        <v>2795</v>
      </c>
      <c r="RLJ729" s="424"/>
      <c r="RLK729" s="424"/>
      <c r="RLL729" s="424"/>
      <c r="RLM729" s="423" t="s">
        <v>2795</v>
      </c>
      <c r="RLN729" s="424"/>
      <c r="RLO729" s="424"/>
      <c r="RLP729" s="424"/>
      <c r="RLQ729" s="423" t="s">
        <v>2795</v>
      </c>
      <c r="RLR729" s="424"/>
      <c r="RLS729" s="424"/>
      <c r="RLT729" s="424"/>
      <c r="RLU729" s="423" t="s">
        <v>2795</v>
      </c>
      <c r="RLV729" s="424"/>
      <c r="RLW729" s="424"/>
      <c r="RLX729" s="424"/>
      <c r="RLY729" s="423" t="s">
        <v>2795</v>
      </c>
      <c r="RLZ729" s="424"/>
      <c r="RMA729" s="424"/>
      <c r="RMB729" s="424"/>
      <c r="RMC729" s="423" t="s">
        <v>2795</v>
      </c>
      <c r="RMD729" s="424"/>
      <c r="RME729" s="424"/>
      <c r="RMF729" s="424"/>
      <c r="RMG729" s="423" t="s">
        <v>2795</v>
      </c>
      <c r="RMH729" s="424"/>
      <c r="RMI729" s="424"/>
      <c r="RMJ729" s="424"/>
      <c r="RMK729" s="423" t="s">
        <v>2795</v>
      </c>
      <c r="RML729" s="424"/>
      <c r="RMM729" s="424"/>
      <c r="RMN729" s="424"/>
      <c r="RMO729" s="423" t="s">
        <v>2795</v>
      </c>
      <c r="RMP729" s="424"/>
      <c r="RMQ729" s="424"/>
      <c r="RMR729" s="424"/>
      <c r="RMS729" s="423" t="s">
        <v>2795</v>
      </c>
      <c r="RMT729" s="424"/>
      <c r="RMU729" s="424"/>
      <c r="RMV729" s="424"/>
      <c r="RMW729" s="423" t="s">
        <v>2795</v>
      </c>
      <c r="RMX729" s="424"/>
      <c r="RMY729" s="424"/>
      <c r="RMZ729" s="424"/>
      <c r="RNA729" s="423" t="s">
        <v>2795</v>
      </c>
      <c r="RNB729" s="424"/>
      <c r="RNC729" s="424"/>
      <c r="RND729" s="424"/>
      <c r="RNE729" s="423" t="s">
        <v>2795</v>
      </c>
      <c r="RNF729" s="424"/>
      <c r="RNG729" s="424"/>
      <c r="RNH729" s="424"/>
      <c r="RNI729" s="423" t="s">
        <v>2795</v>
      </c>
      <c r="RNJ729" s="424"/>
      <c r="RNK729" s="424"/>
      <c r="RNL729" s="424"/>
      <c r="RNM729" s="423" t="s">
        <v>2795</v>
      </c>
      <c r="RNN729" s="424"/>
      <c r="RNO729" s="424"/>
      <c r="RNP729" s="424"/>
      <c r="RNQ729" s="423" t="s">
        <v>2795</v>
      </c>
      <c r="RNR729" s="424"/>
      <c r="RNS729" s="424"/>
      <c r="RNT729" s="424"/>
      <c r="RNU729" s="423" t="s">
        <v>2795</v>
      </c>
      <c r="RNV729" s="424"/>
      <c r="RNW729" s="424"/>
      <c r="RNX729" s="424"/>
      <c r="RNY729" s="423" t="s">
        <v>2795</v>
      </c>
      <c r="RNZ729" s="424"/>
      <c r="ROA729" s="424"/>
      <c r="ROB729" s="424"/>
      <c r="ROC729" s="423" t="s">
        <v>2795</v>
      </c>
      <c r="ROD729" s="424"/>
      <c r="ROE729" s="424"/>
      <c r="ROF729" s="424"/>
      <c r="ROG729" s="423" t="s">
        <v>2795</v>
      </c>
      <c r="ROH729" s="424"/>
      <c r="ROI729" s="424"/>
      <c r="ROJ729" s="424"/>
      <c r="ROK729" s="423" t="s">
        <v>2795</v>
      </c>
      <c r="ROL729" s="424"/>
      <c r="ROM729" s="424"/>
      <c r="RON729" s="424"/>
      <c r="ROO729" s="423" t="s">
        <v>2795</v>
      </c>
      <c r="ROP729" s="424"/>
      <c r="ROQ729" s="424"/>
      <c r="ROR729" s="424"/>
      <c r="ROS729" s="423" t="s">
        <v>2795</v>
      </c>
      <c r="ROT729" s="424"/>
      <c r="ROU729" s="424"/>
      <c r="ROV729" s="424"/>
      <c r="ROW729" s="423" t="s">
        <v>2795</v>
      </c>
      <c r="ROX729" s="424"/>
      <c r="ROY729" s="424"/>
      <c r="ROZ729" s="424"/>
      <c r="RPA729" s="423" t="s">
        <v>2795</v>
      </c>
      <c r="RPB729" s="424"/>
      <c r="RPC729" s="424"/>
      <c r="RPD729" s="424"/>
      <c r="RPE729" s="423" t="s">
        <v>2795</v>
      </c>
      <c r="RPF729" s="424"/>
      <c r="RPG729" s="424"/>
      <c r="RPH729" s="424"/>
      <c r="RPI729" s="423" t="s">
        <v>2795</v>
      </c>
      <c r="RPJ729" s="424"/>
      <c r="RPK729" s="424"/>
      <c r="RPL729" s="424"/>
      <c r="RPM729" s="423" t="s">
        <v>2795</v>
      </c>
      <c r="RPN729" s="424"/>
      <c r="RPO729" s="424"/>
      <c r="RPP729" s="424"/>
      <c r="RPQ729" s="423" t="s">
        <v>2795</v>
      </c>
      <c r="RPR729" s="424"/>
      <c r="RPS729" s="424"/>
      <c r="RPT729" s="424"/>
      <c r="RPU729" s="423" t="s">
        <v>2795</v>
      </c>
      <c r="RPV729" s="424"/>
      <c r="RPW729" s="424"/>
      <c r="RPX729" s="424"/>
      <c r="RPY729" s="423" t="s">
        <v>2795</v>
      </c>
      <c r="RPZ729" s="424"/>
      <c r="RQA729" s="424"/>
      <c r="RQB729" s="424"/>
      <c r="RQC729" s="423" t="s">
        <v>2795</v>
      </c>
      <c r="RQD729" s="424"/>
      <c r="RQE729" s="424"/>
      <c r="RQF729" s="424"/>
      <c r="RQG729" s="423" t="s">
        <v>2795</v>
      </c>
      <c r="RQH729" s="424"/>
      <c r="RQI729" s="424"/>
      <c r="RQJ729" s="424"/>
      <c r="RQK729" s="423" t="s">
        <v>2795</v>
      </c>
      <c r="RQL729" s="424"/>
      <c r="RQM729" s="424"/>
      <c r="RQN729" s="424"/>
      <c r="RQO729" s="423" t="s">
        <v>2795</v>
      </c>
      <c r="RQP729" s="424"/>
      <c r="RQQ729" s="424"/>
      <c r="RQR729" s="424"/>
      <c r="RQS729" s="423" t="s">
        <v>2795</v>
      </c>
      <c r="RQT729" s="424"/>
      <c r="RQU729" s="424"/>
      <c r="RQV729" s="424"/>
      <c r="RQW729" s="423" t="s">
        <v>2795</v>
      </c>
      <c r="RQX729" s="424"/>
      <c r="RQY729" s="424"/>
      <c r="RQZ729" s="424"/>
      <c r="RRA729" s="423" t="s">
        <v>2795</v>
      </c>
      <c r="RRB729" s="424"/>
      <c r="RRC729" s="424"/>
      <c r="RRD729" s="424"/>
      <c r="RRE729" s="423" t="s">
        <v>2795</v>
      </c>
      <c r="RRF729" s="424"/>
      <c r="RRG729" s="424"/>
      <c r="RRH729" s="424"/>
      <c r="RRI729" s="423" t="s">
        <v>2795</v>
      </c>
      <c r="RRJ729" s="424"/>
      <c r="RRK729" s="424"/>
      <c r="RRL729" s="424"/>
      <c r="RRM729" s="423" t="s">
        <v>2795</v>
      </c>
      <c r="RRN729" s="424"/>
      <c r="RRO729" s="424"/>
      <c r="RRP729" s="424"/>
      <c r="RRQ729" s="423" t="s">
        <v>2795</v>
      </c>
      <c r="RRR729" s="424"/>
      <c r="RRS729" s="424"/>
      <c r="RRT729" s="424"/>
      <c r="RRU729" s="423" t="s">
        <v>2795</v>
      </c>
      <c r="RRV729" s="424"/>
      <c r="RRW729" s="424"/>
      <c r="RRX729" s="424"/>
      <c r="RRY729" s="423" t="s">
        <v>2795</v>
      </c>
      <c r="RRZ729" s="424"/>
      <c r="RSA729" s="424"/>
      <c r="RSB729" s="424"/>
      <c r="RSC729" s="423" t="s">
        <v>2795</v>
      </c>
      <c r="RSD729" s="424"/>
      <c r="RSE729" s="424"/>
      <c r="RSF729" s="424"/>
      <c r="RSG729" s="423" t="s">
        <v>2795</v>
      </c>
      <c r="RSH729" s="424"/>
      <c r="RSI729" s="424"/>
      <c r="RSJ729" s="424"/>
      <c r="RSK729" s="423" t="s">
        <v>2795</v>
      </c>
      <c r="RSL729" s="424"/>
      <c r="RSM729" s="424"/>
      <c r="RSN729" s="424"/>
      <c r="RSO729" s="423" t="s">
        <v>2795</v>
      </c>
      <c r="RSP729" s="424"/>
      <c r="RSQ729" s="424"/>
      <c r="RSR729" s="424"/>
      <c r="RSS729" s="423" t="s">
        <v>2795</v>
      </c>
      <c r="RST729" s="424"/>
      <c r="RSU729" s="424"/>
      <c r="RSV729" s="424"/>
      <c r="RSW729" s="423" t="s">
        <v>2795</v>
      </c>
      <c r="RSX729" s="424"/>
      <c r="RSY729" s="424"/>
      <c r="RSZ729" s="424"/>
      <c r="RTA729" s="423" t="s">
        <v>2795</v>
      </c>
      <c r="RTB729" s="424"/>
      <c r="RTC729" s="424"/>
      <c r="RTD729" s="424"/>
      <c r="RTE729" s="423" t="s">
        <v>2795</v>
      </c>
      <c r="RTF729" s="424"/>
      <c r="RTG729" s="424"/>
      <c r="RTH729" s="424"/>
      <c r="RTI729" s="423" t="s">
        <v>2795</v>
      </c>
      <c r="RTJ729" s="424"/>
      <c r="RTK729" s="424"/>
      <c r="RTL729" s="424"/>
      <c r="RTM729" s="423" t="s">
        <v>2795</v>
      </c>
      <c r="RTN729" s="424"/>
      <c r="RTO729" s="424"/>
      <c r="RTP729" s="424"/>
      <c r="RTQ729" s="423" t="s">
        <v>2795</v>
      </c>
      <c r="RTR729" s="424"/>
      <c r="RTS729" s="424"/>
      <c r="RTT729" s="424"/>
      <c r="RTU729" s="423" t="s">
        <v>2795</v>
      </c>
      <c r="RTV729" s="424"/>
      <c r="RTW729" s="424"/>
      <c r="RTX729" s="424"/>
      <c r="RTY729" s="423" t="s">
        <v>2795</v>
      </c>
      <c r="RTZ729" s="424"/>
      <c r="RUA729" s="424"/>
      <c r="RUB729" s="424"/>
      <c r="RUC729" s="423" t="s">
        <v>2795</v>
      </c>
      <c r="RUD729" s="424"/>
      <c r="RUE729" s="424"/>
      <c r="RUF729" s="424"/>
      <c r="RUG729" s="423" t="s">
        <v>2795</v>
      </c>
      <c r="RUH729" s="424"/>
      <c r="RUI729" s="424"/>
      <c r="RUJ729" s="424"/>
      <c r="RUK729" s="423" t="s">
        <v>2795</v>
      </c>
      <c r="RUL729" s="424"/>
      <c r="RUM729" s="424"/>
      <c r="RUN729" s="424"/>
      <c r="RUO729" s="423" t="s">
        <v>2795</v>
      </c>
      <c r="RUP729" s="424"/>
      <c r="RUQ729" s="424"/>
      <c r="RUR729" s="424"/>
      <c r="RUS729" s="423" t="s">
        <v>2795</v>
      </c>
      <c r="RUT729" s="424"/>
      <c r="RUU729" s="424"/>
      <c r="RUV729" s="424"/>
      <c r="RUW729" s="423" t="s">
        <v>2795</v>
      </c>
      <c r="RUX729" s="424"/>
      <c r="RUY729" s="424"/>
      <c r="RUZ729" s="424"/>
      <c r="RVA729" s="423" t="s">
        <v>2795</v>
      </c>
      <c r="RVB729" s="424"/>
      <c r="RVC729" s="424"/>
      <c r="RVD729" s="424"/>
      <c r="RVE729" s="423" t="s">
        <v>2795</v>
      </c>
      <c r="RVF729" s="424"/>
      <c r="RVG729" s="424"/>
      <c r="RVH729" s="424"/>
      <c r="RVI729" s="423" t="s">
        <v>2795</v>
      </c>
      <c r="RVJ729" s="424"/>
      <c r="RVK729" s="424"/>
      <c r="RVL729" s="424"/>
      <c r="RVM729" s="423" t="s">
        <v>2795</v>
      </c>
      <c r="RVN729" s="424"/>
      <c r="RVO729" s="424"/>
      <c r="RVP729" s="424"/>
      <c r="RVQ729" s="423" t="s">
        <v>2795</v>
      </c>
      <c r="RVR729" s="424"/>
      <c r="RVS729" s="424"/>
      <c r="RVT729" s="424"/>
      <c r="RVU729" s="423" t="s">
        <v>2795</v>
      </c>
      <c r="RVV729" s="424"/>
      <c r="RVW729" s="424"/>
      <c r="RVX729" s="424"/>
      <c r="RVY729" s="423" t="s">
        <v>2795</v>
      </c>
      <c r="RVZ729" s="424"/>
      <c r="RWA729" s="424"/>
      <c r="RWB729" s="424"/>
      <c r="RWC729" s="423" t="s">
        <v>2795</v>
      </c>
      <c r="RWD729" s="424"/>
      <c r="RWE729" s="424"/>
      <c r="RWF729" s="424"/>
      <c r="RWG729" s="423" t="s">
        <v>2795</v>
      </c>
      <c r="RWH729" s="424"/>
      <c r="RWI729" s="424"/>
      <c r="RWJ729" s="424"/>
      <c r="RWK729" s="423" t="s">
        <v>2795</v>
      </c>
      <c r="RWL729" s="424"/>
      <c r="RWM729" s="424"/>
      <c r="RWN729" s="424"/>
      <c r="RWO729" s="423" t="s">
        <v>2795</v>
      </c>
      <c r="RWP729" s="424"/>
      <c r="RWQ729" s="424"/>
      <c r="RWR729" s="424"/>
      <c r="RWS729" s="423" t="s">
        <v>2795</v>
      </c>
      <c r="RWT729" s="424"/>
      <c r="RWU729" s="424"/>
      <c r="RWV729" s="424"/>
      <c r="RWW729" s="423" t="s">
        <v>2795</v>
      </c>
      <c r="RWX729" s="424"/>
      <c r="RWY729" s="424"/>
      <c r="RWZ729" s="424"/>
      <c r="RXA729" s="423" t="s">
        <v>2795</v>
      </c>
      <c r="RXB729" s="424"/>
      <c r="RXC729" s="424"/>
      <c r="RXD729" s="424"/>
      <c r="RXE729" s="423" t="s">
        <v>2795</v>
      </c>
      <c r="RXF729" s="424"/>
      <c r="RXG729" s="424"/>
      <c r="RXH729" s="424"/>
      <c r="RXI729" s="423" t="s">
        <v>2795</v>
      </c>
      <c r="RXJ729" s="424"/>
      <c r="RXK729" s="424"/>
      <c r="RXL729" s="424"/>
      <c r="RXM729" s="423" t="s">
        <v>2795</v>
      </c>
      <c r="RXN729" s="424"/>
      <c r="RXO729" s="424"/>
      <c r="RXP729" s="424"/>
      <c r="RXQ729" s="423" t="s">
        <v>2795</v>
      </c>
      <c r="RXR729" s="424"/>
      <c r="RXS729" s="424"/>
      <c r="RXT729" s="424"/>
      <c r="RXU729" s="423" t="s">
        <v>2795</v>
      </c>
      <c r="RXV729" s="424"/>
      <c r="RXW729" s="424"/>
      <c r="RXX729" s="424"/>
      <c r="RXY729" s="423" t="s">
        <v>2795</v>
      </c>
      <c r="RXZ729" s="424"/>
      <c r="RYA729" s="424"/>
      <c r="RYB729" s="424"/>
      <c r="RYC729" s="423" t="s">
        <v>2795</v>
      </c>
      <c r="RYD729" s="424"/>
      <c r="RYE729" s="424"/>
      <c r="RYF729" s="424"/>
      <c r="RYG729" s="423" t="s">
        <v>2795</v>
      </c>
      <c r="RYH729" s="424"/>
      <c r="RYI729" s="424"/>
      <c r="RYJ729" s="424"/>
      <c r="RYK729" s="423" t="s">
        <v>2795</v>
      </c>
      <c r="RYL729" s="424"/>
      <c r="RYM729" s="424"/>
      <c r="RYN729" s="424"/>
      <c r="RYO729" s="423" t="s">
        <v>2795</v>
      </c>
      <c r="RYP729" s="424"/>
      <c r="RYQ729" s="424"/>
      <c r="RYR729" s="424"/>
      <c r="RYS729" s="423" t="s">
        <v>2795</v>
      </c>
      <c r="RYT729" s="424"/>
      <c r="RYU729" s="424"/>
      <c r="RYV729" s="424"/>
      <c r="RYW729" s="423" t="s">
        <v>2795</v>
      </c>
      <c r="RYX729" s="424"/>
      <c r="RYY729" s="424"/>
      <c r="RYZ729" s="424"/>
      <c r="RZA729" s="423" t="s">
        <v>2795</v>
      </c>
      <c r="RZB729" s="424"/>
      <c r="RZC729" s="424"/>
      <c r="RZD729" s="424"/>
      <c r="RZE729" s="423" t="s">
        <v>2795</v>
      </c>
      <c r="RZF729" s="424"/>
      <c r="RZG729" s="424"/>
      <c r="RZH729" s="424"/>
      <c r="RZI729" s="423" t="s">
        <v>2795</v>
      </c>
      <c r="RZJ729" s="424"/>
      <c r="RZK729" s="424"/>
      <c r="RZL729" s="424"/>
      <c r="RZM729" s="423" t="s">
        <v>2795</v>
      </c>
      <c r="RZN729" s="424"/>
      <c r="RZO729" s="424"/>
      <c r="RZP729" s="424"/>
      <c r="RZQ729" s="423" t="s">
        <v>2795</v>
      </c>
      <c r="RZR729" s="424"/>
      <c r="RZS729" s="424"/>
      <c r="RZT729" s="424"/>
      <c r="RZU729" s="423" t="s">
        <v>2795</v>
      </c>
      <c r="RZV729" s="424"/>
      <c r="RZW729" s="424"/>
      <c r="RZX729" s="424"/>
      <c r="RZY729" s="423" t="s">
        <v>2795</v>
      </c>
      <c r="RZZ729" s="424"/>
      <c r="SAA729" s="424"/>
      <c r="SAB729" s="424"/>
      <c r="SAC729" s="423" t="s">
        <v>2795</v>
      </c>
      <c r="SAD729" s="424"/>
      <c r="SAE729" s="424"/>
      <c r="SAF729" s="424"/>
      <c r="SAG729" s="423" t="s">
        <v>2795</v>
      </c>
      <c r="SAH729" s="424"/>
      <c r="SAI729" s="424"/>
      <c r="SAJ729" s="424"/>
      <c r="SAK729" s="423" t="s">
        <v>2795</v>
      </c>
      <c r="SAL729" s="424"/>
      <c r="SAM729" s="424"/>
      <c r="SAN729" s="424"/>
      <c r="SAO729" s="423" t="s">
        <v>2795</v>
      </c>
      <c r="SAP729" s="424"/>
      <c r="SAQ729" s="424"/>
      <c r="SAR729" s="424"/>
      <c r="SAS729" s="423" t="s">
        <v>2795</v>
      </c>
      <c r="SAT729" s="424"/>
      <c r="SAU729" s="424"/>
      <c r="SAV729" s="424"/>
      <c r="SAW729" s="423" t="s">
        <v>2795</v>
      </c>
      <c r="SAX729" s="424"/>
      <c r="SAY729" s="424"/>
      <c r="SAZ729" s="424"/>
      <c r="SBA729" s="423" t="s">
        <v>2795</v>
      </c>
      <c r="SBB729" s="424"/>
      <c r="SBC729" s="424"/>
      <c r="SBD729" s="424"/>
      <c r="SBE729" s="423" t="s">
        <v>2795</v>
      </c>
      <c r="SBF729" s="424"/>
      <c r="SBG729" s="424"/>
      <c r="SBH729" s="424"/>
      <c r="SBI729" s="423" t="s">
        <v>2795</v>
      </c>
      <c r="SBJ729" s="424"/>
      <c r="SBK729" s="424"/>
      <c r="SBL729" s="424"/>
      <c r="SBM729" s="423" t="s">
        <v>2795</v>
      </c>
      <c r="SBN729" s="424"/>
      <c r="SBO729" s="424"/>
      <c r="SBP729" s="424"/>
      <c r="SBQ729" s="423" t="s">
        <v>2795</v>
      </c>
      <c r="SBR729" s="424"/>
      <c r="SBS729" s="424"/>
      <c r="SBT729" s="424"/>
      <c r="SBU729" s="423" t="s">
        <v>2795</v>
      </c>
      <c r="SBV729" s="424"/>
      <c r="SBW729" s="424"/>
      <c r="SBX729" s="424"/>
      <c r="SBY729" s="423" t="s">
        <v>2795</v>
      </c>
      <c r="SBZ729" s="424"/>
      <c r="SCA729" s="424"/>
      <c r="SCB729" s="424"/>
      <c r="SCC729" s="423" t="s">
        <v>2795</v>
      </c>
      <c r="SCD729" s="424"/>
      <c r="SCE729" s="424"/>
      <c r="SCF729" s="424"/>
      <c r="SCG729" s="423" t="s">
        <v>2795</v>
      </c>
      <c r="SCH729" s="424"/>
      <c r="SCI729" s="424"/>
      <c r="SCJ729" s="424"/>
      <c r="SCK729" s="423" t="s">
        <v>2795</v>
      </c>
      <c r="SCL729" s="424"/>
      <c r="SCM729" s="424"/>
      <c r="SCN729" s="424"/>
      <c r="SCO729" s="423" t="s">
        <v>2795</v>
      </c>
      <c r="SCP729" s="424"/>
      <c r="SCQ729" s="424"/>
      <c r="SCR729" s="424"/>
      <c r="SCS729" s="423" t="s">
        <v>2795</v>
      </c>
      <c r="SCT729" s="424"/>
      <c r="SCU729" s="424"/>
      <c r="SCV729" s="424"/>
      <c r="SCW729" s="423" t="s">
        <v>2795</v>
      </c>
      <c r="SCX729" s="424"/>
      <c r="SCY729" s="424"/>
      <c r="SCZ729" s="424"/>
      <c r="SDA729" s="423" t="s">
        <v>2795</v>
      </c>
      <c r="SDB729" s="424"/>
      <c r="SDC729" s="424"/>
      <c r="SDD729" s="424"/>
      <c r="SDE729" s="423" t="s">
        <v>2795</v>
      </c>
      <c r="SDF729" s="424"/>
      <c r="SDG729" s="424"/>
      <c r="SDH729" s="424"/>
      <c r="SDI729" s="423" t="s">
        <v>2795</v>
      </c>
      <c r="SDJ729" s="424"/>
      <c r="SDK729" s="424"/>
      <c r="SDL729" s="424"/>
      <c r="SDM729" s="423" t="s">
        <v>2795</v>
      </c>
      <c r="SDN729" s="424"/>
      <c r="SDO729" s="424"/>
      <c r="SDP729" s="424"/>
      <c r="SDQ729" s="423" t="s">
        <v>2795</v>
      </c>
      <c r="SDR729" s="424"/>
      <c r="SDS729" s="424"/>
      <c r="SDT729" s="424"/>
      <c r="SDU729" s="423" t="s">
        <v>2795</v>
      </c>
      <c r="SDV729" s="424"/>
      <c r="SDW729" s="424"/>
      <c r="SDX729" s="424"/>
      <c r="SDY729" s="423" t="s">
        <v>2795</v>
      </c>
      <c r="SDZ729" s="424"/>
      <c r="SEA729" s="424"/>
      <c r="SEB729" s="424"/>
      <c r="SEC729" s="423" t="s">
        <v>2795</v>
      </c>
      <c r="SED729" s="424"/>
      <c r="SEE729" s="424"/>
      <c r="SEF729" s="424"/>
      <c r="SEG729" s="423" t="s">
        <v>2795</v>
      </c>
      <c r="SEH729" s="424"/>
      <c r="SEI729" s="424"/>
      <c r="SEJ729" s="424"/>
      <c r="SEK729" s="423" t="s">
        <v>2795</v>
      </c>
      <c r="SEL729" s="424"/>
      <c r="SEM729" s="424"/>
      <c r="SEN729" s="424"/>
      <c r="SEO729" s="423" t="s">
        <v>2795</v>
      </c>
      <c r="SEP729" s="424"/>
      <c r="SEQ729" s="424"/>
      <c r="SER729" s="424"/>
      <c r="SES729" s="423" t="s">
        <v>2795</v>
      </c>
      <c r="SET729" s="424"/>
      <c r="SEU729" s="424"/>
      <c r="SEV729" s="424"/>
      <c r="SEW729" s="423" t="s">
        <v>2795</v>
      </c>
      <c r="SEX729" s="424"/>
      <c r="SEY729" s="424"/>
      <c r="SEZ729" s="424"/>
      <c r="SFA729" s="423" t="s">
        <v>2795</v>
      </c>
      <c r="SFB729" s="424"/>
      <c r="SFC729" s="424"/>
      <c r="SFD729" s="424"/>
      <c r="SFE729" s="423" t="s">
        <v>2795</v>
      </c>
      <c r="SFF729" s="424"/>
      <c r="SFG729" s="424"/>
      <c r="SFH729" s="424"/>
      <c r="SFI729" s="423" t="s">
        <v>2795</v>
      </c>
      <c r="SFJ729" s="424"/>
      <c r="SFK729" s="424"/>
      <c r="SFL729" s="424"/>
      <c r="SFM729" s="423" t="s">
        <v>2795</v>
      </c>
      <c r="SFN729" s="424"/>
      <c r="SFO729" s="424"/>
      <c r="SFP729" s="424"/>
      <c r="SFQ729" s="423" t="s">
        <v>2795</v>
      </c>
      <c r="SFR729" s="424"/>
      <c r="SFS729" s="424"/>
      <c r="SFT729" s="424"/>
      <c r="SFU729" s="423" t="s">
        <v>2795</v>
      </c>
      <c r="SFV729" s="424"/>
      <c r="SFW729" s="424"/>
      <c r="SFX729" s="424"/>
      <c r="SFY729" s="423" t="s">
        <v>2795</v>
      </c>
      <c r="SFZ729" s="424"/>
      <c r="SGA729" s="424"/>
      <c r="SGB729" s="424"/>
      <c r="SGC729" s="423" t="s">
        <v>2795</v>
      </c>
      <c r="SGD729" s="424"/>
      <c r="SGE729" s="424"/>
      <c r="SGF729" s="424"/>
      <c r="SGG729" s="423" t="s">
        <v>2795</v>
      </c>
      <c r="SGH729" s="424"/>
      <c r="SGI729" s="424"/>
      <c r="SGJ729" s="424"/>
      <c r="SGK729" s="423" t="s">
        <v>2795</v>
      </c>
      <c r="SGL729" s="424"/>
      <c r="SGM729" s="424"/>
      <c r="SGN729" s="424"/>
      <c r="SGO729" s="423" t="s">
        <v>2795</v>
      </c>
      <c r="SGP729" s="424"/>
      <c r="SGQ729" s="424"/>
      <c r="SGR729" s="424"/>
      <c r="SGS729" s="423" t="s">
        <v>2795</v>
      </c>
      <c r="SGT729" s="424"/>
      <c r="SGU729" s="424"/>
      <c r="SGV729" s="424"/>
      <c r="SGW729" s="423" t="s">
        <v>2795</v>
      </c>
      <c r="SGX729" s="424"/>
      <c r="SGY729" s="424"/>
      <c r="SGZ729" s="424"/>
      <c r="SHA729" s="423" t="s">
        <v>2795</v>
      </c>
      <c r="SHB729" s="424"/>
      <c r="SHC729" s="424"/>
      <c r="SHD729" s="424"/>
      <c r="SHE729" s="423" t="s">
        <v>2795</v>
      </c>
      <c r="SHF729" s="424"/>
      <c r="SHG729" s="424"/>
      <c r="SHH729" s="424"/>
      <c r="SHI729" s="423" t="s">
        <v>2795</v>
      </c>
      <c r="SHJ729" s="424"/>
      <c r="SHK729" s="424"/>
      <c r="SHL729" s="424"/>
      <c r="SHM729" s="423" t="s">
        <v>2795</v>
      </c>
      <c r="SHN729" s="424"/>
      <c r="SHO729" s="424"/>
      <c r="SHP729" s="424"/>
      <c r="SHQ729" s="423" t="s">
        <v>2795</v>
      </c>
      <c r="SHR729" s="424"/>
      <c r="SHS729" s="424"/>
      <c r="SHT729" s="424"/>
      <c r="SHU729" s="423" t="s">
        <v>2795</v>
      </c>
      <c r="SHV729" s="424"/>
      <c r="SHW729" s="424"/>
      <c r="SHX729" s="424"/>
      <c r="SHY729" s="423" t="s">
        <v>2795</v>
      </c>
      <c r="SHZ729" s="424"/>
      <c r="SIA729" s="424"/>
      <c r="SIB729" s="424"/>
      <c r="SIC729" s="423" t="s">
        <v>2795</v>
      </c>
      <c r="SID729" s="424"/>
      <c r="SIE729" s="424"/>
      <c r="SIF729" s="424"/>
      <c r="SIG729" s="423" t="s">
        <v>2795</v>
      </c>
      <c r="SIH729" s="424"/>
      <c r="SII729" s="424"/>
      <c r="SIJ729" s="424"/>
      <c r="SIK729" s="423" t="s">
        <v>2795</v>
      </c>
      <c r="SIL729" s="424"/>
      <c r="SIM729" s="424"/>
      <c r="SIN729" s="424"/>
      <c r="SIO729" s="423" t="s">
        <v>2795</v>
      </c>
      <c r="SIP729" s="424"/>
      <c r="SIQ729" s="424"/>
      <c r="SIR729" s="424"/>
      <c r="SIS729" s="423" t="s">
        <v>2795</v>
      </c>
      <c r="SIT729" s="424"/>
      <c r="SIU729" s="424"/>
      <c r="SIV729" s="424"/>
      <c r="SIW729" s="423" t="s">
        <v>2795</v>
      </c>
      <c r="SIX729" s="424"/>
      <c r="SIY729" s="424"/>
      <c r="SIZ729" s="424"/>
      <c r="SJA729" s="423" t="s">
        <v>2795</v>
      </c>
      <c r="SJB729" s="424"/>
      <c r="SJC729" s="424"/>
      <c r="SJD729" s="424"/>
      <c r="SJE729" s="423" t="s">
        <v>2795</v>
      </c>
      <c r="SJF729" s="424"/>
      <c r="SJG729" s="424"/>
      <c r="SJH729" s="424"/>
      <c r="SJI729" s="423" t="s">
        <v>2795</v>
      </c>
      <c r="SJJ729" s="424"/>
      <c r="SJK729" s="424"/>
      <c r="SJL729" s="424"/>
      <c r="SJM729" s="423" t="s">
        <v>2795</v>
      </c>
      <c r="SJN729" s="424"/>
      <c r="SJO729" s="424"/>
      <c r="SJP729" s="424"/>
      <c r="SJQ729" s="423" t="s">
        <v>2795</v>
      </c>
      <c r="SJR729" s="424"/>
      <c r="SJS729" s="424"/>
      <c r="SJT729" s="424"/>
      <c r="SJU729" s="423" t="s">
        <v>2795</v>
      </c>
      <c r="SJV729" s="424"/>
      <c r="SJW729" s="424"/>
      <c r="SJX729" s="424"/>
      <c r="SJY729" s="423" t="s">
        <v>2795</v>
      </c>
      <c r="SJZ729" s="424"/>
      <c r="SKA729" s="424"/>
      <c r="SKB729" s="424"/>
      <c r="SKC729" s="423" t="s">
        <v>2795</v>
      </c>
      <c r="SKD729" s="424"/>
      <c r="SKE729" s="424"/>
      <c r="SKF729" s="424"/>
      <c r="SKG729" s="423" t="s">
        <v>2795</v>
      </c>
      <c r="SKH729" s="424"/>
      <c r="SKI729" s="424"/>
      <c r="SKJ729" s="424"/>
      <c r="SKK729" s="423" t="s">
        <v>2795</v>
      </c>
      <c r="SKL729" s="424"/>
      <c r="SKM729" s="424"/>
      <c r="SKN729" s="424"/>
      <c r="SKO729" s="423" t="s">
        <v>2795</v>
      </c>
      <c r="SKP729" s="424"/>
      <c r="SKQ729" s="424"/>
      <c r="SKR729" s="424"/>
      <c r="SKS729" s="423" t="s">
        <v>2795</v>
      </c>
      <c r="SKT729" s="424"/>
      <c r="SKU729" s="424"/>
      <c r="SKV729" s="424"/>
      <c r="SKW729" s="423" t="s">
        <v>2795</v>
      </c>
      <c r="SKX729" s="424"/>
      <c r="SKY729" s="424"/>
      <c r="SKZ729" s="424"/>
      <c r="SLA729" s="423" t="s">
        <v>2795</v>
      </c>
      <c r="SLB729" s="424"/>
      <c r="SLC729" s="424"/>
      <c r="SLD729" s="424"/>
      <c r="SLE729" s="423" t="s">
        <v>2795</v>
      </c>
      <c r="SLF729" s="424"/>
      <c r="SLG729" s="424"/>
      <c r="SLH729" s="424"/>
      <c r="SLI729" s="423" t="s">
        <v>2795</v>
      </c>
      <c r="SLJ729" s="424"/>
      <c r="SLK729" s="424"/>
      <c r="SLL729" s="424"/>
      <c r="SLM729" s="423" t="s">
        <v>2795</v>
      </c>
      <c r="SLN729" s="424"/>
      <c r="SLO729" s="424"/>
      <c r="SLP729" s="424"/>
      <c r="SLQ729" s="423" t="s">
        <v>2795</v>
      </c>
      <c r="SLR729" s="424"/>
      <c r="SLS729" s="424"/>
      <c r="SLT729" s="424"/>
      <c r="SLU729" s="423" t="s">
        <v>2795</v>
      </c>
      <c r="SLV729" s="424"/>
      <c r="SLW729" s="424"/>
      <c r="SLX729" s="424"/>
      <c r="SLY729" s="423" t="s">
        <v>2795</v>
      </c>
      <c r="SLZ729" s="424"/>
      <c r="SMA729" s="424"/>
      <c r="SMB729" s="424"/>
      <c r="SMC729" s="423" t="s">
        <v>2795</v>
      </c>
      <c r="SMD729" s="424"/>
      <c r="SME729" s="424"/>
      <c r="SMF729" s="424"/>
      <c r="SMG729" s="423" t="s">
        <v>2795</v>
      </c>
      <c r="SMH729" s="424"/>
      <c r="SMI729" s="424"/>
      <c r="SMJ729" s="424"/>
      <c r="SMK729" s="423" t="s">
        <v>2795</v>
      </c>
      <c r="SML729" s="424"/>
      <c r="SMM729" s="424"/>
      <c r="SMN729" s="424"/>
      <c r="SMO729" s="423" t="s">
        <v>2795</v>
      </c>
      <c r="SMP729" s="424"/>
      <c r="SMQ729" s="424"/>
      <c r="SMR729" s="424"/>
      <c r="SMS729" s="423" t="s">
        <v>2795</v>
      </c>
      <c r="SMT729" s="424"/>
      <c r="SMU729" s="424"/>
      <c r="SMV729" s="424"/>
      <c r="SMW729" s="423" t="s">
        <v>2795</v>
      </c>
      <c r="SMX729" s="424"/>
      <c r="SMY729" s="424"/>
      <c r="SMZ729" s="424"/>
      <c r="SNA729" s="423" t="s">
        <v>2795</v>
      </c>
      <c r="SNB729" s="424"/>
      <c r="SNC729" s="424"/>
      <c r="SND729" s="424"/>
      <c r="SNE729" s="423" t="s">
        <v>2795</v>
      </c>
      <c r="SNF729" s="424"/>
      <c r="SNG729" s="424"/>
      <c r="SNH729" s="424"/>
      <c r="SNI729" s="423" t="s">
        <v>2795</v>
      </c>
      <c r="SNJ729" s="424"/>
      <c r="SNK729" s="424"/>
      <c r="SNL729" s="424"/>
      <c r="SNM729" s="423" t="s">
        <v>2795</v>
      </c>
      <c r="SNN729" s="424"/>
      <c r="SNO729" s="424"/>
      <c r="SNP729" s="424"/>
      <c r="SNQ729" s="423" t="s">
        <v>2795</v>
      </c>
      <c r="SNR729" s="424"/>
      <c r="SNS729" s="424"/>
      <c r="SNT729" s="424"/>
      <c r="SNU729" s="423" t="s">
        <v>2795</v>
      </c>
      <c r="SNV729" s="424"/>
      <c r="SNW729" s="424"/>
      <c r="SNX729" s="424"/>
      <c r="SNY729" s="423" t="s">
        <v>2795</v>
      </c>
      <c r="SNZ729" s="424"/>
      <c r="SOA729" s="424"/>
      <c r="SOB729" s="424"/>
      <c r="SOC729" s="423" t="s">
        <v>2795</v>
      </c>
      <c r="SOD729" s="424"/>
      <c r="SOE729" s="424"/>
      <c r="SOF729" s="424"/>
      <c r="SOG729" s="423" t="s">
        <v>2795</v>
      </c>
      <c r="SOH729" s="424"/>
      <c r="SOI729" s="424"/>
      <c r="SOJ729" s="424"/>
      <c r="SOK729" s="423" t="s">
        <v>2795</v>
      </c>
      <c r="SOL729" s="424"/>
      <c r="SOM729" s="424"/>
      <c r="SON729" s="424"/>
      <c r="SOO729" s="423" t="s">
        <v>2795</v>
      </c>
      <c r="SOP729" s="424"/>
      <c r="SOQ729" s="424"/>
      <c r="SOR729" s="424"/>
      <c r="SOS729" s="423" t="s">
        <v>2795</v>
      </c>
      <c r="SOT729" s="424"/>
      <c r="SOU729" s="424"/>
      <c r="SOV729" s="424"/>
      <c r="SOW729" s="423" t="s">
        <v>2795</v>
      </c>
      <c r="SOX729" s="424"/>
      <c r="SOY729" s="424"/>
      <c r="SOZ729" s="424"/>
      <c r="SPA729" s="423" t="s">
        <v>2795</v>
      </c>
      <c r="SPB729" s="424"/>
      <c r="SPC729" s="424"/>
      <c r="SPD729" s="424"/>
      <c r="SPE729" s="423" t="s">
        <v>2795</v>
      </c>
      <c r="SPF729" s="424"/>
      <c r="SPG729" s="424"/>
      <c r="SPH729" s="424"/>
      <c r="SPI729" s="423" t="s">
        <v>2795</v>
      </c>
      <c r="SPJ729" s="424"/>
      <c r="SPK729" s="424"/>
      <c r="SPL729" s="424"/>
      <c r="SPM729" s="423" t="s">
        <v>2795</v>
      </c>
      <c r="SPN729" s="424"/>
      <c r="SPO729" s="424"/>
      <c r="SPP729" s="424"/>
      <c r="SPQ729" s="423" t="s">
        <v>2795</v>
      </c>
      <c r="SPR729" s="424"/>
      <c r="SPS729" s="424"/>
      <c r="SPT729" s="424"/>
      <c r="SPU729" s="423" t="s">
        <v>2795</v>
      </c>
      <c r="SPV729" s="424"/>
      <c r="SPW729" s="424"/>
      <c r="SPX729" s="424"/>
      <c r="SPY729" s="423" t="s">
        <v>2795</v>
      </c>
      <c r="SPZ729" s="424"/>
      <c r="SQA729" s="424"/>
      <c r="SQB729" s="424"/>
      <c r="SQC729" s="423" t="s">
        <v>2795</v>
      </c>
      <c r="SQD729" s="424"/>
      <c r="SQE729" s="424"/>
      <c r="SQF729" s="424"/>
      <c r="SQG729" s="423" t="s">
        <v>2795</v>
      </c>
      <c r="SQH729" s="424"/>
      <c r="SQI729" s="424"/>
      <c r="SQJ729" s="424"/>
      <c r="SQK729" s="423" t="s">
        <v>2795</v>
      </c>
      <c r="SQL729" s="424"/>
      <c r="SQM729" s="424"/>
      <c r="SQN729" s="424"/>
      <c r="SQO729" s="423" t="s">
        <v>2795</v>
      </c>
      <c r="SQP729" s="424"/>
      <c r="SQQ729" s="424"/>
      <c r="SQR729" s="424"/>
      <c r="SQS729" s="423" t="s">
        <v>2795</v>
      </c>
      <c r="SQT729" s="424"/>
      <c r="SQU729" s="424"/>
      <c r="SQV729" s="424"/>
      <c r="SQW729" s="423" t="s">
        <v>2795</v>
      </c>
      <c r="SQX729" s="424"/>
      <c r="SQY729" s="424"/>
      <c r="SQZ729" s="424"/>
      <c r="SRA729" s="423" t="s">
        <v>2795</v>
      </c>
      <c r="SRB729" s="424"/>
      <c r="SRC729" s="424"/>
      <c r="SRD729" s="424"/>
      <c r="SRE729" s="423" t="s">
        <v>2795</v>
      </c>
      <c r="SRF729" s="424"/>
      <c r="SRG729" s="424"/>
      <c r="SRH729" s="424"/>
      <c r="SRI729" s="423" t="s">
        <v>2795</v>
      </c>
      <c r="SRJ729" s="424"/>
      <c r="SRK729" s="424"/>
      <c r="SRL729" s="424"/>
      <c r="SRM729" s="423" t="s">
        <v>2795</v>
      </c>
      <c r="SRN729" s="424"/>
      <c r="SRO729" s="424"/>
      <c r="SRP729" s="424"/>
      <c r="SRQ729" s="423" t="s">
        <v>2795</v>
      </c>
      <c r="SRR729" s="424"/>
      <c r="SRS729" s="424"/>
      <c r="SRT729" s="424"/>
      <c r="SRU729" s="423" t="s">
        <v>2795</v>
      </c>
      <c r="SRV729" s="424"/>
      <c r="SRW729" s="424"/>
      <c r="SRX729" s="424"/>
      <c r="SRY729" s="423" t="s">
        <v>2795</v>
      </c>
      <c r="SRZ729" s="424"/>
      <c r="SSA729" s="424"/>
      <c r="SSB729" s="424"/>
      <c r="SSC729" s="423" t="s">
        <v>2795</v>
      </c>
      <c r="SSD729" s="424"/>
      <c r="SSE729" s="424"/>
      <c r="SSF729" s="424"/>
      <c r="SSG729" s="423" t="s">
        <v>2795</v>
      </c>
      <c r="SSH729" s="424"/>
      <c r="SSI729" s="424"/>
      <c r="SSJ729" s="424"/>
      <c r="SSK729" s="423" t="s">
        <v>2795</v>
      </c>
      <c r="SSL729" s="424"/>
      <c r="SSM729" s="424"/>
      <c r="SSN729" s="424"/>
      <c r="SSO729" s="423" t="s">
        <v>2795</v>
      </c>
      <c r="SSP729" s="424"/>
      <c r="SSQ729" s="424"/>
      <c r="SSR729" s="424"/>
      <c r="SSS729" s="423" t="s">
        <v>2795</v>
      </c>
      <c r="SST729" s="424"/>
      <c r="SSU729" s="424"/>
      <c r="SSV729" s="424"/>
      <c r="SSW729" s="423" t="s">
        <v>2795</v>
      </c>
      <c r="SSX729" s="424"/>
      <c r="SSY729" s="424"/>
      <c r="SSZ729" s="424"/>
      <c r="STA729" s="423" t="s">
        <v>2795</v>
      </c>
      <c r="STB729" s="424"/>
      <c r="STC729" s="424"/>
      <c r="STD729" s="424"/>
      <c r="STE729" s="423" t="s">
        <v>2795</v>
      </c>
      <c r="STF729" s="424"/>
      <c r="STG729" s="424"/>
      <c r="STH729" s="424"/>
      <c r="STI729" s="423" t="s">
        <v>2795</v>
      </c>
      <c r="STJ729" s="424"/>
      <c r="STK729" s="424"/>
      <c r="STL729" s="424"/>
      <c r="STM729" s="423" t="s">
        <v>2795</v>
      </c>
      <c r="STN729" s="424"/>
      <c r="STO729" s="424"/>
      <c r="STP729" s="424"/>
      <c r="STQ729" s="423" t="s">
        <v>2795</v>
      </c>
      <c r="STR729" s="424"/>
      <c r="STS729" s="424"/>
      <c r="STT729" s="424"/>
      <c r="STU729" s="423" t="s">
        <v>2795</v>
      </c>
      <c r="STV729" s="424"/>
      <c r="STW729" s="424"/>
      <c r="STX729" s="424"/>
      <c r="STY729" s="423" t="s">
        <v>2795</v>
      </c>
      <c r="STZ729" s="424"/>
      <c r="SUA729" s="424"/>
      <c r="SUB729" s="424"/>
      <c r="SUC729" s="423" t="s">
        <v>2795</v>
      </c>
      <c r="SUD729" s="424"/>
      <c r="SUE729" s="424"/>
      <c r="SUF729" s="424"/>
      <c r="SUG729" s="423" t="s">
        <v>2795</v>
      </c>
      <c r="SUH729" s="424"/>
      <c r="SUI729" s="424"/>
      <c r="SUJ729" s="424"/>
      <c r="SUK729" s="423" t="s">
        <v>2795</v>
      </c>
      <c r="SUL729" s="424"/>
      <c r="SUM729" s="424"/>
      <c r="SUN729" s="424"/>
      <c r="SUO729" s="423" t="s">
        <v>2795</v>
      </c>
      <c r="SUP729" s="424"/>
      <c r="SUQ729" s="424"/>
      <c r="SUR729" s="424"/>
      <c r="SUS729" s="423" t="s">
        <v>2795</v>
      </c>
      <c r="SUT729" s="424"/>
      <c r="SUU729" s="424"/>
      <c r="SUV729" s="424"/>
      <c r="SUW729" s="423" t="s">
        <v>2795</v>
      </c>
      <c r="SUX729" s="424"/>
      <c r="SUY729" s="424"/>
      <c r="SUZ729" s="424"/>
      <c r="SVA729" s="423" t="s">
        <v>2795</v>
      </c>
      <c r="SVB729" s="424"/>
      <c r="SVC729" s="424"/>
      <c r="SVD729" s="424"/>
      <c r="SVE729" s="423" t="s">
        <v>2795</v>
      </c>
      <c r="SVF729" s="424"/>
      <c r="SVG729" s="424"/>
      <c r="SVH729" s="424"/>
      <c r="SVI729" s="423" t="s">
        <v>2795</v>
      </c>
      <c r="SVJ729" s="424"/>
      <c r="SVK729" s="424"/>
      <c r="SVL729" s="424"/>
      <c r="SVM729" s="423" t="s">
        <v>2795</v>
      </c>
      <c r="SVN729" s="424"/>
      <c r="SVO729" s="424"/>
      <c r="SVP729" s="424"/>
      <c r="SVQ729" s="423" t="s">
        <v>2795</v>
      </c>
      <c r="SVR729" s="424"/>
      <c r="SVS729" s="424"/>
      <c r="SVT729" s="424"/>
      <c r="SVU729" s="423" t="s">
        <v>2795</v>
      </c>
      <c r="SVV729" s="424"/>
      <c r="SVW729" s="424"/>
      <c r="SVX729" s="424"/>
      <c r="SVY729" s="423" t="s">
        <v>2795</v>
      </c>
      <c r="SVZ729" s="424"/>
      <c r="SWA729" s="424"/>
      <c r="SWB729" s="424"/>
      <c r="SWC729" s="423" t="s">
        <v>2795</v>
      </c>
      <c r="SWD729" s="424"/>
      <c r="SWE729" s="424"/>
      <c r="SWF729" s="424"/>
      <c r="SWG729" s="423" t="s">
        <v>2795</v>
      </c>
      <c r="SWH729" s="424"/>
      <c r="SWI729" s="424"/>
      <c r="SWJ729" s="424"/>
      <c r="SWK729" s="423" t="s">
        <v>2795</v>
      </c>
      <c r="SWL729" s="424"/>
      <c r="SWM729" s="424"/>
      <c r="SWN729" s="424"/>
      <c r="SWO729" s="423" t="s">
        <v>2795</v>
      </c>
      <c r="SWP729" s="424"/>
      <c r="SWQ729" s="424"/>
      <c r="SWR729" s="424"/>
      <c r="SWS729" s="423" t="s">
        <v>2795</v>
      </c>
      <c r="SWT729" s="424"/>
      <c r="SWU729" s="424"/>
      <c r="SWV729" s="424"/>
      <c r="SWW729" s="423" t="s">
        <v>2795</v>
      </c>
      <c r="SWX729" s="424"/>
      <c r="SWY729" s="424"/>
      <c r="SWZ729" s="424"/>
      <c r="SXA729" s="423" t="s">
        <v>2795</v>
      </c>
      <c r="SXB729" s="424"/>
      <c r="SXC729" s="424"/>
      <c r="SXD729" s="424"/>
      <c r="SXE729" s="423" t="s">
        <v>2795</v>
      </c>
      <c r="SXF729" s="424"/>
      <c r="SXG729" s="424"/>
      <c r="SXH729" s="424"/>
      <c r="SXI729" s="423" t="s">
        <v>2795</v>
      </c>
      <c r="SXJ729" s="424"/>
      <c r="SXK729" s="424"/>
      <c r="SXL729" s="424"/>
      <c r="SXM729" s="423" t="s">
        <v>2795</v>
      </c>
      <c r="SXN729" s="424"/>
      <c r="SXO729" s="424"/>
      <c r="SXP729" s="424"/>
      <c r="SXQ729" s="423" t="s">
        <v>2795</v>
      </c>
      <c r="SXR729" s="424"/>
      <c r="SXS729" s="424"/>
      <c r="SXT729" s="424"/>
      <c r="SXU729" s="423" t="s">
        <v>2795</v>
      </c>
      <c r="SXV729" s="424"/>
      <c r="SXW729" s="424"/>
      <c r="SXX729" s="424"/>
      <c r="SXY729" s="423" t="s">
        <v>2795</v>
      </c>
      <c r="SXZ729" s="424"/>
      <c r="SYA729" s="424"/>
      <c r="SYB729" s="424"/>
      <c r="SYC729" s="423" t="s">
        <v>2795</v>
      </c>
      <c r="SYD729" s="424"/>
      <c r="SYE729" s="424"/>
      <c r="SYF729" s="424"/>
      <c r="SYG729" s="423" t="s">
        <v>2795</v>
      </c>
      <c r="SYH729" s="424"/>
      <c r="SYI729" s="424"/>
      <c r="SYJ729" s="424"/>
      <c r="SYK729" s="423" t="s">
        <v>2795</v>
      </c>
      <c r="SYL729" s="424"/>
      <c r="SYM729" s="424"/>
      <c r="SYN729" s="424"/>
      <c r="SYO729" s="423" t="s">
        <v>2795</v>
      </c>
      <c r="SYP729" s="424"/>
      <c r="SYQ729" s="424"/>
      <c r="SYR729" s="424"/>
      <c r="SYS729" s="423" t="s">
        <v>2795</v>
      </c>
      <c r="SYT729" s="424"/>
      <c r="SYU729" s="424"/>
      <c r="SYV729" s="424"/>
      <c r="SYW729" s="423" t="s">
        <v>2795</v>
      </c>
      <c r="SYX729" s="424"/>
      <c r="SYY729" s="424"/>
      <c r="SYZ729" s="424"/>
      <c r="SZA729" s="423" t="s">
        <v>2795</v>
      </c>
      <c r="SZB729" s="424"/>
      <c r="SZC729" s="424"/>
      <c r="SZD729" s="424"/>
      <c r="SZE729" s="423" t="s">
        <v>2795</v>
      </c>
      <c r="SZF729" s="424"/>
      <c r="SZG729" s="424"/>
      <c r="SZH729" s="424"/>
      <c r="SZI729" s="423" t="s">
        <v>2795</v>
      </c>
      <c r="SZJ729" s="424"/>
      <c r="SZK729" s="424"/>
      <c r="SZL729" s="424"/>
      <c r="SZM729" s="423" t="s">
        <v>2795</v>
      </c>
      <c r="SZN729" s="424"/>
      <c r="SZO729" s="424"/>
      <c r="SZP729" s="424"/>
      <c r="SZQ729" s="423" t="s">
        <v>2795</v>
      </c>
      <c r="SZR729" s="424"/>
      <c r="SZS729" s="424"/>
      <c r="SZT729" s="424"/>
      <c r="SZU729" s="423" t="s">
        <v>2795</v>
      </c>
      <c r="SZV729" s="424"/>
      <c r="SZW729" s="424"/>
      <c r="SZX729" s="424"/>
      <c r="SZY729" s="423" t="s">
        <v>2795</v>
      </c>
      <c r="SZZ729" s="424"/>
      <c r="TAA729" s="424"/>
      <c r="TAB729" s="424"/>
      <c r="TAC729" s="423" t="s">
        <v>2795</v>
      </c>
      <c r="TAD729" s="424"/>
      <c r="TAE729" s="424"/>
      <c r="TAF729" s="424"/>
      <c r="TAG729" s="423" t="s">
        <v>2795</v>
      </c>
      <c r="TAH729" s="424"/>
      <c r="TAI729" s="424"/>
      <c r="TAJ729" s="424"/>
      <c r="TAK729" s="423" t="s">
        <v>2795</v>
      </c>
      <c r="TAL729" s="424"/>
      <c r="TAM729" s="424"/>
      <c r="TAN729" s="424"/>
      <c r="TAO729" s="423" t="s">
        <v>2795</v>
      </c>
      <c r="TAP729" s="424"/>
      <c r="TAQ729" s="424"/>
      <c r="TAR729" s="424"/>
      <c r="TAS729" s="423" t="s">
        <v>2795</v>
      </c>
      <c r="TAT729" s="424"/>
      <c r="TAU729" s="424"/>
      <c r="TAV729" s="424"/>
      <c r="TAW729" s="423" t="s">
        <v>2795</v>
      </c>
      <c r="TAX729" s="424"/>
      <c r="TAY729" s="424"/>
      <c r="TAZ729" s="424"/>
      <c r="TBA729" s="423" t="s">
        <v>2795</v>
      </c>
      <c r="TBB729" s="424"/>
      <c r="TBC729" s="424"/>
      <c r="TBD729" s="424"/>
      <c r="TBE729" s="423" t="s">
        <v>2795</v>
      </c>
      <c r="TBF729" s="424"/>
      <c r="TBG729" s="424"/>
      <c r="TBH729" s="424"/>
      <c r="TBI729" s="423" t="s">
        <v>2795</v>
      </c>
      <c r="TBJ729" s="424"/>
      <c r="TBK729" s="424"/>
      <c r="TBL729" s="424"/>
      <c r="TBM729" s="423" t="s">
        <v>2795</v>
      </c>
      <c r="TBN729" s="424"/>
      <c r="TBO729" s="424"/>
      <c r="TBP729" s="424"/>
      <c r="TBQ729" s="423" t="s">
        <v>2795</v>
      </c>
      <c r="TBR729" s="424"/>
      <c r="TBS729" s="424"/>
      <c r="TBT729" s="424"/>
      <c r="TBU729" s="423" t="s">
        <v>2795</v>
      </c>
      <c r="TBV729" s="424"/>
      <c r="TBW729" s="424"/>
      <c r="TBX729" s="424"/>
      <c r="TBY729" s="423" t="s">
        <v>2795</v>
      </c>
      <c r="TBZ729" s="424"/>
      <c r="TCA729" s="424"/>
      <c r="TCB729" s="424"/>
      <c r="TCC729" s="423" t="s">
        <v>2795</v>
      </c>
      <c r="TCD729" s="424"/>
      <c r="TCE729" s="424"/>
      <c r="TCF729" s="424"/>
      <c r="TCG729" s="423" t="s">
        <v>2795</v>
      </c>
      <c r="TCH729" s="424"/>
      <c r="TCI729" s="424"/>
      <c r="TCJ729" s="424"/>
      <c r="TCK729" s="423" t="s">
        <v>2795</v>
      </c>
      <c r="TCL729" s="424"/>
      <c r="TCM729" s="424"/>
      <c r="TCN729" s="424"/>
      <c r="TCO729" s="423" t="s">
        <v>2795</v>
      </c>
      <c r="TCP729" s="424"/>
      <c r="TCQ729" s="424"/>
      <c r="TCR729" s="424"/>
      <c r="TCS729" s="423" t="s">
        <v>2795</v>
      </c>
      <c r="TCT729" s="424"/>
      <c r="TCU729" s="424"/>
      <c r="TCV729" s="424"/>
      <c r="TCW729" s="423" t="s">
        <v>2795</v>
      </c>
      <c r="TCX729" s="424"/>
      <c r="TCY729" s="424"/>
      <c r="TCZ729" s="424"/>
      <c r="TDA729" s="423" t="s">
        <v>2795</v>
      </c>
      <c r="TDB729" s="424"/>
      <c r="TDC729" s="424"/>
      <c r="TDD729" s="424"/>
      <c r="TDE729" s="423" t="s">
        <v>2795</v>
      </c>
      <c r="TDF729" s="424"/>
      <c r="TDG729" s="424"/>
      <c r="TDH729" s="424"/>
      <c r="TDI729" s="423" t="s">
        <v>2795</v>
      </c>
      <c r="TDJ729" s="424"/>
      <c r="TDK729" s="424"/>
      <c r="TDL729" s="424"/>
      <c r="TDM729" s="423" t="s">
        <v>2795</v>
      </c>
      <c r="TDN729" s="424"/>
      <c r="TDO729" s="424"/>
      <c r="TDP729" s="424"/>
      <c r="TDQ729" s="423" t="s">
        <v>2795</v>
      </c>
      <c r="TDR729" s="424"/>
      <c r="TDS729" s="424"/>
      <c r="TDT729" s="424"/>
      <c r="TDU729" s="423" t="s">
        <v>2795</v>
      </c>
      <c r="TDV729" s="424"/>
      <c r="TDW729" s="424"/>
      <c r="TDX729" s="424"/>
      <c r="TDY729" s="423" t="s">
        <v>2795</v>
      </c>
      <c r="TDZ729" s="424"/>
      <c r="TEA729" s="424"/>
      <c r="TEB729" s="424"/>
      <c r="TEC729" s="423" t="s">
        <v>2795</v>
      </c>
      <c r="TED729" s="424"/>
      <c r="TEE729" s="424"/>
      <c r="TEF729" s="424"/>
      <c r="TEG729" s="423" t="s">
        <v>2795</v>
      </c>
      <c r="TEH729" s="424"/>
      <c r="TEI729" s="424"/>
      <c r="TEJ729" s="424"/>
      <c r="TEK729" s="423" t="s">
        <v>2795</v>
      </c>
      <c r="TEL729" s="424"/>
      <c r="TEM729" s="424"/>
      <c r="TEN729" s="424"/>
      <c r="TEO729" s="423" t="s">
        <v>2795</v>
      </c>
      <c r="TEP729" s="424"/>
      <c r="TEQ729" s="424"/>
      <c r="TER729" s="424"/>
      <c r="TES729" s="423" t="s">
        <v>2795</v>
      </c>
      <c r="TET729" s="424"/>
      <c r="TEU729" s="424"/>
      <c r="TEV729" s="424"/>
      <c r="TEW729" s="423" t="s">
        <v>2795</v>
      </c>
      <c r="TEX729" s="424"/>
      <c r="TEY729" s="424"/>
      <c r="TEZ729" s="424"/>
      <c r="TFA729" s="423" t="s">
        <v>2795</v>
      </c>
      <c r="TFB729" s="424"/>
      <c r="TFC729" s="424"/>
      <c r="TFD729" s="424"/>
      <c r="TFE729" s="423" t="s">
        <v>2795</v>
      </c>
      <c r="TFF729" s="424"/>
      <c r="TFG729" s="424"/>
      <c r="TFH729" s="424"/>
      <c r="TFI729" s="423" t="s">
        <v>2795</v>
      </c>
      <c r="TFJ729" s="424"/>
      <c r="TFK729" s="424"/>
      <c r="TFL729" s="424"/>
      <c r="TFM729" s="423" t="s">
        <v>2795</v>
      </c>
      <c r="TFN729" s="424"/>
      <c r="TFO729" s="424"/>
      <c r="TFP729" s="424"/>
      <c r="TFQ729" s="423" t="s">
        <v>2795</v>
      </c>
      <c r="TFR729" s="424"/>
      <c r="TFS729" s="424"/>
      <c r="TFT729" s="424"/>
      <c r="TFU729" s="423" t="s">
        <v>2795</v>
      </c>
      <c r="TFV729" s="424"/>
      <c r="TFW729" s="424"/>
      <c r="TFX729" s="424"/>
      <c r="TFY729" s="423" t="s">
        <v>2795</v>
      </c>
      <c r="TFZ729" s="424"/>
      <c r="TGA729" s="424"/>
      <c r="TGB729" s="424"/>
      <c r="TGC729" s="423" t="s">
        <v>2795</v>
      </c>
      <c r="TGD729" s="424"/>
      <c r="TGE729" s="424"/>
      <c r="TGF729" s="424"/>
      <c r="TGG729" s="423" t="s">
        <v>2795</v>
      </c>
      <c r="TGH729" s="424"/>
      <c r="TGI729" s="424"/>
      <c r="TGJ729" s="424"/>
      <c r="TGK729" s="423" t="s">
        <v>2795</v>
      </c>
      <c r="TGL729" s="424"/>
      <c r="TGM729" s="424"/>
      <c r="TGN729" s="424"/>
      <c r="TGO729" s="423" t="s">
        <v>2795</v>
      </c>
      <c r="TGP729" s="424"/>
      <c r="TGQ729" s="424"/>
      <c r="TGR729" s="424"/>
      <c r="TGS729" s="423" t="s">
        <v>2795</v>
      </c>
      <c r="TGT729" s="424"/>
      <c r="TGU729" s="424"/>
      <c r="TGV729" s="424"/>
      <c r="TGW729" s="423" t="s">
        <v>2795</v>
      </c>
      <c r="TGX729" s="424"/>
      <c r="TGY729" s="424"/>
      <c r="TGZ729" s="424"/>
      <c r="THA729" s="423" t="s">
        <v>2795</v>
      </c>
      <c r="THB729" s="424"/>
      <c r="THC729" s="424"/>
      <c r="THD729" s="424"/>
      <c r="THE729" s="423" t="s">
        <v>2795</v>
      </c>
      <c r="THF729" s="424"/>
      <c r="THG729" s="424"/>
      <c r="THH729" s="424"/>
      <c r="THI729" s="423" t="s">
        <v>2795</v>
      </c>
      <c r="THJ729" s="424"/>
      <c r="THK729" s="424"/>
      <c r="THL729" s="424"/>
      <c r="THM729" s="423" t="s">
        <v>2795</v>
      </c>
      <c r="THN729" s="424"/>
      <c r="THO729" s="424"/>
      <c r="THP729" s="424"/>
      <c r="THQ729" s="423" t="s">
        <v>2795</v>
      </c>
      <c r="THR729" s="424"/>
      <c r="THS729" s="424"/>
      <c r="THT729" s="424"/>
      <c r="THU729" s="423" t="s">
        <v>2795</v>
      </c>
      <c r="THV729" s="424"/>
      <c r="THW729" s="424"/>
      <c r="THX729" s="424"/>
      <c r="THY729" s="423" t="s">
        <v>2795</v>
      </c>
      <c r="THZ729" s="424"/>
      <c r="TIA729" s="424"/>
      <c r="TIB729" s="424"/>
      <c r="TIC729" s="423" t="s">
        <v>2795</v>
      </c>
      <c r="TID729" s="424"/>
      <c r="TIE729" s="424"/>
      <c r="TIF729" s="424"/>
      <c r="TIG729" s="423" t="s">
        <v>2795</v>
      </c>
      <c r="TIH729" s="424"/>
      <c r="TII729" s="424"/>
      <c r="TIJ729" s="424"/>
      <c r="TIK729" s="423" t="s">
        <v>2795</v>
      </c>
      <c r="TIL729" s="424"/>
      <c r="TIM729" s="424"/>
      <c r="TIN729" s="424"/>
      <c r="TIO729" s="423" t="s">
        <v>2795</v>
      </c>
      <c r="TIP729" s="424"/>
      <c r="TIQ729" s="424"/>
      <c r="TIR729" s="424"/>
      <c r="TIS729" s="423" t="s">
        <v>2795</v>
      </c>
      <c r="TIT729" s="424"/>
      <c r="TIU729" s="424"/>
      <c r="TIV729" s="424"/>
      <c r="TIW729" s="423" t="s">
        <v>2795</v>
      </c>
      <c r="TIX729" s="424"/>
      <c r="TIY729" s="424"/>
      <c r="TIZ729" s="424"/>
      <c r="TJA729" s="423" t="s">
        <v>2795</v>
      </c>
      <c r="TJB729" s="424"/>
      <c r="TJC729" s="424"/>
      <c r="TJD729" s="424"/>
      <c r="TJE729" s="423" t="s">
        <v>2795</v>
      </c>
      <c r="TJF729" s="424"/>
      <c r="TJG729" s="424"/>
      <c r="TJH729" s="424"/>
      <c r="TJI729" s="423" t="s">
        <v>2795</v>
      </c>
      <c r="TJJ729" s="424"/>
      <c r="TJK729" s="424"/>
      <c r="TJL729" s="424"/>
      <c r="TJM729" s="423" t="s">
        <v>2795</v>
      </c>
      <c r="TJN729" s="424"/>
      <c r="TJO729" s="424"/>
      <c r="TJP729" s="424"/>
      <c r="TJQ729" s="423" t="s">
        <v>2795</v>
      </c>
      <c r="TJR729" s="424"/>
      <c r="TJS729" s="424"/>
      <c r="TJT729" s="424"/>
      <c r="TJU729" s="423" t="s">
        <v>2795</v>
      </c>
      <c r="TJV729" s="424"/>
      <c r="TJW729" s="424"/>
      <c r="TJX729" s="424"/>
      <c r="TJY729" s="423" t="s">
        <v>2795</v>
      </c>
      <c r="TJZ729" s="424"/>
      <c r="TKA729" s="424"/>
      <c r="TKB729" s="424"/>
      <c r="TKC729" s="423" t="s">
        <v>2795</v>
      </c>
      <c r="TKD729" s="424"/>
      <c r="TKE729" s="424"/>
      <c r="TKF729" s="424"/>
      <c r="TKG729" s="423" t="s">
        <v>2795</v>
      </c>
      <c r="TKH729" s="424"/>
      <c r="TKI729" s="424"/>
      <c r="TKJ729" s="424"/>
      <c r="TKK729" s="423" t="s">
        <v>2795</v>
      </c>
      <c r="TKL729" s="424"/>
      <c r="TKM729" s="424"/>
      <c r="TKN729" s="424"/>
      <c r="TKO729" s="423" t="s">
        <v>2795</v>
      </c>
      <c r="TKP729" s="424"/>
      <c r="TKQ729" s="424"/>
      <c r="TKR729" s="424"/>
      <c r="TKS729" s="423" t="s">
        <v>2795</v>
      </c>
      <c r="TKT729" s="424"/>
      <c r="TKU729" s="424"/>
      <c r="TKV729" s="424"/>
      <c r="TKW729" s="423" t="s">
        <v>2795</v>
      </c>
      <c r="TKX729" s="424"/>
      <c r="TKY729" s="424"/>
      <c r="TKZ729" s="424"/>
      <c r="TLA729" s="423" t="s">
        <v>2795</v>
      </c>
      <c r="TLB729" s="424"/>
      <c r="TLC729" s="424"/>
      <c r="TLD729" s="424"/>
      <c r="TLE729" s="423" t="s">
        <v>2795</v>
      </c>
      <c r="TLF729" s="424"/>
      <c r="TLG729" s="424"/>
      <c r="TLH729" s="424"/>
      <c r="TLI729" s="423" t="s">
        <v>2795</v>
      </c>
      <c r="TLJ729" s="424"/>
      <c r="TLK729" s="424"/>
      <c r="TLL729" s="424"/>
      <c r="TLM729" s="423" t="s">
        <v>2795</v>
      </c>
      <c r="TLN729" s="424"/>
      <c r="TLO729" s="424"/>
      <c r="TLP729" s="424"/>
      <c r="TLQ729" s="423" t="s">
        <v>2795</v>
      </c>
      <c r="TLR729" s="424"/>
      <c r="TLS729" s="424"/>
      <c r="TLT729" s="424"/>
      <c r="TLU729" s="423" t="s">
        <v>2795</v>
      </c>
      <c r="TLV729" s="424"/>
      <c r="TLW729" s="424"/>
      <c r="TLX729" s="424"/>
      <c r="TLY729" s="423" t="s">
        <v>2795</v>
      </c>
      <c r="TLZ729" s="424"/>
      <c r="TMA729" s="424"/>
      <c r="TMB729" s="424"/>
      <c r="TMC729" s="423" t="s">
        <v>2795</v>
      </c>
      <c r="TMD729" s="424"/>
      <c r="TME729" s="424"/>
      <c r="TMF729" s="424"/>
      <c r="TMG729" s="423" t="s">
        <v>2795</v>
      </c>
      <c r="TMH729" s="424"/>
      <c r="TMI729" s="424"/>
      <c r="TMJ729" s="424"/>
      <c r="TMK729" s="423" t="s">
        <v>2795</v>
      </c>
      <c r="TML729" s="424"/>
      <c r="TMM729" s="424"/>
      <c r="TMN729" s="424"/>
      <c r="TMO729" s="423" t="s">
        <v>2795</v>
      </c>
      <c r="TMP729" s="424"/>
      <c r="TMQ729" s="424"/>
      <c r="TMR729" s="424"/>
      <c r="TMS729" s="423" t="s">
        <v>2795</v>
      </c>
      <c r="TMT729" s="424"/>
      <c r="TMU729" s="424"/>
      <c r="TMV729" s="424"/>
      <c r="TMW729" s="423" t="s">
        <v>2795</v>
      </c>
      <c r="TMX729" s="424"/>
      <c r="TMY729" s="424"/>
      <c r="TMZ729" s="424"/>
      <c r="TNA729" s="423" t="s">
        <v>2795</v>
      </c>
      <c r="TNB729" s="424"/>
      <c r="TNC729" s="424"/>
      <c r="TND729" s="424"/>
      <c r="TNE729" s="423" t="s">
        <v>2795</v>
      </c>
      <c r="TNF729" s="424"/>
      <c r="TNG729" s="424"/>
      <c r="TNH729" s="424"/>
      <c r="TNI729" s="423" t="s">
        <v>2795</v>
      </c>
      <c r="TNJ729" s="424"/>
      <c r="TNK729" s="424"/>
      <c r="TNL729" s="424"/>
      <c r="TNM729" s="423" t="s">
        <v>2795</v>
      </c>
      <c r="TNN729" s="424"/>
      <c r="TNO729" s="424"/>
      <c r="TNP729" s="424"/>
      <c r="TNQ729" s="423" t="s">
        <v>2795</v>
      </c>
      <c r="TNR729" s="424"/>
      <c r="TNS729" s="424"/>
      <c r="TNT729" s="424"/>
      <c r="TNU729" s="423" t="s">
        <v>2795</v>
      </c>
      <c r="TNV729" s="424"/>
      <c r="TNW729" s="424"/>
      <c r="TNX729" s="424"/>
      <c r="TNY729" s="423" t="s">
        <v>2795</v>
      </c>
      <c r="TNZ729" s="424"/>
      <c r="TOA729" s="424"/>
      <c r="TOB729" s="424"/>
      <c r="TOC729" s="423" t="s">
        <v>2795</v>
      </c>
      <c r="TOD729" s="424"/>
      <c r="TOE729" s="424"/>
      <c r="TOF729" s="424"/>
      <c r="TOG729" s="423" t="s">
        <v>2795</v>
      </c>
      <c r="TOH729" s="424"/>
      <c r="TOI729" s="424"/>
      <c r="TOJ729" s="424"/>
      <c r="TOK729" s="423" t="s">
        <v>2795</v>
      </c>
      <c r="TOL729" s="424"/>
      <c r="TOM729" s="424"/>
      <c r="TON729" s="424"/>
      <c r="TOO729" s="423" t="s">
        <v>2795</v>
      </c>
      <c r="TOP729" s="424"/>
      <c r="TOQ729" s="424"/>
      <c r="TOR729" s="424"/>
      <c r="TOS729" s="423" t="s">
        <v>2795</v>
      </c>
      <c r="TOT729" s="424"/>
      <c r="TOU729" s="424"/>
      <c r="TOV729" s="424"/>
      <c r="TOW729" s="423" t="s">
        <v>2795</v>
      </c>
      <c r="TOX729" s="424"/>
      <c r="TOY729" s="424"/>
      <c r="TOZ729" s="424"/>
      <c r="TPA729" s="423" t="s">
        <v>2795</v>
      </c>
      <c r="TPB729" s="424"/>
      <c r="TPC729" s="424"/>
      <c r="TPD729" s="424"/>
      <c r="TPE729" s="423" t="s">
        <v>2795</v>
      </c>
      <c r="TPF729" s="424"/>
      <c r="TPG729" s="424"/>
      <c r="TPH729" s="424"/>
      <c r="TPI729" s="423" t="s">
        <v>2795</v>
      </c>
      <c r="TPJ729" s="424"/>
      <c r="TPK729" s="424"/>
      <c r="TPL729" s="424"/>
      <c r="TPM729" s="423" t="s">
        <v>2795</v>
      </c>
      <c r="TPN729" s="424"/>
      <c r="TPO729" s="424"/>
      <c r="TPP729" s="424"/>
      <c r="TPQ729" s="423" t="s">
        <v>2795</v>
      </c>
      <c r="TPR729" s="424"/>
      <c r="TPS729" s="424"/>
      <c r="TPT729" s="424"/>
      <c r="TPU729" s="423" t="s">
        <v>2795</v>
      </c>
      <c r="TPV729" s="424"/>
      <c r="TPW729" s="424"/>
      <c r="TPX729" s="424"/>
      <c r="TPY729" s="423" t="s">
        <v>2795</v>
      </c>
      <c r="TPZ729" s="424"/>
      <c r="TQA729" s="424"/>
      <c r="TQB729" s="424"/>
      <c r="TQC729" s="423" t="s">
        <v>2795</v>
      </c>
      <c r="TQD729" s="424"/>
      <c r="TQE729" s="424"/>
      <c r="TQF729" s="424"/>
      <c r="TQG729" s="423" t="s">
        <v>2795</v>
      </c>
      <c r="TQH729" s="424"/>
      <c r="TQI729" s="424"/>
      <c r="TQJ729" s="424"/>
      <c r="TQK729" s="423" t="s">
        <v>2795</v>
      </c>
      <c r="TQL729" s="424"/>
      <c r="TQM729" s="424"/>
      <c r="TQN729" s="424"/>
      <c r="TQO729" s="423" t="s">
        <v>2795</v>
      </c>
      <c r="TQP729" s="424"/>
      <c r="TQQ729" s="424"/>
      <c r="TQR729" s="424"/>
      <c r="TQS729" s="423" t="s">
        <v>2795</v>
      </c>
      <c r="TQT729" s="424"/>
      <c r="TQU729" s="424"/>
      <c r="TQV729" s="424"/>
      <c r="TQW729" s="423" t="s">
        <v>2795</v>
      </c>
      <c r="TQX729" s="424"/>
      <c r="TQY729" s="424"/>
      <c r="TQZ729" s="424"/>
      <c r="TRA729" s="423" t="s">
        <v>2795</v>
      </c>
      <c r="TRB729" s="424"/>
      <c r="TRC729" s="424"/>
      <c r="TRD729" s="424"/>
      <c r="TRE729" s="423" t="s">
        <v>2795</v>
      </c>
      <c r="TRF729" s="424"/>
      <c r="TRG729" s="424"/>
      <c r="TRH729" s="424"/>
      <c r="TRI729" s="423" t="s">
        <v>2795</v>
      </c>
      <c r="TRJ729" s="424"/>
      <c r="TRK729" s="424"/>
      <c r="TRL729" s="424"/>
      <c r="TRM729" s="423" t="s">
        <v>2795</v>
      </c>
      <c r="TRN729" s="424"/>
      <c r="TRO729" s="424"/>
      <c r="TRP729" s="424"/>
      <c r="TRQ729" s="423" t="s">
        <v>2795</v>
      </c>
      <c r="TRR729" s="424"/>
      <c r="TRS729" s="424"/>
      <c r="TRT729" s="424"/>
      <c r="TRU729" s="423" t="s">
        <v>2795</v>
      </c>
      <c r="TRV729" s="424"/>
      <c r="TRW729" s="424"/>
      <c r="TRX729" s="424"/>
      <c r="TRY729" s="423" t="s">
        <v>2795</v>
      </c>
      <c r="TRZ729" s="424"/>
      <c r="TSA729" s="424"/>
      <c r="TSB729" s="424"/>
      <c r="TSC729" s="423" t="s">
        <v>2795</v>
      </c>
      <c r="TSD729" s="424"/>
      <c r="TSE729" s="424"/>
      <c r="TSF729" s="424"/>
      <c r="TSG729" s="423" t="s">
        <v>2795</v>
      </c>
      <c r="TSH729" s="424"/>
      <c r="TSI729" s="424"/>
      <c r="TSJ729" s="424"/>
      <c r="TSK729" s="423" t="s">
        <v>2795</v>
      </c>
      <c r="TSL729" s="424"/>
      <c r="TSM729" s="424"/>
      <c r="TSN729" s="424"/>
      <c r="TSO729" s="423" t="s">
        <v>2795</v>
      </c>
      <c r="TSP729" s="424"/>
      <c r="TSQ729" s="424"/>
      <c r="TSR729" s="424"/>
      <c r="TSS729" s="423" t="s">
        <v>2795</v>
      </c>
      <c r="TST729" s="424"/>
      <c r="TSU729" s="424"/>
      <c r="TSV729" s="424"/>
      <c r="TSW729" s="423" t="s">
        <v>2795</v>
      </c>
      <c r="TSX729" s="424"/>
      <c r="TSY729" s="424"/>
      <c r="TSZ729" s="424"/>
      <c r="TTA729" s="423" t="s">
        <v>2795</v>
      </c>
      <c r="TTB729" s="424"/>
      <c r="TTC729" s="424"/>
      <c r="TTD729" s="424"/>
      <c r="TTE729" s="423" t="s">
        <v>2795</v>
      </c>
      <c r="TTF729" s="424"/>
      <c r="TTG729" s="424"/>
      <c r="TTH729" s="424"/>
      <c r="TTI729" s="423" t="s">
        <v>2795</v>
      </c>
      <c r="TTJ729" s="424"/>
      <c r="TTK729" s="424"/>
      <c r="TTL729" s="424"/>
      <c r="TTM729" s="423" t="s">
        <v>2795</v>
      </c>
      <c r="TTN729" s="424"/>
      <c r="TTO729" s="424"/>
      <c r="TTP729" s="424"/>
      <c r="TTQ729" s="423" t="s">
        <v>2795</v>
      </c>
      <c r="TTR729" s="424"/>
      <c r="TTS729" s="424"/>
      <c r="TTT729" s="424"/>
      <c r="TTU729" s="423" t="s">
        <v>2795</v>
      </c>
      <c r="TTV729" s="424"/>
      <c r="TTW729" s="424"/>
      <c r="TTX729" s="424"/>
      <c r="TTY729" s="423" t="s">
        <v>2795</v>
      </c>
      <c r="TTZ729" s="424"/>
      <c r="TUA729" s="424"/>
      <c r="TUB729" s="424"/>
      <c r="TUC729" s="423" t="s">
        <v>2795</v>
      </c>
      <c r="TUD729" s="424"/>
      <c r="TUE729" s="424"/>
      <c r="TUF729" s="424"/>
      <c r="TUG729" s="423" t="s">
        <v>2795</v>
      </c>
      <c r="TUH729" s="424"/>
      <c r="TUI729" s="424"/>
      <c r="TUJ729" s="424"/>
      <c r="TUK729" s="423" t="s">
        <v>2795</v>
      </c>
      <c r="TUL729" s="424"/>
      <c r="TUM729" s="424"/>
      <c r="TUN729" s="424"/>
      <c r="TUO729" s="423" t="s">
        <v>2795</v>
      </c>
      <c r="TUP729" s="424"/>
      <c r="TUQ729" s="424"/>
      <c r="TUR729" s="424"/>
      <c r="TUS729" s="423" t="s">
        <v>2795</v>
      </c>
      <c r="TUT729" s="424"/>
      <c r="TUU729" s="424"/>
      <c r="TUV729" s="424"/>
      <c r="TUW729" s="423" t="s">
        <v>2795</v>
      </c>
      <c r="TUX729" s="424"/>
      <c r="TUY729" s="424"/>
      <c r="TUZ729" s="424"/>
      <c r="TVA729" s="423" t="s">
        <v>2795</v>
      </c>
      <c r="TVB729" s="424"/>
      <c r="TVC729" s="424"/>
      <c r="TVD729" s="424"/>
      <c r="TVE729" s="423" t="s">
        <v>2795</v>
      </c>
      <c r="TVF729" s="424"/>
      <c r="TVG729" s="424"/>
      <c r="TVH729" s="424"/>
      <c r="TVI729" s="423" t="s">
        <v>2795</v>
      </c>
      <c r="TVJ729" s="424"/>
      <c r="TVK729" s="424"/>
      <c r="TVL729" s="424"/>
      <c r="TVM729" s="423" t="s">
        <v>2795</v>
      </c>
      <c r="TVN729" s="424"/>
      <c r="TVO729" s="424"/>
      <c r="TVP729" s="424"/>
      <c r="TVQ729" s="423" t="s">
        <v>2795</v>
      </c>
      <c r="TVR729" s="424"/>
      <c r="TVS729" s="424"/>
      <c r="TVT729" s="424"/>
      <c r="TVU729" s="423" t="s">
        <v>2795</v>
      </c>
      <c r="TVV729" s="424"/>
      <c r="TVW729" s="424"/>
      <c r="TVX729" s="424"/>
      <c r="TVY729" s="423" t="s">
        <v>2795</v>
      </c>
      <c r="TVZ729" s="424"/>
      <c r="TWA729" s="424"/>
      <c r="TWB729" s="424"/>
      <c r="TWC729" s="423" t="s">
        <v>2795</v>
      </c>
      <c r="TWD729" s="424"/>
      <c r="TWE729" s="424"/>
      <c r="TWF729" s="424"/>
      <c r="TWG729" s="423" t="s">
        <v>2795</v>
      </c>
      <c r="TWH729" s="424"/>
      <c r="TWI729" s="424"/>
      <c r="TWJ729" s="424"/>
      <c r="TWK729" s="423" t="s">
        <v>2795</v>
      </c>
      <c r="TWL729" s="424"/>
      <c r="TWM729" s="424"/>
      <c r="TWN729" s="424"/>
      <c r="TWO729" s="423" t="s">
        <v>2795</v>
      </c>
      <c r="TWP729" s="424"/>
      <c r="TWQ729" s="424"/>
      <c r="TWR729" s="424"/>
      <c r="TWS729" s="423" t="s">
        <v>2795</v>
      </c>
      <c r="TWT729" s="424"/>
      <c r="TWU729" s="424"/>
      <c r="TWV729" s="424"/>
      <c r="TWW729" s="423" t="s">
        <v>2795</v>
      </c>
      <c r="TWX729" s="424"/>
      <c r="TWY729" s="424"/>
      <c r="TWZ729" s="424"/>
      <c r="TXA729" s="423" t="s">
        <v>2795</v>
      </c>
      <c r="TXB729" s="424"/>
      <c r="TXC729" s="424"/>
      <c r="TXD729" s="424"/>
      <c r="TXE729" s="423" t="s">
        <v>2795</v>
      </c>
      <c r="TXF729" s="424"/>
      <c r="TXG729" s="424"/>
      <c r="TXH729" s="424"/>
      <c r="TXI729" s="423" t="s">
        <v>2795</v>
      </c>
      <c r="TXJ729" s="424"/>
      <c r="TXK729" s="424"/>
      <c r="TXL729" s="424"/>
      <c r="TXM729" s="423" t="s">
        <v>2795</v>
      </c>
      <c r="TXN729" s="424"/>
      <c r="TXO729" s="424"/>
      <c r="TXP729" s="424"/>
      <c r="TXQ729" s="423" t="s">
        <v>2795</v>
      </c>
      <c r="TXR729" s="424"/>
      <c r="TXS729" s="424"/>
      <c r="TXT729" s="424"/>
      <c r="TXU729" s="423" t="s">
        <v>2795</v>
      </c>
      <c r="TXV729" s="424"/>
      <c r="TXW729" s="424"/>
      <c r="TXX729" s="424"/>
      <c r="TXY729" s="423" t="s">
        <v>2795</v>
      </c>
      <c r="TXZ729" s="424"/>
      <c r="TYA729" s="424"/>
      <c r="TYB729" s="424"/>
      <c r="TYC729" s="423" t="s">
        <v>2795</v>
      </c>
      <c r="TYD729" s="424"/>
      <c r="TYE729" s="424"/>
      <c r="TYF729" s="424"/>
      <c r="TYG729" s="423" t="s">
        <v>2795</v>
      </c>
      <c r="TYH729" s="424"/>
      <c r="TYI729" s="424"/>
      <c r="TYJ729" s="424"/>
      <c r="TYK729" s="423" t="s">
        <v>2795</v>
      </c>
      <c r="TYL729" s="424"/>
      <c r="TYM729" s="424"/>
      <c r="TYN729" s="424"/>
      <c r="TYO729" s="423" t="s">
        <v>2795</v>
      </c>
      <c r="TYP729" s="424"/>
      <c r="TYQ729" s="424"/>
      <c r="TYR729" s="424"/>
      <c r="TYS729" s="423" t="s">
        <v>2795</v>
      </c>
      <c r="TYT729" s="424"/>
      <c r="TYU729" s="424"/>
      <c r="TYV729" s="424"/>
      <c r="TYW729" s="423" t="s">
        <v>2795</v>
      </c>
      <c r="TYX729" s="424"/>
      <c r="TYY729" s="424"/>
      <c r="TYZ729" s="424"/>
      <c r="TZA729" s="423" t="s">
        <v>2795</v>
      </c>
      <c r="TZB729" s="424"/>
      <c r="TZC729" s="424"/>
      <c r="TZD729" s="424"/>
      <c r="TZE729" s="423" t="s">
        <v>2795</v>
      </c>
      <c r="TZF729" s="424"/>
      <c r="TZG729" s="424"/>
      <c r="TZH729" s="424"/>
      <c r="TZI729" s="423" t="s">
        <v>2795</v>
      </c>
      <c r="TZJ729" s="424"/>
      <c r="TZK729" s="424"/>
      <c r="TZL729" s="424"/>
      <c r="TZM729" s="423" t="s">
        <v>2795</v>
      </c>
      <c r="TZN729" s="424"/>
      <c r="TZO729" s="424"/>
      <c r="TZP729" s="424"/>
      <c r="TZQ729" s="423" t="s">
        <v>2795</v>
      </c>
      <c r="TZR729" s="424"/>
      <c r="TZS729" s="424"/>
      <c r="TZT729" s="424"/>
      <c r="TZU729" s="423" t="s">
        <v>2795</v>
      </c>
      <c r="TZV729" s="424"/>
      <c r="TZW729" s="424"/>
      <c r="TZX729" s="424"/>
      <c r="TZY729" s="423" t="s">
        <v>2795</v>
      </c>
      <c r="TZZ729" s="424"/>
      <c r="UAA729" s="424"/>
      <c r="UAB729" s="424"/>
      <c r="UAC729" s="423" t="s">
        <v>2795</v>
      </c>
      <c r="UAD729" s="424"/>
      <c r="UAE729" s="424"/>
      <c r="UAF729" s="424"/>
      <c r="UAG729" s="423" t="s">
        <v>2795</v>
      </c>
      <c r="UAH729" s="424"/>
      <c r="UAI729" s="424"/>
      <c r="UAJ729" s="424"/>
      <c r="UAK729" s="423" t="s">
        <v>2795</v>
      </c>
      <c r="UAL729" s="424"/>
      <c r="UAM729" s="424"/>
      <c r="UAN729" s="424"/>
      <c r="UAO729" s="423" t="s">
        <v>2795</v>
      </c>
      <c r="UAP729" s="424"/>
      <c r="UAQ729" s="424"/>
      <c r="UAR729" s="424"/>
      <c r="UAS729" s="423" t="s">
        <v>2795</v>
      </c>
      <c r="UAT729" s="424"/>
      <c r="UAU729" s="424"/>
      <c r="UAV729" s="424"/>
      <c r="UAW729" s="423" t="s">
        <v>2795</v>
      </c>
      <c r="UAX729" s="424"/>
      <c r="UAY729" s="424"/>
      <c r="UAZ729" s="424"/>
      <c r="UBA729" s="423" t="s">
        <v>2795</v>
      </c>
      <c r="UBB729" s="424"/>
      <c r="UBC729" s="424"/>
      <c r="UBD729" s="424"/>
      <c r="UBE729" s="423" t="s">
        <v>2795</v>
      </c>
      <c r="UBF729" s="424"/>
      <c r="UBG729" s="424"/>
      <c r="UBH729" s="424"/>
      <c r="UBI729" s="423" t="s">
        <v>2795</v>
      </c>
      <c r="UBJ729" s="424"/>
      <c r="UBK729" s="424"/>
      <c r="UBL729" s="424"/>
      <c r="UBM729" s="423" t="s">
        <v>2795</v>
      </c>
      <c r="UBN729" s="424"/>
      <c r="UBO729" s="424"/>
      <c r="UBP729" s="424"/>
      <c r="UBQ729" s="423" t="s">
        <v>2795</v>
      </c>
      <c r="UBR729" s="424"/>
      <c r="UBS729" s="424"/>
      <c r="UBT729" s="424"/>
      <c r="UBU729" s="423" t="s">
        <v>2795</v>
      </c>
      <c r="UBV729" s="424"/>
      <c r="UBW729" s="424"/>
      <c r="UBX729" s="424"/>
      <c r="UBY729" s="423" t="s">
        <v>2795</v>
      </c>
      <c r="UBZ729" s="424"/>
      <c r="UCA729" s="424"/>
      <c r="UCB729" s="424"/>
      <c r="UCC729" s="423" t="s">
        <v>2795</v>
      </c>
      <c r="UCD729" s="424"/>
      <c r="UCE729" s="424"/>
      <c r="UCF729" s="424"/>
      <c r="UCG729" s="423" t="s">
        <v>2795</v>
      </c>
      <c r="UCH729" s="424"/>
      <c r="UCI729" s="424"/>
      <c r="UCJ729" s="424"/>
      <c r="UCK729" s="423" t="s">
        <v>2795</v>
      </c>
      <c r="UCL729" s="424"/>
      <c r="UCM729" s="424"/>
      <c r="UCN729" s="424"/>
      <c r="UCO729" s="423" t="s">
        <v>2795</v>
      </c>
      <c r="UCP729" s="424"/>
      <c r="UCQ729" s="424"/>
      <c r="UCR729" s="424"/>
      <c r="UCS729" s="423" t="s">
        <v>2795</v>
      </c>
      <c r="UCT729" s="424"/>
      <c r="UCU729" s="424"/>
      <c r="UCV729" s="424"/>
      <c r="UCW729" s="423" t="s">
        <v>2795</v>
      </c>
      <c r="UCX729" s="424"/>
      <c r="UCY729" s="424"/>
      <c r="UCZ729" s="424"/>
      <c r="UDA729" s="423" t="s">
        <v>2795</v>
      </c>
      <c r="UDB729" s="424"/>
      <c r="UDC729" s="424"/>
      <c r="UDD729" s="424"/>
      <c r="UDE729" s="423" t="s">
        <v>2795</v>
      </c>
      <c r="UDF729" s="424"/>
      <c r="UDG729" s="424"/>
      <c r="UDH729" s="424"/>
      <c r="UDI729" s="423" t="s">
        <v>2795</v>
      </c>
      <c r="UDJ729" s="424"/>
      <c r="UDK729" s="424"/>
      <c r="UDL729" s="424"/>
      <c r="UDM729" s="423" t="s">
        <v>2795</v>
      </c>
      <c r="UDN729" s="424"/>
      <c r="UDO729" s="424"/>
      <c r="UDP729" s="424"/>
      <c r="UDQ729" s="423" t="s">
        <v>2795</v>
      </c>
      <c r="UDR729" s="424"/>
      <c r="UDS729" s="424"/>
      <c r="UDT729" s="424"/>
      <c r="UDU729" s="423" t="s">
        <v>2795</v>
      </c>
      <c r="UDV729" s="424"/>
      <c r="UDW729" s="424"/>
      <c r="UDX729" s="424"/>
      <c r="UDY729" s="423" t="s">
        <v>2795</v>
      </c>
      <c r="UDZ729" s="424"/>
      <c r="UEA729" s="424"/>
      <c r="UEB729" s="424"/>
      <c r="UEC729" s="423" t="s">
        <v>2795</v>
      </c>
      <c r="UED729" s="424"/>
      <c r="UEE729" s="424"/>
      <c r="UEF729" s="424"/>
      <c r="UEG729" s="423" t="s">
        <v>2795</v>
      </c>
      <c r="UEH729" s="424"/>
      <c r="UEI729" s="424"/>
      <c r="UEJ729" s="424"/>
      <c r="UEK729" s="423" t="s">
        <v>2795</v>
      </c>
      <c r="UEL729" s="424"/>
      <c r="UEM729" s="424"/>
      <c r="UEN729" s="424"/>
      <c r="UEO729" s="423" t="s">
        <v>2795</v>
      </c>
      <c r="UEP729" s="424"/>
      <c r="UEQ729" s="424"/>
      <c r="UER729" s="424"/>
      <c r="UES729" s="423" t="s">
        <v>2795</v>
      </c>
      <c r="UET729" s="424"/>
      <c r="UEU729" s="424"/>
      <c r="UEV729" s="424"/>
      <c r="UEW729" s="423" t="s">
        <v>2795</v>
      </c>
      <c r="UEX729" s="424"/>
      <c r="UEY729" s="424"/>
      <c r="UEZ729" s="424"/>
      <c r="UFA729" s="423" t="s">
        <v>2795</v>
      </c>
      <c r="UFB729" s="424"/>
      <c r="UFC729" s="424"/>
      <c r="UFD729" s="424"/>
      <c r="UFE729" s="423" t="s">
        <v>2795</v>
      </c>
      <c r="UFF729" s="424"/>
      <c r="UFG729" s="424"/>
      <c r="UFH729" s="424"/>
      <c r="UFI729" s="423" t="s">
        <v>2795</v>
      </c>
      <c r="UFJ729" s="424"/>
      <c r="UFK729" s="424"/>
      <c r="UFL729" s="424"/>
      <c r="UFM729" s="423" t="s">
        <v>2795</v>
      </c>
      <c r="UFN729" s="424"/>
      <c r="UFO729" s="424"/>
      <c r="UFP729" s="424"/>
      <c r="UFQ729" s="423" t="s">
        <v>2795</v>
      </c>
      <c r="UFR729" s="424"/>
      <c r="UFS729" s="424"/>
      <c r="UFT729" s="424"/>
      <c r="UFU729" s="423" t="s">
        <v>2795</v>
      </c>
      <c r="UFV729" s="424"/>
      <c r="UFW729" s="424"/>
      <c r="UFX729" s="424"/>
      <c r="UFY729" s="423" t="s">
        <v>2795</v>
      </c>
      <c r="UFZ729" s="424"/>
      <c r="UGA729" s="424"/>
      <c r="UGB729" s="424"/>
      <c r="UGC729" s="423" t="s">
        <v>2795</v>
      </c>
      <c r="UGD729" s="424"/>
      <c r="UGE729" s="424"/>
      <c r="UGF729" s="424"/>
      <c r="UGG729" s="423" t="s">
        <v>2795</v>
      </c>
      <c r="UGH729" s="424"/>
      <c r="UGI729" s="424"/>
      <c r="UGJ729" s="424"/>
      <c r="UGK729" s="423" t="s">
        <v>2795</v>
      </c>
      <c r="UGL729" s="424"/>
      <c r="UGM729" s="424"/>
      <c r="UGN729" s="424"/>
      <c r="UGO729" s="423" t="s">
        <v>2795</v>
      </c>
      <c r="UGP729" s="424"/>
      <c r="UGQ729" s="424"/>
      <c r="UGR729" s="424"/>
      <c r="UGS729" s="423" t="s">
        <v>2795</v>
      </c>
      <c r="UGT729" s="424"/>
      <c r="UGU729" s="424"/>
      <c r="UGV729" s="424"/>
      <c r="UGW729" s="423" t="s">
        <v>2795</v>
      </c>
      <c r="UGX729" s="424"/>
      <c r="UGY729" s="424"/>
      <c r="UGZ729" s="424"/>
      <c r="UHA729" s="423" t="s">
        <v>2795</v>
      </c>
      <c r="UHB729" s="424"/>
      <c r="UHC729" s="424"/>
      <c r="UHD729" s="424"/>
      <c r="UHE729" s="423" t="s">
        <v>2795</v>
      </c>
      <c r="UHF729" s="424"/>
      <c r="UHG729" s="424"/>
      <c r="UHH729" s="424"/>
      <c r="UHI729" s="423" t="s">
        <v>2795</v>
      </c>
      <c r="UHJ729" s="424"/>
      <c r="UHK729" s="424"/>
      <c r="UHL729" s="424"/>
      <c r="UHM729" s="423" t="s">
        <v>2795</v>
      </c>
      <c r="UHN729" s="424"/>
      <c r="UHO729" s="424"/>
      <c r="UHP729" s="424"/>
      <c r="UHQ729" s="423" t="s">
        <v>2795</v>
      </c>
      <c r="UHR729" s="424"/>
      <c r="UHS729" s="424"/>
      <c r="UHT729" s="424"/>
      <c r="UHU729" s="423" t="s">
        <v>2795</v>
      </c>
      <c r="UHV729" s="424"/>
      <c r="UHW729" s="424"/>
      <c r="UHX729" s="424"/>
      <c r="UHY729" s="423" t="s">
        <v>2795</v>
      </c>
      <c r="UHZ729" s="424"/>
      <c r="UIA729" s="424"/>
      <c r="UIB729" s="424"/>
      <c r="UIC729" s="423" t="s">
        <v>2795</v>
      </c>
      <c r="UID729" s="424"/>
      <c r="UIE729" s="424"/>
      <c r="UIF729" s="424"/>
      <c r="UIG729" s="423" t="s">
        <v>2795</v>
      </c>
      <c r="UIH729" s="424"/>
      <c r="UII729" s="424"/>
      <c r="UIJ729" s="424"/>
      <c r="UIK729" s="423" t="s">
        <v>2795</v>
      </c>
      <c r="UIL729" s="424"/>
      <c r="UIM729" s="424"/>
      <c r="UIN729" s="424"/>
      <c r="UIO729" s="423" t="s">
        <v>2795</v>
      </c>
      <c r="UIP729" s="424"/>
      <c r="UIQ729" s="424"/>
      <c r="UIR729" s="424"/>
      <c r="UIS729" s="423" t="s">
        <v>2795</v>
      </c>
      <c r="UIT729" s="424"/>
      <c r="UIU729" s="424"/>
      <c r="UIV729" s="424"/>
      <c r="UIW729" s="423" t="s">
        <v>2795</v>
      </c>
      <c r="UIX729" s="424"/>
      <c r="UIY729" s="424"/>
      <c r="UIZ729" s="424"/>
      <c r="UJA729" s="423" t="s">
        <v>2795</v>
      </c>
      <c r="UJB729" s="424"/>
      <c r="UJC729" s="424"/>
      <c r="UJD729" s="424"/>
      <c r="UJE729" s="423" t="s">
        <v>2795</v>
      </c>
      <c r="UJF729" s="424"/>
      <c r="UJG729" s="424"/>
      <c r="UJH729" s="424"/>
      <c r="UJI729" s="423" t="s">
        <v>2795</v>
      </c>
      <c r="UJJ729" s="424"/>
      <c r="UJK729" s="424"/>
      <c r="UJL729" s="424"/>
      <c r="UJM729" s="423" t="s">
        <v>2795</v>
      </c>
      <c r="UJN729" s="424"/>
      <c r="UJO729" s="424"/>
      <c r="UJP729" s="424"/>
      <c r="UJQ729" s="423" t="s">
        <v>2795</v>
      </c>
      <c r="UJR729" s="424"/>
      <c r="UJS729" s="424"/>
      <c r="UJT729" s="424"/>
      <c r="UJU729" s="423" t="s">
        <v>2795</v>
      </c>
      <c r="UJV729" s="424"/>
      <c r="UJW729" s="424"/>
      <c r="UJX729" s="424"/>
      <c r="UJY729" s="423" t="s">
        <v>2795</v>
      </c>
      <c r="UJZ729" s="424"/>
      <c r="UKA729" s="424"/>
      <c r="UKB729" s="424"/>
      <c r="UKC729" s="423" t="s">
        <v>2795</v>
      </c>
      <c r="UKD729" s="424"/>
      <c r="UKE729" s="424"/>
      <c r="UKF729" s="424"/>
      <c r="UKG729" s="423" t="s">
        <v>2795</v>
      </c>
      <c r="UKH729" s="424"/>
      <c r="UKI729" s="424"/>
      <c r="UKJ729" s="424"/>
      <c r="UKK729" s="423" t="s">
        <v>2795</v>
      </c>
      <c r="UKL729" s="424"/>
      <c r="UKM729" s="424"/>
      <c r="UKN729" s="424"/>
      <c r="UKO729" s="423" t="s">
        <v>2795</v>
      </c>
      <c r="UKP729" s="424"/>
      <c r="UKQ729" s="424"/>
      <c r="UKR729" s="424"/>
      <c r="UKS729" s="423" t="s">
        <v>2795</v>
      </c>
      <c r="UKT729" s="424"/>
      <c r="UKU729" s="424"/>
      <c r="UKV729" s="424"/>
      <c r="UKW729" s="423" t="s">
        <v>2795</v>
      </c>
      <c r="UKX729" s="424"/>
      <c r="UKY729" s="424"/>
      <c r="UKZ729" s="424"/>
      <c r="ULA729" s="423" t="s">
        <v>2795</v>
      </c>
      <c r="ULB729" s="424"/>
      <c r="ULC729" s="424"/>
      <c r="ULD729" s="424"/>
      <c r="ULE729" s="423" t="s">
        <v>2795</v>
      </c>
      <c r="ULF729" s="424"/>
      <c r="ULG729" s="424"/>
      <c r="ULH729" s="424"/>
      <c r="ULI729" s="423" t="s">
        <v>2795</v>
      </c>
      <c r="ULJ729" s="424"/>
      <c r="ULK729" s="424"/>
      <c r="ULL729" s="424"/>
      <c r="ULM729" s="423" t="s">
        <v>2795</v>
      </c>
      <c r="ULN729" s="424"/>
      <c r="ULO729" s="424"/>
      <c r="ULP729" s="424"/>
      <c r="ULQ729" s="423" t="s">
        <v>2795</v>
      </c>
      <c r="ULR729" s="424"/>
      <c r="ULS729" s="424"/>
      <c r="ULT729" s="424"/>
      <c r="ULU729" s="423" t="s">
        <v>2795</v>
      </c>
      <c r="ULV729" s="424"/>
      <c r="ULW729" s="424"/>
      <c r="ULX729" s="424"/>
      <c r="ULY729" s="423" t="s">
        <v>2795</v>
      </c>
      <c r="ULZ729" s="424"/>
      <c r="UMA729" s="424"/>
      <c r="UMB729" s="424"/>
      <c r="UMC729" s="423" t="s">
        <v>2795</v>
      </c>
      <c r="UMD729" s="424"/>
      <c r="UME729" s="424"/>
      <c r="UMF729" s="424"/>
      <c r="UMG729" s="423" t="s">
        <v>2795</v>
      </c>
      <c r="UMH729" s="424"/>
      <c r="UMI729" s="424"/>
      <c r="UMJ729" s="424"/>
      <c r="UMK729" s="423" t="s">
        <v>2795</v>
      </c>
      <c r="UML729" s="424"/>
      <c r="UMM729" s="424"/>
      <c r="UMN729" s="424"/>
      <c r="UMO729" s="423" t="s">
        <v>2795</v>
      </c>
      <c r="UMP729" s="424"/>
      <c r="UMQ729" s="424"/>
      <c r="UMR729" s="424"/>
      <c r="UMS729" s="423" t="s">
        <v>2795</v>
      </c>
      <c r="UMT729" s="424"/>
      <c r="UMU729" s="424"/>
      <c r="UMV729" s="424"/>
      <c r="UMW729" s="423" t="s">
        <v>2795</v>
      </c>
      <c r="UMX729" s="424"/>
      <c r="UMY729" s="424"/>
      <c r="UMZ729" s="424"/>
      <c r="UNA729" s="423" t="s">
        <v>2795</v>
      </c>
      <c r="UNB729" s="424"/>
      <c r="UNC729" s="424"/>
      <c r="UND729" s="424"/>
      <c r="UNE729" s="423" t="s">
        <v>2795</v>
      </c>
      <c r="UNF729" s="424"/>
      <c r="UNG729" s="424"/>
      <c r="UNH729" s="424"/>
      <c r="UNI729" s="423" t="s">
        <v>2795</v>
      </c>
      <c r="UNJ729" s="424"/>
      <c r="UNK729" s="424"/>
      <c r="UNL729" s="424"/>
      <c r="UNM729" s="423" t="s">
        <v>2795</v>
      </c>
      <c r="UNN729" s="424"/>
      <c r="UNO729" s="424"/>
      <c r="UNP729" s="424"/>
      <c r="UNQ729" s="423" t="s">
        <v>2795</v>
      </c>
      <c r="UNR729" s="424"/>
      <c r="UNS729" s="424"/>
      <c r="UNT729" s="424"/>
      <c r="UNU729" s="423" t="s">
        <v>2795</v>
      </c>
      <c r="UNV729" s="424"/>
      <c r="UNW729" s="424"/>
      <c r="UNX729" s="424"/>
      <c r="UNY729" s="423" t="s">
        <v>2795</v>
      </c>
      <c r="UNZ729" s="424"/>
      <c r="UOA729" s="424"/>
      <c r="UOB729" s="424"/>
      <c r="UOC729" s="423" t="s">
        <v>2795</v>
      </c>
      <c r="UOD729" s="424"/>
      <c r="UOE729" s="424"/>
      <c r="UOF729" s="424"/>
      <c r="UOG729" s="423" t="s">
        <v>2795</v>
      </c>
      <c r="UOH729" s="424"/>
      <c r="UOI729" s="424"/>
      <c r="UOJ729" s="424"/>
      <c r="UOK729" s="423" t="s">
        <v>2795</v>
      </c>
      <c r="UOL729" s="424"/>
      <c r="UOM729" s="424"/>
      <c r="UON729" s="424"/>
      <c r="UOO729" s="423" t="s">
        <v>2795</v>
      </c>
      <c r="UOP729" s="424"/>
      <c r="UOQ729" s="424"/>
      <c r="UOR729" s="424"/>
      <c r="UOS729" s="423" t="s">
        <v>2795</v>
      </c>
      <c r="UOT729" s="424"/>
      <c r="UOU729" s="424"/>
      <c r="UOV729" s="424"/>
      <c r="UOW729" s="423" t="s">
        <v>2795</v>
      </c>
      <c r="UOX729" s="424"/>
      <c r="UOY729" s="424"/>
      <c r="UOZ729" s="424"/>
      <c r="UPA729" s="423" t="s">
        <v>2795</v>
      </c>
      <c r="UPB729" s="424"/>
      <c r="UPC729" s="424"/>
      <c r="UPD729" s="424"/>
      <c r="UPE729" s="423" t="s">
        <v>2795</v>
      </c>
      <c r="UPF729" s="424"/>
      <c r="UPG729" s="424"/>
      <c r="UPH729" s="424"/>
      <c r="UPI729" s="423" t="s">
        <v>2795</v>
      </c>
      <c r="UPJ729" s="424"/>
      <c r="UPK729" s="424"/>
      <c r="UPL729" s="424"/>
      <c r="UPM729" s="423" t="s">
        <v>2795</v>
      </c>
      <c r="UPN729" s="424"/>
      <c r="UPO729" s="424"/>
      <c r="UPP729" s="424"/>
      <c r="UPQ729" s="423" t="s">
        <v>2795</v>
      </c>
      <c r="UPR729" s="424"/>
      <c r="UPS729" s="424"/>
      <c r="UPT729" s="424"/>
      <c r="UPU729" s="423" t="s">
        <v>2795</v>
      </c>
      <c r="UPV729" s="424"/>
      <c r="UPW729" s="424"/>
      <c r="UPX729" s="424"/>
      <c r="UPY729" s="423" t="s">
        <v>2795</v>
      </c>
      <c r="UPZ729" s="424"/>
      <c r="UQA729" s="424"/>
      <c r="UQB729" s="424"/>
      <c r="UQC729" s="423" t="s">
        <v>2795</v>
      </c>
      <c r="UQD729" s="424"/>
      <c r="UQE729" s="424"/>
      <c r="UQF729" s="424"/>
      <c r="UQG729" s="423" t="s">
        <v>2795</v>
      </c>
      <c r="UQH729" s="424"/>
      <c r="UQI729" s="424"/>
      <c r="UQJ729" s="424"/>
      <c r="UQK729" s="423" t="s">
        <v>2795</v>
      </c>
      <c r="UQL729" s="424"/>
      <c r="UQM729" s="424"/>
      <c r="UQN729" s="424"/>
      <c r="UQO729" s="423" t="s">
        <v>2795</v>
      </c>
      <c r="UQP729" s="424"/>
      <c r="UQQ729" s="424"/>
      <c r="UQR729" s="424"/>
      <c r="UQS729" s="423" t="s">
        <v>2795</v>
      </c>
      <c r="UQT729" s="424"/>
      <c r="UQU729" s="424"/>
      <c r="UQV729" s="424"/>
      <c r="UQW729" s="423" t="s">
        <v>2795</v>
      </c>
      <c r="UQX729" s="424"/>
      <c r="UQY729" s="424"/>
      <c r="UQZ729" s="424"/>
      <c r="URA729" s="423" t="s">
        <v>2795</v>
      </c>
      <c r="URB729" s="424"/>
      <c r="URC729" s="424"/>
      <c r="URD729" s="424"/>
      <c r="URE729" s="423" t="s">
        <v>2795</v>
      </c>
      <c r="URF729" s="424"/>
      <c r="URG729" s="424"/>
      <c r="URH729" s="424"/>
      <c r="URI729" s="423" t="s">
        <v>2795</v>
      </c>
      <c r="URJ729" s="424"/>
      <c r="URK729" s="424"/>
      <c r="URL729" s="424"/>
      <c r="URM729" s="423" t="s">
        <v>2795</v>
      </c>
      <c r="URN729" s="424"/>
      <c r="URO729" s="424"/>
      <c r="URP729" s="424"/>
      <c r="URQ729" s="423" t="s">
        <v>2795</v>
      </c>
      <c r="URR729" s="424"/>
      <c r="URS729" s="424"/>
      <c r="URT729" s="424"/>
      <c r="URU729" s="423" t="s">
        <v>2795</v>
      </c>
      <c r="URV729" s="424"/>
      <c r="URW729" s="424"/>
      <c r="URX729" s="424"/>
      <c r="URY729" s="423" t="s">
        <v>2795</v>
      </c>
      <c r="URZ729" s="424"/>
      <c r="USA729" s="424"/>
      <c r="USB729" s="424"/>
      <c r="USC729" s="423" t="s">
        <v>2795</v>
      </c>
      <c r="USD729" s="424"/>
      <c r="USE729" s="424"/>
      <c r="USF729" s="424"/>
      <c r="USG729" s="423" t="s">
        <v>2795</v>
      </c>
      <c r="USH729" s="424"/>
      <c r="USI729" s="424"/>
      <c r="USJ729" s="424"/>
      <c r="USK729" s="423" t="s">
        <v>2795</v>
      </c>
      <c r="USL729" s="424"/>
      <c r="USM729" s="424"/>
      <c r="USN729" s="424"/>
      <c r="USO729" s="423" t="s">
        <v>2795</v>
      </c>
      <c r="USP729" s="424"/>
      <c r="USQ729" s="424"/>
      <c r="USR729" s="424"/>
      <c r="USS729" s="423" t="s">
        <v>2795</v>
      </c>
      <c r="UST729" s="424"/>
      <c r="USU729" s="424"/>
      <c r="USV729" s="424"/>
      <c r="USW729" s="423" t="s">
        <v>2795</v>
      </c>
      <c r="USX729" s="424"/>
      <c r="USY729" s="424"/>
      <c r="USZ729" s="424"/>
      <c r="UTA729" s="423" t="s">
        <v>2795</v>
      </c>
      <c r="UTB729" s="424"/>
      <c r="UTC729" s="424"/>
      <c r="UTD729" s="424"/>
      <c r="UTE729" s="423" t="s">
        <v>2795</v>
      </c>
      <c r="UTF729" s="424"/>
      <c r="UTG729" s="424"/>
      <c r="UTH729" s="424"/>
      <c r="UTI729" s="423" t="s">
        <v>2795</v>
      </c>
      <c r="UTJ729" s="424"/>
      <c r="UTK729" s="424"/>
      <c r="UTL729" s="424"/>
      <c r="UTM729" s="423" t="s">
        <v>2795</v>
      </c>
      <c r="UTN729" s="424"/>
      <c r="UTO729" s="424"/>
      <c r="UTP729" s="424"/>
      <c r="UTQ729" s="423" t="s">
        <v>2795</v>
      </c>
      <c r="UTR729" s="424"/>
      <c r="UTS729" s="424"/>
      <c r="UTT729" s="424"/>
      <c r="UTU729" s="423" t="s">
        <v>2795</v>
      </c>
      <c r="UTV729" s="424"/>
      <c r="UTW729" s="424"/>
      <c r="UTX729" s="424"/>
      <c r="UTY729" s="423" t="s">
        <v>2795</v>
      </c>
      <c r="UTZ729" s="424"/>
      <c r="UUA729" s="424"/>
      <c r="UUB729" s="424"/>
      <c r="UUC729" s="423" t="s">
        <v>2795</v>
      </c>
      <c r="UUD729" s="424"/>
      <c r="UUE729" s="424"/>
      <c r="UUF729" s="424"/>
      <c r="UUG729" s="423" t="s">
        <v>2795</v>
      </c>
      <c r="UUH729" s="424"/>
      <c r="UUI729" s="424"/>
      <c r="UUJ729" s="424"/>
      <c r="UUK729" s="423" t="s">
        <v>2795</v>
      </c>
      <c r="UUL729" s="424"/>
      <c r="UUM729" s="424"/>
      <c r="UUN729" s="424"/>
      <c r="UUO729" s="423" t="s">
        <v>2795</v>
      </c>
      <c r="UUP729" s="424"/>
      <c r="UUQ729" s="424"/>
      <c r="UUR729" s="424"/>
      <c r="UUS729" s="423" t="s">
        <v>2795</v>
      </c>
      <c r="UUT729" s="424"/>
      <c r="UUU729" s="424"/>
      <c r="UUV729" s="424"/>
      <c r="UUW729" s="423" t="s">
        <v>2795</v>
      </c>
      <c r="UUX729" s="424"/>
      <c r="UUY729" s="424"/>
      <c r="UUZ729" s="424"/>
      <c r="UVA729" s="423" t="s">
        <v>2795</v>
      </c>
      <c r="UVB729" s="424"/>
      <c r="UVC729" s="424"/>
      <c r="UVD729" s="424"/>
      <c r="UVE729" s="423" t="s">
        <v>2795</v>
      </c>
      <c r="UVF729" s="424"/>
      <c r="UVG729" s="424"/>
      <c r="UVH729" s="424"/>
      <c r="UVI729" s="423" t="s">
        <v>2795</v>
      </c>
      <c r="UVJ729" s="424"/>
      <c r="UVK729" s="424"/>
      <c r="UVL729" s="424"/>
      <c r="UVM729" s="423" t="s">
        <v>2795</v>
      </c>
      <c r="UVN729" s="424"/>
      <c r="UVO729" s="424"/>
      <c r="UVP729" s="424"/>
      <c r="UVQ729" s="423" t="s">
        <v>2795</v>
      </c>
      <c r="UVR729" s="424"/>
      <c r="UVS729" s="424"/>
      <c r="UVT729" s="424"/>
      <c r="UVU729" s="423" t="s">
        <v>2795</v>
      </c>
      <c r="UVV729" s="424"/>
      <c r="UVW729" s="424"/>
      <c r="UVX729" s="424"/>
      <c r="UVY729" s="423" t="s">
        <v>2795</v>
      </c>
      <c r="UVZ729" s="424"/>
      <c r="UWA729" s="424"/>
      <c r="UWB729" s="424"/>
      <c r="UWC729" s="423" t="s">
        <v>2795</v>
      </c>
      <c r="UWD729" s="424"/>
      <c r="UWE729" s="424"/>
      <c r="UWF729" s="424"/>
      <c r="UWG729" s="423" t="s">
        <v>2795</v>
      </c>
      <c r="UWH729" s="424"/>
      <c r="UWI729" s="424"/>
      <c r="UWJ729" s="424"/>
      <c r="UWK729" s="423" t="s">
        <v>2795</v>
      </c>
      <c r="UWL729" s="424"/>
      <c r="UWM729" s="424"/>
      <c r="UWN729" s="424"/>
      <c r="UWO729" s="423" t="s">
        <v>2795</v>
      </c>
      <c r="UWP729" s="424"/>
      <c r="UWQ729" s="424"/>
      <c r="UWR729" s="424"/>
      <c r="UWS729" s="423" t="s">
        <v>2795</v>
      </c>
      <c r="UWT729" s="424"/>
      <c r="UWU729" s="424"/>
      <c r="UWV729" s="424"/>
      <c r="UWW729" s="423" t="s">
        <v>2795</v>
      </c>
      <c r="UWX729" s="424"/>
      <c r="UWY729" s="424"/>
      <c r="UWZ729" s="424"/>
      <c r="UXA729" s="423" t="s">
        <v>2795</v>
      </c>
      <c r="UXB729" s="424"/>
      <c r="UXC729" s="424"/>
      <c r="UXD729" s="424"/>
      <c r="UXE729" s="423" t="s">
        <v>2795</v>
      </c>
      <c r="UXF729" s="424"/>
      <c r="UXG729" s="424"/>
      <c r="UXH729" s="424"/>
      <c r="UXI729" s="423" t="s">
        <v>2795</v>
      </c>
      <c r="UXJ729" s="424"/>
      <c r="UXK729" s="424"/>
      <c r="UXL729" s="424"/>
      <c r="UXM729" s="423" t="s">
        <v>2795</v>
      </c>
      <c r="UXN729" s="424"/>
      <c r="UXO729" s="424"/>
      <c r="UXP729" s="424"/>
      <c r="UXQ729" s="423" t="s">
        <v>2795</v>
      </c>
      <c r="UXR729" s="424"/>
      <c r="UXS729" s="424"/>
      <c r="UXT729" s="424"/>
      <c r="UXU729" s="423" t="s">
        <v>2795</v>
      </c>
      <c r="UXV729" s="424"/>
      <c r="UXW729" s="424"/>
      <c r="UXX729" s="424"/>
      <c r="UXY729" s="423" t="s">
        <v>2795</v>
      </c>
      <c r="UXZ729" s="424"/>
      <c r="UYA729" s="424"/>
      <c r="UYB729" s="424"/>
      <c r="UYC729" s="423" t="s">
        <v>2795</v>
      </c>
      <c r="UYD729" s="424"/>
      <c r="UYE729" s="424"/>
      <c r="UYF729" s="424"/>
      <c r="UYG729" s="423" t="s">
        <v>2795</v>
      </c>
      <c r="UYH729" s="424"/>
      <c r="UYI729" s="424"/>
      <c r="UYJ729" s="424"/>
      <c r="UYK729" s="423" t="s">
        <v>2795</v>
      </c>
      <c r="UYL729" s="424"/>
      <c r="UYM729" s="424"/>
      <c r="UYN729" s="424"/>
      <c r="UYO729" s="423" t="s">
        <v>2795</v>
      </c>
      <c r="UYP729" s="424"/>
      <c r="UYQ729" s="424"/>
      <c r="UYR729" s="424"/>
      <c r="UYS729" s="423" t="s">
        <v>2795</v>
      </c>
      <c r="UYT729" s="424"/>
      <c r="UYU729" s="424"/>
      <c r="UYV729" s="424"/>
      <c r="UYW729" s="423" t="s">
        <v>2795</v>
      </c>
      <c r="UYX729" s="424"/>
      <c r="UYY729" s="424"/>
      <c r="UYZ729" s="424"/>
      <c r="UZA729" s="423" t="s">
        <v>2795</v>
      </c>
      <c r="UZB729" s="424"/>
      <c r="UZC729" s="424"/>
      <c r="UZD729" s="424"/>
      <c r="UZE729" s="423" t="s">
        <v>2795</v>
      </c>
      <c r="UZF729" s="424"/>
      <c r="UZG729" s="424"/>
      <c r="UZH729" s="424"/>
      <c r="UZI729" s="423" t="s">
        <v>2795</v>
      </c>
      <c r="UZJ729" s="424"/>
      <c r="UZK729" s="424"/>
      <c r="UZL729" s="424"/>
      <c r="UZM729" s="423" t="s">
        <v>2795</v>
      </c>
      <c r="UZN729" s="424"/>
      <c r="UZO729" s="424"/>
      <c r="UZP729" s="424"/>
      <c r="UZQ729" s="423" t="s">
        <v>2795</v>
      </c>
      <c r="UZR729" s="424"/>
      <c r="UZS729" s="424"/>
      <c r="UZT729" s="424"/>
      <c r="UZU729" s="423" t="s">
        <v>2795</v>
      </c>
      <c r="UZV729" s="424"/>
      <c r="UZW729" s="424"/>
      <c r="UZX729" s="424"/>
      <c r="UZY729" s="423" t="s">
        <v>2795</v>
      </c>
      <c r="UZZ729" s="424"/>
      <c r="VAA729" s="424"/>
      <c r="VAB729" s="424"/>
      <c r="VAC729" s="423" t="s">
        <v>2795</v>
      </c>
      <c r="VAD729" s="424"/>
      <c r="VAE729" s="424"/>
      <c r="VAF729" s="424"/>
      <c r="VAG729" s="423" t="s">
        <v>2795</v>
      </c>
      <c r="VAH729" s="424"/>
      <c r="VAI729" s="424"/>
      <c r="VAJ729" s="424"/>
      <c r="VAK729" s="423" t="s">
        <v>2795</v>
      </c>
      <c r="VAL729" s="424"/>
      <c r="VAM729" s="424"/>
      <c r="VAN729" s="424"/>
      <c r="VAO729" s="423" t="s">
        <v>2795</v>
      </c>
      <c r="VAP729" s="424"/>
      <c r="VAQ729" s="424"/>
      <c r="VAR729" s="424"/>
      <c r="VAS729" s="423" t="s">
        <v>2795</v>
      </c>
      <c r="VAT729" s="424"/>
      <c r="VAU729" s="424"/>
      <c r="VAV729" s="424"/>
      <c r="VAW729" s="423" t="s">
        <v>2795</v>
      </c>
      <c r="VAX729" s="424"/>
      <c r="VAY729" s="424"/>
      <c r="VAZ729" s="424"/>
      <c r="VBA729" s="423" t="s">
        <v>2795</v>
      </c>
      <c r="VBB729" s="424"/>
      <c r="VBC729" s="424"/>
      <c r="VBD729" s="424"/>
      <c r="VBE729" s="423" t="s">
        <v>2795</v>
      </c>
      <c r="VBF729" s="424"/>
      <c r="VBG729" s="424"/>
      <c r="VBH729" s="424"/>
      <c r="VBI729" s="423" t="s">
        <v>2795</v>
      </c>
      <c r="VBJ729" s="424"/>
      <c r="VBK729" s="424"/>
      <c r="VBL729" s="424"/>
      <c r="VBM729" s="423" t="s">
        <v>2795</v>
      </c>
      <c r="VBN729" s="424"/>
      <c r="VBO729" s="424"/>
      <c r="VBP729" s="424"/>
      <c r="VBQ729" s="423" t="s">
        <v>2795</v>
      </c>
      <c r="VBR729" s="424"/>
      <c r="VBS729" s="424"/>
      <c r="VBT729" s="424"/>
      <c r="VBU729" s="423" t="s">
        <v>2795</v>
      </c>
      <c r="VBV729" s="424"/>
      <c r="VBW729" s="424"/>
      <c r="VBX729" s="424"/>
      <c r="VBY729" s="423" t="s">
        <v>2795</v>
      </c>
      <c r="VBZ729" s="424"/>
      <c r="VCA729" s="424"/>
      <c r="VCB729" s="424"/>
      <c r="VCC729" s="423" t="s">
        <v>2795</v>
      </c>
      <c r="VCD729" s="424"/>
      <c r="VCE729" s="424"/>
      <c r="VCF729" s="424"/>
      <c r="VCG729" s="423" t="s">
        <v>2795</v>
      </c>
      <c r="VCH729" s="424"/>
      <c r="VCI729" s="424"/>
      <c r="VCJ729" s="424"/>
      <c r="VCK729" s="423" t="s">
        <v>2795</v>
      </c>
      <c r="VCL729" s="424"/>
      <c r="VCM729" s="424"/>
      <c r="VCN729" s="424"/>
      <c r="VCO729" s="423" t="s">
        <v>2795</v>
      </c>
      <c r="VCP729" s="424"/>
      <c r="VCQ729" s="424"/>
      <c r="VCR729" s="424"/>
      <c r="VCS729" s="423" t="s">
        <v>2795</v>
      </c>
      <c r="VCT729" s="424"/>
      <c r="VCU729" s="424"/>
      <c r="VCV729" s="424"/>
      <c r="VCW729" s="423" t="s">
        <v>2795</v>
      </c>
      <c r="VCX729" s="424"/>
      <c r="VCY729" s="424"/>
      <c r="VCZ729" s="424"/>
      <c r="VDA729" s="423" t="s">
        <v>2795</v>
      </c>
      <c r="VDB729" s="424"/>
      <c r="VDC729" s="424"/>
      <c r="VDD729" s="424"/>
      <c r="VDE729" s="423" t="s">
        <v>2795</v>
      </c>
      <c r="VDF729" s="424"/>
      <c r="VDG729" s="424"/>
      <c r="VDH729" s="424"/>
      <c r="VDI729" s="423" t="s">
        <v>2795</v>
      </c>
      <c r="VDJ729" s="424"/>
      <c r="VDK729" s="424"/>
      <c r="VDL729" s="424"/>
      <c r="VDM729" s="423" t="s">
        <v>2795</v>
      </c>
      <c r="VDN729" s="424"/>
      <c r="VDO729" s="424"/>
      <c r="VDP729" s="424"/>
      <c r="VDQ729" s="423" t="s">
        <v>2795</v>
      </c>
      <c r="VDR729" s="424"/>
      <c r="VDS729" s="424"/>
      <c r="VDT729" s="424"/>
      <c r="VDU729" s="423" t="s">
        <v>2795</v>
      </c>
      <c r="VDV729" s="424"/>
      <c r="VDW729" s="424"/>
      <c r="VDX729" s="424"/>
      <c r="VDY729" s="423" t="s">
        <v>2795</v>
      </c>
      <c r="VDZ729" s="424"/>
      <c r="VEA729" s="424"/>
      <c r="VEB729" s="424"/>
      <c r="VEC729" s="423" t="s">
        <v>2795</v>
      </c>
      <c r="VED729" s="424"/>
      <c r="VEE729" s="424"/>
      <c r="VEF729" s="424"/>
      <c r="VEG729" s="423" t="s">
        <v>2795</v>
      </c>
      <c r="VEH729" s="424"/>
      <c r="VEI729" s="424"/>
      <c r="VEJ729" s="424"/>
      <c r="VEK729" s="423" t="s">
        <v>2795</v>
      </c>
      <c r="VEL729" s="424"/>
      <c r="VEM729" s="424"/>
      <c r="VEN729" s="424"/>
      <c r="VEO729" s="423" t="s">
        <v>2795</v>
      </c>
      <c r="VEP729" s="424"/>
      <c r="VEQ729" s="424"/>
      <c r="VER729" s="424"/>
      <c r="VES729" s="423" t="s">
        <v>2795</v>
      </c>
      <c r="VET729" s="424"/>
      <c r="VEU729" s="424"/>
      <c r="VEV729" s="424"/>
      <c r="VEW729" s="423" t="s">
        <v>2795</v>
      </c>
      <c r="VEX729" s="424"/>
      <c r="VEY729" s="424"/>
      <c r="VEZ729" s="424"/>
      <c r="VFA729" s="423" t="s">
        <v>2795</v>
      </c>
      <c r="VFB729" s="424"/>
      <c r="VFC729" s="424"/>
      <c r="VFD729" s="424"/>
      <c r="VFE729" s="423" t="s">
        <v>2795</v>
      </c>
      <c r="VFF729" s="424"/>
      <c r="VFG729" s="424"/>
      <c r="VFH729" s="424"/>
      <c r="VFI729" s="423" t="s">
        <v>2795</v>
      </c>
      <c r="VFJ729" s="424"/>
      <c r="VFK729" s="424"/>
      <c r="VFL729" s="424"/>
      <c r="VFM729" s="423" t="s">
        <v>2795</v>
      </c>
      <c r="VFN729" s="424"/>
      <c r="VFO729" s="424"/>
      <c r="VFP729" s="424"/>
      <c r="VFQ729" s="423" t="s">
        <v>2795</v>
      </c>
      <c r="VFR729" s="424"/>
      <c r="VFS729" s="424"/>
      <c r="VFT729" s="424"/>
      <c r="VFU729" s="423" t="s">
        <v>2795</v>
      </c>
      <c r="VFV729" s="424"/>
      <c r="VFW729" s="424"/>
      <c r="VFX729" s="424"/>
      <c r="VFY729" s="423" t="s">
        <v>2795</v>
      </c>
      <c r="VFZ729" s="424"/>
      <c r="VGA729" s="424"/>
      <c r="VGB729" s="424"/>
      <c r="VGC729" s="423" t="s">
        <v>2795</v>
      </c>
      <c r="VGD729" s="424"/>
      <c r="VGE729" s="424"/>
      <c r="VGF729" s="424"/>
      <c r="VGG729" s="423" t="s">
        <v>2795</v>
      </c>
      <c r="VGH729" s="424"/>
      <c r="VGI729" s="424"/>
      <c r="VGJ729" s="424"/>
      <c r="VGK729" s="423" t="s">
        <v>2795</v>
      </c>
      <c r="VGL729" s="424"/>
      <c r="VGM729" s="424"/>
      <c r="VGN729" s="424"/>
      <c r="VGO729" s="423" t="s">
        <v>2795</v>
      </c>
      <c r="VGP729" s="424"/>
      <c r="VGQ729" s="424"/>
      <c r="VGR729" s="424"/>
      <c r="VGS729" s="423" t="s">
        <v>2795</v>
      </c>
      <c r="VGT729" s="424"/>
      <c r="VGU729" s="424"/>
      <c r="VGV729" s="424"/>
      <c r="VGW729" s="423" t="s">
        <v>2795</v>
      </c>
      <c r="VGX729" s="424"/>
      <c r="VGY729" s="424"/>
      <c r="VGZ729" s="424"/>
      <c r="VHA729" s="423" t="s">
        <v>2795</v>
      </c>
      <c r="VHB729" s="424"/>
      <c r="VHC729" s="424"/>
      <c r="VHD729" s="424"/>
      <c r="VHE729" s="423" t="s">
        <v>2795</v>
      </c>
      <c r="VHF729" s="424"/>
      <c r="VHG729" s="424"/>
      <c r="VHH729" s="424"/>
      <c r="VHI729" s="423" t="s">
        <v>2795</v>
      </c>
      <c r="VHJ729" s="424"/>
      <c r="VHK729" s="424"/>
      <c r="VHL729" s="424"/>
      <c r="VHM729" s="423" t="s">
        <v>2795</v>
      </c>
      <c r="VHN729" s="424"/>
      <c r="VHO729" s="424"/>
      <c r="VHP729" s="424"/>
      <c r="VHQ729" s="423" t="s">
        <v>2795</v>
      </c>
      <c r="VHR729" s="424"/>
      <c r="VHS729" s="424"/>
      <c r="VHT729" s="424"/>
      <c r="VHU729" s="423" t="s">
        <v>2795</v>
      </c>
      <c r="VHV729" s="424"/>
      <c r="VHW729" s="424"/>
      <c r="VHX729" s="424"/>
      <c r="VHY729" s="423" t="s">
        <v>2795</v>
      </c>
      <c r="VHZ729" s="424"/>
      <c r="VIA729" s="424"/>
      <c r="VIB729" s="424"/>
      <c r="VIC729" s="423" t="s">
        <v>2795</v>
      </c>
      <c r="VID729" s="424"/>
      <c r="VIE729" s="424"/>
      <c r="VIF729" s="424"/>
      <c r="VIG729" s="423" t="s">
        <v>2795</v>
      </c>
      <c r="VIH729" s="424"/>
      <c r="VII729" s="424"/>
      <c r="VIJ729" s="424"/>
      <c r="VIK729" s="423" t="s">
        <v>2795</v>
      </c>
      <c r="VIL729" s="424"/>
      <c r="VIM729" s="424"/>
      <c r="VIN729" s="424"/>
      <c r="VIO729" s="423" t="s">
        <v>2795</v>
      </c>
      <c r="VIP729" s="424"/>
      <c r="VIQ729" s="424"/>
      <c r="VIR729" s="424"/>
      <c r="VIS729" s="423" t="s">
        <v>2795</v>
      </c>
      <c r="VIT729" s="424"/>
      <c r="VIU729" s="424"/>
      <c r="VIV729" s="424"/>
      <c r="VIW729" s="423" t="s">
        <v>2795</v>
      </c>
      <c r="VIX729" s="424"/>
      <c r="VIY729" s="424"/>
      <c r="VIZ729" s="424"/>
      <c r="VJA729" s="423" t="s">
        <v>2795</v>
      </c>
      <c r="VJB729" s="424"/>
      <c r="VJC729" s="424"/>
      <c r="VJD729" s="424"/>
      <c r="VJE729" s="423" t="s">
        <v>2795</v>
      </c>
      <c r="VJF729" s="424"/>
      <c r="VJG729" s="424"/>
      <c r="VJH729" s="424"/>
      <c r="VJI729" s="423" t="s">
        <v>2795</v>
      </c>
      <c r="VJJ729" s="424"/>
      <c r="VJK729" s="424"/>
      <c r="VJL729" s="424"/>
      <c r="VJM729" s="423" t="s">
        <v>2795</v>
      </c>
      <c r="VJN729" s="424"/>
      <c r="VJO729" s="424"/>
      <c r="VJP729" s="424"/>
      <c r="VJQ729" s="423" t="s">
        <v>2795</v>
      </c>
      <c r="VJR729" s="424"/>
      <c r="VJS729" s="424"/>
      <c r="VJT729" s="424"/>
      <c r="VJU729" s="423" t="s">
        <v>2795</v>
      </c>
      <c r="VJV729" s="424"/>
      <c r="VJW729" s="424"/>
      <c r="VJX729" s="424"/>
      <c r="VJY729" s="423" t="s">
        <v>2795</v>
      </c>
      <c r="VJZ729" s="424"/>
      <c r="VKA729" s="424"/>
      <c r="VKB729" s="424"/>
      <c r="VKC729" s="423" t="s">
        <v>2795</v>
      </c>
      <c r="VKD729" s="424"/>
      <c r="VKE729" s="424"/>
      <c r="VKF729" s="424"/>
      <c r="VKG729" s="423" t="s">
        <v>2795</v>
      </c>
      <c r="VKH729" s="424"/>
      <c r="VKI729" s="424"/>
      <c r="VKJ729" s="424"/>
      <c r="VKK729" s="423" t="s">
        <v>2795</v>
      </c>
      <c r="VKL729" s="424"/>
      <c r="VKM729" s="424"/>
      <c r="VKN729" s="424"/>
      <c r="VKO729" s="423" t="s">
        <v>2795</v>
      </c>
      <c r="VKP729" s="424"/>
      <c r="VKQ729" s="424"/>
      <c r="VKR729" s="424"/>
      <c r="VKS729" s="423" t="s">
        <v>2795</v>
      </c>
      <c r="VKT729" s="424"/>
      <c r="VKU729" s="424"/>
      <c r="VKV729" s="424"/>
      <c r="VKW729" s="423" t="s">
        <v>2795</v>
      </c>
      <c r="VKX729" s="424"/>
      <c r="VKY729" s="424"/>
      <c r="VKZ729" s="424"/>
      <c r="VLA729" s="423" t="s">
        <v>2795</v>
      </c>
      <c r="VLB729" s="424"/>
      <c r="VLC729" s="424"/>
      <c r="VLD729" s="424"/>
      <c r="VLE729" s="423" t="s">
        <v>2795</v>
      </c>
      <c r="VLF729" s="424"/>
      <c r="VLG729" s="424"/>
      <c r="VLH729" s="424"/>
      <c r="VLI729" s="423" t="s">
        <v>2795</v>
      </c>
      <c r="VLJ729" s="424"/>
      <c r="VLK729" s="424"/>
      <c r="VLL729" s="424"/>
      <c r="VLM729" s="423" t="s">
        <v>2795</v>
      </c>
      <c r="VLN729" s="424"/>
      <c r="VLO729" s="424"/>
      <c r="VLP729" s="424"/>
      <c r="VLQ729" s="423" t="s">
        <v>2795</v>
      </c>
      <c r="VLR729" s="424"/>
      <c r="VLS729" s="424"/>
      <c r="VLT729" s="424"/>
      <c r="VLU729" s="423" t="s">
        <v>2795</v>
      </c>
      <c r="VLV729" s="424"/>
      <c r="VLW729" s="424"/>
      <c r="VLX729" s="424"/>
      <c r="VLY729" s="423" t="s">
        <v>2795</v>
      </c>
      <c r="VLZ729" s="424"/>
      <c r="VMA729" s="424"/>
      <c r="VMB729" s="424"/>
      <c r="VMC729" s="423" t="s">
        <v>2795</v>
      </c>
      <c r="VMD729" s="424"/>
      <c r="VME729" s="424"/>
      <c r="VMF729" s="424"/>
      <c r="VMG729" s="423" t="s">
        <v>2795</v>
      </c>
      <c r="VMH729" s="424"/>
      <c r="VMI729" s="424"/>
      <c r="VMJ729" s="424"/>
      <c r="VMK729" s="423" t="s">
        <v>2795</v>
      </c>
      <c r="VML729" s="424"/>
      <c r="VMM729" s="424"/>
      <c r="VMN729" s="424"/>
      <c r="VMO729" s="423" t="s">
        <v>2795</v>
      </c>
      <c r="VMP729" s="424"/>
      <c r="VMQ729" s="424"/>
      <c r="VMR729" s="424"/>
      <c r="VMS729" s="423" t="s">
        <v>2795</v>
      </c>
      <c r="VMT729" s="424"/>
      <c r="VMU729" s="424"/>
      <c r="VMV729" s="424"/>
      <c r="VMW729" s="423" t="s">
        <v>2795</v>
      </c>
      <c r="VMX729" s="424"/>
      <c r="VMY729" s="424"/>
      <c r="VMZ729" s="424"/>
      <c r="VNA729" s="423" t="s">
        <v>2795</v>
      </c>
      <c r="VNB729" s="424"/>
      <c r="VNC729" s="424"/>
      <c r="VND729" s="424"/>
      <c r="VNE729" s="423" t="s">
        <v>2795</v>
      </c>
      <c r="VNF729" s="424"/>
      <c r="VNG729" s="424"/>
      <c r="VNH729" s="424"/>
      <c r="VNI729" s="423" t="s">
        <v>2795</v>
      </c>
      <c r="VNJ729" s="424"/>
      <c r="VNK729" s="424"/>
      <c r="VNL729" s="424"/>
      <c r="VNM729" s="423" t="s">
        <v>2795</v>
      </c>
      <c r="VNN729" s="424"/>
      <c r="VNO729" s="424"/>
      <c r="VNP729" s="424"/>
      <c r="VNQ729" s="423" t="s">
        <v>2795</v>
      </c>
      <c r="VNR729" s="424"/>
      <c r="VNS729" s="424"/>
      <c r="VNT729" s="424"/>
      <c r="VNU729" s="423" t="s">
        <v>2795</v>
      </c>
      <c r="VNV729" s="424"/>
      <c r="VNW729" s="424"/>
      <c r="VNX729" s="424"/>
      <c r="VNY729" s="423" t="s">
        <v>2795</v>
      </c>
      <c r="VNZ729" s="424"/>
      <c r="VOA729" s="424"/>
      <c r="VOB729" s="424"/>
      <c r="VOC729" s="423" t="s">
        <v>2795</v>
      </c>
      <c r="VOD729" s="424"/>
      <c r="VOE729" s="424"/>
      <c r="VOF729" s="424"/>
      <c r="VOG729" s="423" t="s">
        <v>2795</v>
      </c>
      <c r="VOH729" s="424"/>
      <c r="VOI729" s="424"/>
      <c r="VOJ729" s="424"/>
      <c r="VOK729" s="423" t="s">
        <v>2795</v>
      </c>
      <c r="VOL729" s="424"/>
      <c r="VOM729" s="424"/>
      <c r="VON729" s="424"/>
      <c r="VOO729" s="423" t="s">
        <v>2795</v>
      </c>
      <c r="VOP729" s="424"/>
      <c r="VOQ729" s="424"/>
      <c r="VOR729" s="424"/>
      <c r="VOS729" s="423" t="s">
        <v>2795</v>
      </c>
      <c r="VOT729" s="424"/>
      <c r="VOU729" s="424"/>
      <c r="VOV729" s="424"/>
      <c r="VOW729" s="423" t="s">
        <v>2795</v>
      </c>
      <c r="VOX729" s="424"/>
      <c r="VOY729" s="424"/>
      <c r="VOZ729" s="424"/>
      <c r="VPA729" s="423" t="s">
        <v>2795</v>
      </c>
      <c r="VPB729" s="424"/>
      <c r="VPC729" s="424"/>
      <c r="VPD729" s="424"/>
      <c r="VPE729" s="423" t="s">
        <v>2795</v>
      </c>
      <c r="VPF729" s="424"/>
      <c r="VPG729" s="424"/>
      <c r="VPH729" s="424"/>
      <c r="VPI729" s="423" t="s">
        <v>2795</v>
      </c>
      <c r="VPJ729" s="424"/>
      <c r="VPK729" s="424"/>
      <c r="VPL729" s="424"/>
      <c r="VPM729" s="423" t="s">
        <v>2795</v>
      </c>
      <c r="VPN729" s="424"/>
      <c r="VPO729" s="424"/>
      <c r="VPP729" s="424"/>
      <c r="VPQ729" s="423" t="s">
        <v>2795</v>
      </c>
      <c r="VPR729" s="424"/>
      <c r="VPS729" s="424"/>
      <c r="VPT729" s="424"/>
      <c r="VPU729" s="423" t="s">
        <v>2795</v>
      </c>
      <c r="VPV729" s="424"/>
      <c r="VPW729" s="424"/>
      <c r="VPX729" s="424"/>
      <c r="VPY729" s="423" t="s">
        <v>2795</v>
      </c>
      <c r="VPZ729" s="424"/>
      <c r="VQA729" s="424"/>
      <c r="VQB729" s="424"/>
      <c r="VQC729" s="423" t="s">
        <v>2795</v>
      </c>
      <c r="VQD729" s="424"/>
      <c r="VQE729" s="424"/>
      <c r="VQF729" s="424"/>
      <c r="VQG729" s="423" t="s">
        <v>2795</v>
      </c>
      <c r="VQH729" s="424"/>
      <c r="VQI729" s="424"/>
      <c r="VQJ729" s="424"/>
      <c r="VQK729" s="423" t="s">
        <v>2795</v>
      </c>
      <c r="VQL729" s="424"/>
      <c r="VQM729" s="424"/>
      <c r="VQN729" s="424"/>
      <c r="VQO729" s="423" t="s">
        <v>2795</v>
      </c>
      <c r="VQP729" s="424"/>
      <c r="VQQ729" s="424"/>
      <c r="VQR729" s="424"/>
      <c r="VQS729" s="423" t="s">
        <v>2795</v>
      </c>
      <c r="VQT729" s="424"/>
      <c r="VQU729" s="424"/>
      <c r="VQV729" s="424"/>
      <c r="VQW729" s="423" t="s">
        <v>2795</v>
      </c>
      <c r="VQX729" s="424"/>
      <c r="VQY729" s="424"/>
      <c r="VQZ729" s="424"/>
      <c r="VRA729" s="423" t="s">
        <v>2795</v>
      </c>
      <c r="VRB729" s="424"/>
      <c r="VRC729" s="424"/>
      <c r="VRD729" s="424"/>
      <c r="VRE729" s="423" t="s">
        <v>2795</v>
      </c>
      <c r="VRF729" s="424"/>
      <c r="VRG729" s="424"/>
      <c r="VRH729" s="424"/>
      <c r="VRI729" s="423" t="s">
        <v>2795</v>
      </c>
      <c r="VRJ729" s="424"/>
      <c r="VRK729" s="424"/>
      <c r="VRL729" s="424"/>
      <c r="VRM729" s="423" t="s">
        <v>2795</v>
      </c>
      <c r="VRN729" s="424"/>
      <c r="VRO729" s="424"/>
      <c r="VRP729" s="424"/>
      <c r="VRQ729" s="423" t="s">
        <v>2795</v>
      </c>
      <c r="VRR729" s="424"/>
      <c r="VRS729" s="424"/>
      <c r="VRT729" s="424"/>
      <c r="VRU729" s="423" t="s">
        <v>2795</v>
      </c>
      <c r="VRV729" s="424"/>
      <c r="VRW729" s="424"/>
      <c r="VRX729" s="424"/>
      <c r="VRY729" s="423" t="s">
        <v>2795</v>
      </c>
      <c r="VRZ729" s="424"/>
      <c r="VSA729" s="424"/>
      <c r="VSB729" s="424"/>
      <c r="VSC729" s="423" t="s">
        <v>2795</v>
      </c>
      <c r="VSD729" s="424"/>
      <c r="VSE729" s="424"/>
      <c r="VSF729" s="424"/>
      <c r="VSG729" s="423" t="s">
        <v>2795</v>
      </c>
      <c r="VSH729" s="424"/>
      <c r="VSI729" s="424"/>
      <c r="VSJ729" s="424"/>
      <c r="VSK729" s="423" t="s">
        <v>2795</v>
      </c>
      <c r="VSL729" s="424"/>
      <c r="VSM729" s="424"/>
      <c r="VSN729" s="424"/>
      <c r="VSO729" s="423" t="s">
        <v>2795</v>
      </c>
      <c r="VSP729" s="424"/>
      <c r="VSQ729" s="424"/>
      <c r="VSR729" s="424"/>
      <c r="VSS729" s="423" t="s">
        <v>2795</v>
      </c>
      <c r="VST729" s="424"/>
      <c r="VSU729" s="424"/>
      <c r="VSV729" s="424"/>
      <c r="VSW729" s="423" t="s">
        <v>2795</v>
      </c>
      <c r="VSX729" s="424"/>
      <c r="VSY729" s="424"/>
      <c r="VSZ729" s="424"/>
      <c r="VTA729" s="423" t="s">
        <v>2795</v>
      </c>
      <c r="VTB729" s="424"/>
      <c r="VTC729" s="424"/>
      <c r="VTD729" s="424"/>
      <c r="VTE729" s="423" t="s">
        <v>2795</v>
      </c>
      <c r="VTF729" s="424"/>
      <c r="VTG729" s="424"/>
      <c r="VTH729" s="424"/>
      <c r="VTI729" s="423" t="s">
        <v>2795</v>
      </c>
      <c r="VTJ729" s="424"/>
      <c r="VTK729" s="424"/>
      <c r="VTL729" s="424"/>
      <c r="VTM729" s="423" t="s">
        <v>2795</v>
      </c>
      <c r="VTN729" s="424"/>
      <c r="VTO729" s="424"/>
      <c r="VTP729" s="424"/>
      <c r="VTQ729" s="423" t="s">
        <v>2795</v>
      </c>
      <c r="VTR729" s="424"/>
      <c r="VTS729" s="424"/>
      <c r="VTT729" s="424"/>
      <c r="VTU729" s="423" t="s">
        <v>2795</v>
      </c>
      <c r="VTV729" s="424"/>
      <c r="VTW729" s="424"/>
      <c r="VTX729" s="424"/>
      <c r="VTY729" s="423" t="s">
        <v>2795</v>
      </c>
      <c r="VTZ729" s="424"/>
      <c r="VUA729" s="424"/>
      <c r="VUB729" s="424"/>
      <c r="VUC729" s="423" t="s">
        <v>2795</v>
      </c>
      <c r="VUD729" s="424"/>
      <c r="VUE729" s="424"/>
      <c r="VUF729" s="424"/>
      <c r="VUG729" s="423" t="s">
        <v>2795</v>
      </c>
      <c r="VUH729" s="424"/>
      <c r="VUI729" s="424"/>
      <c r="VUJ729" s="424"/>
      <c r="VUK729" s="423" t="s">
        <v>2795</v>
      </c>
      <c r="VUL729" s="424"/>
      <c r="VUM729" s="424"/>
      <c r="VUN729" s="424"/>
      <c r="VUO729" s="423" t="s">
        <v>2795</v>
      </c>
      <c r="VUP729" s="424"/>
      <c r="VUQ729" s="424"/>
      <c r="VUR729" s="424"/>
      <c r="VUS729" s="423" t="s">
        <v>2795</v>
      </c>
      <c r="VUT729" s="424"/>
      <c r="VUU729" s="424"/>
      <c r="VUV729" s="424"/>
      <c r="VUW729" s="423" t="s">
        <v>2795</v>
      </c>
      <c r="VUX729" s="424"/>
      <c r="VUY729" s="424"/>
      <c r="VUZ729" s="424"/>
      <c r="VVA729" s="423" t="s">
        <v>2795</v>
      </c>
      <c r="VVB729" s="424"/>
      <c r="VVC729" s="424"/>
      <c r="VVD729" s="424"/>
      <c r="VVE729" s="423" t="s">
        <v>2795</v>
      </c>
      <c r="VVF729" s="424"/>
      <c r="VVG729" s="424"/>
      <c r="VVH729" s="424"/>
      <c r="VVI729" s="423" t="s">
        <v>2795</v>
      </c>
      <c r="VVJ729" s="424"/>
      <c r="VVK729" s="424"/>
      <c r="VVL729" s="424"/>
      <c r="VVM729" s="423" t="s">
        <v>2795</v>
      </c>
      <c r="VVN729" s="424"/>
      <c r="VVO729" s="424"/>
      <c r="VVP729" s="424"/>
      <c r="VVQ729" s="423" t="s">
        <v>2795</v>
      </c>
      <c r="VVR729" s="424"/>
      <c r="VVS729" s="424"/>
      <c r="VVT729" s="424"/>
      <c r="VVU729" s="423" t="s">
        <v>2795</v>
      </c>
      <c r="VVV729" s="424"/>
      <c r="VVW729" s="424"/>
      <c r="VVX729" s="424"/>
      <c r="VVY729" s="423" t="s">
        <v>2795</v>
      </c>
      <c r="VVZ729" s="424"/>
      <c r="VWA729" s="424"/>
      <c r="VWB729" s="424"/>
      <c r="VWC729" s="423" t="s">
        <v>2795</v>
      </c>
      <c r="VWD729" s="424"/>
      <c r="VWE729" s="424"/>
      <c r="VWF729" s="424"/>
      <c r="VWG729" s="423" t="s">
        <v>2795</v>
      </c>
      <c r="VWH729" s="424"/>
      <c r="VWI729" s="424"/>
      <c r="VWJ729" s="424"/>
      <c r="VWK729" s="423" t="s">
        <v>2795</v>
      </c>
      <c r="VWL729" s="424"/>
      <c r="VWM729" s="424"/>
      <c r="VWN729" s="424"/>
      <c r="VWO729" s="423" t="s">
        <v>2795</v>
      </c>
      <c r="VWP729" s="424"/>
      <c r="VWQ729" s="424"/>
      <c r="VWR729" s="424"/>
      <c r="VWS729" s="423" t="s">
        <v>2795</v>
      </c>
      <c r="VWT729" s="424"/>
      <c r="VWU729" s="424"/>
      <c r="VWV729" s="424"/>
      <c r="VWW729" s="423" t="s">
        <v>2795</v>
      </c>
      <c r="VWX729" s="424"/>
      <c r="VWY729" s="424"/>
      <c r="VWZ729" s="424"/>
      <c r="VXA729" s="423" t="s">
        <v>2795</v>
      </c>
      <c r="VXB729" s="424"/>
      <c r="VXC729" s="424"/>
      <c r="VXD729" s="424"/>
      <c r="VXE729" s="423" t="s">
        <v>2795</v>
      </c>
      <c r="VXF729" s="424"/>
      <c r="VXG729" s="424"/>
      <c r="VXH729" s="424"/>
      <c r="VXI729" s="423" t="s">
        <v>2795</v>
      </c>
      <c r="VXJ729" s="424"/>
      <c r="VXK729" s="424"/>
      <c r="VXL729" s="424"/>
      <c r="VXM729" s="423" t="s">
        <v>2795</v>
      </c>
      <c r="VXN729" s="424"/>
      <c r="VXO729" s="424"/>
      <c r="VXP729" s="424"/>
      <c r="VXQ729" s="423" t="s">
        <v>2795</v>
      </c>
      <c r="VXR729" s="424"/>
      <c r="VXS729" s="424"/>
      <c r="VXT729" s="424"/>
      <c r="VXU729" s="423" t="s">
        <v>2795</v>
      </c>
      <c r="VXV729" s="424"/>
      <c r="VXW729" s="424"/>
      <c r="VXX729" s="424"/>
      <c r="VXY729" s="423" t="s">
        <v>2795</v>
      </c>
      <c r="VXZ729" s="424"/>
      <c r="VYA729" s="424"/>
      <c r="VYB729" s="424"/>
      <c r="VYC729" s="423" t="s">
        <v>2795</v>
      </c>
      <c r="VYD729" s="424"/>
      <c r="VYE729" s="424"/>
      <c r="VYF729" s="424"/>
      <c r="VYG729" s="423" t="s">
        <v>2795</v>
      </c>
      <c r="VYH729" s="424"/>
      <c r="VYI729" s="424"/>
      <c r="VYJ729" s="424"/>
      <c r="VYK729" s="423" t="s">
        <v>2795</v>
      </c>
      <c r="VYL729" s="424"/>
      <c r="VYM729" s="424"/>
      <c r="VYN729" s="424"/>
      <c r="VYO729" s="423" t="s">
        <v>2795</v>
      </c>
      <c r="VYP729" s="424"/>
      <c r="VYQ729" s="424"/>
      <c r="VYR729" s="424"/>
      <c r="VYS729" s="423" t="s">
        <v>2795</v>
      </c>
      <c r="VYT729" s="424"/>
      <c r="VYU729" s="424"/>
      <c r="VYV729" s="424"/>
      <c r="VYW729" s="423" t="s">
        <v>2795</v>
      </c>
      <c r="VYX729" s="424"/>
      <c r="VYY729" s="424"/>
      <c r="VYZ729" s="424"/>
      <c r="VZA729" s="423" t="s">
        <v>2795</v>
      </c>
      <c r="VZB729" s="424"/>
      <c r="VZC729" s="424"/>
      <c r="VZD729" s="424"/>
      <c r="VZE729" s="423" t="s">
        <v>2795</v>
      </c>
      <c r="VZF729" s="424"/>
      <c r="VZG729" s="424"/>
      <c r="VZH729" s="424"/>
      <c r="VZI729" s="423" t="s">
        <v>2795</v>
      </c>
      <c r="VZJ729" s="424"/>
      <c r="VZK729" s="424"/>
      <c r="VZL729" s="424"/>
      <c r="VZM729" s="423" t="s">
        <v>2795</v>
      </c>
      <c r="VZN729" s="424"/>
      <c r="VZO729" s="424"/>
      <c r="VZP729" s="424"/>
      <c r="VZQ729" s="423" t="s">
        <v>2795</v>
      </c>
      <c r="VZR729" s="424"/>
      <c r="VZS729" s="424"/>
      <c r="VZT729" s="424"/>
      <c r="VZU729" s="423" t="s">
        <v>2795</v>
      </c>
      <c r="VZV729" s="424"/>
      <c r="VZW729" s="424"/>
      <c r="VZX729" s="424"/>
      <c r="VZY729" s="423" t="s">
        <v>2795</v>
      </c>
      <c r="VZZ729" s="424"/>
      <c r="WAA729" s="424"/>
      <c r="WAB729" s="424"/>
      <c r="WAC729" s="423" t="s">
        <v>2795</v>
      </c>
      <c r="WAD729" s="424"/>
      <c r="WAE729" s="424"/>
      <c r="WAF729" s="424"/>
      <c r="WAG729" s="423" t="s">
        <v>2795</v>
      </c>
      <c r="WAH729" s="424"/>
      <c r="WAI729" s="424"/>
      <c r="WAJ729" s="424"/>
      <c r="WAK729" s="423" t="s">
        <v>2795</v>
      </c>
      <c r="WAL729" s="424"/>
      <c r="WAM729" s="424"/>
      <c r="WAN729" s="424"/>
      <c r="WAO729" s="423" t="s">
        <v>2795</v>
      </c>
      <c r="WAP729" s="424"/>
      <c r="WAQ729" s="424"/>
      <c r="WAR729" s="424"/>
      <c r="WAS729" s="423" t="s">
        <v>2795</v>
      </c>
      <c r="WAT729" s="424"/>
      <c r="WAU729" s="424"/>
      <c r="WAV729" s="424"/>
      <c r="WAW729" s="423" t="s">
        <v>2795</v>
      </c>
      <c r="WAX729" s="424"/>
      <c r="WAY729" s="424"/>
      <c r="WAZ729" s="424"/>
      <c r="WBA729" s="423" t="s">
        <v>2795</v>
      </c>
      <c r="WBB729" s="424"/>
      <c r="WBC729" s="424"/>
      <c r="WBD729" s="424"/>
      <c r="WBE729" s="423" t="s">
        <v>2795</v>
      </c>
      <c r="WBF729" s="424"/>
      <c r="WBG729" s="424"/>
      <c r="WBH729" s="424"/>
      <c r="WBI729" s="423" t="s">
        <v>2795</v>
      </c>
      <c r="WBJ729" s="424"/>
      <c r="WBK729" s="424"/>
      <c r="WBL729" s="424"/>
      <c r="WBM729" s="423" t="s">
        <v>2795</v>
      </c>
      <c r="WBN729" s="424"/>
      <c r="WBO729" s="424"/>
      <c r="WBP729" s="424"/>
      <c r="WBQ729" s="423" t="s">
        <v>2795</v>
      </c>
      <c r="WBR729" s="424"/>
      <c r="WBS729" s="424"/>
      <c r="WBT729" s="424"/>
      <c r="WBU729" s="423" t="s">
        <v>2795</v>
      </c>
      <c r="WBV729" s="424"/>
      <c r="WBW729" s="424"/>
      <c r="WBX729" s="424"/>
      <c r="WBY729" s="423" t="s">
        <v>2795</v>
      </c>
      <c r="WBZ729" s="424"/>
      <c r="WCA729" s="424"/>
      <c r="WCB729" s="424"/>
      <c r="WCC729" s="423" t="s">
        <v>2795</v>
      </c>
      <c r="WCD729" s="424"/>
      <c r="WCE729" s="424"/>
      <c r="WCF729" s="424"/>
      <c r="WCG729" s="423" t="s">
        <v>2795</v>
      </c>
      <c r="WCH729" s="424"/>
      <c r="WCI729" s="424"/>
      <c r="WCJ729" s="424"/>
      <c r="WCK729" s="423" t="s">
        <v>2795</v>
      </c>
      <c r="WCL729" s="424"/>
      <c r="WCM729" s="424"/>
      <c r="WCN729" s="424"/>
      <c r="WCO729" s="423" t="s">
        <v>2795</v>
      </c>
      <c r="WCP729" s="424"/>
      <c r="WCQ729" s="424"/>
      <c r="WCR729" s="424"/>
      <c r="WCS729" s="423" t="s">
        <v>2795</v>
      </c>
      <c r="WCT729" s="424"/>
      <c r="WCU729" s="424"/>
      <c r="WCV729" s="424"/>
      <c r="WCW729" s="423" t="s">
        <v>2795</v>
      </c>
      <c r="WCX729" s="424"/>
      <c r="WCY729" s="424"/>
      <c r="WCZ729" s="424"/>
      <c r="WDA729" s="423" t="s">
        <v>2795</v>
      </c>
      <c r="WDB729" s="424"/>
      <c r="WDC729" s="424"/>
      <c r="WDD729" s="424"/>
      <c r="WDE729" s="423" t="s">
        <v>2795</v>
      </c>
      <c r="WDF729" s="424"/>
      <c r="WDG729" s="424"/>
      <c r="WDH729" s="424"/>
      <c r="WDI729" s="423" t="s">
        <v>2795</v>
      </c>
      <c r="WDJ729" s="424"/>
      <c r="WDK729" s="424"/>
      <c r="WDL729" s="424"/>
      <c r="WDM729" s="423" t="s">
        <v>2795</v>
      </c>
      <c r="WDN729" s="424"/>
      <c r="WDO729" s="424"/>
      <c r="WDP729" s="424"/>
      <c r="WDQ729" s="423" t="s">
        <v>2795</v>
      </c>
      <c r="WDR729" s="424"/>
      <c r="WDS729" s="424"/>
      <c r="WDT729" s="424"/>
      <c r="WDU729" s="423" t="s">
        <v>2795</v>
      </c>
      <c r="WDV729" s="424"/>
      <c r="WDW729" s="424"/>
      <c r="WDX729" s="424"/>
      <c r="WDY729" s="423" t="s">
        <v>2795</v>
      </c>
      <c r="WDZ729" s="424"/>
      <c r="WEA729" s="424"/>
      <c r="WEB729" s="424"/>
      <c r="WEC729" s="423" t="s">
        <v>2795</v>
      </c>
      <c r="WED729" s="424"/>
      <c r="WEE729" s="424"/>
      <c r="WEF729" s="424"/>
      <c r="WEG729" s="423" t="s">
        <v>2795</v>
      </c>
      <c r="WEH729" s="424"/>
      <c r="WEI729" s="424"/>
      <c r="WEJ729" s="424"/>
      <c r="WEK729" s="423" t="s">
        <v>2795</v>
      </c>
      <c r="WEL729" s="424"/>
      <c r="WEM729" s="424"/>
      <c r="WEN729" s="424"/>
      <c r="WEO729" s="423" t="s">
        <v>2795</v>
      </c>
      <c r="WEP729" s="424"/>
      <c r="WEQ729" s="424"/>
      <c r="WER729" s="424"/>
      <c r="WES729" s="423" t="s">
        <v>2795</v>
      </c>
      <c r="WET729" s="424"/>
      <c r="WEU729" s="424"/>
      <c r="WEV729" s="424"/>
      <c r="WEW729" s="423" t="s">
        <v>2795</v>
      </c>
      <c r="WEX729" s="424"/>
      <c r="WEY729" s="424"/>
      <c r="WEZ729" s="424"/>
      <c r="WFA729" s="423" t="s">
        <v>2795</v>
      </c>
      <c r="WFB729" s="424"/>
      <c r="WFC729" s="424"/>
      <c r="WFD729" s="424"/>
      <c r="WFE729" s="423" t="s">
        <v>2795</v>
      </c>
      <c r="WFF729" s="424"/>
      <c r="WFG729" s="424"/>
      <c r="WFH729" s="424"/>
      <c r="WFI729" s="423" t="s">
        <v>2795</v>
      </c>
      <c r="WFJ729" s="424"/>
      <c r="WFK729" s="424"/>
      <c r="WFL729" s="424"/>
      <c r="WFM729" s="423" t="s">
        <v>2795</v>
      </c>
      <c r="WFN729" s="424"/>
      <c r="WFO729" s="424"/>
      <c r="WFP729" s="424"/>
      <c r="WFQ729" s="423" t="s">
        <v>2795</v>
      </c>
      <c r="WFR729" s="424"/>
      <c r="WFS729" s="424"/>
      <c r="WFT729" s="424"/>
      <c r="WFU729" s="423" t="s">
        <v>2795</v>
      </c>
      <c r="WFV729" s="424"/>
      <c r="WFW729" s="424"/>
      <c r="WFX729" s="424"/>
      <c r="WFY729" s="423" t="s">
        <v>2795</v>
      </c>
      <c r="WFZ729" s="424"/>
      <c r="WGA729" s="424"/>
      <c r="WGB729" s="424"/>
      <c r="WGC729" s="423" t="s">
        <v>2795</v>
      </c>
      <c r="WGD729" s="424"/>
      <c r="WGE729" s="424"/>
      <c r="WGF729" s="424"/>
      <c r="WGG729" s="423" t="s">
        <v>2795</v>
      </c>
      <c r="WGH729" s="424"/>
      <c r="WGI729" s="424"/>
      <c r="WGJ729" s="424"/>
      <c r="WGK729" s="423" t="s">
        <v>2795</v>
      </c>
      <c r="WGL729" s="424"/>
      <c r="WGM729" s="424"/>
      <c r="WGN729" s="424"/>
      <c r="WGO729" s="423" t="s">
        <v>2795</v>
      </c>
      <c r="WGP729" s="424"/>
      <c r="WGQ729" s="424"/>
      <c r="WGR729" s="424"/>
      <c r="WGS729" s="423" t="s">
        <v>2795</v>
      </c>
      <c r="WGT729" s="424"/>
      <c r="WGU729" s="424"/>
      <c r="WGV729" s="424"/>
      <c r="WGW729" s="423" t="s">
        <v>2795</v>
      </c>
      <c r="WGX729" s="424"/>
      <c r="WGY729" s="424"/>
      <c r="WGZ729" s="424"/>
      <c r="WHA729" s="423" t="s">
        <v>2795</v>
      </c>
      <c r="WHB729" s="424"/>
      <c r="WHC729" s="424"/>
      <c r="WHD729" s="424"/>
      <c r="WHE729" s="423" t="s">
        <v>2795</v>
      </c>
      <c r="WHF729" s="424"/>
      <c r="WHG729" s="424"/>
      <c r="WHH729" s="424"/>
      <c r="WHI729" s="423" t="s">
        <v>2795</v>
      </c>
      <c r="WHJ729" s="424"/>
      <c r="WHK729" s="424"/>
      <c r="WHL729" s="424"/>
      <c r="WHM729" s="423" t="s">
        <v>2795</v>
      </c>
      <c r="WHN729" s="424"/>
      <c r="WHO729" s="424"/>
      <c r="WHP729" s="424"/>
      <c r="WHQ729" s="423" t="s">
        <v>2795</v>
      </c>
      <c r="WHR729" s="424"/>
      <c r="WHS729" s="424"/>
      <c r="WHT729" s="424"/>
      <c r="WHU729" s="423" t="s">
        <v>2795</v>
      </c>
      <c r="WHV729" s="424"/>
      <c r="WHW729" s="424"/>
      <c r="WHX729" s="424"/>
      <c r="WHY729" s="423" t="s">
        <v>2795</v>
      </c>
      <c r="WHZ729" s="424"/>
      <c r="WIA729" s="424"/>
      <c r="WIB729" s="424"/>
      <c r="WIC729" s="423" t="s">
        <v>2795</v>
      </c>
      <c r="WID729" s="424"/>
      <c r="WIE729" s="424"/>
      <c r="WIF729" s="424"/>
      <c r="WIG729" s="423" t="s">
        <v>2795</v>
      </c>
      <c r="WIH729" s="424"/>
      <c r="WII729" s="424"/>
      <c r="WIJ729" s="424"/>
      <c r="WIK729" s="423" t="s">
        <v>2795</v>
      </c>
      <c r="WIL729" s="424"/>
      <c r="WIM729" s="424"/>
      <c r="WIN729" s="424"/>
      <c r="WIO729" s="423" t="s">
        <v>2795</v>
      </c>
      <c r="WIP729" s="424"/>
      <c r="WIQ729" s="424"/>
      <c r="WIR729" s="424"/>
      <c r="WIS729" s="423" t="s">
        <v>2795</v>
      </c>
      <c r="WIT729" s="424"/>
      <c r="WIU729" s="424"/>
      <c r="WIV729" s="424"/>
      <c r="WIW729" s="423" t="s">
        <v>2795</v>
      </c>
      <c r="WIX729" s="424"/>
      <c r="WIY729" s="424"/>
      <c r="WIZ729" s="424"/>
      <c r="WJA729" s="423" t="s">
        <v>2795</v>
      </c>
      <c r="WJB729" s="424"/>
      <c r="WJC729" s="424"/>
      <c r="WJD729" s="424"/>
      <c r="WJE729" s="423" t="s">
        <v>2795</v>
      </c>
      <c r="WJF729" s="424"/>
      <c r="WJG729" s="424"/>
      <c r="WJH729" s="424"/>
      <c r="WJI729" s="423" t="s">
        <v>2795</v>
      </c>
      <c r="WJJ729" s="424"/>
      <c r="WJK729" s="424"/>
      <c r="WJL729" s="424"/>
      <c r="WJM729" s="423" t="s">
        <v>2795</v>
      </c>
      <c r="WJN729" s="424"/>
      <c r="WJO729" s="424"/>
      <c r="WJP729" s="424"/>
      <c r="WJQ729" s="423" t="s">
        <v>2795</v>
      </c>
      <c r="WJR729" s="424"/>
      <c r="WJS729" s="424"/>
      <c r="WJT729" s="424"/>
      <c r="WJU729" s="423" t="s">
        <v>2795</v>
      </c>
      <c r="WJV729" s="424"/>
      <c r="WJW729" s="424"/>
      <c r="WJX729" s="424"/>
      <c r="WJY729" s="423" t="s">
        <v>2795</v>
      </c>
      <c r="WJZ729" s="424"/>
      <c r="WKA729" s="424"/>
      <c r="WKB729" s="424"/>
      <c r="WKC729" s="423" t="s">
        <v>2795</v>
      </c>
      <c r="WKD729" s="424"/>
      <c r="WKE729" s="424"/>
      <c r="WKF729" s="424"/>
      <c r="WKG729" s="423" t="s">
        <v>2795</v>
      </c>
      <c r="WKH729" s="424"/>
      <c r="WKI729" s="424"/>
      <c r="WKJ729" s="424"/>
      <c r="WKK729" s="423" t="s">
        <v>2795</v>
      </c>
      <c r="WKL729" s="424"/>
      <c r="WKM729" s="424"/>
      <c r="WKN729" s="424"/>
      <c r="WKO729" s="423" t="s">
        <v>2795</v>
      </c>
      <c r="WKP729" s="424"/>
      <c r="WKQ729" s="424"/>
      <c r="WKR729" s="424"/>
      <c r="WKS729" s="423" t="s">
        <v>2795</v>
      </c>
      <c r="WKT729" s="424"/>
      <c r="WKU729" s="424"/>
      <c r="WKV729" s="424"/>
      <c r="WKW729" s="423" t="s">
        <v>2795</v>
      </c>
      <c r="WKX729" s="424"/>
      <c r="WKY729" s="424"/>
      <c r="WKZ729" s="424"/>
      <c r="WLA729" s="423" t="s">
        <v>2795</v>
      </c>
      <c r="WLB729" s="424"/>
      <c r="WLC729" s="424"/>
      <c r="WLD729" s="424"/>
      <c r="WLE729" s="423" t="s">
        <v>2795</v>
      </c>
      <c r="WLF729" s="424"/>
      <c r="WLG729" s="424"/>
      <c r="WLH729" s="424"/>
      <c r="WLI729" s="423" t="s">
        <v>2795</v>
      </c>
      <c r="WLJ729" s="424"/>
      <c r="WLK729" s="424"/>
      <c r="WLL729" s="424"/>
      <c r="WLM729" s="423" t="s">
        <v>2795</v>
      </c>
      <c r="WLN729" s="424"/>
      <c r="WLO729" s="424"/>
      <c r="WLP729" s="424"/>
      <c r="WLQ729" s="423" t="s">
        <v>2795</v>
      </c>
      <c r="WLR729" s="424"/>
      <c r="WLS729" s="424"/>
      <c r="WLT729" s="424"/>
      <c r="WLU729" s="423" t="s">
        <v>2795</v>
      </c>
      <c r="WLV729" s="424"/>
      <c r="WLW729" s="424"/>
      <c r="WLX729" s="424"/>
      <c r="WLY729" s="423" t="s">
        <v>2795</v>
      </c>
      <c r="WLZ729" s="424"/>
      <c r="WMA729" s="424"/>
      <c r="WMB729" s="424"/>
      <c r="WMC729" s="423" t="s">
        <v>2795</v>
      </c>
      <c r="WMD729" s="424"/>
      <c r="WME729" s="424"/>
      <c r="WMF729" s="424"/>
      <c r="WMG729" s="423" t="s">
        <v>2795</v>
      </c>
      <c r="WMH729" s="424"/>
      <c r="WMI729" s="424"/>
      <c r="WMJ729" s="424"/>
      <c r="WMK729" s="423" t="s">
        <v>2795</v>
      </c>
      <c r="WML729" s="424"/>
      <c r="WMM729" s="424"/>
      <c r="WMN729" s="424"/>
      <c r="WMO729" s="423" t="s">
        <v>2795</v>
      </c>
      <c r="WMP729" s="424"/>
      <c r="WMQ729" s="424"/>
      <c r="WMR729" s="424"/>
      <c r="WMS729" s="423" t="s">
        <v>2795</v>
      </c>
      <c r="WMT729" s="424"/>
      <c r="WMU729" s="424"/>
      <c r="WMV729" s="424"/>
      <c r="WMW729" s="423" t="s">
        <v>2795</v>
      </c>
      <c r="WMX729" s="424"/>
      <c r="WMY729" s="424"/>
      <c r="WMZ729" s="424"/>
      <c r="WNA729" s="423" t="s">
        <v>2795</v>
      </c>
      <c r="WNB729" s="424"/>
      <c r="WNC729" s="424"/>
      <c r="WND729" s="424"/>
      <c r="WNE729" s="423" t="s">
        <v>2795</v>
      </c>
      <c r="WNF729" s="424"/>
      <c r="WNG729" s="424"/>
      <c r="WNH729" s="424"/>
      <c r="WNI729" s="423" t="s">
        <v>2795</v>
      </c>
      <c r="WNJ729" s="424"/>
      <c r="WNK729" s="424"/>
      <c r="WNL729" s="424"/>
      <c r="WNM729" s="423" t="s">
        <v>2795</v>
      </c>
      <c r="WNN729" s="424"/>
      <c r="WNO729" s="424"/>
      <c r="WNP729" s="424"/>
      <c r="WNQ729" s="423" t="s">
        <v>2795</v>
      </c>
      <c r="WNR729" s="424"/>
      <c r="WNS729" s="424"/>
      <c r="WNT729" s="424"/>
      <c r="WNU729" s="423" t="s">
        <v>2795</v>
      </c>
      <c r="WNV729" s="424"/>
      <c r="WNW729" s="424"/>
      <c r="WNX729" s="424"/>
      <c r="WNY729" s="423" t="s">
        <v>2795</v>
      </c>
      <c r="WNZ729" s="424"/>
      <c r="WOA729" s="424"/>
      <c r="WOB729" s="424"/>
      <c r="WOC729" s="423" t="s">
        <v>2795</v>
      </c>
      <c r="WOD729" s="424"/>
      <c r="WOE729" s="424"/>
      <c r="WOF729" s="424"/>
      <c r="WOG729" s="423" t="s">
        <v>2795</v>
      </c>
      <c r="WOH729" s="424"/>
      <c r="WOI729" s="424"/>
      <c r="WOJ729" s="424"/>
      <c r="WOK729" s="423" t="s">
        <v>2795</v>
      </c>
      <c r="WOL729" s="424"/>
      <c r="WOM729" s="424"/>
      <c r="WON729" s="424"/>
      <c r="WOO729" s="423" t="s">
        <v>2795</v>
      </c>
      <c r="WOP729" s="424"/>
      <c r="WOQ729" s="424"/>
      <c r="WOR729" s="424"/>
      <c r="WOS729" s="423" t="s">
        <v>2795</v>
      </c>
      <c r="WOT729" s="424"/>
      <c r="WOU729" s="424"/>
      <c r="WOV729" s="424"/>
      <c r="WOW729" s="423" t="s">
        <v>2795</v>
      </c>
      <c r="WOX729" s="424"/>
      <c r="WOY729" s="424"/>
      <c r="WOZ729" s="424"/>
      <c r="WPA729" s="423" t="s">
        <v>2795</v>
      </c>
      <c r="WPB729" s="424"/>
      <c r="WPC729" s="424"/>
      <c r="WPD729" s="424"/>
      <c r="WPE729" s="423" t="s">
        <v>2795</v>
      </c>
      <c r="WPF729" s="424"/>
      <c r="WPG729" s="424"/>
      <c r="WPH729" s="424"/>
      <c r="WPI729" s="423" t="s">
        <v>2795</v>
      </c>
      <c r="WPJ729" s="424"/>
      <c r="WPK729" s="424"/>
      <c r="WPL729" s="424"/>
      <c r="WPM729" s="423" t="s">
        <v>2795</v>
      </c>
      <c r="WPN729" s="424"/>
      <c r="WPO729" s="424"/>
      <c r="WPP729" s="424"/>
      <c r="WPQ729" s="423" t="s">
        <v>2795</v>
      </c>
      <c r="WPR729" s="424"/>
      <c r="WPS729" s="424"/>
      <c r="WPT729" s="424"/>
      <c r="WPU729" s="423" t="s">
        <v>2795</v>
      </c>
      <c r="WPV729" s="424"/>
      <c r="WPW729" s="424"/>
      <c r="WPX729" s="424"/>
      <c r="WPY729" s="423" t="s">
        <v>2795</v>
      </c>
      <c r="WPZ729" s="424"/>
      <c r="WQA729" s="424"/>
      <c r="WQB729" s="424"/>
      <c r="WQC729" s="423" t="s">
        <v>2795</v>
      </c>
      <c r="WQD729" s="424"/>
      <c r="WQE729" s="424"/>
      <c r="WQF729" s="424"/>
      <c r="WQG729" s="423" t="s">
        <v>2795</v>
      </c>
      <c r="WQH729" s="424"/>
      <c r="WQI729" s="424"/>
      <c r="WQJ729" s="424"/>
      <c r="WQK729" s="423" t="s">
        <v>2795</v>
      </c>
      <c r="WQL729" s="424"/>
      <c r="WQM729" s="424"/>
      <c r="WQN729" s="424"/>
      <c r="WQO729" s="423" t="s">
        <v>2795</v>
      </c>
      <c r="WQP729" s="424"/>
      <c r="WQQ729" s="424"/>
      <c r="WQR729" s="424"/>
      <c r="WQS729" s="423" t="s">
        <v>2795</v>
      </c>
      <c r="WQT729" s="424"/>
      <c r="WQU729" s="424"/>
      <c r="WQV729" s="424"/>
      <c r="WQW729" s="423" t="s">
        <v>2795</v>
      </c>
      <c r="WQX729" s="424"/>
      <c r="WQY729" s="424"/>
      <c r="WQZ729" s="424"/>
      <c r="WRA729" s="423" t="s">
        <v>2795</v>
      </c>
      <c r="WRB729" s="424"/>
      <c r="WRC729" s="424"/>
      <c r="WRD729" s="424"/>
      <c r="WRE729" s="423" t="s">
        <v>2795</v>
      </c>
      <c r="WRF729" s="424"/>
      <c r="WRG729" s="424"/>
      <c r="WRH729" s="424"/>
      <c r="WRI729" s="423" t="s">
        <v>2795</v>
      </c>
      <c r="WRJ729" s="424"/>
      <c r="WRK729" s="424"/>
      <c r="WRL729" s="424"/>
      <c r="WRM729" s="423" t="s">
        <v>2795</v>
      </c>
      <c r="WRN729" s="424"/>
      <c r="WRO729" s="424"/>
      <c r="WRP729" s="424"/>
      <c r="WRQ729" s="423" t="s">
        <v>2795</v>
      </c>
      <c r="WRR729" s="424"/>
      <c r="WRS729" s="424"/>
      <c r="WRT729" s="424"/>
      <c r="WRU729" s="423" t="s">
        <v>2795</v>
      </c>
      <c r="WRV729" s="424"/>
      <c r="WRW729" s="424"/>
      <c r="WRX729" s="424"/>
      <c r="WRY729" s="423" t="s">
        <v>2795</v>
      </c>
      <c r="WRZ729" s="424"/>
      <c r="WSA729" s="424"/>
      <c r="WSB729" s="424"/>
      <c r="WSC729" s="423" t="s">
        <v>2795</v>
      </c>
      <c r="WSD729" s="424"/>
      <c r="WSE729" s="424"/>
      <c r="WSF729" s="424"/>
      <c r="WSG729" s="423" t="s">
        <v>2795</v>
      </c>
      <c r="WSH729" s="424"/>
      <c r="WSI729" s="424"/>
      <c r="WSJ729" s="424"/>
      <c r="WSK729" s="423" t="s">
        <v>2795</v>
      </c>
      <c r="WSL729" s="424"/>
      <c r="WSM729" s="424"/>
      <c r="WSN729" s="424"/>
      <c r="WSO729" s="423" t="s">
        <v>2795</v>
      </c>
      <c r="WSP729" s="424"/>
      <c r="WSQ729" s="424"/>
      <c r="WSR729" s="424"/>
      <c r="WSS729" s="423" t="s">
        <v>2795</v>
      </c>
      <c r="WST729" s="424"/>
      <c r="WSU729" s="424"/>
      <c r="WSV729" s="424"/>
      <c r="WSW729" s="423" t="s">
        <v>2795</v>
      </c>
      <c r="WSX729" s="424"/>
      <c r="WSY729" s="424"/>
      <c r="WSZ729" s="424"/>
      <c r="WTA729" s="423" t="s">
        <v>2795</v>
      </c>
      <c r="WTB729" s="424"/>
      <c r="WTC729" s="424"/>
      <c r="WTD729" s="424"/>
      <c r="WTE729" s="423" t="s">
        <v>2795</v>
      </c>
      <c r="WTF729" s="424"/>
      <c r="WTG729" s="424"/>
      <c r="WTH729" s="424"/>
      <c r="WTI729" s="423" t="s">
        <v>2795</v>
      </c>
      <c r="WTJ729" s="424"/>
      <c r="WTK729" s="424"/>
      <c r="WTL729" s="424"/>
      <c r="WTM729" s="423" t="s">
        <v>2795</v>
      </c>
      <c r="WTN729" s="424"/>
      <c r="WTO729" s="424"/>
      <c r="WTP729" s="424"/>
      <c r="WTQ729" s="423" t="s">
        <v>2795</v>
      </c>
      <c r="WTR729" s="424"/>
      <c r="WTS729" s="424"/>
      <c r="WTT729" s="424"/>
      <c r="WTU729" s="423" t="s">
        <v>2795</v>
      </c>
      <c r="WTV729" s="424"/>
      <c r="WTW729" s="424"/>
      <c r="WTX729" s="424"/>
      <c r="WTY729" s="423" t="s">
        <v>2795</v>
      </c>
      <c r="WTZ729" s="424"/>
      <c r="WUA729" s="424"/>
      <c r="WUB729" s="424"/>
      <c r="WUC729" s="423" t="s">
        <v>2795</v>
      </c>
      <c r="WUD729" s="424"/>
      <c r="WUE729" s="424"/>
      <c r="WUF729" s="424"/>
      <c r="WUG729" s="423" t="s">
        <v>2795</v>
      </c>
      <c r="WUH729" s="424"/>
      <c r="WUI729" s="424"/>
      <c r="WUJ729" s="424"/>
      <c r="WUK729" s="423" t="s">
        <v>2795</v>
      </c>
      <c r="WUL729" s="424"/>
      <c r="WUM729" s="424"/>
      <c r="WUN729" s="424"/>
      <c r="WUO729" s="423" t="s">
        <v>2795</v>
      </c>
      <c r="WUP729" s="424"/>
      <c r="WUQ729" s="424"/>
      <c r="WUR729" s="424"/>
      <c r="WUS729" s="423" t="s">
        <v>2795</v>
      </c>
      <c r="WUT729" s="424"/>
      <c r="WUU729" s="424"/>
      <c r="WUV729" s="424"/>
      <c r="WUW729" s="423" t="s">
        <v>2795</v>
      </c>
      <c r="WUX729" s="424"/>
      <c r="WUY729" s="424"/>
      <c r="WUZ729" s="424"/>
      <c r="WVA729" s="423" t="s">
        <v>2795</v>
      </c>
      <c r="WVB729" s="424"/>
      <c r="WVC729" s="424"/>
      <c r="WVD729" s="424"/>
      <c r="WVE729" s="423" t="s">
        <v>2795</v>
      </c>
      <c r="WVF729" s="424"/>
      <c r="WVG729" s="424"/>
      <c r="WVH729" s="424"/>
      <c r="WVI729" s="423" t="s">
        <v>2795</v>
      </c>
      <c r="WVJ729" s="424"/>
      <c r="WVK729" s="424"/>
      <c r="WVL729" s="424"/>
      <c r="WVM729" s="423" t="s">
        <v>2795</v>
      </c>
      <c r="WVN729" s="424"/>
      <c r="WVO729" s="424"/>
      <c r="WVP729" s="424"/>
      <c r="WVQ729" s="423" t="s">
        <v>2795</v>
      </c>
      <c r="WVR729" s="424"/>
      <c r="WVS729" s="424"/>
      <c r="WVT729" s="424"/>
      <c r="WVU729" s="423" t="s">
        <v>2795</v>
      </c>
      <c r="WVV729" s="424"/>
      <c r="WVW729" s="424"/>
      <c r="WVX729" s="424"/>
      <c r="WVY729" s="423" t="s">
        <v>2795</v>
      </c>
      <c r="WVZ729" s="424"/>
      <c r="WWA729" s="424"/>
      <c r="WWB729" s="424"/>
      <c r="WWC729" s="423" t="s">
        <v>2795</v>
      </c>
      <c r="WWD729" s="424"/>
      <c r="WWE729" s="424"/>
      <c r="WWF729" s="424"/>
      <c r="WWG729" s="423" t="s">
        <v>2795</v>
      </c>
      <c r="WWH729" s="424"/>
      <c r="WWI729" s="424"/>
      <c r="WWJ729" s="424"/>
      <c r="WWK729" s="423" t="s">
        <v>2795</v>
      </c>
      <c r="WWL729" s="424"/>
      <c r="WWM729" s="424"/>
      <c r="WWN729" s="424"/>
      <c r="WWO729" s="423" t="s">
        <v>2795</v>
      </c>
      <c r="WWP729" s="424"/>
      <c r="WWQ729" s="424"/>
      <c r="WWR729" s="424"/>
      <c r="WWS729" s="423" t="s">
        <v>2795</v>
      </c>
      <c r="WWT729" s="424"/>
      <c r="WWU729" s="424"/>
      <c r="WWV729" s="424"/>
      <c r="WWW729" s="423" t="s">
        <v>2795</v>
      </c>
      <c r="WWX729" s="424"/>
      <c r="WWY729" s="424"/>
      <c r="WWZ729" s="424"/>
      <c r="WXA729" s="423" t="s">
        <v>2795</v>
      </c>
      <c r="WXB729" s="424"/>
      <c r="WXC729" s="424"/>
      <c r="WXD729" s="424"/>
      <c r="WXE729" s="423" t="s">
        <v>2795</v>
      </c>
      <c r="WXF729" s="424"/>
      <c r="WXG729" s="424"/>
      <c r="WXH729" s="424"/>
      <c r="WXI729" s="423" t="s">
        <v>2795</v>
      </c>
      <c r="WXJ729" s="424"/>
      <c r="WXK729" s="424"/>
      <c r="WXL729" s="424"/>
      <c r="WXM729" s="423" t="s">
        <v>2795</v>
      </c>
      <c r="WXN729" s="424"/>
      <c r="WXO729" s="424"/>
      <c r="WXP729" s="424"/>
      <c r="WXQ729" s="423" t="s">
        <v>2795</v>
      </c>
      <c r="WXR729" s="424"/>
      <c r="WXS729" s="424"/>
      <c r="WXT729" s="424"/>
      <c r="WXU729" s="423" t="s">
        <v>2795</v>
      </c>
      <c r="WXV729" s="424"/>
      <c r="WXW729" s="424"/>
      <c r="WXX729" s="424"/>
      <c r="WXY729" s="423" t="s">
        <v>2795</v>
      </c>
      <c r="WXZ729" s="424"/>
      <c r="WYA729" s="424"/>
      <c r="WYB729" s="424"/>
      <c r="WYC729" s="423" t="s">
        <v>2795</v>
      </c>
      <c r="WYD729" s="424"/>
      <c r="WYE729" s="424"/>
      <c r="WYF729" s="424"/>
      <c r="WYG729" s="423" t="s">
        <v>2795</v>
      </c>
      <c r="WYH729" s="424"/>
      <c r="WYI729" s="424"/>
      <c r="WYJ729" s="424"/>
      <c r="WYK729" s="423" t="s">
        <v>2795</v>
      </c>
      <c r="WYL729" s="424"/>
      <c r="WYM729" s="424"/>
      <c r="WYN729" s="424"/>
      <c r="WYO729" s="423" t="s">
        <v>2795</v>
      </c>
      <c r="WYP729" s="424"/>
      <c r="WYQ729" s="424"/>
      <c r="WYR729" s="424"/>
      <c r="WYS729" s="423" t="s">
        <v>2795</v>
      </c>
      <c r="WYT729" s="424"/>
      <c r="WYU729" s="424"/>
      <c r="WYV729" s="424"/>
      <c r="WYW729" s="423" t="s">
        <v>2795</v>
      </c>
      <c r="WYX729" s="424"/>
      <c r="WYY729" s="424"/>
      <c r="WYZ729" s="424"/>
      <c r="WZA729" s="423" t="s">
        <v>2795</v>
      </c>
      <c r="WZB729" s="424"/>
      <c r="WZC729" s="424"/>
      <c r="WZD729" s="424"/>
      <c r="WZE729" s="423" t="s">
        <v>2795</v>
      </c>
      <c r="WZF729" s="424"/>
      <c r="WZG729" s="424"/>
      <c r="WZH729" s="424"/>
      <c r="WZI729" s="423" t="s">
        <v>2795</v>
      </c>
      <c r="WZJ729" s="424"/>
      <c r="WZK729" s="424"/>
      <c r="WZL729" s="424"/>
      <c r="WZM729" s="423" t="s">
        <v>2795</v>
      </c>
      <c r="WZN729" s="424"/>
      <c r="WZO729" s="424"/>
      <c r="WZP729" s="424"/>
      <c r="WZQ729" s="423" t="s">
        <v>2795</v>
      </c>
      <c r="WZR729" s="424"/>
      <c r="WZS729" s="424"/>
      <c r="WZT729" s="424"/>
      <c r="WZU729" s="423" t="s">
        <v>2795</v>
      </c>
      <c r="WZV729" s="424"/>
      <c r="WZW729" s="424"/>
      <c r="WZX729" s="424"/>
      <c r="WZY729" s="423" t="s">
        <v>2795</v>
      </c>
      <c r="WZZ729" s="424"/>
      <c r="XAA729" s="424"/>
      <c r="XAB729" s="424"/>
      <c r="XAC729" s="423" t="s">
        <v>2795</v>
      </c>
      <c r="XAD729" s="424"/>
      <c r="XAE729" s="424"/>
      <c r="XAF729" s="424"/>
      <c r="XAG729" s="423" t="s">
        <v>2795</v>
      </c>
      <c r="XAH729" s="424"/>
      <c r="XAI729" s="424"/>
      <c r="XAJ729" s="424"/>
      <c r="XAK729" s="423" t="s">
        <v>2795</v>
      </c>
      <c r="XAL729" s="424"/>
      <c r="XAM729" s="424"/>
      <c r="XAN729" s="424"/>
      <c r="XAO729" s="423" t="s">
        <v>2795</v>
      </c>
      <c r="XAP729" s="424"/>
      <c r="XAQ729" s="424"/>
      <c r="XAR729" s="424"/>
      <c r="XAS729" s="423" t="s">
        <v>2795</v>
      </c>
      <c r="XAT729" s="424"/>
      <c r="XAU729" s="424"/>
      <c r="XAV729" s="424"/>
      <c r="XAW729" s="423" t="s">
        <v>2795</v>
      </c>
      <c r="XAX729" s="424"/>
      <c r="XAY729" s="424"/>
      <c r="XAZ729" s="424"/>
      <c r="XBA729" s="423" t="s">
        <v>2795</v>
      </c>
      <c r="XBB729" s="424"/>
      <c r="XBC729" s="424"/>
      <c r="XBD729" s="424"/>
      <c r="XBE729" s="423" t="s">
        <v>2795</v>
      </c>
      <c r="XBF729" s="424"/>
      <c r="XBG729" s="424"/>
      <c r="XBH729" s="424"/>
      <c r="XBI729" s="423" t="s">
        <v>2795</v>
      </c>
      <c r="XBJ729" s="424"/>
      <c r="XBK729" s="424"/>
      <c r="XBL729" s="424"/>
      <c r="XBM729" s="423" t="s">
        <v>2795</v>
      </c>
      <c r="XBN729" s="424"/>
      <c r="XBO729" s="424"/>
      <c r="XBP729" s="424"/>
      <c r="XBQ729" s="423" t="s">
        <v>2795</v>
      </c>
      <c r="XBR729" s="424"/>
      <c r="XBS729" s="424"/>
      <c r="XBT729" s="424"/>
      <c r="XBU729" s="423" t="s">
        <v>2795</v>
      </c>
      <c r="XBV729" s="424"/>
      <c r="XBW729" s="424"/>
      <c r="XBX729" s="424"/>
      <c r="XBY729" s="423" t="s">
        <v>2795</v>
      </c>
      <c r="XBZ729" s="424"/>
      <c r="XCA729" s="424"/>
      <c r="XCB729" s="424"/>
      <c r="XCC729" s="423" t="s">
        <v>2795</v>
      </c>
      <c r="XCD729" s="424"/>
      <c r="XCE729" s="424"/>
      <c r="XCF729" s="424"/>
      <c r="XCG729" s="423" t="s">
        <v>2795</v>
      </c>
      <c r="XCH729" s="424"/>
      <c r="XCI729" s="424"/>
      <c r="XCJ729" s="424"/>
      <c r="XCK729" s="423" t="s">
        <v>2795</v>
      </c>
      <c r="XCL729" s="424"/>
      <c r="XCM729" s="424"/>
      <c r="XCN729" s="424"/>
      <c r="XCO729" s="423" t="s">
        <v>2795</v>
      </c>
      <c r="XCP729" s="424"/>
      <c r="XCQ729" s="424"/>
      <c r="XCR729" s="424"/>
      <c r="XCS729" s="423" t="s">
        <v>2795</v>
      </c>
      <c r="XCT729" s="424"/>
      <c r="XCU729" s="424"/>
      <c r="XCV729" s="424"/>
      <c r="XCW729" s="423" t="s">
        <v>2795</v>
      </c>
      <c r="XCX729" s="424"/>
      <c r="XCY729" s="424"/>
      <c r="XCZ729" s="424"/>
      <c r="XDA729" s="423" t="s">
        <v>2795</v>
      </c>
      <c r="XDB729" s="424"/>
      <c r="XDC729" s="424"/>
      <c r="XDD729" s="424"/>
      <c r="XDE729" s="423" t="s">
        <v>2795</v>
      </c>
      <c r="XDF729" s="424"/>
      <c r="XDG729" s="424"/>
      <c r="XDH729" s="424"/>
      <c r="XDI729" s="423" t="s">
        <v>2795</v>
      </c>
      <c r="XDJ729" s="424"/>
      <c r="XDK729" s="424"/>
      <c r="XDL729" s="424"/>
      <c r="XDM729" s="423" t="s">
        <v>2795</v>
      </c>
      <c r="XDN729" s="424"/>
      <c r="XDO729" s="424"/>
      <c r="XDP729" s="424"/>
      <c r="XDQ729" s="423" t="s">
        <v>2795</v>
      </c>
      <c r="XDR729" s="424"/>
      <c r="XDS729" s="424"/>
      <c r="XDT729" s="424"/>
      <c r="XDU729" s="423" t="s">
        <v>2795</v>
      </c>
      <c r="XDV729" s="424"/>
      <c r="XDW729" s="424"/>
      <c r="XDX729" s="424"/>
      <c r="XDY729" s="423" t="s">
        <v>2795</v>
      </c>
      <c r="XDZ729" s="424"/>
      <c r="XEA729" s="424"/>
      <c r="XEB729" s="424"/>
      <c r="XEC729" s="423" t="s">
        <v>2795</v>
      </c>
      <c r="XED729" s="424"/>
      <c r="XEE729" s="424"/>
      <c r="XEF729" s="424"/>
      <c r="XEG729" s="423" t="s">
        <v>2795</v>
      </c>
      <c r="XEH729" s="424"/>
      <c r="XEI729" s="424"/>
      <c r="XEJ729" s="424"/>
      <c r="XEK729" s="423" t="s">
        <v>2795</v>
      </c>
      <c r="XEL729" s="424"/>
      <c r="XEM729" s="424"/>
      <c r="XEN729" s="424"/>
      <c r="XEO729" s="423" t="s">
        <v>2795</v>
      </c>
      <c r="XEP729" s="424"/>
      <c r="XEQ729" s="424"/>
      <c r="XER729" s="424"/>
      <c r="XES729" s="423" t="s">
        <v>2795</v>
      </c>
      <c r="XET729" s="424"/>
      <c r="XEU729" s="424"/>
      <c r="XEV729" s="424"/>
      <c r="XEW729" s="423" t="s">
        <v>2795</v>
      </c>
      <c r="XEX729" s="424"/>
      <c r="XEY729" s="424"/>
      <c r="XEZ729" s="424"/>
      <c r="XFA729" s="423" t="s">
        <v>2795</v>
      </c>
      <c r="XFB729" s="424"/>
      <c r="XFC729" s="424"/>
      <c r="XFD729" s="424"/>
    </row>
    <row r="730" spans="1:16384" s="8" customFormat="1" ht="20" hidden="1">
      <c r="A730" s="423" t="s">
        <v>2795</v>
      </c>
      <c r="B730" s="424"/>
      <c r="C730" s="424"/>
      <c r="D730" s="424"/>
      <c r="E730" s="423" t="s">
        <v>2795</v>
      </c>
      <c r="F730" s="424"/>
      <c r="G730" s="424"/>
      <c r="H730" s="424"/>
      <c r="I730" s="423" t="s">
        <v>2795</v>
      </c>
      <c r="J730" s="424"/>
      <c r="K730" s="424"/>
      <c r="L730" s="424"/>
      <c r="M730" s="423" t="s">
        <v>2795</v>
      </c>
      <c r="N730" s="424"/>
      <c r="O730" s="424"/>
      <c r="P730" s="424"/>
      <c r="Q730" s="426" t="s">
        <v>2795</v>
      </c>
      <c r="R730" s="427"/>
      <c r="S730" s="427"/>
      <c r="T730" s="427"/>
      <c r="U730" s="423" t="s">
        <v>2795</v>
      </c>
      <c r="V730" s="424"/>
      <c r="W730" s="424"/>
      <c r="X730" s="424"/>
      <c r="Y730" s="423" t="s">
        <v>2795</v>
      </c>
      <c r="Z730" s="424"/>
      <c r="AA730" s="424"/>
      <c r="AB730" s="424"/>
      <c r="AC730" s="423" t="s">
        <v>2795</v>
      </c>
      <c r="AD730" s="424"/>
      <c r="AE730" s="424"/>
      <c r="AF730" s="424"/>
      <c r="AG730" s="423" t="s">
        <v>2795</v>
      </c>
      <c r="AH730" s="424"/>
      <c r="AI730" s="424"/>
      <c r="AJ730" s="424"/>
      <c r="AK730" s="423" t="s">
        <v>2795</v>
      </c>
      <c r="AL730" s="424"/>
      <c r="AM730" s="424"/>
      <c r="AN730" s="424"/>
      <c r="AO730" s="423" t="s">
        <v>2795</v>
      </c>
      <c r="AP730" s="424"/>
      <c r="AQ730" s="424"/>
      <c r="AR730" s="424"/>
      <c r="AS730" s="423" t="s">
        <v>2795</v>
      </c>
      <c r="AT730" s="424"/>
      <c r="AU730" s="424"/>
      <c r="AV730" s="424"/>
      <c r="AW730" s="423" t="s">
        <v>2795</v>
      </c>
      <c r="AX730" s="424"/>
      <c r="AY730" s="424"/>
      <c r="AZ730" s="424"/>
      <c r="BA730" s="423" t="s">
        <v>2795</v>
      </c>
      <c r="BB730" s="424"/>
      <c r="BC730" s="424"/>
      <c r="BD730" s="424"/>
      <c r="BE730" s="423" t="s">
        <v>2795</v>
      </c>
      <c r="BF730" s="424"/>
      <c r="BG730" s="424"/>
      <c r="BH730" s="424"/>
      <c r="BI730" s="423" t="s">
        <v>2795</v>
      </c>
      <c r="BJ730" s="424"/>
      <c r="BK730" s="424"/>
      <c r="BL730" s="424"/>
      <c r="BM730" s="423" t="s">
        <v>2795</v>
      </c>
      <c r="BN730" s="424"/>
      <c r="BO730" s="424"/>
      <c r="BP730" s="424"/>
      <c r="BQ730" s="423" t="s">
        <v>2795</v>
      </c>
      <c r="BR730" s="424"/>
      <c r="BS730" s="424"/>
      <c r="BT730" s="424"/>
      <c r="BU730" s="423" t="s">
        <v>2795</v>
      </c>
      <c r="BV730" s="424"/>
      <c r="BW730" s="424"/>
      <c r="BX730" s="424"/>
      <c r="BY730" s="423" t="s">
        <v>2795</v>
      </c>
      <c r="BZ730" s="424"/>
      <c r="CA730" s="424"/>
      <c r="CB730" s="424"/>
      <c r="CC730" s="423" t="s">
        <v>2795</v>
      </c>
      <c r="CD730" s="424"/>
      <c r="CE730" s="424"/>
      <c r="CF730" s="424"/>
      <c r="CG730" s="423" t="s">
        <v>2795</v>
      </c>
      <c r="CH730" s="424"/>
      <c r="CI730" s="424"/>
      <c r="CJ730" s="424"/>
      <c r="CK730" s="423" t="s">
        <v>2795</v>
      </c>
      <c r="CL730" s="424"/>
      <c r="CM730" s="424"/>
      <c r="CN730" s="424"/>
      <c r="CO730" s="423" t="s">
        <v>2795</v>
      </c>
      <c r="CP730" s="424"/>
      <c r="CQ730" s="424"/>
      <c r="CR730" s="424"/>
      <c r="CS730" s="423" t="s">
        <v>2795</v>
      </c>
      <c r="CT730" s="424"/>
      <c r="CU730" s="424"/>
      <c r="CV730" s="424"/>
      <c r="CW730" s="423" t="s">
        <v>2795</v>
      </c>
      <c r="CX730" s="424"/>
      <c r="CY730" s="424"/>
      <c r="CZ730" s="424"/>
      <c r="DA730" s="423" t="s">
        <v>2795</v>
      </c>
      <c r="DB730" s="424"/>
      <c r="DC730" s="424"/>
      <c r="DD730" s="424"/>
      <c r="DE730" s="423" t="s">
        <v>2795</v>
      </c>
      <c r="DF730" s="424"/>
      <c r="DG730" s="424"/>
      <c r="DH730" s="424"/>
      <c r="DI730" s="423" t="s">
        <v>2795</v>
      </c>
      <c r="DJ730" s="424"/>
      <c r="DK730" s="424"/>
      <c r="DL730" s="424"/>
      <c r="DM730" s="423" t="s">
        <v>2795</v>
      </c>
      <c r="DN730" s="424"/>
      <c r="DO730" s="424"/>
      <c r="DP730" s="424"/>
      <c r="DQ730" s="423" t="s">
        <v>2795</v>
      </c>
      <c r="DR730" s="424"/>
      <c r="DS730" s="424"/>
      <c r="DT730" s="424"/>
      <c r="DU730" s="423" t="s">
        <v>2795</v>
      </c>
      <c r="DV730" s="424"/>
      <c r="DW730" s="424"/>
      <c r="DX730" s="424"/>
      <c r="DY730" s="423" t="s">
        <v>2795</v>
      </c>
      <c r="DZ730" s="424"/>
      <c r="EA730" s="424"/>
      <c r="EB730" s="424"/>
      <c r="EC730" s="423" t="s">
        <v>2795</v>
      </c>
      <c r="ED730" s="424"/>
      <c r="EE730" s="424"/>
      <c r="EF730" s="424"/>
      <c r="EG730" s="423" t="s">
        <v>2795</v>
      </c>
      <c r="EH730" s="424"/>
      <c r="EI730" s="424"/>
      <c r="EJ730" s="424"/>
      <c r="EK730" s="423" t="s">
        <v>2795</v>
      </c>
      <c r="EL730" s="424"/>
      <c r="EM730" s="424"/>
      <c r="EN730" s="424"/>
      <c r="EO730" s="423" t="s">
        <v>2795</v>
      </c>
      <c r="EP730" s="424"/>
      <c r="EQ730" s="424"/>
      <c r="ER730" s="424"/>
      <c r="ES730" s="423" t="s">
        <v>2795</v>
      </c>
      <c r="ET730" s="424"/>
      <c r="EU730" s="424"/>
      <c r="EV730" s="424"/>
      <c r="EW730" s="423" t="s">
        <v>2795</v>
      </c>
      <c r="EX730" s="424"/>
      <c r="EY730" s="424"/>
      <c r="EZ730" s="424"/>
      <c r="FA730" s="423" t="s">
        <v>2795</v>
      </c>
      <c r="FB730" s="424"/>
      <c r="FC730" s="424"/>
      <c r="FD730" s="424"/>
      <c r="FE730" s="423" t="s">
        <v>2795</v>
      </c>
      <c r="FF730" s="424"/>
      <c r="FG730" s="424"/>
      <c r="FH730" s="424"/>
      <c r="FI730" s="423" t="s">
        <v>2795</v>
      </c>
      <c r="FJ730" s="424"/>
      <c r="FK730" s="424"/>
      <c r="FL730" s="424"/>
      <c r="FM730" s="423" t="s">
        <v>2795</v>
      </c>
      <c r="FN730" s="424"/>
      <c r="FO730" s="424"/>
      <c r="FP730" s="424"/>
      <c r="FQ730" s="423" t="s">
        <v>2795</v>
      </c>
      <c r="FR730" s="424"/>
      <c r="FS730" s="424"/>
      <c r="FT730" s="424"/>
      <c r="FU730" s="423" t="s">
        <v>2795</v>
      </c>
      <c r="FV730" s="424"/>
      <c r="FW730" s="424"/>
      <c r="FX730" s="424"/>
      <c r="FY730" s="423" t="s">
        <v>2795</v>
      </c>
      <c r="FZ730" s="424"/>
      <c r="GA730" s="424"/>
      <c r="GB730" s="424"/>
      <c r="GC730" s="423" t="s">
        <v>2795</v>
      </c>
      <c r="GD730" s="424"/>
      <c r="GE730" s="424"/>
      <c r="GF730" s="424"/>
      <c r="GG730" s="423" t="s">
        <v>2795</v>
      </c>
      <c r="GH730" s="424"/>
      <c r="GI730" s="424"/>
      <c r="GJ730" s="424"/>
      <c r="GK730" s="423" t="s">
        <v>2795</v>
      </c>
      <c r="GL730" s="424"/>
      <c r="GM730" s="424"/>
      <c r="GN730" s="424"/>
      <c r="GO730" s="423" t="s">
        <v>2795</v>
      </c>
      <c r="GP730" s="424"/>
      <c r="GQ730" s="424"/>
      <c r="GR730" s="424"/>
      <c r="GS730" s="423" t="s">
        <v>2795</v>
      </c>
      <c r="GT730" s="424"/>
      <c r="GU730" s="424"/>
      <c r="GV730" s="424"/>
      <c r="GW730" s="423" t="s">
        <v>2795</v>
      </c>
      <c r="GX730" s="424"/>
      <c r="GY730" s="424"/>
      <c r="GZ730" s="424"/>
      <c r="HA730" s="423" t="s">
        <v>2795</v>
      </c>
      <c r="HB730" s="424"/>
      <c r="HC730" s="424"/>
      <c r="HD730" s="424"/>
      <c r="HE730" s="423" t="s">
        <v>2795</v>
      </c>
      <c r="HF730" s="424"/>
      <c r="HG730" s="424"/>
      <c r="HH730" s="424"/>
      <c r="HI730" s="423" t="s">
        <v>2795</v>
      </c>
      <c r="HJ730" s="424"/>
      <c r="HK730" s="424"/>
      <c r="HL730" s="424"/>
      <c r="HM730" s="423" t="s">
        <v>2795</v>
      </c>
      <c r="HN730" s="424"/>
      <c r="HO730" s="424"/>
      <c r="HP730" s="424"/>
      <c r="HQ730" s="423" t="s">
        <v>2795</v>
      </c>
      <c r="HR730" s="424"/>
      <c r="HS730" s="424"/>
      <c r="HT730" s="424"/>
      <c r="HU730" s="423" t="s">
        <v>2795</v>
      </c>
      <c r="HV730" s="424"/>
      <c r="HW730" s="424"/>
      <c r="HX730" s="424"/>
      <c r="HY730" s="423" t="s">
        <v>2795</v>
      </c>
      <c r="HZ730" s="424"/>
      <c r="IA730" s="424"/>
      <c r="IB730" s="424"/>
      <c r="IC730" s="423" t="s">
        <v>2795</v>
      </c>
      <c r="ID730" s="424"/>
      <c r="IE730" s="424"/>
      <c r="IF730" s="424"/>
      <c r="IG730" s="423" t="s">
        <v>2795</v>
      </c>
      <c r="IH730" s="424"/>
      <c r="II730" s="424"/>
      <c r="IJ730" s="424"/>
      <c r="IK730" s="423" t="s">
        <v>2795</v>
      </c>
      <c r="IL730" s="424"/>
      <c r="IM730" s="424"/>
      <c r="IN730" s="424"/>
      <c r="IO730" s="423" t="s">
        <v>2795</v>
      </c>
      <c r="IP730" s="424"/>
      <c r="IQ730" s="424"/>
      <c r="IR730" s="424"/>
      <c r="IS730" s="423" t="s">
        <v>2795</v>
      </c>
      <c r="IT730" s="424"/>
      <c r="IU730" s="424"/>
      <c r="IV730" s="424"/>
      <c r="IW730" s="423" t="s">
        <v>2795</v>
      </c>
      <c r="IX730" s="424"/>
      <c r="IY730" s="424"/>
      <c r="IZ730" s="424"/>
      <c r="JA730" s="423" t="s">
        <v>2795</v>
      </c>
      <c r="JB730" s="424"/>
      <c r="JC730" s="424"/>
      <c r="JD730" s="424"/>
      <c r="JE730" s="423" t="s">
        <v>2795</v>
      </c>
      <c r="JF730" s="424"/>
      <c r="JG730" s="424"/>
      <c r="JH730" s="424"/>
      <c r="JI730" s="423" t="s">
        <v>2795</v>
      </c>
      <c r="JJ730" s="424"/>
      <c r="JK730" s="424"/>
      <c r="JL730" s="424"/>
      <c r="JM730" s="423" t="s">
        <v>2795</v>
      </c>
      <c r="JN730" s="424"/>
      <c r="JO730" s="424"/>
      <c r="JP730" s="424"/>
      <c r="JQ730" s="423" t="s">
        <v>2795</v>
      </c>
      <c r="JR730" s="424"/>
      <c r="JS730" s="424"/>
      <c r="JT730" s="424"/>
      <c r="JU730" s="423" t="s">
        <v>2795</v>
      </c>
      <c r="JV730" s="424"/>
      <c r="JW730" s="424"/>
      <c r="JX730" s="424"/>
      <c r="JY730" s="423" t="s">
        <v>2795</v>
      </c>
      <c r="JZ730" s="424"/>
      <c r="KA730" s="424"/>
      <c r="KB730" s="424"/>
      <c r="KC730" s="423" t="s">
        <v>2795</v>
      </c>
      <c r="KD730" s="424"/>
      <c r="KE730" s="424"/>
      <c r="KF730" s="424"/>
      <c r="KG730" s="423" t="s">
        <v>2795</v>
      </c>
      <c r="KH730" s="424"/>
      <c r="KI730" s="424"/>
      <c r="KJ730" s="424"/>
      <c r="KK730" s="423" t="s">
        <v>2795</v>
      </c>
      <c r="KL730" s="424"/>
      <c r="KM730" s="424"/>
      <c r="KN730" s="424"/>
      <c r="KO730" s="423" t="s">
        <v>2795</v>
      </c>
      <c r="KP730" s="424"/>
      <c r="KQ730" s="424"/>
      <c r="KR730" s="424"/>
      <c r="KS730" s="423" t="s">
        <v>2795</v>
      </c>
      <c r="KT730" s="424"/>
      <c r="KU730" s="424"/>
      <c r="KV730" s="424"/>
      <c r="KW730" s="423" t="s">
        <v>2795</v>
      </c>
      <c r="KX730" s="424"/>
      <c r="KY730" s="424"/>
      <c r="KZ730" s="424"/>
      <c r="LA730" s="423" t="s">
        <v>2795</v>
      </c>
      <c r="LB730" s="424"/>
      <c r="LC730" s="424"/>
      <c r="LD730" s="424"/>
      <c r="LE730" s="423" t="s">
        <v>2795</v>
      </c>
      <c r="LF730" s="424"/>
      <c r="LG730" s="424"/>
      <c r="LH730" s="424"/>
      <c r="LI730" s="423" t="s">
        <v>2795</v>
      </c>
      <c r="LJ730" s="424"/>
      <c r="LK730" s="424"/>
      <c r="LL730" s="424"/>
      <c r="LM730" s="423" t="s">
        <v>2795</v>
      </c>
      <c r="LN730" s="424"/>
      <c r="LO730" s="424"/>
      <c r="LP730" s="424"/>
      <c r="LQ730" s="423" t="s">
        <v>2795</v>
      </c>
      <c r="LR730" s="424"/>
      <c r="LS730" s="424"/>
      <c r="LT730" s="424"/>
      <c r="LU730" s="423" t="s">
        <v>2795</v>
      </c>
      <c r="LV730" s="424"/>
      <c r="LW730" s="424"/>
      <c r="LX730" s="424"/>
      <c r="LY730" s="423" t="s">
        <v>2795</v>
      </c>
      <c r="LZ730" s="424"/>
      <c r="MA730" s="424"/>
      <c r="MB730" s="424"/>
      <c r="MC730" s="423" t="s">
        <v>2795</v>
      </c>
      <c r="MD730" s="424"/>
      <c r="ME730" s="424"/>
      <c r="MF730" s="424"/>
      <c r="MG730" s="423" t="s">
        <v>2795</v>
      </c>
      <c r="MH730" s="424"/>
      <c r="MI730" s="424"/>
      <c r="MJ730" s="424"/>
      <c r="MK730" s="423" t="s">
        <v>2795</v>
      </c>
      <c r="ML730" s="424"/>
      <c r="MM730" s="424"/>
      <c r="MN730" s="424"/>
      <c r="MO730" s="423" t="s">
        <v>2795</v>
      </c>
      <c r="MP730" s="424"/>
      <c r="MQ730" s="424"/>
      <c r="MR730" s="424"/>
      <c r="MS730" s="423" t="s">
        <v>2795</v>
      </c>
      <c r="MT730" s="424"/>
      <c r="MU730" s="424"/>
      <c r="MV730" s="424"/>
      <c r="MW730" s="423" t="s">
        <v>2795</v>
      </c>
      <c r="MX730" s="424"/>
      <c r="MY730" s="424"/>
      <c r="MZ730" s="424"/>
      <c r="NA730" s="423" t="s">
        <v>2795</v>
      </c>
      <c r="NB730" s="424"/>
      <c r="NC730" s="424"/>
      <c r="ND730" s="424"/>
      <c r="NE730" s="423" t="s">
        <v>2795</v>
      </c>
      <c r="NF730" s="424"/>
      <c r="NG730" s="424"/>
      <c r="NH730" s="424"/>
      <c r="NI730" s="423" t="s">
        <v>2795</v>
      </c>
      <c r="NJ730" s="424"/>
      <c r="NK730" s="424"/>
      <c r="NL730" s="424"/>
      <c r="NM730" s="423" t="s">
        <v>2795</v>
      </c>
      <c r="NN730" s="424"/>
      <c r="NO730" s="424"/>
      <c r="NP730" s="424"/>
      <c r="NQ730" s="423" t="s">
        <v>2795</v>
      </c>
      <c r="NR730" s="424"/>
      <c r="NS730" s="424"/>
      <c r="NT730" s="424"/>
      <c r="NU730" s="423" t="s">
        <v>2795</v>
      </c>
      <c r="NV730" s="424"/>
      <c r="NW730" s="424"/>
      <c r="NX730" s="424"/>
      <c r="NY730" s="423" t="s">
        <v>2795</v>
      </c>
      <c r="NZ730" s="424"/>
      <c r="OA730" s="424"/>
      <c r="OB730" s="424"/>
      <c r="OC730" s="423" t="s">
        <v>2795</v>
      </c>
      <c r="OD730" s="424"/>
      <c r="OE730" s="424"/>
      <c r="OF730" s="424"/>
      <c r="OG730" s="423" t="s">
        <v>2795</v>
      </c>
      <c r="OH730" s="424"/>
      <c r="OI730" s="424"/>
      <c r="OJ730" s="424"/>
      <c r="OK730" s="423" t="s">
        <v>2795</v>
      </c>
      <c r="OL730" s="424"/>
      <c r="OM730" s="424"/>
      <c r="ON730" s="424"/>
      <c r="OO730" s="423" t="s">
        <v>2795</v>
      </c>
      <c r="OP730" s="424"/>
      <c r="OQ730" s="424"/>
      <c r="OR730" s="424"/>
      <c r="OS730" s="423" t="s">
        <v>2795</v>
      </c>
      <c r="OT730" s="424"/>
      <c r="OU730" s="424"/>
      <c r="OV730" s="424"/>
      <c r="OW730" s="423" t="s">
        <v>2795</v>
      </c>
      <c r="OX730" s="424"/>
      <c r="OY730" s="424"/>
      <c r="OZ730" s="424"/>
      <c r="PA730" s="423" t="s">
        <v>2795</v>
      </c>
      <c r="PB730" s="424"/>
      <c r="PC730" s="424"/>
      <c r="PD730" s="424"/>
      <c r="PE730" s="423" t="s">
        <v>2795</v>
      </c>
      <c r="PF730" s="424"/>
      <c r="PG730" s="424"/>
      <c r="PH730" s="424"/>
      <c r="PI730" s="423" t="s">
        <v>2795</v>
      </c>
      <c r="PJ730" s="424"/>
      <c r="PK730" s="424"/>
      <c r="PL730" s="424"/>
      <c r="PM730" s="423" t="s">
        <v>2795</v>
      </c>
      <c r="PN730" s="424"/>
      <c r="PO730" s="424"/>
      <c r="PP730" s="424"/>
      <c r="PQ730" s="423" t="s">
        <v>2795</v>
      </c>
      <c r="PR730" s="424"/>
      <c r="PS730" s="424"/>
      <c r="PT730" s="424"/>
      <c r="PU730" s="423" t="s">
        <v>2795</v>
      </c>
      <c r="PV730" s="424"/>
      <c r="PW730" s="424"/>
      <c r="PX730" s="424"/>
      <c r="PY730" s="423" t="s">
        <v>2795</v>
      </c>
      <c r="PZ730" s="424"/>
      <c r="QA730" s="424"/>
      <c r="QB730" s="424"/>
      <c r="QC730" s="423" t="s">
        <v>2795</v>
      </c>
      <c r="QD730" s="424"/>
      <c r="QE730" s="424"/>
      <c r="QF730" s="424"/>
      <c r="QG730" s="423" t="s">
        <v>2795</v>
      </c>
      <c r="QH730" s="424"/>
      <c r="QI730" s="424"/>
      <c r="QJ730" s="424"/>
      <c r="QK730" s="423" t="s">
        <v>2795</v>
      </c>
      <c r="QL730" s="424"/>
      <c r="QM730" s="424"/>
      <c r="QN730" s="424"/>
      <c r="QO730" s="423" t="s">
        <v>2795</v>
      </c>
      <c r="QP730" s="424"/>
      <c r="QQ730" s="424"/>
      <c r="QR730" s="424"/>
      <c r="QS730" s="423" t="s">
        <v>2795</v>
      </c>
      <c r="QT730" s="424"/>
      <c r="QU730" s="424"/>
      <c r="QV730" s="424"/>
      <c r="QW730" s="423" t="s">
        <v>2795</v>
      </c>
      <c r="QX730" s="424"/>
      <c r="QY730" s="424"/>
      <c r="QZ730" s="424"/>
      <c r="RA730" s="423" t="s">
        <v>2795</v>
      </c>
      <c r="RB730" s="424"/>
      <c r="RC730" s="424"/>
      <c r="RD730" s="424"/>
      <c r="RE730" s="423" t="s">
        <v>2795</v>
      </c>
      <c r="RF730" s="424"/>
      <c r="RG730" s="424"/>
      <c r="RH730" s="424"/>
      <c r="RI730" s="423" t="s">
        <v>2795</v>
      </c>
      <c r="RJ730" s="424"/>
      <c r="RK730" s="424"/>
      <c r="RL730" s="424"/>
      <c r="RM730" s="423" t="s">
        <v>2795</v>
      </c>
      <c r="RN730" s="424"/>
      <c r="RO730" s="424"/>
      <c r="RP730" s="424"/>
      <c r="RQ730" s="423" t="s">
        <v>2795</v>
      </c>
      <c r="RR730" s="424"/>
      <c r="RS730" s="424"/>
      <c r="RT730" s="424"/>
      <c r="RU730" s="423" t="s">
        <v>2795</v>
      </c>
      <c r="RV730" s="424"/>
      <c r="RW730" s="424"/>
      <c r="RX730" s="424"/>
      <c r="RY730" s="423" t="s">
        <v>2795</v>
      </c>
      <c r="RZ730" s="424"/>
      <c r="SA730" s="424"/>
      <c r="SB730" s="424"/>
      <c r="SC730" s="423" t="s">
        <v>2795</v>
      </c>
      <c r="SD730" s="424"/>
      <c r="SE730" s="424"/>
      <c r="SF730" s="424"/>
      <c r="SG730" s="423" t="s">
        <v>2795</v>
      </c>
      <c r="SH730" s="424"/>
      <c r="SI730" s="424"/>
      <c r="SJ730" s="424"/>
      <c r="SK730" s="423" t="s">
        <v>2795</v>
      </c>
      <c r="SL730" s="424"/>
      <c r="SM730" s="424"/>
      <c r="SN730" s="424"/>
      <c r="SO730" s="423" t="s">
        <v>2795</v>
      </c>
      <c r="SP730" s="424"/>
      <c r="SQ730" s="424"/>
      <c r="SR730" s="424"/>
      <c r="SS730" s="423" t="s">
        <v>2795</v>
      </c>
      <c r="ST730" s="424"/>
      <c r="SU730" s="424"/>
      <c r="SV730" s="424"/>
      <c r="SW730" s="423" t="s">
        <v>2795</v>
      </c>
      <c r="SX730" s="424"/>
      <c r="SY730" s="424"/>
      <c r="SZ730" s="424"/>
      <c r="TA730" s="423" t="s">
        <v>2795</v>
      </c>
      <c r="TB730" s="424"/>
      <c r="TC730" s="424"/>
      <c r="TD730" s="424"/>
      <c r="TE730" s="423" t="s">
        <v>2795</v>
      </c>
      <c r="TF730" s="424"/>
      <c r="TG730" s="424"/>
      <c r="TH730" s="424"/>
      <c r="TI730" s="423" t="s">
        <v>2795</v>
      </c>
      <c r="TJ730" s="424"/>
      <c r="TK730" s="424"/>
      <c r="TL730" s="424"/>
      <c r="TM730" s="423" t="s">
        <v>2795</v>
      </c>
      <c r="TN730" s="424"/>
      <c r="TO730" s="424"/>
      <c r="TP730" s="424"/>
      <c r="TQ730" s="423" t="s">
        <v>2795</v>
      </c>
      <c r="TR730" s="424"/>
      <c r="TS730" s="424"/>
      <c r="TT730" s="424"/>
      <c r="TU730" s="423" t="s">
        <v>2795</v>
      </c>
      <c r="TV730" s="424"/>
      <c r="TW730" s="424"/>
      <c r="TX730" s="424"/>
      <c r="TY730" s="423" t="s">
        <v>2795</v>
      </c>
      <c r="TZ730" s="424"/>
      <c r="UA730" s="424"/>
      <c r="UB730" s="424"/>
      <c r="UC730" s="423" t="s">
        <v>2795</v>
      </c>
      <c r="UD730" s="424"/>
      <c r="UE730" s="424"/>
      <c r="UF730" s="424"/>
      <c r="UG730" s="423" t="s">
        <v>2795</v>
      </c>
      <c r="UH730" s="424"/>
      <c r="UI730" s="424"/>
      <c r="UJ730" s="424"/>
      <c r="UK730" s="423" t="s">
        <v>2795</v>
      </c>
      <c r="UL730" s="424"/>
      <c r="UM730" s="424"/>
      <c r="UN730" s="424"/>
      <c r="UO730" s="423" t="s">
        <v>2795</v>
      </c>
      <c r="UP730" s="424"/>
      <c r="UQ730" s="424"/>
      <c r="UR730" s="424"/>
      <c r="US730" s="423" t="s">
        <v>2795</v>
      </c>
      <c r="UT730" s="424"/>
      <c r="UU730" s="424"/>
      <c r="UV730" s="424"/>
      <c r="UW730" s="423" t="s">
        <v>2795</v>
      </c>
      <c r="UX730" s="424"/>
      <c r="UY730" s="424"/>
      <c r="UZ730" s="424"/>
      <c r="VA730" s="423" t="s">
        <v>2795</v>
      </c>
      <c r="VB730" s="424"/>
      <c r="VC730" s="424"/>
      <c r="VD730" s="424"/>
      <c r="VE730" s="423" t="s">
        <v>2795</v>
      </c>
      <c r="VF730" s="424"/>
      <c r="VG730" s="424"/>
      <c r="VH730" s="424"/>
      <c r="VI730" s="423" t="s">
        <v>2795</v>
      </c>
      <c r="VJ730" s="424"/>
      <c r="VK730" s="424"/>
      <c r="VL730" s="424"/>
      <c r="VM730" s="423" t="s">
        <v>2795</v>
      </c>
      <c r="VN730" s="424"/>
      <c r="VO730" s="424"/>
      <c r="VP730" s="424"/>
      <c r="VQ730" s="423" t="s">
        <v>2795</v>
      </c>
      <c r="VR730" s="424"/>
      <c r="VS730" s="424"/>
      <c r="VT730" s="424"/>
      <c r="VU730" s="423" t="s">
        <v>2795</v>
      </c>
      <c r="VV730" s="424"/>
      <c r="VW730" s="424"/>
      <c r="VX730" s="424"/>
      <c r="VY730" s="423" t="s">
        <v>2795</v>
      </c>
      <c r="VZ730" s="424"/>
      <c r="WA730" s="424"/>
      <c r="WB730" s="424"/>
      <c r="WC730" s="423" t="s">
        <v>2795</v>
      </c>
      <c r="WD730" s="424"/>
      <c r="WE730" s="424"/>
      <c r="WF730" s="424"/>
      <c r="WG730" s="423" t="s">
        <v>2795</v>
      </c>
      <c r="WH730" s="424"/>
      <c r="WI730" s="424"/>
      <c r="WJ730" s="424"/>
      <c r="WK730" s="423" t="s">
        <v>2795</v>
      </c>
      <c r="WL730" s="424"/>
      <c r="WM730" s="424"/>
      <c r="WN730" s="424"/>
      <c r="WO730" s="423" t="s">
        <v>2795</v>
      </c>
      <c r="WP730" s="424"/>
      <c r="WQ730" s="424"/>
      <c r="WR730" s="424"/>
      <c r="WS730" s="423" t="s">
        <v>2795</v>
      </c>
      <c r="WT730" s="424"/>
      <c r="WU730" s="424"/>
      <c r="WV730" s="424"/>
      <c r="WW730" s="423" t="s">
        <v>2795</v>
      </c>
      <c r="WX730" s="424"/>
      <c r="WY730" s="424"/>
      <c r="WZ730" s="424"/>
      <c r="XA730" s="423" t="s">
        <v>2795</v>
      </c>
      <c r="XB730" s="424"/>
      <c r="XC730" s="424"/>
      <c r="XD730" s="424"/>
      <c r="XE730" s="423" t="s">
        <v>2795</v>
      </c>
      <c r="XF730" s="424"/>
      <c r="XG730" s="424"/>
      <c r="XH730" s="424"/>
      <c r="XI730" s="423" t="s">
        <v>2795</v>
      </c>
      <c r="XJ730" s="424"/>
      <c r="XK730" s="424"/>
      <c r="XL730" s="424"/>
      <c r="XM730" s="423" t="s">
        <v>2795</v>
      </c>
      <c r="XN730" s="424"/>
      <c r="XO730" s="424"/>
      <c r="XP730" s="424"/>
      <c r="XQ730" s="423" t="s">
        <v>2795</v>
      </c>
      <c r="XR730" s="424"/>
      <c r="XS730" s="424"/>
      <c r="XT730" s="424"/>
      <c r="XU730" s="423" t="s">
        <v>2795</v>
      </c>
      <c r="XV730" s="424"/>
      <c r="XW730" s="424"/>
      <c r="XX730" s="424"/>
      <c r="XY730" s="423" t="s">
        <v>2795</v>
      </c>
      <c r="XZ730" s="424"/>
      <c r="YA730" s="424"/>
      <c r="YB730" s="424"/>
      <c r="YC730" s="423" t="s">
        <v>2795</v>
      </c>
      <c r="YD730" s="424"/>
      <c r="YE730" s="424"/>
      <c r="YF730" s="424"/>
      <c r="YG730" s="423" t="s">
        <v>2795</v>
      </c>
      <c r="YH730" s="424"/>
      <c r="YI730" s="424"/>
      <c r="YJ730" s="424"/>
      <c r="YK730" s="423" t="s">
        <v>2795</v>
      </c>
      <c r="YL730" s="424"/>
      <c r="YM730" s="424"/>
      <c r="YN730" s="424"/>
      <c r="YO730" s="423" t="s">
        <v>2795</v>
      </c>
      <c r="YP730" s="424"/>
      <c r="YQ730" s="424"/>
      <c r="YR730" s="424"/>
      <c r="YS730" s="423" t="s">
        <v>2795</v>
      </c>
      <c r="YT730" s="424"/>
      <c r="YU730" s="424"/>
      <c r="YV730" s="424"/>
      <c r="YW730" s="423" t="s">
        <v>2795</v>
      </c>
      <c r="YX730" s="424"/>
      <c r="YY730" s="424"/>
      <c r="YZ730" s="424"/>
      <c r="ZA730" s="423" t="s">
        <v>2795</v>
      </c>
      <c r="ZB730" s="424"/>
      <c r="ZC730" s="424"/>
      <c r="ZD730" s="424"/>
      <c r="ZE730" s="423" t="s">
        <v>2795</v>
      </c>
      <c r="ZF730" s="424"/>
      <c r="ZG730" s="424"/>
      <c r="ZH730" s="424"/>
      <c r="ZI730" s="423" t="s">
        <v>2795</v>
      </c>
      <c r="ZJ730" s="424"/>
      <c r="ZK730" s="424"/>
      <c r="ZL730" s="424"/>
      <c r="ZM730" s="423" t="s">
        <v>2795</v>
      </c>
      <c r="ZN730" s="424"/>
      <c r="ZO730" s="424"/>
      <c r="ZP730" s="424"/>
      <c r="ZQ730" s="423" t="s">
        <v>2795</v>
      </c>
      <c r="ZR730" s="424"/>
      <c r="ZS730" s="424"/>
      <c r="ZT730" s="424"/>
      <c r="ZU730" s="423" t="s">
        <v>2795</v>
      </c>
      <c r="ZV730" s="424"/>
      <c r="ZW730" s="424"/>
      <c r="ZX730" s="424"/>
      <c r="ZY730" s="423" t="s">
        <v>2795</v>
      </c>
      <c r="ZZ730" s="424"/>
      <c r="AAA730" s="424"/>
      <c r="AAB730" s="424"/>
      <c r="AAC730" s="423" t="s">
        <v>2795</v>
      </c>
      <c r="AAD730" s="424"/>
      <c r="AAE730" s="424"/>
      <c r="AAF730" s="424"/>
      <c r="AAG730" s="423" t="s">
        <v>2795</v>
      </c>
      <c r="AAH730" s="424"/>
      <c r="AAI730" s="424"/>
      <c r="AAJ730" s="424"/>
      <c r="AAK730" s="423" t="s">
        <v>2795</v>
      </c>
      <c r="AAL730" s="424"/>
      <c r="AAM730" s="424"/>
      <c r="AAN730" s="424"/>
      <c r="AAO730" s="423" t="s">
        <v>2795</v>
      </c>
      <c r="AAP730" s="424"/>
      <c r="AAQ730" s="424"/>
      <c r="AAR730" s="424"/>
      <c r="AAS730" s="423" t="s">
        <v>2795</v>
      </c>
      <c r="AAT730" s="424"/>
      <c r="AAU730" s="424"/>
      <c r="AAV730" s="424"/>
      <c r="AAW730" s="423" t="s">
        <v>2795</v>
      </c>
      <c r="AAX730" s="424"/>
      <c r="AAY730" s="424"/>
      <c r="AAZ730" s="424"/>
      <c r="ABA730" s="423" t="s">
        <v>2795</v>
      </c>
      <c r="ABB730" s="424"/>
      <c r="ABC730" s="424"/>
      <c r="ABD730" s="424"/>
      <c r="ABE730" s="423" t="s">
        <v>2795</v>
      </c>
      <c r="ABF730" s="424"/>
      <c r="ABG730" s="424"/>
      <c r="ABH730" s="424"/>
      <c r="ABI730" s="423" t="s">
        <v>2795</v>
      </c>
      <c r="ABJ730" s="424"/>
      <c r="ABK730" s="424"/>
      <c r="ABL730" s="424"/>
      <c r="ABM730" s="423" t="s">
        <v>2795</v>
      </c>
      <c r="ABN730" s="424"/>
      <c r="ABO730" s="424"/>
      <c r="ABP730" s="424"/>
      <c r="ABQ730" s="423" t="s">
        <v>2795</v>
      </c>
      <c r="ABR730" s="424"/>
      <c r="ABS730" s="424"/>
      <c r="ABT730" s="424"/>
      <c r="ABU730" s="423" t="s">
        <v>2795</v>
      </c>
      <c r="ABV730" s="424"/>
      <c r="ABW730" s="424"/>
      <c r="ABX730" s="424"/>
      <c r="ABY730" s="423" t="s">
        <v>2795</v>
      </c>
      <c r="ABZ730" s="424"/>
      <c r="ACA730" s="424"/>
      <c r="ACB730" s="424"/>
      <c r="ACC730" s="423" t="s">
        <v>2795</v>
      </c>
      <c r="ACD730" s="424"/>
      <c r="ACE730" s="424"/>
      <c r="ACF730" s="424"/>
      <c r="ACG730" s="423" t="s">
        <v>2795</v>
      </c>
      <c r="ACH730" s="424"/>
      <c r="ACI730" s="424"/>
      <c r="ACJ730" s="424"/>
      <c r="ACK730" s="423" t="s">
        <v>2795</v>
      </c>
      <c r="ACL730" s="424"/>
      <c r="ACM730" s="424"/>
      <c r="ACN730" s="424"/>
      <c r="ACO730" s="423" t="s">
        <v>2795</v>
      </c>
      <c r="ACP730" s="424"/>
      <c r="ACQ730" s="424"/>
      <c r="ACR730" s="424"/>
      <c r="ACS730" s="423" t="s">
        <v>2795</v>
      </c>
      <c r="ACT730" s="424"/>
      <c r="ACU730" s="424"/>
      <c r="ACV730" s="424"/>
      <c r="ACW730" s="423" t="s">
        <v>2795</v>
      </c>
      <c r="ACX730" s="424"/>
      <c r="ACY730" s="424"/>
      <c r="ACZ730" s="424"/>
      <c r="ADA730" s="423" t="s">
        <v>2795</v>
      </c>
      <c r="ADB730" s="424"/>
      <c r="ADC730" s="424"/>
      <c r="ADD730" s="424"/>
      <c r="ADE730" s="423" t="s">
        <v>2795</v>
      </c>
      <c r="ADF730" s="424"/>
      <c r="ADG730" s="424"/>
      <c r="ADH730" s="424"/>
      <c r="ADI730" s="423" t="s">
        <v>2795</v>
      </c>
      <c r="ADJ730" s="424"/>
      <c r="ADK730" s="424"/>
      <c r="ADL730" s="424"/>
      <c r="ADM730" s="423" t="s">
        <v>2795</v>
      </c>
      <c r="ADN730" s="424"/>
      <c r="ADO730" s="424"/>
      <c r="ADP730" s="424"/>
      <c r="ADQ730" s="423" t="s">
        <v>2795</v>
      </c>
      <c r="ADR730" s="424"/>
      <c r="ADS730" s="424"/>
      <c r="ADT730" s="424"/>
      <c r="ADU730" s="423" t="s">
        <v>2795</v>
      </c>
      <c r="ADV730" s="424"/>
      <c r="ADW730" s="424"/>
      <c r="ADX730" s="424"/>
      <c r="ADY730" s="423" t="s">
        <v>2795</v>
      </c>
      <c r="ADZ730" s="424"/>
      <c r="AEA730" s="424"/>
      <c r="AEB730" s="424"/>
      <c r="AEC730" s="423" t="s">
        <v>2795</v>
      </c>
      <c r="AED730" s="424"/>
      <c r="AEE730" s="424"/>
      <c r="AEF730" s="424"/>
      <c r="AEG730" s="423" t="s">
        <v>2795</v>
      </c>
      <c r="AEH730" s="424"/>
      <c r="AEI730" s="424"/>
      <c r="AEJ730" s="424"/>
      <c r="AEK730" s="423" t="s">
        <v>2795</v>
      </c>
      <c r="AEL730" s="424"/>
      <c r="AEM730" s="424"/>
      <c r="AEN730" s="424"/>
      <c r="AEO730" s="423" t="s">
        <v>2795</v>
      </c>
      <c r="AEP730" s="424"/>
      <c r="AEQ730" s="424"/>
      <c r="AER730" s="424"/>
      <c r="AES730" s="423" t="s">
        <v>2795</v>
      </c>
      <c r="AET730" s="424"/>
      <c r="AEU730" s="424"/>
      <c r="AEV730" s="424"/>
      <c r="AEW730" s="423" t="s">
        <v>2795</v>
      </c>
      <c r="AEX730" s="424"/>
      <c r="AEY730" s="424"/>
      <c r="AEZ730" s="424"/>
      <c r="AFA730" s="423" t="s">
        <v>2795</v>
      </c>
      <c r="AFB730" s="424"/>
      <c r="AFC730" s="424"/>
      <c r="AFD730" s="424"/>
      <c r="AFE730" s="423" t="s">
        <v>2795</v>
      </c>
      <c r="AFF730" s="424"/>
      <c r="AFG730" s="424"/>
      <c r="AFH730" s="424"/>
      <c r="AFI730" s="423" t="s">
        <v>2795</v>
      </c>
      <c r="AFJ730" s="424"/>
      <c r="AFK730" s="424"/>
      <c r="AFL730" s="424"/>
      <c r="AFM730" s="423" t="s">
        <v>2795</v>
      </c>
      <c r="AFN730" s="424"/>
      <c r="AFO730" s="424"/>
      <c r="AFP730" s="424"/>
      <c r="AFQ730" s="423" t="s">
        <v>2795</v>
      </c>
      <c r="AFR730" s="424"/>
      <c r="AFS730" s="424"/>
      <c r="AFT730" s="424"/>
      <c r="AFU730" s="423" t="s">
        <v>2795</v>
      </c>
      <c r="AFV730" s="424"/>
      <c r="AFW730" s="424"/>
      <c r="AFX730" s="424"/>
      <c r="AFY730" s="423" t="s">
        <v>2795</v>
      </c>
      <c r="AFZ730" s="424"/>
      <c r="AGA730" s="424"/>
      <c r="AGB730" s="424"/>
      <c r="AGC730" s="423" t="s">
        <v>2795</v>
      </c>
      <c r="AGD730" s="424"/>
      <c r="AGE730" s="424"/>
      <c r="AGF730" s="424"/>
      <c r="AGG730" s="423" t="s">
        <v>2795</v>
      </c>
      <c r="AGH730" s="424"/>
      <c r="AGI730" s="424"/>
      <c r="AGJ730" s="424"/>
      <c r="AGK730" s="423" t="s">
        <v>2795</v>
      </c>
      <c r="AGL730" s="424"/>
      <c r="AGM730" s="424"/>
      <c r="AGN730" s="424"/>
      <c r="AGO730" s="423" t="s">
        <v>2795</v>
      </c>
      <c r="AGP730" s="424"/>
      <c r="AGQ730" s="424"/>
      <c r="AGR730" s="424"/>
      <c r="AGS730" s="423" t="s">
        <v>2795</v>
      </c>
      <c r="AGT730" s="424"/>
      <c r="AGU730" s="424"/>
      <c r="AGV730" s="424"/>
      <c r="AGW730" s="423" t="s">
        <v>2795</v>
      </c>
      <c r="AGX730" s="424"/>
      <c r="AGY730" s="424"/>
      <c r="AGZ730" s="424"/>
      <c r="AHA730" s="423" t="s">
        <v>2795</v>
      </c>
      <c r="AHB730" s="424"/>
      <c r="AHC730" s="424"/>
      <c r="AHD730" s="424"/>
      <c r="AHE730" s="423" t="s">
        <v>2795</v>
      </c>
      <c r="AHF730" s="424"/>
      <c r="AHG730" s="424"/>
      <c r="AHH730" s="424"/>
      <c r="AHI730" s="423" t="s">
        <v>2795</v>
      </c>
      <c r="AHJ730" s="424"/>
      <c r="AHK730" s="424"/>
      <c r="AHL730" s="424"/>
      <c r="AHM730" s="423" t="s">
        <v>2795</v>
      </c>
      <c r="AHN730" s="424"/>
      <c r="AHO730" s="424"/>
      <c r="AHP730" s="424"/>
      <c r="AHQ730" s="423" t="s">
        <v>2795</v>
      </c>
      <c r="AHR730" s="424"/>
      <c r="AHS730" s="424"/>
      <c r="AHT730" s="424"/>
      <c r="AHU730" s="423" t="s">
        <v>2795</v>
      </c>
      <c r="AHV730" s="424"/>
      <c r="AHW730" s="424"/>
      <c r="AHX730" s="424"/>
      <c r="AHY730" s="423" t="s">
        <v>2795</v>
      </c>
      <c r="AHZ730" s="424"/>
      <c r="AIA730" s="424"/>
      <c r="AIB730" s="424"/>
      <c r="AIC730" s="423" t="s">
        <v>2795</v>
      </c>
      <c r="AID730" s="424"/>
      <c r="AIE730" s="424"/>
      <c r="AIF730" s="424"/>
      <c r="AIG730" s="423" t="s">
        <v>2795</v>
      </c>
      <c r="AIH730" s="424"/>
      <c r="AII730" s="424"/>
      <c r="AIJ730" s="424"/>
      <c r="AIK730" s="423" t="s">
        <v>2795</v>
      </c>
      <c r="AIL730" s="424"/>
      <c r="AIM730" s="424"/>
      <c r="AIN730" s="424"/>
      <c r="AIO730" s="423" t="s">
        <v>2795</v>
      </c>
      <c r="AIP730" s="424"/>
      <c r="AIQ730" s="424"/>
      <c r="AIR730" s="424"/>
      <c r="AIS730" s="423" t="s">
        <v>2795</v>
      </c>
      <c r="AIT730" s="424"/>
      <c r="AIU730" s="424"/>
      <c r="AIV730" s="424"/>
      <c r="AIW730" s="423" t="s">
        <v>2795</v>
      </c>
      <c r="AIX730" s="424"/>
      <c r="AIY730" s="424"/>
      <c r="AIZ730" s="424"/>
      <c r="AJA730" s="423" t="s">
        <v>2795</v>
      </c>
      <c r="AJB730" s="424"/>
      <c r="AJC730" s="424"/>
      <c r="AJD730" s="424"/>
      <c r="AJE730" s="423" t="s">
        <v>2795</v>
      </c>
      <c r="AJF730" s="424"/>
      <c r="AJG730" s="424"/>
      <c r="AJH730" s="424"/>
      <c r="AJI730" s="423" t="s">
        <v>2795</v>
      </c>
      <c r="AJJ730" s="424"/>
      <c r="AJK730" s="424"/>
      <c r="AJL730" s="424"/>
      <c r="AJM730" s="423" t="s">
        <v>2795</v>
      </c>
      <c r="AJN730" s="424"/>
      <c r="AJO730" s="424"/>
      <c r="AJP730" s="424"/>
      <c r="AJQ730" s="423" t="s">
        <v>2795</v>
      </c>
      <c r="AJR730" s="424"/>
      <c r="AJS730" s="424"/>
      <c r="AJT730" s="424"/>
      <c r="AJU730" s="423" t="s">
        <v>2795</v>
      </c>
      <c r="AJV730" s="424"/>
      <c r="AJW730" s="424"/>
      <c r="AJX730" s="424"/>
      <c r="AJY730" s="423" t="s">
        <v>2795</v>
      </c>
      <c r="AJZ730" s="424"/>
      <c r="AKA730" s="424"/>
      <c r="AKB730" s="424"/>
      <c r="AKC730" s="423" t="s">
        <v>2795</v>
      </c>
      <c r="AKD730" s="424"/>
      <c r="AKE730" s="424"/>
      <c r="AKF730" s="424"/>
      <c r="AKG730" s="423" t="s">
        <v>2795</v>
      </c>
      <c r="AKH730" s="424"/>
      <c r="AKI730" s="424"/>
      <c r="AKJ730" s="424"/>
      <c r="AKK730" s="423" t="s">
        <v>2795</v>
      </c>
      <c r="AKL730" s="424"/>
      <c r="AKM730" s="424"/>
      <c r="AKN730" s="424"/>
      <c r="AKO730" s="423" t="s">
        <v>2795</v>
      </c>
      <c r="AKP730" s="424"/>
      <c r="AKQ730" s="424"/>
      <c r="AKR730" s="424"/>
      <c r="AKS730" s="423" t="s">
        <v>2795</v>
      </c>
      <c r="AKT730" s="424"/>
      <c r="AKU730" s="424"/>
      <c r="AKV730" s="424"/>
      <c r="AKW730" s="423" t="s">
        <v>2795</v>
      </c>
      <c r="AKX730" s="424"/>
      <c r="AKY730" s="424"/>
      <c r="AKZ730" s="424"/>
      <c r="ALA730" s="423" t="s">
        <v>2795</v>
      </c>
      <c r="ALB730" s="424"/>
      <c r="ALC730" s="424"/>
      <c r="ALD730" s="424"/>
      <c r="ALE730" s="423" t="s">
        <v>2795</v>
      </c>
      <c r="ALF730" s="424"/>
      <c r="ALG730" s="424"/>
      <c r="ALH730" s="424"/>
      <c r="ALI730" s="423" t="s">
        <v>2795</v>
      </c>
      <c r="ALJ730" s="424"/>
      <c r="ALK730" s="424"/>
      <c r="ALL730" s="424"/>
      <c r="ALM730" s="423" t="s">
        <v>2795</v>
      </c>
      <c r="ALN730" s="424"/>
      <c r="ALO730" s="424"/>
      <c r="ALP730" s="424"/>
      <c r="ALQ730" s="423" t="s">
        <v>2795</v>
      </c>
      <c r="ALR730" s="424"/>
      <c r="ALS730" s="424"/>
      <c r="ALT730" s="424"/>
      <c r="ALU730" s="423" t="s">
        <v>2795</v>
      </c>
      <c r="ALV730" s="424"/>
      <c r="ALW730" s="424"/>
      <c r="ALX730" s="424"/>
      <c r="ALY730" s="423" t="s">
        <v>2795</v>
      </c>
      <c r="ALZ730" s="424"/>
      <c r="AMA730" s="424"/>
      <c r="AMB730" s="424"/>
      <c r="AMC730" s="423" t="s">
        <v>2795</v>
      </c>
      <c r="AMD730" s="424"/>
      <c r="AME730" s="424"/>
      <c r="AMF730" s="424"/>
      <c r="AMG730" s="423" t="s">
        <v>2795</v>
      </c>
      <c r="AMH730" s="424"/>
      <c r="AMI730" s="424"/>
      <c r="AMJ730" s="424"/>
      <c r="AMK730" s="423" t="s">
        <v>2795</v>
      </c>
      <c r="AML730" s="424"/>
      <c r="AMM730" s="424"/>
      <c r="AMN730" s="424"/>
      <c r="AMO730" s="423" t="s">
        <v>2795</v>
      </c>
      <c r="AMP730" s="424"/>
      <c r="AMQ730" s="424"/>
      <c r="AMR730" s="424"/>
      <c r="AMS730" s="423" t="s">
        <v>2795</v>
      </c>
      <c r="AMT730" s="424"/>
      <c r="AMU730" s="424"/>
      <c r="AMV730" s="424"/>
      <c r="AMW730" s="423" t="s">
        <v>2795</v>
      </c>
      <c r="AMX730" s="424"/>
      <c r="AMY730" s="424"/>
      <c r="AMZ730" s="424"/>
      <c r="ANA730" s="423" t="s">
        <v>2795</v>
      </c>
      <c r="ANB730" s="424"/>
      <c r="ANC730" s="424"/>
      <c r="AND730" s="424"/>
      <c r="ANE730" s="423" t="s">
        <v>2795</v>
      </c>
      <c r="ANF730" s="424"/>
      <c r="ANG730" s="424"/>
      <c r="ANH730" s="424"/>
      <c r="ANI730" s="423" t="s">
        <v>2795</v>
      </c>
      <c r="ANJ730" s="424"/>
      <c r="ANK730" s="424"/>
      <c r="ANL730" s="424"/>
      <c r="ANM730" s="423" t="s">
        <v>2795</v>
      </c>
      <c r="ANN730" s="424"/>
      <c r="ANO730" s="424"/>
      <c r="ANP730" s="424"/>
      <c r="ANQ730" s="423" t="s">
        <v>2795</v>
      </c>
      <c r="ANR730" s="424"/>
      <c r="ANS730" s="424"/>
      <c r="ANT730" s="424"/>
      <c r="ANU730" s="423" t="s">
        <v>2795</v>
      </c>
      <c r="ANV730" s="424"/>
      <c r="ANW730" s="424"/>
      <c r="ANX730" s="424"/>
      <c r="ANY730" s="423" t="s">
        <v>2795</v>
      </c>
      <c r="ANZ730" s="424"/>
      <c r="AOA730" s="424"/>
      <c r="AOB730" s="424"/>
      <c r="AOC730" s="423" t="s">
        <v>2795</v>
      </c>
      <c r="AOD730" s="424"/>
      <c r="AOE730" s="424"/>
      <c r="AOF730" s="424"/>
      <c r="AOG730" s="423" t="s">
        <v>2795</v>
      </c>
      <c r="AOH730" s="424"/>
      <c r="AOI730" s="424"/>
      <c r="AOJ730" s="424"/>
      <c r="AOK730" s="423" t="s">
        <v>2795</v>
      </c>
      <c r="AOL730" s="424"/>
      <c r="AOM730" s="424"/>
      <c r="AON730" s="424"/>
      <c r="AOO730" s="423" t="s">
        <v>2795</v>
      </c>
      <c r="AOP730" s="424"/>
      <c r="AOQ730" s="424"/>
      <c r="AOR730" s="424"/>
      <c r="AOS730" s="423" t="s">
        <v>2795</v>
      </c>
      <c r="AOT730" s="424"/>
      <c r="AOU730" s="424"/>
      <c r="AOV730" s="424"/>
      <c r="AOW730" s="423" t="s">
        <v>2795</v>
      </c>
      <c r="AOX730" s="424"/>
      <c r="AOY730" s="424"/>
      <c r="AOZ730" s="424"/>
      <c r="APA730" s="423" t="s">
        <v>2795</v>
      </c>
      <c r="APB730" s="424"/>
      <c r="APC730" s="424"/>
      <c r="APD730" s="424"/>
      <c r="APE730" s="423" t="s">
        <v>2795</v>
      </c>
      <c r="APF730" s="424"/>
      <c r="APG730" s="424"/>
      <c r="APH730" s="424"/>
      <c r="API730" s="423" t="s">
        <v>2795</v>
      </c>
      <c r="APJ730" s="424"/>
      <c r="APK730" s="424"/>
      <c r="APL730" s="424"/>
      <c r="APM730" s="423" t="s">
        <v>2795</v>
      </c>
      <c r="APN730" s="424"/>
      <c r="APO730" s="424"/>
      <c r="APP730" s="424"/>
      <c r="APQ730" s="423" t="s">
        <v>2795</v>
      </c>
      <c r="APR730" s="424"/>
      <c r="APS730" s="424"/>
      <c r="APT730" s="424"/>
      <c r="APU730" s="423" t="s">
        <v>2795</v>
      </c>
      <c r="APV730" s="424"/>
      <c r="APW730" s="424"/>
      <c r="APX730" s="424"/>
      <c r="APY730" s="423" t="s">
        <v>2795</v>
      </c>
      <c r="APZ730" s="424"/>
      <c r="AQA730" s="424"/>
      <c r="AQB730" s="424"/>
      <c r="AQC730" s="423" t="s">
        <v>2795</v>
      </c>
      <c r="AQD730" s="424"/>
      <c r="AQE730" s="424"/>
      <c r="AQF730" s="424"/>
      <c r="AQG730" s="423" t="s">
        <v>2795</v>
      </c>
      <c r="AQH730" s="424"/>
      <c r="AQI730" s="424"/>
      <c r="AQJ730" s="424"/>
      <c r="AQK730" s="423" t="s">
        <v>2795</v>
      </c>
      <c r="AQL730" s="424"/>
      <c r="AQM730" s="424"/>
      <c r="AQN730" s="424"/>
      <c r="AQO730" s="423" t="s">
        <v>2795</v>
      </c>
      <c r="AQP730" s="424"/>
      <c r="AQQ730" s="424"/>
      <c r="AQR730" s="424"/>
      <c r="AQS730" s="423" t="s">
        <v>2795</v>
      </c>
      <c r="AQT730" s="424"/>
      <c r="AQU730" s="424"/>
      <c r="AQV730" s="424"/>
      <c r="AQW730" s="423" t="s">
        <v>2795</v>
      </c>
      <c r="AQX730" s="424"/>
      <c r="AQY730" s="424"/>
      <c r="AQZ730" s="424"/>
      <c r="ARA730" s="423" t="s">
        <v>2795</v>
      </c>
      <c r="ARB730" s="424"/>
      <c r="ARC730" s="424"/>
      <c r="ARD730" s="424"/>
      <c r="ARE730" s="423" t="s">
        <v>2795</v>
      </c>
      <c r="ARF730" s="424"/>
      <c r="ARG730" s="424"/>
      <c r="ARH730" s="424"/>
      <c r="ARI730" s="423" t="s">
        <v>2795</v>
      </c>
      <c r="ARJ730" s="424"/>
      <c r="ARK730" s="424"/>
      <c r="ARL730" s="424"/>
      <c r="ARM730" s="423" t="s">
        <v>2795</v>
      </c>
      <c r="ARN730" s="424"/>
      <c r="ARO730" s="424"/>
      <c r="ARP730" s="424"/>
      <c r="ARQ730" s="423" t="s">
        <v>2795</v>
      </c>
      <c r="ARR730" s="424"/>
      <c r="ARS730" s="424"/>
      <c r="ART730" s="424"/>
      <c r="ARU730" s="423" t="s">
        <v>2795</v>
      </c>
      <c r="ARV730" s="424"/>
      <c r="ARW730" s="424"/>
      <c r="ARX730" s="424"/>
      <c r="ARY730" s="423" t="s">
        <v>2795</v>
      </c>
      <c r="ARZ730" s="424"/>
      <c r="ASA730" s="424"/>
      <c r="ASB730" s="424"/>
      <c r="ASC730" s="423" t="s">
        <v>2795</v>
      </c>
      <c r="ASD730" s="424"/>
      <c r="ASE730" s="424"/>
      <c r="ASF730" s="424"/>
      <c r="ASG730" s="423" t="s">
        <v>2795</v>
      </c>
      <c r="ASH730" s="424"/>
      <c r="ASI730" s="424"/>
      <c r="ASJ730" s="424"/>
      <c r="ASK730" s="423" t="s">
        <v>2795</v>
      </c>
      <c r="ASL730" s="424"/>
      <c r="ASM730" s="424"/>
      <c r="ASN730" s="424"/>
      <c r="ASO730" s="423" t="s">
        <v>2795</v>
      </c>
      <c r="ASP730" s="424"/>
      <c r="ASQ730" s="424"/>
      <c r="ASR730" s="424"/>
      <c r="ASS730" s="423" t="s">
        <v>2795</v>
      </c>
      <c r="AST730" s="424"/>
      <c r="ASU730" s="424"/>
      <c r="ASV730" s="424"/>
      <c r="ASW730" s="423" t="s">
        <v>2795</v>
      </c>
      <c r="ASX730" s="424"/>
      <c r="ASY730" s="424"/>
      <c r="ASZ730" s="424"/>
      <c r="ATA730" s="423" t="s">
        <v>2795</v>
      </c>
      <c r="ATB730" s="424"/>
      <c r="ATC730" s="424"/>
      <c r="ATD730" s="424"/>
      <c r="ATE730" s="423" t="s">
        <v>2795</v>
      </c>
      <c r="ATF730" s="424"/>
      <c r="ATG730" s="424"/>
      <c r="ATH730" s="424"/>
      <c r="ATI730" s="423" t="s">
        <v>2795</v>
      </c>
      <c r="ATJ730" s="424"/>
      <c r="ATK730" s="424"/>
      <c r="ATL730" s="424"/>
      <c r="ATM730" s="423" t="s">
        <v>2795</v>
      </c>
      <c r="ATN730" s="424"/>
      <c r="ATO730" s="424"/>
      <c r="ATP730" s="424"/>
      <c r="ATQ730" s="423" t="s">
        <v>2795</v>
      </c>
      <c r="ATR730" s="424"/>
      <c r="ATS730" s="424"/>
      <c r="ATT730" s="424"/>
      <c r="ATU730" s="423" t="s">
        <v>2795</v>
      </c>
      <c r="ATV730" s="424"/>
      <c r="ATW730" s="424"/>
      <c r="ATX730" s="424"/>
      <c r="ATY730" s="423" t="s">
        <v>2795</v>
      </c>
      <c r="ATZ730" s="424"/>
      <c r="AUA730" s="424"/>
      <c r="AUB730" s="424"/>
      <c r="AUC730" s="423" t="s">
        <v>2795</v>
      </c>
      <c r="AUD730" s="424"/>
      <c r="AUE730" s="424"/>
      <c r="AUF730" s="424"/>
      <c r="AUG730" s="423" t="s">
        <v>2795</v>
      </c>
      <c r="AUH730" s="424"/>
      <c r="AUI730" s="424"/>
      <c r="AUJ730" s="424"/>
      <c r="AUK730" s="423" t="s">
        <v>2795</v>
      </c>
      <c r="AUL730" s="424"/>
      <c r="AUM730" s="424"/>
      <c r="AUN730" s="424"/>
      <c r="AUO730" s="423" t="s">
        <v>2795</v>
      </c>
      <c r="AUP730" s="424"/>
      <c r="AUQ730" s="424"/>
      <c r="AUR730" s="424"/>
      <c r="AUS730" s="423" t="s">
        <v>2795</v>
      </c>
      <c r="AUT730" s="424"/>
      <c r="AUU730" s="424"/>
      <c r="AUV730" s="424"/>
      <c r="AUW730" s="423" t="s">
        <v>2795</v>
      </c>
      <c r="AUX730" s="424"/>
      <c r="AUY730" s="424"/>
      <c r="AUZ730" s="424"/>
      <c r="AVA730" s="423" t="s">
        <v>2795</v>
      </c>
      <c r="AVB730" s="424"/>
      <c r="AVC730" s="424"/>
      <c r="AVD730" s="424"/>
      <c r="AVE730" s="423" t="s">
        <v>2795</v>
      </c>
      <c r="AVF730" s="424"/>
      <c r="AVG730" s="424"/>
      <c r="AVH730" s="424"/>
      <c r="AVI730" s="423" t="s">
        <v>2795</v>
      </c>
      <c r="AVJ730" s="424"/>
      <c r="AVK730" s="424"/>
      <c r="AVL730" s="424"/>
      <c r="AVM730" s="423" t="s">
        <v>2795</v>
      </c>
      <c r="AVN730" s="424"/>
      <c r="AVO730" s="424"/>
      <c r="AVP730" s="424"/>
      <c r="AVQ730" s="423" t="s">
        <v>2795</v>
      </c>
      <c r="AVR730" s="424"/>
      <c r="AVS730" s="424"/>
      <c r="AVT730" s="424"/>
      <c r="AVU730" s="423" t="s">
        <v>2795</v>
      </c>
      <c r="AVV730" s="424"/>
      <c r="AVW730" s="424"/>
      <c r="AVX730" s="424"/>
      <c r="AVY730" s="423" t="s">
        <v>2795</v>
      </c>
      <c r="AVZ730" s="424"/>
      <c r="AWA730" s="424"/>
      <c r="AWB730" s="424"/>
      <c r="AWC730" s="423" t="s">
        <v>2795</v>
      </c>
      <c r="AWD730" s="424"/>
      <c r="AWE730" s="424"/>
      <c r="AWF730" s="424"/>
      <c r="AWG730" s="423" t="s">
        <v>2795</v>
      </c>
      <c r="AWH730" s="424"/>
      <c r="AWI730" s="424"/>
      <c r="AWJ730" s="424"/>
      <c r="AWK730" s="423" t="s">
        <v>2795</v>
      </c>
      <c r="AWL730" s="424"/>
      <c r="AWM730" s="424"/>
      <c r="AWN730" s="424"/>
      <c r="AWO730" s="423" t="s">
        <v>2795</v>
      </c>
      <c r="AWP730" s="424"/>
      <c r="AWQ730" s="424"/>
      <c r="AWR730" s="424"/>
      <c r="AWS730" s="423" t="s">
        <v>2795</v>
      </c>
      <c r="AWT730" s="424"/>
      <c r="AWU730" s="424"/>
      <c r="AWV730" s="424"/>
      <c r="AWW730" s="423" t="s">
        <v>2795</v>
      </c>
      <c r="AWX730" s="424"/>
      <c r="AWY730" s="424"/>
      <c r="AWZ730" s="424"/>
      <c r="AXA730" s="423" t="s">
        <v>2795</v>
      </c>
      <c r="AXB730" s="424"/>
      <c r="AXC730" s="424"/>
      <c r="AXD730" s="424"/>
      <c r="AXE730" s="423" t="s">
        <v>2795</v>
      </c>
      <c r="AXF730" s="424"/>
      <c r="AXG730" s="424"/>
      <c r="AXH730" s="424"/>
      <c r="AXI730" s="423" t="s">
        <v>2795</v>
      </c>
      <c r="AXJ730" s="424"/>
      <c r="AXK730" s="424"/>
      <c r="AXL730" s="424"/>
      <c r="AXM730" s="423" t="s">
        <v>2795</v>
      </c>
      <c r="AXN730" s="424"/>
      <c r="AXO730" s="424"/>
      <c r="AXP730" s="424"/>
      <c r="AXQ730" s="423" t="s">
        <v>2795</v>
      </c>
      <c r="AXR730" s="424"/>
      <c r="AXS730" s="424"/>
      <c r="AXT730" s="424"/>
      <c r="AXU730" s="423" t="s">
        <v>2795</v>
      </c>
      <c r="AXV730" s="424"/>
      <c r="AXW730" s="424"/>
      <c r="AXX730" s="424"/>
      <c r="AXY730" s="423" t="s">
        <v>2795</v>
      </c>
      <c r="AXZ730" s="424"/>
      <c r="AYA730" s="424"/>
      <c r="AYB730" s="424"/>
      <c r="AYC730" s="423" t="s">
        <v>2795</v>
      </c>
      <c r="AYD730" s="424"/>
      <c r="AYE730" s="424"/>
      <c r="AYF730" s="424"/>
      <c r="AYG730" s="423" t="s">
        <v>2795</v>
      </c>
      <c r="AYH730" s="424"/>
      <c r="AYI730" s="424"/>
      <c r="AYJ730" s="424"/>
      <c r="AYK730" s="423" t="s">
        <v>2795</v>
      </c>
      <c r="AYL730" s="424"/>
      <c r="AYM730" s="424"/>
      <c r="AYN730" s="424"/>
      <c r="AYO730" s="423" t="s">
        <v>2795</v>
      </c>
      <c r="AYP730" s="424"/>
      <c r="AYQ730" s="424"/>
      <c r="AYR730" s="424"/>
      <c r="AYS730" s="423" t="s">
        <v>2795</v>
      </c>
      <c r="AYT730" s="424"/>
      <c r="AYU730" s="424"/>
      <c r="AYV730" s="424"/>
      <c r="AYW730" s="423" t="s">
        <v>2795</v>
      </c>
      <c r="AYX730" s="424"/>
      <c r="AYY730" s="424"/>
      <c r="AYZ730" s="424"/>
      <c r="AZA730" s="423" t="s">
        <v>2795</v>
      </c>
      <c r="AZB730" s="424"/>
      <c r="AZC730" s="424"/>
      <c r="AZD730" s="424"/>
      <c r="AZE730" s="423" t="s">
        <v>2795</v>
      </c>
      <c r="AZF730" s="424"/>
      <c r="AZG730" s="424"/>
      <c r="AZH730" s="424"/>
      <c r="AZI730" s="423" t="s">
        <v>2795</v>
      </c>
      <c r="AZJ730" s="424"/>
      <c r="AZK730" s="424"/>
      <c r="AZL730" s="424"/>
      <c r="AZM730" s="423" t="s">
        <v>2795</v>
      </c>
      <c r="AZN730" s="424"/>
      <c r="AZO730" s="424"/>
      <c r="AZP730" s="424"/>
      <c r="AZQ730" s="423" t="s">
        <v>2795</v>
      </c>
      <c r="AZR730" s="424"/>
      <c r="AZS730" s="424"/>
      <c r="AZT730" s="424"/>
      <c r="AZU730" s="423" t="s">
        <v>2795</v>
      </c>
      <c r="AZV730" s="424"/>
      <c r="AZW730" s="424"/>
      <c r="AZX730" s="424"/>
      <c r="AZY730" s="423" t="s">
        <v>2795</v>
      </c>
      <c r="AZZ730" s="424"/>
      <c r="BAA730" s="424"/>
      <c r="BAB730" s="424"/>
      <c r="BAC730" s="423" t="s">
        <v>2795</v>
      </c>
      <c r="BAD730" s="424"/>
      <c r="BAE730" s="424"/>
      <c r="BAF730" s="424"/>
      <c r="BAG730" s="423" t="s">
        <v>2795</v>
      </c>
      <c r="BAH730" s="424"/>
      <c r="BAI730" s="424"/>
      <c r="BAJ730" s="424"/>
      <c r="BAK730" s="423" t="s">
        <v>2795</v>
      </c>
      <c r="BAL730" s="424"/>
      <c r="BAM730" s="424"/>
      <c r="BAN730" s="424"/>
      <c r="BAO730" s="423" t="s">
        <v>2795</v>
      </c>
      <c r="BAP730" s="424"/>
      <c r="BAQ730" s="424"/>
      <c r="BAR730" s="424"/>
      <c r="BAS730" s="423" t="s">
        <v>2795</v>
      </c>
      <c r="BAT730" s="424"/>
      <c r="BAU730" s="424"/>
      <c r="BAV730" s="424"/>
      <c r="BAW730" s="423" t="s">
        <v>2795</v>
      </c>
      <c r="BAX730" s="424"/>
      <c r="BAY730" s="424"/>
      <c r="BAZ730" s="424"/>
      <c r="BBA730" s="423" t="s">
        <v>2795</v>
      </c>
      <c r="BBB730" s="424"/>
      <c r="BBC730" s="424"/>
      <c r="BBD730" s="424"/>
      <c r="BBE730" s="423" t="s">
        <v>2795</v>
      </c>
      <c r="BBF730" s="424"/>
      <c r="BBG730" s="424"/>
      <c r="BBH730" s="424"/>
      <c r="BBI730" s="423" t="s">
        <v>2795</v>
      </c>
      <c r="BBJ730" s="424"/>
      <c r="BBK730" s="424"/>
      <c r="BBL730" s="424"/>
      <c r="BBM730" s="423" t="s">
        <v>2795</v>
      </c>
      <c r="BBN730" s="424"/>
      <c r="BBO730" s="424"/>
      <c r="BBP730" s="424"/>
      <c r="BBQ730" s="423" t="s">
        <v>2795</v>
      </c>
      <c r="BBR730" s="424"/>
      <c r="BBS730" s="424"/>
      <c r="BBT730" s="424"/>
      <c r="BBU730" s="423" t="s">
        <v>2795</v>
      </c>
      <c r="BBV730" s="424"/>
      <c r="BBW730" s="424"/>
      <c r="BBX730" s="424"/>
      <c r="BBY730" s="423" t="s">
        <v>2795</v>
      </c>
      <c r="BBZ730" s="424"/>
      <c r="BCA730" s="424"/>
      <c r="BCB730" s="424"/>
      <c r="BCC730" s="423" t="s">
        <v>2795</v>
      </c>
      <c r="BCD730" s="424"/>
      <c r="BCE730" s="424"/>
      <c r="BCF730" s="424"/>
      <c r="BCG730" s="423" t="s">
        <v>2795</v>
      </c>
      <c r="BCH730" s="424"/>
      <c r="BCI730" s="424"/>
      <c r="BCJ730" s="424"/>
      <c r="BCK730" s="423" t="s">
        <v>2795</v>
      </c>
      <c r="BCL730" s="424"/>
      <c r="BCM730" s="424"/>
      <c r="BCN730" s="424"/>
      <c r="BCO730" s="423" t="s">
        <v>2795</v>
      </c>
      <c r="BCP730" s="424"/>
      <c r="BCQ730" s="424"/>
      <c r="BCR730" s="424"/>
      <c r="BCS730" s="423" t="s">
        <v>2795</v>
      </c>
      <c r="BCT730" s="424"/>
      <c r="BCU730" s="424"/>
      <c r="BCV730" s="424"/>
      <c r="BCW730" s="423" t="s">
        <v>2795</v>
      </c>
      <c r="BCX730" s="424"/>
      <c r="BCY730" s="424"/>
      <c r="BCZ730" s="424"/>
      <c r="BDA730" s="423" t="s">
        <v>2795</v>
      </c>
      <c r="BDB730" s="424"/>
      <c r="BDC730" s="424"/>
      <c r="BDD730" s="424"/>
      <c r="BDE730" s="423" t="s">
        <v>2795</v>
      </c>
      <c r="BDF730" s="424"/>
      <c r="BDG730" s="424"/>
      <c r="BDH730" s="424"/>
      <c r="BDI730" s="423" t="s">
        <v>2795</v>
      </c>
      <c r="BDJ730" s="424"/>
      <c r="BDK730" s="424"/>
      <c r="BDL730" s="424"/>
      <c r="BDM730" s="423" t="s">
        <v>2795</v>
      </c>
      <c r="BDN730" s="424"/>
      <c r="BDO730" s="424"/>
      <c r="BDP730" s="424"/>
      <c r="BDQ730" s="423" t="s">
        <v>2795</v>
      </c>
      <c r="BDR730" s="424"/>
      <c r="BDS730" s="424"/>
      <c r="BDT730" s="424"/>
      <c r="BDU730" s="423" t="s">
        <v>2795</v>
      </c>
      <c r="BDV730" s="424"/>
      <c r="BDW730" s="424"/>
      <c r="BDX730" s="424"/>
      <c r="BDY730" s="423" t="s">
        <v>2795</v>
      </c>
      <c r="BDZ730" s="424"/>
      <c r="BEA730" s="424"/>
      <c r="BEB730" s="424"/>
      <c r="BEC730" s="423" t="s">
        <v>2795</v>
      </c>
      <c r="BED730" s="424"/>
      <c r="BEE730" s="424"/>
      <c r="BEF730" s="424"/>
      <c r="BEG730" s="423" t="s">
        <v>2795</v>
      </c>
      <c r="BEH730" s="424"/>
      <c r="BEI730" s="424"/>
      <c r="BEJ730" s="424"/>
      <c r="BEK730" s="423" t="s">
        <v>2795</v>
      </c>
      <c r="BEL730" s="424"/>
      <c r="BEM730" s="424"/>
      <c r="BEN730" s="424"/>
      <c r="BEO730" s="423" t="s">
        <v>2795</v>
      </c>
      <c r="BEP730" s="424"/>
      <c r="BEQ730" s="424"/>
      <c r="BER730" s="424"/>
      <c r="BES730" s="423" t="s">
        <v>2795</v>
      </c>
      <c r="BET730" s="424"/>
      <c r="BEU730" s="424"/>
      <c r="BEV730" s="424"/>
      <c r="BEW730" s="423" t="s">
        <v>2795</v>
      </c>
      <c r="BEX730" s="424"/>
      <c r="BEY730" s="424"/>
      <c r="BEZ730" s="424"/>
      <c r="BFA730" s="423" t="s">
        <v>2795</v>
      </c>
      <c r="BFB730" s="424"/>
      <c r="BFC730" s="424"/>
      <c r="BFD730" s="424"/>
      <c r="BFE730" s="423" t="s">
        <v>2795</v>
      </c>
      <c r="BFF730" s="424"/>
      <c r="BFG730" s="424"/>
      <c r="BFH730" s="424"/>
      <c r="BFI730" s="423" t="s">
        <v>2795</v>
      </c>
      <c r="BFJ730" s="424"/>
      <c r="BFK730" s="424"/>
      <c r="BFL730" s="424"/>
      <c r="BFM730" s="423" t="s">
        <v>2795</v>
      </c>
      <c r="BFN730" s="424"/>
      <c r="BFO730" s="424"/>
      <c r="BFP730" s="424"/>
      <c r="BFQ730" s="423" t="s">
        <v>2795</v>
      </c>
      <c r="BFR730" s="424"/>
      <c r="BFS730" s="424"/>
      <c r="BFT730" s="424"/>
      <c r="BFU730" s="423" t="s">
        <v>2795</v>
      </c>
      <c r="BFV730" s="424"/>
      <c r="BFW730" s="424"/>
      <c r="BFX730" s="424"/>
      <c r="BFY730" s="423" t="s">
        <v>2795</v>
      </c>
      <c r="BFZ730" s="424"/>
      <c r="BGA730" s="424"/>
      <c r="BGB730" s="424"/>
      <c r="BGC730" s="423" t="s">
        <v>2795</v>
      </c>
      <c r="BGD730" s="424"/>
      <c r="BGE730" s="424"/>
      <c r="BGF730" s="424"/>
      <c r="BGG730" s="423" t="s">
        <v>2795</v>
      </c>
      <c r="BGH730" s="424"/>
      <c r="BGI730" s="424"/>
      <c r="BGJ730" s="424"/>
      <c r="BGK730" s="423" t="s">
        <v>2795</v>
      </c>
      <c r="BGL730" s="424"/>
      <c r="BGM730" s="424"/>
      <c r="BGN730" s="424"/>
      <c r="BGO730" s="423" t="s">
        <v>2795</v>
      </c>
      <c r="BGP730" s="424"/>
      <c r="BGQ730" s="424"/>
      <c r="BGR730" s="424"/>
      <c r="BGS730" s="423" t="s">
        <v>2795</v>
      </c>
      <c r="BGT730" s="424"/>
      <c r="BGU730" s="424"/>
      <c r="BGV730" s="424"/>
      <c r="BGW730" s="423" t="s">
        <v>2795</v>
      </c>
      <c r="BGX730" s="424"/>
      <c r="BGY730" s="424"/>
      <c r="BGZ730" s="424"/>
      <c r="BHA730" s="423" t="s">
        <v>2795</v>
      </c>
      <c r="BHB730" s="424"/>
      <c r="BHC730" s="424"/>
      <c r="BHD730" s="424"/>
      <c r="BHE730" s="423" t="s">
        <v>2795</v>
      </c>
      <c r="BHF730" s="424"/>
      <c r="BHG730" s="424"/>
      <c r="BHH730" s="424"/>
      <c r="BHI730" s="423" t="s">
        <v>2795</v>
      </c>
      <c r="BHJ730" s="424"/>
      <c r="BHK730" s="424"/>
      <c r="BHL730" s="424"/>
      <c r="BHM730" s="423" t="s">
        <v>2795</v>
      </c>
      <c r="BHN730" s="424"/>
      <c r="BHO730" s="424"/>
      <c r="BHP730" s="424"/>
      <c r="BHQ730" s="423" t="s">
        <v>2795</v>
      </c>
      <c r="BHR730" s="424"/>
      <c r="BHS730" s="424"/>
      <c r="BHT730" s="424"/>
      <c r="BHU730" s="423" t="s">
        <v>2795</v>
      </c>
      <c r="BHV730" s="424"/>
      <c r="BHW730" s="424"/>
      <c r="BHX730" s="424"/>
      <c r="BHY730" s="423" t="s">
        <v>2795</v>
      </c>
      <c r="BHZ730" s="424"/>
      <c r="BIA730" s="424"/>
      <c r="BIB730" s="424"/>
      <c r="BIC730" s="423" t="s">
        <v>2795</v>
      </c>
      <c r="BID730" s="424"/>
      <c r="BIE730" s="424"/>
      <c r="BIF730" s="424"/>
      <c r="BIG730" s="423" t="s">
        <v>2795</v>
      </c>
      <c r="BIH730" s="424"/>
      <c r="BII730" s="424"/>
      <c r="BIJ730" s="424"/>
      <c r="BIK730" s="423" t="s">
        <v>2795</v>
      </c>
      <c r="BIL730" s="424"/>
      <c r="BIM730" s="424"/>
      <c r="BIN730" s="424"/>
      <c r="BIO730" s="423" t="s">
        <v>2795</v>
      </c>
      <c r="BIP730" s="424"/>
      <c r="BIQ730" s="424"/>
      <c r="BIR730" s="424"/>
      <c r="BIS730" s="423" t="s">
        <v>2795</v>
      </c>
      <c r="BIT730" s="424"/>
      <c r="BIU730" s="424"/>
      <c r="BIV730" s="424"/>
      <c r="BIW730" s="423" t="s">
        <v>2795</v>
      </c>
      <c r="BIX730" s="424"/>
      <c r="BIY730" s="424"/>
      <c r="BIZ730" s="424"/>
      <c r="BJA730" s="423" t="s">
        <v>2795</v>
      </c>
      <c r="BJB730" s="424"/>
      <c r="BJC730" s="424"/>
      <c r="BJD730" s="424"/>
      <c r="BJE730" s="423" t="s">
        <v>2795</v>
      </c>
      <c r="BJF730" s="424"/>
      <c r="BJG730" s="424"/>
      <c r="BJH730" s="424"/>
      <c r="BJI730" s="423" t="s">
        <v>2795</v>
      </c>
      <c r="BJJ730" s="424"/>
      <c r="BJK730" s="424"/>
      <c r="BJL730" s="424"/>
      <c r="BJM730" s="423" t="s">
        <v>2795</v>
      </c>
      <c r="BJN730" s="424"/>
      <c r="BJO730" s="424"/>
      <c r="BJP730" s="424"/>
      <c r="BJQ730" s="423" t="s">
        <v>2795</v>
      </c>
      <c r="BJR730" s="424"/>
      <c r="BJS730" s="424"/>
      <c r="BJT730" s="424"/>
      <c r="BJU730" s="423" t="s">
        <v>2795</v>
      </c>
      <c r="BJV730" s="424"/>
      <c r="BJW730" s="424"/>
      <c r="BJX730" s="424"/>
      <c r="BJY730" s="423" t="s">
        <v>2795</v>
      </c>
      <c r="BJZ730" s="424"/>
      <c r="BKA730" s="424"/>
      <c r="BKB730" s="424"/>
      <c r="BKC730" s="423" t="s">
        <v>2795</v>
      </c>
      <c r="BKD730" s="424"/>
      <c r="BKE730" s="424"/>
      <c r="BKF730" s="424"/>
      <c r="BKG730" s="423" t="s">
        <v>2795</v>
      </c>
      <c r="BKH730" s="424"/>
      <c r="BKI730" s="424"/>
      <c r="BKJ730" s="424"/>
      <c r="BKK730" s="423" t="s">
        <v>2795</v>
      </c>
      <c r="BKL730" s="424"/>
      <c r="BKM730" s="424"/>
      <c r="BKN730" s="424"/>
      <c r="BKO730" s="423" t="s">
        <v>2795</v>
      </c>
      <c r="BKP730" s="424"/>
      <c r="BKQ730" s="424"/>
      <c r="BKR730" s="424"/>
      <c r="BKS730" s="423" t="s">
        <v>2795</v>
      </c>
      <c r="BKT730" s="424"/>
      <c r="BKU730" s="424"/>
      <c r="BKV730" s="424"/>
      <c r="BKW730" s="423" t="s">
        <v>2795</v>
      </c>
      <c r="BKX730" s="424"/>
      <c r="BKY730" s="424"/>
      <c r="BKZ730" s="424"/>
      <c r="BLA730" s="423" t="s">
        <v>2795</v>
      </c>
      <c r="BLB730" s="424"/>
      <c r="BLC730" s="424"/>
      <c r="BLD730" s="424"/>
      <c r="BLE730" s="423" t="s">
        <v>2795</v>
      </c>
      <c r="BLF730" s="424"/>
      <c r="BLG730" s="424"/>
      <c r="BLH730" s="424"/>
      <c r="BLI730" s="423" t="s">
        <v>2795</v>
      </c>
      <c r="BLJ730" s="424"/>
      <c r="BLK730" s="424"/>
      <c r="BLL730" s="424"/>
      <c r="BLM730" s="423" t="s">
        <v>2795</v>
      </c>
      <c r="BLN730" s="424"/>
      <c r="BLO730" s="424"/>
      <c r="BLP730" s="424"/>
      <c r="BLQ730" s="423" t="s">
        <v>2795</v>
      </c>
      <c r="BLR730" s="424"/>
      <c r="BLS730" s="424"/>
      <c r="BLT730" s="424"/>
      <c r="BLU730" s="423" t="s">
        <v>2795</v>
      </c>
      <c r="BLV730" s="424"/>
      <c r="BLW730" s="424"/>
      <c r="BLX730" s="424"/>
      <c r="BLY730" s="423" t="s">
        <v>2795</v>
      </c>
      <c r="BLZ730" s="424"/>
      <c r="BMA730" s="424"/>
      <c r="BMB730" s="424"/>
      <c r="BMC730" s="423" t="s">
        <v>2795</v>
      </c>
      <c r="BMD730" s="424"/>
      <c r="BME730" s="424"/>
      <c r="BMF730" s="424"/>
      <c r="BMG730" s="423" t="s">
        <v>2795</v>
      </c>
      <c r="BMH730" s="424"/>
      <c r="BMI730" s="424"/>
      <c r="BMJ730" s="424"/>
      <c r="BMK730" s="423" t="s">
        <v>2795</v>
      </c>
      <c r="BML730" s="424"/>
      <c r="BMM730" s="424"/>
      <c r="BMN730" s="424"/>
      <c r="BMO730" s="423" t="s">
        <v>2795</v>
      </c>
      <c r="BMP730" s="424"/>
      <c r="BMQ730" s="424"/>
      <c r="BMR730" s="424"/>
      <c r="BMS730" s="423" t="s">
        <v>2795</v>
      </c>
      <c r="BMT730" s="424"/>
      <c r="BMU730" s="424"/>
      <c r="BMV730" s="424"/>
      <c r="BMW730" s="423" t="s">
        <v>2795</v>
      </c>
      <c r="BMX730" s="424"/>
      <c r="BMY730" s="424"/>
      <c r="BMZ730" s="424"/>
      <c r="BNA730" s="423" t="s">
        <v>2795</v>
      </c>
      <c r="BNB730" s="424"/>
      <c r="BNC730" s="424"/>
      <c r="BND730" s="424"/>
      <c r="BNE730" s="423" t="s">
        <v>2795</v>
      </c>
      <c r="BNF730" s="424"/>
      <c r="BNG730" s="424"/>
      <c r="BNH730" s="424"/>
      <c r="BNI730" s="423" t="s">
        <v>2795</v>
      </c>
      <c r="BNJ730" s="424"/>
      <c r="BNK730" s="424"/>
      <c r="BNL730" s="424"/>
      <c r="BNM730" s="423" t="s">
        <v>2795</v>
      </c>
      <c r="BNN730" s="424"/>
      <c r="BNO730" s="424"/>
      <c r="BNP730" s="424"/>
      <c r="BNQ730" s="423" t="s">
        <v>2795</v>
      </c>
      <c r="BNR730" s="424"/>
      <c r="BNS730" s="424"/>
      <c r="BNT730" s="424"/>
      <c r="BNU730" s="423" t="s">
        <v>2795</v>
      </c>
      <c r="BNV730" s="424"/>
      <c r="BNW730" s="424"/>
      <c r="BNX730" s="424"/>
      <c r="BNY730" s="423" t="s">
        <v>2795</v>
      </c>
      <c r="BNZ730" s="424"/>
      <c r="BOA730" s="424"/>
      <c r="BOB730" s="424"/>
      <c r="BOC730" s="423" t="s">
        <v>2795</v>
      </c>
      <c r="BOD730" s="424"/>
      <c r="BOE730" s="424"/>
      <c r="BOF730" s="424"/>
      <c r="BOG730" s="423" t="s">
        <v>2795</v>
      </c>
      <c r="BOH730" s="424"/>
      <c r="BOI730" s="424"/>
      <c r="BOJ730" s="424"/>
      <c r="BOK730" s="423" t="s">
        <v>2795</v>
      </c>
      <c r="BOL730" s="424"/>
      <c r="BOM730" s="424"/>
      <c r="BON730" s="424"/>
      <c r="BOO730" s="423" t="s">
        <v>2795</v>
      </c>
      <c r="BOP730" s="424"/>
      <c r="BOQ730" s="424"/>
      <c r="BOR730" s="424"/>
      <c r="BOS730" s="423" t="s">
        <v>2795</v>
      </c>
      <c r="BOT730" s="424"/>
      <c r="BOU730" s="424"/>
      <c r="BOV730" s="424"/>
      <c r="BOW730" s="423" t="s">
        <v>2795</v>
      </c>
      <c r="BOX730" s="424"/>
      <c r="BOY730" s="424"/>
      <c r="BOZ730" s="424"/>
      <c r="BPA730" s="423" t="s">
        <v>2795</v>
      </c>
      <c r="BPB730" s="424"/>
      <c r="BPC730" s="424"/>
      <c r="BPD730" s="424"/>
      <c r="BPE730" s="423" t="s">
        <v>2795</v>
      </c>
      <c r="BPF730" s="424"/>
      <c r="BPG730" s="424"/>
      <c r="BPH730" s="424"/>
      <c r="BPI730" s="423" t="s">
        <v>2795</v>
      </c>
      <c r="BPJ730" s="424"/>
      <c r="BPK730" s="424"/>
      <c r="BPL730" s="424"/>
      <c r="BPM730" s="423" t="s">
        <v>2795</v>
      </c>
      <c r="BPN730" s="424"/>
      <c r="BPO730" s="424"/>
      <c r="BPP730" s="424"/>
      <c r="BPQ730" s="423" t="s">
        <v>2795</v>
      </c>
      <c r="BPR730" s="424"/>
      <c r="BPS730" s="424"/>
      <c r="BPT730" s="424"/>
      <c r="BPU730" s="423" t="s">
        <v>2795</v>
      </c>
      <c r="BPV730" s="424"/>
      <c r="BPW730" s="424"/>
      <c r="BPX730" s="424"/>
      <c r="BPY730" s="423" t="s">
        <v>2795</v>
      </c>
      <c r="BPZ730" s="424"/>
      <c r="BQA730" s="424"/>
      <c r="BQB730" s="424"/>
      <c r="BQC730" s="423" t="s">
        <v>2795</v>
      </c>
      <c r="BQD730" s="424"/>
      <c r="BQE730" s="424"/>
      <c r="BQF730" s="424"/>
      <c r="BQG730" s="423" t="s">
        <v>2795</v>
      </c>
      <c r="BQH730" s="424"/>
      <c r="BQI730" s="424"/>
      <c r="BQJ730" s="424"/>
      <c r="BQK730" s="423" t="s">
        <v>2795</v>
      </c>
      <c r="BQL730" s="424"/>
      <c r="BQM730" s="424"/>
      <c r="BQN730" s="424"/>
      <c r="BQO730" s="423" t="s">
        <v>2795</v>
      </c>
      <c r="BQP730" s="424"/>
      <c r="BQQ730" s="424"/>
      <c r="BQR730" s="424"/>
      <c r="BQS730" s="423" t="s">
        <v>2795</v>
      </c>
      <c r="BQT730" s="424"/>
      <c r="BQU730" s="424"/>
      <c r="BQV730" s="424"/>
      <c r="BQW730" s="423" t="s">
        <v>2795</v>
      </c>
      <c r="BQX730" s="424"/>
      <c r="BQY730" s="424"/>
      <c r="BQZ730" s="424"/>
      <c r="BRA730" s="423" t="s">
        <v>2795</v>
      </c>
      <c r="BRB730" s="424"/>
      <c r="BRC730" s="424"/>
      <c r="BRD730" s="424"/>
      <c r="BRE730" s="423" t="s">
        <v>2795</v>
      </c>
      <c r="BRF730" s="424"/>
      <c r="BRG730" s="424"/>
      <c r="BRH730" s="424"/>
      <c r="BRI730" s="423" t="s">
        <v>2795</v>
      </c>
      <c r="BRJ730" s="424"/>
      <c r="BRK730" s="424"/>
      <c r="BRL730" s="424"/>
      <c r="BRM730" s="423" t="s">
        <v>2795</v>
      </c>
      <c r="BRN730" s="424"/>
      <c r="BRO730" s="424"/>
      <c r="BRP730" s="424"/>
      <c r="BRQ730" s="423" t="s">
        <v>2795</v>
      </c>
      <c r="BRR730" s="424"/>
      <c r="BRS730" s="424"/>
      <c r="BRT730" s="424"/>
      <c r="BRU730" s="423" t="s">
        <v>2795</v>
      </c>
      <c r="BRV730" s="424"/>
      <c r="BRW730" s="424"/>
      <c r="BRX730" s="424"/>
      <c r="BRY730" s="423" t="s">
        <v>2795</v>
      </c>
      <c r="BRZ730" s="424"/>
      <c r="BSA730" s="424"/>
      <c r="BSB730" s="424"/>
      <c r="BSC730" s="423" t="s">
        <v>2795</v>
      </c>
      <c r="BSD730" s="424"/>
      <c r="BSE730" s="424"/>
      <c r="BSF730" s="424"/>
      <c r="BSG730" s="423" t="s">
        <v>2795</v>
      </c>
      <c r="BSH730" s="424"/>
      <c r="BSI730" s="424"/>
      <c r="BSJ730" s="424"/>
      <c r="BSK730" s="423" t="s">
        <v>2795</v>
      </c>
      <c r="BSL730" s="424"/>
      <c r="BSM730" s="424"/>
      <c r="BSN730" s="424"/>
      <c r="BSO730" s="423" t="s">
        <v>2795</v>
      </c>
      <c r="BSP730" s="424"/>
      <c r="BSQ730" s="424"/>
      <c r="BSR730" s="424"/>
      <c r="BSS730" s="423" t="s">
        <v>2795</v>
      </c>
      <c r="BST730" s="424"/>
      <c r="BSU730" s="424"/>
      <c r="BSV730" s="424"/>
      <c r="BSW730" s="423" t="s">
        <v>2795</v>
      </c>
      <c r="BSX730" s="424"/>
      <c r="BSY730" s="424"/>
      <c r="BSZ730" s="424"/>
      <c r="BTA730" s="423" t="s">
        <v>2795</v>
      </c>
      <c r="BTB730" s="424"/>
      <c r="BTC730" s="424"/>
      <c r="BTD730" s="424"/>
      <c r="BTE730" s="423" t="s">
        <v>2795</v>
      </c>
      <c r="BTF730" s="424"/>
      <c r="BTG730" s="424"/>
      <c r="BTH730" s="424"/>
      <c r="BTI730" s="423" t="s">
        <v>2795</v>
      </c>
      <c r="BTJ730" s="424"/>
      <c r="BTK730" s="424"/>
      <c r="BTL730" s="424"/>
      <c r="BTM730" s="423" t="s">
        <v>2795</v>
      </c>
      <c r="BTN730" s="424"/>
      <c r="BTO730" s="424"/>
      <c r="BTP730" s="424"/>
      <c r="BTQ730" s="423" t="s">
        <v>2795</v>
      </c>
      <c r="BTR730" s="424"/>
      <c r="BTS730" s="424"/>
      <c r="BTT730" s="424"/>
      <c r="BTU730" s="423" t="s">
        <v>2795</v>
      </c>
      <c r="BTV730" s="424"/>
      <c r="BTW730" s="424"/>
      <c r="BTX730" s="424"/>
      <c r="BTY730" s="423" t="s">
        <v>2795</v>
      </c>
      <c r="BTZ730" s="424"/>
      <c r="BUA730" s="424"/>
      <c r="BUB730" s="424"/>
      <c r="BUC730" s="423" t="s">
        <v>2795</v>
      </c>
      <c r="BUD730" s="424"/>
      <c r="BUE730" s="424"/>
      <c r="BUF730" s="424"/>
      <c r="BUG730" s="423" t="s">
        <v>2795</v>
      </c>
      <c r="BUH730" s="424"/>
      <c r="BUI730" s="424"/>
      <c r="BUJ730" s="424"/>
      <c r="BUK730" s="423" t="s">
        <v>2795</v>
      </c>
      <c r="BUL730" s="424"/>
      <c r="BUM730" s="424"/>
      <c r="BUN730" s="424"/>
      <c r="BUO730" s="423" t="s">
        <v>2795</v>
      </c>
      <c r="BUP730" s="424"/>
      <c r="BUQ730" s="424"/>
      <c r="BUR730" s="424"/>
      <c r="BUS730" s="423" t="s">
        <v>2795</v>
      </c>
      <c r="BUT730" s="424"/>
      <c r="BUU730" s="424"/>
      <c r="BUV730" s="424"/>
      <c r="BUW730" s="423" t="s">
        <v>2795</v>
      </c>
      <c r="BUX730" s="424"/>
      <c r="BUY730" s="424"/>
      <c r="BUZ730" s="424"/>
      <c r="BVA730" s="423" t="s">
        <v>2795</v>
      </c>
      <c r="BVB730" s="424"/>
      <c r="BVC730" s="424"/>
      <c r="BVD730" s="424"/>
      <c r="BVE730" s="423" t="s">
        <v>2795</v>
      </c>
      <c r="BVF730" s="424"/>
      <c r="BVG730" s="424"/>
      <c r="BVH730" s="424"/>
      <c r="BVI730" s="423" t="s">
        <v>2795</v>
      </c>
      <c r="BVJ730" s="424"/>
      <c r="BVK730" s="424"/>
      <c r="BVL730" s="424"/>
      <c r="BVM730" s="423" t="s">
        <v>2795</v>
      </c>
      <c r="BVN730" s="424"/>
      <c r="BVO730" s="424"/>
      <c r="BVP730" s="424"/>
      <c r="BVQ730" s="423" t="s">
        <v>2795</v>
      </c>
      <c r="BVR730" s="424"/>
      <c r="BVS730" s="424"/>
      <c r="BVT730" s="424"/>
      <c r="BVU730" s="423" t="s">
        <v>2795</v>
      </c>
      <c r="BVV730" s="424"/>
      <c r="BVW730" s="424"/>
      <c r="BVX730" s="424"/>
      <c r="BVY730" s="423" t="s">
        <v>2795</v>
      </c>
      <c r="BVZ730" s="424"/>
      <c r="BWA730" s="424"/>
      <c r="BWB730" s="424"/>
      <c r="BWC730" s="423" t="s">
        <v>2795</v>
      </c>
      <c r="BWD730" s="424"/>
      <c r="BWE730" s="424"/>
      <c r="BWF730" s="424"/>
      <c r="BWG730" s="423" t="s">
        <v>2795</v>
      </c>
      <c r="BWH730" s="424"/>
      <c r="BWI730" s="424"/>
      <c r="BWJ730" s="424"/>
      <c r="BWK730" s="423" t="s">
        <v>2795</v>
      </c>
      <c r="BWL730" s="424"/>
      <c r="BWM730" s="424"/>
      <c r="BWN730" s="424"/>
      <c r="BWO730" s="423" t="s">
        <v>2795</v>
      </c>
      <c r="BWP730" s="424"/>
      <c r="BWQ730" s="424"/>
      <c r="BWR730" s="424"/>
      <c r="BWS730" s="423" t="s">
        <v>2795</v>
      </c>
      <c r="BWT730" s="424"/>
      <c r="BWU730" s="424"/>
      <c r="BWV730" s="424"/>
      <c r="BWW730" s="423" t="s">
        <v>2795</v>
      </c>
      <c r="BWX730" s="424"/>
      <c r="BWY730" s="424"/>
      <c r="BWZ730" s="424"/>
      <c r="BXA730" s="423" t="s">
        <v>2795</v>
      </c>
      <c r="BXB730" s="424"/>
      <c r="BXC730" s="424"/>
      <c r="BXD730" s="424"/>
      <c r="BXE730" s="423" t="s">
        <v>2795</v>
      </c>
      <c r="BXF730" s="424"/>
      <c r="BXG730" s="424"/>
      <c r="BXH730" s="424"/>
      <c r="BXI730" s="423" t="s">
        <v>2795</v>
      </c>
      <c r="BXJ730" s="424"/>
      <c r="BXK730" s="424"/>
      <c r="BXL730" s="424"/>
      <c r="BXM730" s="423" t="s">
        <v>2795</v>
      </c>
      <c r="BXN730" s="424"/>
      <c r="BXO730" s="424"/>
      <c r="BXP730" s="424"/>
      <c r="BXQ730" s="423" t="s">
        <v>2795</v>
      </c>
      <c r="BXR730" s="424"/>
      <c r="BXS730" s="424"/>
      <c r="BXT730" s="424"/>
      <c r="BXU730" s="423" t="s">
        <v>2795</v>
      </c>
      <c r="BXV730" s="424"/>
      <c r="BXW730" s="424"/>
      <c r="BXX730" s="424"/>
      <c r="BXY730" s="423" t="s">
        <v>2795</v>
      </c>
      <c r="BXZ730" s="424"/>
      <c r="BYA730" s="424"/>
      <c r="BYB730" s="424"/>
      <c r="BYC730" s="423" t="s">
        <v>2795</v>
      </c>
      <c r="BYD730" s="424"/>
      <c r="BYE730" s="424"/>
      <c r="BYF730" s="424"/>
      <c r="BYG730" s="423" t="s">
        <v>2795</v>
      </c>
      <c r="BYH730" s="424"/>
      <c r="BYI730" s="424"/>
      <c r="BYJ730" s="424"/>
      <c r="BYK730" s="423" t="s">
        <v>2795</v>
      </c>
      <c r="BYL730" s="424"/>
      <c r="BYM730" s="424"/>
      <c r="BYN730" s="424"/>
      <c r="BYO730" s="423" t="s">
        <v>2795</v>
      </c>
      <c r="BYP730" s="424"/>
      <c r="BYQ730" s="424"/>
      <c r="BYR730" s="424"/>
      <c r="BYS730" s="423" t="s">
        <v>2795</v>
      </c>
      <c r="BYT730" s="424"/>
      <c r="BYU730" s="424"/>
      <c r="BYV730" s="424"/>
      <c r="BYW730" s="423" t="s">
        <v>2795</v>
      </c>
      <c r="BYX730" s="424"/>
      <c r="BYY730" s="424"/>
      <c r="BYZ730" s="424"/>
      <c r="BZA730" s="423" t="s">
        <v>2795</v>
      </c>
      <c r="BZB730" s="424"/>
      <c r="BZC730" s="424"/>
      <c r="BZD730" s="424"/>
      <c r="BZE730" s="423" t="s">
        <v>2795</v>
      </c>
      <c r="BZF730" s="424"/>
      <c r="BZG730" s="424"/>
      <c r="BZH730" s="424"/>
      <c r="BZI730" s="423" t="s">
        <v>2795</v>
      </c>
      <c r="BZJ730" s="424"/>
      <c r="BZK730" s="424"/>
      <c r="BZL730" s="424"/>
      <c r="BZM730" s="423" t="s">
        <v>2795</v>
      </c>
      <c r="BZN730" s="424"/>
      <c r="BZO730" s="424"/>
      <c r="BZP730" s="424"/>
      <c r="BZQ730" s="423" t="s">
        <v>2795</v>
      </c>
      <c r="BZR730" s="424"/>
      <c r="BZS730" s="424"/>
      <c r="BZT730" s="424"/>
      <c r="BZU730" s="423" t="s">
        <v>2795</v>
      </c>
      <c r="BZV730" s="424"/>
      <c r="BZW730" s="424"/>
      <c r="BZX730" s="424"/>
      <c r="BZY730" s="423" t="s">
        <v>2795</v>
      </c>
      <c r="BZZ730" s="424"/>
      <c r="CAA730" s="424"/>
      <c r="CAB730" s="424"/>
      <c r="CAC730" s="423" t="s">
        <v>2795</v>
      </c>
      <c r="CAD730" s="424"/>
      <c r="CAE730" s="424"/>
      <c r="CAF730" s="424"/>
      <c r="CAG730" s="423" t="s">
        <v>2795</v>
      </c>
      <c r="CAH730" s="424"/>
      <c r="CAI730" s="424"/>
      <c r="CAJ730" s="424"/>
      <c r="CAK730" s="423" t="s">
        <v>2795</v>
      </c>
      <c r="CAL730" s="424"/>
      <c r="CAM730" s="424"/>
      <c r="CAN730" s="424"/>
      <c r="CAO730" s="423" t="s">
        <v>2795</v>
      </c>
      <c r="CAP730" s="424"/>
      <c r="CAQ730" s="424"/>
      <c r="CAR730" s="424"/>
      <c r="CAS730" s="423" t="s">
        <v>2795</v>
      </c>
      <c r="CAT730" s="424"/>
      <c r="CAU730" s="424"/>
      <c r="CAV730" s="424"/>
      <c r="CAW730" s="423" t="s">
        <v>2795</v>
      </c>
      <c r="CAX730" s="424"/>
      <c r="CAY730" s="424"/>
      <c r="CAZ730" s="424"/>
      <c r="CBA730" s="423" t="s">
        <v>2795</v>
      </c>
      <c r="CBB730" s="424"/>
      <c r="CBC730" s="424"/>
      <c r="CBD730" s="424"/>
      <c r="CBE730" s="423" t="s">
        <v>2795</v>
      </c>
      <c r="CBF730" s="424"/>
      <c r="CBG730" s="424"/>
      <c r="CBH730" s="424"/>
      <c r="CBI730" s="423" t="s">
        <v>2795</v>
      </c>
      <c r="CBJ730" s="424"/>
      <c r="CBK730" s="424"/>
      <c r="CBL730" s="424"/>
      <c r="CBM730" s="423" t="s">
        <v>2795</v>
      </c>
      <c r="CBN730" s="424"/>
      <c r="CBO730" s="424"/>
      <c r="CBP730" s="424"/>
      <c r="CBQ730" s="423" t="s">
        <v>2795</v>
      </c>
      <c r="CBR730" s="424"/>
      <c r="CBS730" s="424"/>
      <c r="CBT730" s="424"/>
      <c r="CBU730" s="423" t="s">
        <v>2795</v>
      </c>
      <c r="CBV730" s="424"/>
      <c r="CBW730" s="424"/>
      <c r="CBX730" s="424"/>
      <c r="CBY730" s="423" t="s">
        <v>2795</v>
      </c>
      <c r="CBZ730" s="424"/>
      <c r="CCA730" s="424"/>
      <c r="CCB730" s="424"/>
      <c r="CCC730" s="423" t="s">
        <v>2795</v>
      </c>
      <c r="CCD730" s="424"/>
      <c r="CCE730" s="424"/>
      <c r="CCF730" s="424"/>
      <c r="CCG730" s="423" t="s">
        <v>2795</v>
      </c>
      <c r="CCH730" s="424"/>
      <c r="CCI730" s="424"/>
      <c r="CCJ730" s="424"/>
      <c r="CCK730" s="423" t="s">
        <v>2795</v>
      </c>
      <c r="CCL730" s="424"/>
      <c r="CCM730" s="424"/>
      <c r="CCN730" s="424"/>
      <c r="CCO730" s="423" t="s">
        <v>2795</v>
      </c>
      <c r="CCP730" s="424"/>
      <c r="CCQ730" s="424"/>
      <c r="CCR730" s="424"/>
      <c r="CCS730" s="423" t="s">
        <v>2795</v>
      </c>
      <c r="CCT730" s="424"/>
      <c r="CCU730" s="424"/>
      <c r="CCV730" s="424"/>
      <c r="CCW730" s="423" t="s">
        <v>2795</v>
      </c>
      <c r="CCX730" s="424"/>
      <c r="CCY730" s="424"/>
      <c r="CCZ730" s="424"/>
      <c r="CDA730" s="423" t="s">
        <v>2795</v>
      </c>
      <c r="CDB730" s="424"/>
      <c r="CDC730" s="424"/>
      <c r="CDD730" s="424"/>
      <c r="CDE730" s="423" t="s">
        <v>2795</v>
      </c>
      <c r="CDF730" s="424"/>
      <c r="CDG730" s="424"/>
      <c r="CDH730" s="424"/>
      <c r="CDI730" s="423" t="s">
        <v>2795</v>
      </c>
      <c r="CDJ730" s="424"/>
      <c r="CDK730" s="424"/>
      <c r="CDL730" s="424"/>
      <c r="CDM730" s="423" t="s">
        <v>2795</v>
      </c>
      <c r="CDN730" s="424"/>
      <c r="CDO730" s="424"/>
      <c r="CDP730" s="424"/>
      <c r="CDQ730" s="423" t="s">
        <v>2795</v>
      </c>
      <c r="CDR730" s="424"/>
      <c r="CDS730" s="424"/>
      <c r="CDT730" s="424"/>
      <c r="CDU730" s="423" t="s">
        <v>2795</v>
      </c>
      <c r="CDV730" s="424"/>
      <c r="CDW730" s="424"/>
      <c r="CDX730" s="424"/>
      <c r="CDY730" s="423" t="s">
        <v>2795</v>
      </c>
      <c r="CDZ730" s="424"/>
      <c r="CEA730" s="424"/>
      <c r="CEB730" s="424"/>
      <c r="CEC730" s="423" t="s">
        <v>2795</v>
      </c>
      <c r="CED730" s="424"/>
      <c r="CEE730" s="424"/>
      <c r="CEF730" s="424"/>
      <c r="CEG730" s="423" t="s">
        <v>2795</v>
      </c>
      <c r="CEH730" s="424"/>
      <c r="CEI730" s="424"/>
      <c r="CEJ730" s="424"/>
      <c r="CEK730" s="423" t="s">
        <v>2795</v>
      </c>
      <c r="CEL730" s="424"/>
      <c r="CEM730" s="424"/>
      <c r="CEN730" s="424"/>
      <c r="CEO730" s="423" t="s">
        <v>2795</v>
      </c>
      <c r="CEP730" s="424"/>
      <c r="CEQ730" s="424"/>
      <c r="CER730" s="424"/>
      <c r="CES730" s="423" t="s">
        <v>2795</v>
      </c>
      <c r="CET730" s="424"/>
      <c r="CEU730" s="424"/>
      <c r="CEV730" s="424"/>
      <c r="CEW730" s="423" t="s">
        <v>2795</v>
      </c>
      <c r="CEX730" s="424"/>
      <c r="CEY730" s="424"/>
      <c r="CEZ730" s="424"/>
      <c r="CFA730" s="423" t="s">
        <v>2795</v>
      </c>
      <c r="CFB730" s="424"/>
      <c r="CFC730" s="424"/>
      <c r="CFD730" s="424"/>
      <c r="CFE730" s="423" t="s">
        <v>2795</v>
      </c>
      <c r="CFF730" s="424"/>
      <c r="CFG730" s="424"/>
      <c r="CFH730" s="424"/>
      <c r="CFI730" s="423" t="s">
        <v>2795</v>
      </c>
      <c r="CFJ730" s="424"/>
      <c r="CFK730" s="424"/>
      <c r="CFL730" s="424"/>
      <c r="CFM730" s="423" t="s">
        <v>2795</v>
      </c>
      <c r="CFN730" s="424"/>
      <c r="CFO730" s="424"/>
      <c r="CFP730" s="424"/>
      <c r="CFQ730" s="423" t="s">
        <v>2795</v>
      </c>
      <c r="CFR730" s="424"/>
      <c r="CFS730" s="424"/>
      <c r="CFT730" s="424"/>
      <c r="CFU730" s="423" t="s">
        <v>2795</v>
      </c>
      <c r="CFV730" s="424"/>
      <c r="CFW730" s="424"/>
      <c r="CFX730" s="424"/>
      <c r="CFY730" s="423" t="s">
        <v>2795</v>
      </c>
      <c r="CFZ730" s="424"/>
      <c r="CGA730" s="424"/>
      <c r="CGB730" s="424"/>
      <c r="CGC730" s="423" t="s">
        <v>2795</v>
      </c>
      <c r="CGD730" s="424"/>
      <c r="CGE730" s="424"/>
      <c r="CGF730" s="424"/>
      <c r="CGG730" s="423" t="s">
        <v>2795</v>
      </c>
      <c r="CGH730" s="424"/>
      <c r="CGI730" s="424"/>
      <c r="CGJ730" s="424"/>
      <c r="CGK730" s="423" t="s">
        <v>2795</v>
      </c>
      <c r="CGL730" s="424"/>
      <c r="CGM730" s="424"/>
      <c r="CGN730" s="424"/>
      <c r="CGO730" s="423" t="s">
        <v>2795</v>
      </c>
      <c r="CGP730" s="424"/>
      <c r="CGQ730" s="424"/>
      <c r="CGR730" s="424"/>
      <c r="CGS730" s="423" t="s">
        <v>2795</v>
      </c>
      <c r="CGT730" s="424"/>
      <c r="CGU730" s="424"/>
      <c r="CGV730" s="424"/>
      <c r="CGW730" s="423" t="s">
        <v>2795</v>
      </c>
      <c r="CGX730" s="424"/>
      <c r="CGY730" s="424"/>
      <c r="CGZ730" s="424"/>
      <c r="CHA730" s="423" t="s">
        <v>2795</v>
      </c>
      <c r="CHB730" s="424"/>
      <c r="CHC730" s="424"/>
      <c r="CHD730" s="424"/>
      <c r="CHE730" s="423" t="s">
        <v>2795</v>
      </c>
      <c r="CHF730" s="424"/>
      <c r="CHG730" s="424"/>
      <c r="CHH730" s="424"/>
      <c r="CHI730" s="423" t="s">
        <v>2795</v>
      </c>
      <c r="CHJ730" s="424"/>
      <c r="CHK730" s="424"/>
      <c r="CHL730" s="424"/>
      <c r="CHM730" s="423" t="s">
        <v>2795</v>
      </c>
      <c r="CHN730" s="424"/>
      <c r="CHO730" s="424"/>
      <c r="CHP730" s="424"/>
      <c r="CHQ730" s="423" t="s">
        <v>2795</v>
      </c>
      <c r="CHR730" s="424"/>
      <c r="CHS730" s="424"/>
      <c r="CHT730" s="424"/>
      <c r="CHU730" s="423" t="s">
        <v>2795</v>
      </c>
      <c r="CHV730" s="424"/>
      <c r="CHW730" s="424"/>
      <c r="CHX730" s="424"/>
      <c r="CHY730" s="423" t="s">
        <v>2795</v>
      </c>
      <c r="CHZ730" s="424"/>
      <c r="CIA730" s="424"/>
      <c r="CIB730" s="424"/>
      <c r="CIC730" s="423" t="s">
        <v>2795</v>
      </c>
      <c r="CID730" s="424"/>
      <c r="CIE730" s="424"/>
      <c r="CIF730" s="424"/>
      <c r="CIG730" s="423" t="s">
        <v>2795</v>
      </c>
      <c r="CIH730" s="424"/>
      <c r="CII730" s="424"/>
      <c r="CIJ730" s="424"/>
      <c r="CIK730" s="423" t="s">
        <v>2795</v>
      </c>
      <c r="CIL730" s="424"/>
      <c r="CIM730" s="424"/>
      <c r="CIN730" s="424"/>
      <c r="CIO730" s="423" t="s">
        <v>2795</v>
      </c>
      <c r="CIP730" s="424"/>
      <c r="CIQ730" s="424"/>
      <c r="CIR730" s="424"/>
      <c r="CIS730" s="423" t="s">
        <v>2795</v>
      </c>
      <c r="CIT730" s="424"/>
      <c r="CIU730" s="424"/>
      <c r="CIV730" s="424"/>
      <c r="CIW730" s="423" t="s">
        <v>2795</v>
      </c>
      <c r="CIX730" s="424"/>
      <c r="CIY730" s="424"/>
      <c r="CIZ730" s="424"/>
      <c r="CJA730" s="423" t="s">
        <v>2795</v>
      </c>
      <c r="CJB730" s="424"/>
      <c r="CJC730" s="424"/>
      <c r="CJD730" s="424"/>
      <c r="CJE730" s="423" t="s">
        <v>2795</v>
      </c>
      <c r="CJF730" s="424"/>
      <c r="CJG730" s="424"/>
      <c r="CJH730" s="424"/>
      <c r="CJI730" s="423" t="s">
        <v>2795</v>
      </c>
      <c r="CJJ730" s="424"/>
      <c r="CJK730" s="424"/>
      <c r="CJL730" s="424"/>
      <c r="CJM730" s="423" t="s">
        <v>2795</v>
      </c>
      <c r="CJN730" s="424"/>
      <c r="CJO730" s="424"/>
      <c r="CJP730" s="424"/>
      <c r="CJQ730" s="423" t="s">
        <v>2795</v>
      </c>
      <c r="CJR730" s="424"/>
      <c r="CJS730" s="424"/>
      <c r="CJT730" s="424"/>
      <c r="CJU730" s="423" t="s">
        <v>2795</v>
      </c>
      <c r="CJV730" s="424"/>
      <c r="CJW730" s="424"/>
      <c r="CJX730" s="424"/>
      <c r="CJY730" s="423" t="s">
        <v>2795</v>
      </c>
      <c r="CJZ730" s="424"/>
      <c r="CKA730" s="424"/>
      <c r="CKB730" s="424"/>
      <c r="CKC730" s="423" t="s">
        <v>2795</v>
      </c>
      <c r="CKD730" s="424"/>
      <c r="CKE730" s="424"/>
      <c r="CKF730" s="424"/>
      <c r="CKG730" s="423" t="s">
        <v>2795</v>
      </c>
      <c r="CKH730" s="424"/>
      <c r="CKI730" s="424"/>
      <c r="CKJ730" s="424"/>
      <c r="CKK730" s="423" t="s">
        <v>2795</v>
      </c>
      <c r="CKL730" s="424"/>
      <c r="CKM730" s="424"/>
      <c r="CKN730" s="424"/>
      <c r="CKO730" s="423" t="s">
        <v>2795</v>
      </c>
      <c r="CKP730" s="424"/>
      <c r="CKQ730" s="424"/>
      <c r="CKR730" s="424"/>
      <c r="CKS730" s="423" t="s">
        <v>2795</v>
      </c>
      <c r="CKT730" s="424"/>
      <c r="CKU730" s="424"/>
      <c r="CKV730" s="424"/>
      <c r="CKW730" s="423" t="s">
        <v>2795</v>
      </c>
      <c r="CKX730" s="424"/>
      <c r="CKY730" s="424"/>
      <c r="CKZ730" s="424"/>
      <c r="CLA730" s="423" t="s">
        <v>2795</v>
      </c>
      <c r="CLB730" s="424"/>
      <c r="CLC730" s="424"/>
      <c r="CLD730" s="424"/>
      <c r="CLE730" s="423" t="s">
        <v>2795</v>
      </c>
      <c r="CLF730" s="424"/>
      <c r="CLG730" s="424"/>
      <c r="CLH730" s="424"/>
      <c r="CLI730" s="423" t="s">
        <v>2795</v>
      </c>
      <c r="CLJ730" s="424"/>
      <c r="CLK730" s="424"/>
      <c r="CLL730" s="424"/>
      <c r="CLM730" s="423" t="s">
        <v>2795</v>
      </c>
      <c r="CLN730" s="424"/>
      <c r="CLO730" s="424"/>
      <c r="CLP730" s="424"/>
      <c r="CLQ730" s="423" t="s">
        <v>2795</v>
      </c>
      <c r="CLR730" s="424"/>
      <c r="CLS730" s="424"/>
      <c r="CLT730" s="424"/>
      <c r="CLU730" s="423" t="s">
        <v>2795</v>
      </c>
      <c r="CLV730" s="424"/>
      <c r="CLW730" s="424"/>
      <c r="CLX730" s="424"/>
      <c r="CLY730" s="423" t="s">
        <v>2795</v>
      </c>
      <c r="CLZ730" s="424"/>
      <c r="CMA730" s="424"/>
      <c r="CMB730" s="424"/>
      <c r="CMC730" s="423" t="s">
        <v>2795</v>
      </c>
      <c r="CMD730" s="424"/>
      <c r="CME730" s="424"/>
      <c r="CMF730" s="424"/>
      <c r="CMG730" s="423" t="s">
        <v>2795</v>
      </c>
      <c r="CMH730" s="424"/>
      <c r="CMI730" s="424"/>
      <c r="CMJ730" s="424"/>
      <c r="CMK730" s="423" t="s">
        <v>2795</v>
      </c>
      <c r="CML730" s="424"/>
      <c r="CMM730" s="424"/>
      <c r="CMN730" s="424"/>
      <c r="CMO730" s="423" t="s">
        <v>2795</v>
      </c>
      <c r="CMP730" s="424"/>
      <c r="CMQ730" s="424"/>
      <c r="CMR730" s="424"/>
      <c r="CMS730" s="423" t="s">
        <v>2795</v>
      </c>
      <c r="CMT730" s="424"/>
      <c r="CMU730" s="424"/>
      <c r="CMV730" s="424"/>
      <c r="CMW730" s="423" t="s">
        <v>2795</v>
      </c>
      <c r="CMX730" s="424"/>
      <c r="CMY730" s="424"/>
      <c r="CMZ730" s="424"/>
      <c r="CNA730" s="423" t="s">
        <v>2795</v>
      </c>
      <c r="CNB730" s="424"/>
      <c r="CNC730" s="424"/>
      <c r="CND730" s="424"/>
      <c r="CNE730" s="423" t="s">
        <v>2795</v>
      </c>
      <c r="CNF730" s="424"/>
      <c r="CNG730" s="424"/>
      <c r="CNH730" s="424"/>
      <c r="CNI730" s="423" t="s">
        <v>2795</v>
      </c>
      <c r="CNJ730" s="424"/>
      <c r="CNK730" s="424"/>
      <c r="CNL730" s="424"/>
      <c r="CNM730" s="423" t="s">
        <v>2795</v>
      </c>
      <c r="CNN730" s="424"/>
      <c r="CNO730" s="424"/>
      <c r="CNP730" s="424"/>
      <c r="CNQ730" s="423" t="s">
        <v>2795</v>
      </c>
      <c r="CNR730" s="424"/>
      <c r="CNS730" s="424"/>
      <c r="CNT730" s="424"/>
      <c r="CNU730" s="423" t="s">
        <v>2795</v>
      </c>
      <c r="CNV730" s="424"/>
      <c r="CNW730" s="424"/>
      <c r="CNX730" s="424"/>
      <c r="CNY730" s="423" t="s">
        <v>2795</v>
      </c>
      <c r="CNZ730" s="424"/>
      <c r="COA730" s="424"/>
      <c r="COB730" s="424"/>
      <c r="COC730" s="423" t="s">
        <v>2795</v>
      </c>
      <c r="COD730" s="424"/>
      <c r="COE730" s="424"/>
      <c r="COF730" s="424"/>
      <c r="COG730" s="423" t="s">
        <v>2795</v>
      </c>
      <c r="COH730" s="424"/>
      <c r="COI730" s="424"/>
      <c r="COJ730" s="424"/>
      <c r="COK730" s="423" t="s">
        <v>2795</v>
      </c>
      <c r="COL730" s="424"/>
      <c r="COM730" s="424"/>
      <c r="CON730" s="424"/>
      <c r="COO730" s="423" t="s">
        <v>2795</v>
      </c>
      <c r="COP730" s="424"/>
      <c r="COQ730" s="424"/>
      <c r="COR730" s="424"/>
      <c r="COS730" s="423" t="s">
        <v>2795</v>
      </c>
      <c r="COT730" s="424"/>
      <c r="COU730" s="424"/>
      <c r="COV730" s="424"/>
      <c r="COW730" s="423" t="s">
        <v>2795</v>
      </c>
      <c r="COX730" s="424"/>
      <c r="COY730" s="424"/>
      <c r="COZ730" s="424"/>
      <c r="CPA730" s="423" t="s">
        <v>2795</v>
      </c>
      <c r="CPB730" s="424"/>
      <c r="CPC730" s="424"/>
      <c r="CPD730" s="424"/>
      <c r="CPE730" s="423" t="s">
        <v>2795</v>
      </c>
      <c r="CPF730" s="424"/>
      <c r="CPG730" s="424"/>
      <c r="CPH730" s="424"/>
      <c r="CPI730" s="423" t="s">
        <v>2795</v>
      </c>
      <c r="CPJ730" s="424"/>
      <c r="CPK730" s="424"/>
      <c r="CPL730" s="424"/>
      <c r="CPM730" s="423" t="s">
        <v>2795</v>
      </c>
      <c r="CPN730" s="424"/>
      <c r="CPO730" s="424"/>
      <c r="CPP730" s="424"/>
      <c r="CPQ730" s="423" t="s">
        <v>2795</v>
      </c>
      <c r="CPR730" s="424"/>
      <c r="CPS730" s="424"/>
      <c r="CPT730" s="424"/>
      <c r="CPU730" s="423" t="s">
        <v>2795</v>
      </c>
      <c r="CPV730" s="424"/>
      <c r="CPW730" s="424"/>
      <c r="CPX730" s="424"/>
      <c r="CPY730" s="423" t="s">
        <v>2795</v>
      </c>
      <c r="CPZ730" s="424"/>
      <c r="CQA730" s="424"/>
      <c r="CQB730" s="424"/>
      <c r="CQC730" s="423" t="s">
        <v>2795</v>
      </c>
      <c r="CQD730" s="424"/>
      <c r="CQE730" s="424"/>
      <c r="CQF730" s="424"/>
      <c r="CQG730" s="423" t="s">
        <v>2795</v>
      </c>
      <c r="CQH730" s="424"/>
      <c r="CQI730" s="424"/>
      <c r="CQJ730" s="424"/>
      <c r="CQK730" s="423" t="s">
        <v>2795</v>
      </c>
      <c r="CQL730" s="424"/>
      <c r="CQM730" s="424"/>
      <c r="CQN730" s="424"/>
      <c r="CQO730" s="423" t="s">
        <v>2795</v>
      </c>
      <c r="CQP730" s="424"/>
      <c r="CQQ730" s="424"/>
      <c r="CQR730" s="424"/>
      <c r="CQS730" s="423" t="s">
        <v>2795</v>
      </c>
      <c r="CQT730" s="424"/>
      <c r="CQU730" s="424"/>
      <c r="CQV730" s="424"/>
      <c r="CQW730" s="423" t="s">
        <v>2795</v>
      </c>
      <c r="CQX730" s="424"/>
      <c r="CQY730" s="424"/>
      <c r="CQZ730" s="424"/>
      <c r="CRA730" s="423" t="s">
        <v>2795</v>
      </c>
      <c r="CRB730" s="424"/>
      <c r="CRC730" s="424"/>
      <c r="CRD730" s="424"/>
      <c r="CRE730" s="423" t="s">
        <v>2795</v>
      </c>
      <c r="CRF730" s="424"/>
      <c r="CRG730" s="424"/>
      <c r="CRH730" s="424"/>
      <c r="CRI730" s="423" t="s">
        <v>2795</v>
      </c>
      <c r="CRJ730" s="424"/>
      <c r="CRK730" s="424"/>
      <c r="CRL730" s="424"/>
      <c r="CRM730" s="423" t="s">
        <v>2795</v>
      </c>
      <c r="CRN730" s="424"/>
      <c r="CRO730" s="424"/>
      <c r="CRP730" s="424"/>
      <c r="CRQ730" s="423" t="s">
        <v>2795</v>
      </c>
      <c r="CRR730" s="424"/>
      <c r="CRS730" s="424"/>
      <c r="CRT730" s="424"/>
      <c r="CRU730" s="423" t="s">
        <v>2795</v>
      </c>
      <c r="CRV730" s="424"/>
      <c r="CRW730" s="424"/>
      <c r="CRX730" s="424"/>
      <c r="CRY730" s="423" t="s">
        <v>2795</v>
      </c>
      <c r="CRZ730" s="424"/>
      <c r="CSA730" s="424"/>
      <c r="CSB730" s="424"/>
      <c r="CSC730" s="423" t="s">
        <v>2795</v>
      </c>
      <c r="CSD730" s="424"/>
      <c r="CSE730" s="424"/>
      <c r="CSF730" s="424"/>
      <c r="CSG730" s="423" t="s">
        <v>2795</v>
      </c>
      <c r="CSH730" s="424"/>
      <c r="CSI730" s="424"/>
      <c r="CSJ730" s="424"/>
      <c r="CSK730" s="423" t="s">
        <v>2795</v>
      </c>
      <c r="CSL730" s="424"/>
      <c r="CSM730" s="424"/>
      <c r="CSN730" s="424"/>
      <c r="CSO730" s="423" t="s">
        <v>2795</v>
      </c>
      <c r="CSP730" s="424"/>
      <c r="CSQ730" s="424"/>
      <c r="CSR730" s="424"/>
      <c r="CSS730" s="423" t="s">
        <v>2795</v>
      </c>
      <c r="CST730" s="424"/>
      <c r="CSU730" s="424"/>
      <c r="CSV730" s="424"/>
      <c r="CSW730" s="423" t="s">
        <v>2795</v>
      </c>
      <c r="CSX730" s="424"/>
      <c r="CSY730" s="424"/>
      <c r="CSZ730" s="424"/>
      <c r="CTA730" s="423" t="s">
        <v>2795</v>
      </c>
      <c r="CTB730" s="424"/>
      <c r="CTC730" s="424"/>
      <c r="CTD730" s="424"/>
      <c r="CTE730" s="423" t="s">
        <v>2795</v>
      </c>
      <c r="CTF730" s="424"/>
      <c r="CTG730" s="424"/>
      <c r="CTH730" s="424"/>
      <c r="CTI730" s="423" t="s">
        <v>2795</v>
      </c>
      <c r="CTJ730" s="424"/>
      <c r="CTK730" s="424"/>
      <c r="CTL730" s="424"/>
      <c r="CTM730" s="423" t="s">
        <v>2795</v>
      </c>
      <c r="CTN730" s="424"/>
      <c r="CTO730" s="424"/>
      <c r="CTP730" s="424"/>
      <c r="CTQ730" s="423" t="s">
        <v>2795</v>
      </c>
      <c r="CTR730" s="424"/>
      <c r="CTS730" s="424"/>
      <c r="CTT730" s="424"/>
      <c r="CTU730" s="423" t="s">
        <v>2795</v>
      </c>
      <c r="CTV730" s="424"/>
      <c r="CTW730" s="424"/>
      <c r="CTX730" s="424"/>
      <c r="CTY730" s="423" t="s">
        <v>2795</v>
      </c>
      <c r="CTZ730" s="424"/>
      <c r="CUA730" s="424"/>
      <c r="CUB730" s="424"/>
      <c r="CUC730" s="423" t="s">
        <v>2795</v>
      </c>
      <c r="CUD730" s="424"/>
      <c r="CUE730" s="424"/>
      <c r="CUF730" s="424"/>
      <c r="CUG730" s="423" t="s">
        <v>2795</v>
      </c>
      <c r="CUH730" s="424"/>
      <c r="CUI730" s="424"/>
      <c r="CUJ730" s="424"/>
      <c r="CUK730" s="423" t="s">
        <v>2795</v>
      </c>
      <c r="CUL730" s="424"/>
      <c r="CUM730" s="424"/>
      <c r="CUN730" s="424"/>
      <c r="CUO730" s="423" t="s">
        <v>2795</v>
      </c>
      <c r="CUP730" s="424"/>
      <c r="CUQ730" s="424"/>
      <c r="CUR730" s="424"/>
      <c r="CUS730" s="423" t="s">
        <v>2795</v>
      </c>
      <c r="CUT730" s="424"/>
      <c r="CUU730" s="424"/>
      <c r="CUV730" s="424"/>
      <c r="CUW730" s="423" t="s">
        <v>2795</v>
      </c>
      <c r="CUX730" s="424"/>
      <c r="CUY730" s="424"/>
      <c r="CUZ730" s="424"/>
      <c r="CVA730" s="423" t="s">
        <v>2795</v>
      </c>
      <c r="CVB730" s="424"/>
      <c r="CVC730" s="424"/>
      <c r="CVD730" s="424"/>
      <c r="CVE730" s="423" t="s">
        <v>2795</v>
      </c>
      <c r="CVF730" s="424"/>
      <c r="CVG730" s="424"/>
      <c r="CVH730" s="424"/>
      <c r="CVI730" s="423" t="s">
        <v>2795</v>
      </c>
      <c r="CVJ730" s="424"/>
      <c r="CVK730" s="424"/>
      <c r="CVL730" s="424"/>
      <c r="CVM730" s="423" t="s">
        <v>2795</v>
      </c>
      <c r="CVN730" s="424"/>
      <c r="CVO730" s="424"/>
      <c r="CVP730" s="424"/>
      <c r="CVQ730" s="423" t="s">
        <v>2795</v>
      </c>
      <c r="CVR730" s="424"/>
      <c r="CVS730" s="424"/>
      <c r="CVT730" s="424"/>
      <c r="CVU730" s="423" t="s">
        <v>2795</v>
      </c>
      <c r="CVV730" s="424"/>
      <c r="CVW730" s="424"/>
      <c r="CVX730" s="424"/>
      <c r="CVY730" s="423" t="s">
        <v>2795</v>
      </c>
      <c r="CVZ730" s="424"/>
      <c r="CWA730" s="424"/>
      <c r="CWB730" s="424"/>
      <c r="CWC730" s="423" t="s">
        <v>2795</v>
      </c>
      <c r="CWD730" s="424"/>
      <c r="CWE730" s="424"/>
      <c r="CWF730" s="424"/>
      <c r="CWG730" s="423" t="s">
        <v>2795</v>
      </c>
      <c r="CWH730" s="424"/>
      <c r="CWI730" s="424"/>
      <c r="CWJ730" s="424"/>
      <c r="CWK730" s="423" t="s">
        <v>2795</v>
      </c>
      <c r="CWL730" s="424"/>
      <c r="CWM730" s="424"/>
      <c r="CWN730" s="424"/>
      <c r="CWO730" s="423" t="s">
        <v>2795</v>
      </c>
      <c r="CWP730" s="424"/>
      <c r="CWQ730" s="424"/>
      <c r="CWR730" s="424"/>
      <c r="CWS730" s="423" t="s">
        <v>2795</v>
      </c>
      <c r="CWT730" s="424"/>
      <c r="CWU730" s="424"/>
      <c r="CWV730" s="424"/>
      <c r="CWW730" s="423" t="s">
        <v>2795</v>
      </c>
      <c r="CWX730" s="424"/>
      <c r="CWY730" s="424"/>
      <c r="CWZ730" s="424"/>
      <c r="CXA730" s="423" t="s">
        <v>2795</v>
      </c>
      <c r="CXB730" s="424"/>
      <c r="CXC730" s="424"/>
      <c r="CXD730" s="424"/>
      <c r="CXE730" s="423" t="s">
        <v>2795</v>
      </c>
      <c r="CXF730" s="424"/>
      <c r="CXG730" s="424"/>
      <c r="CXH730" s="424"/>
      <c r="CXI730" s="423" t="s">
        <v>2795</v>
      </c>
      <c r="CXJ730" s="424"/>
      <c r="CXK730" s="424"/>
      <c r="CXL730" s="424"/>
      <c r="CXM730" s="423" t="s">
        <v>2795</v>
      </c>
      <c r="CXN730" s="424"/>
      <c r="CXO730" s="424"/>
      <c r="CXP730" s="424"/>
      <c r="CXQ730" s="423" t="s">
        <v>2795</v>
      </c>
      <c r="CXR730" s="424"/>
      <c r="CXS730" s="424"/>
      <c r="CXT730" s="424"/>
      <c r="CXU730" s="423" t="s">
        <v>2795</v>
      </c>
      <c r="CXV730" s="424"/>
      <c r="CXW730" s="424"/>
      <c r="CXX730" s="424"/>
      <c r="CXY730" s="423" t="s">
        <v>2795</v>
      </c>
      <c r="CXZ730" s="424"/>
      <c r="CYA730" s="424"/>
      <c r="CYB730" s="424"/>
      <c r="CYC730" s="423" t="s">
        <v>2795</v>
      </c>
      <c r="CYD730" s="424"/>
      <c r="CYE730" s="424"/>
      <c r="CYF730" s="424"/>
      <c r="CYG730" s="423" t="s">
        <v>2795</v>
      </c>
      <c r="CYH730" s="424"/>
      <c r="CYI730" s="424"/>
      <c r="CYJ730" s="424"/>
      <c r="CYK730" s="423" t="s">
        <v>2795</v>
      </c>
      <c r="CYL730" s="424"/>
      <c r="CYM730" s="424"/>
      <c r="CYN730" s="424"/>
      <c r="CYO730" s="423" t="s">
        <v>2795</v>
      </c>
      <c r="CYP730" s="424"/>
      <c r="CYQ730" s="424"/>
      <c r="CYR730" s="424"/>
      <c r="CYS730" s="423" t="s">
        <v>2795</v>
      </c>
      <c r="CYT730" s="424"/>
      <c r="CYU730" s="424"/>
      <c r="CYV730" s="424"/>
      <c r="CYW730" s="423" t="s">
        <v>2795</v>
      </c>
      <c r="CYX730" s="424"/>
      <c r="CYY730" s="424"/>
      <c r="CYZ730" s="424"/>
      <c r="CZA730" s="423" t="s">
        <v>2795</v>
      </c>
      <c r="CZB730" s="424"/>
      <c r="CZC730" s="424"/>
      <c r="CZD730" s="424"/>
      <c r="CZE730" s="423" t="s">
        <v>2795</v>
      </c>
      <c r="CZF730" s="424"/>
      <c r="CZG730" s="424"/>
      <c r="CZH730" s="424"/>
      <c r="CZI730" s="423" t="s">
        <v>2795</v>
      </c>
      <c r="CZJ730" s="424"/>
      <c r="CZK730" s="424"/>
      <c r="CZL730" s="424"/>
      <c r="CZM730" s="423" t="s">
        <v>2795</v>
      </c>
      <c r="CZN730" s="424"/>
      <c r="CZO730" s="424"/>
      <c r="CZP730" s="424"/>
      <c r="CZQ730" s="423" t="s">
        <v>2795</v>
      </c>
      <c r="CZR730" s="424"/>
      <c r="CZS730" s="424"/>
      <c r="CZT730" s="424"/>
      <c r="CZU730" s="423" t="s">
        <v>2795</v>
      </c>
      <c r="CZV730" s="424"/>
      <c r="CZW730" s="424"/>
      <c r="CZX730" s="424"/>
      <c r="CZY730" s="423" t="s">
        <v>2795</v>
      </c>
      <c r="CZZ730" s="424"/>
      <c r="DAA730" s="424"/>
      <c r="DAB730" s="424"/>
      <c r="DAC730" s="423" t="s">
        <v>2795</v>
      </c>
      <c r="DAD730" s="424"/>
      <c r="DAE730" s="424"/>
      <c r="DAF730" s="424"/>
      <c r="DAG730" s="423" t="s">
        <v>2795</v>
      </c>
      <c r="DAH730" s="424"/>
      <c r="DAI730" s="424"/>
      <c r="DAJ730" s="424"/>
      <c r="DAK730" s="423" t="s">
        <v>2795</v>
      </c>
      <c r="DAL730" s="424"/>
      <c r="DAM730" s="424"/>
      <c r="DAN730" s="424"/>
      <c r="DAO730" s="423" t="s">
        <v>2795</v>
      </c>
      <c r="DAP730" s="424"/>
      <c r="DAQ730" s="424"/>
      <c r="DAR730" s="424"/>
      <c r="DAS730" s="423" t="s">
        <v>2795</v>
      </c>
      <c r="DAT730" s="424"/>
      <c r="DAU730" s="424"/>
      <c r="DAV730" s="424"/>
      <c r="DAW730" s="423" t="s">
        <v>2795</v>
      </c>
      <c r="DAX730" s="424"/>
      <c r="DAY730" s="424"/>
      <c r="DAZ730" s="424"/>
      <c r="DBA730" s="423" t="s">
        <v>2795</v>
      </c>
      <c r="DBB730" s="424"/>
      <c r="DBC730" s="424"/>
      <c r="DBD730" s="424"/>
      <c r="DBE730" s="423" t="s">
        <v>2795</v>
      </c>
      <c r="DBF730" s="424"/>
      <c r="DBG730" s="424"/>
      <c r="DBH730" s="424"/>
      <c r="DBI730" s="423" t="s">
        <v>2795</v>
      </c>
      <c r="DBJ730" s="424"/>
      <c r="DBK730" s="424"/>
      <c r="DBL730" s="424"/>
      <c r="DBM730" s="423" t="s">
        <v>2795</v>
      </c>
      <c r="DBN730" s="424"/>
      <c r="DBO730" s="424"/>
      <c r="DBP730" s="424"/>
      <c r="DBQ730" s="423" t="s">
        <v>2795</v>
      </c>
      <c r="DBR730" s="424"/>
      <c r="DBS730" s="424"/>
      <c r="DBT730" s="424"/>
      <c r="DBU730" s="423" t="s">
        <v>2795</v>
      </c>
      <c r="DBV730" s="424"/>
      <c r="DBW730" s="424"/>
      <c r="DBX730" s="424"/>
      <c r="DBY730" s="423" t="s">
        <v>2795</v>
      </c>
      <c r="DBZ730" s="424"/>
      <c r="DCA730" s="424"/>
      <c r="DCB730" s="424"/>
      <c r="DCC730" s="423" t="s">
        <v>2795</v>
      </c>
      <c r="DCD730" s="424"/>
      <c r="DCE730" s="424"/>
      <c r="DCF730" s="424"/>
      <c r="DCG730" s="423" t="s">
        <v>2795</v>
      </c>
      <c r="DCH730" s="424"/>
      <c r="DCI730" s="424"/>
      <c r="DCJ730" s="424"/>
      <c r="DCK730" s="423" t="s">
        <v>2795</v>
      </c>
      <c r="DCL730" s="424"/>
      <c r="DCM730" s="424"/>
      <c r="DCN730" s="424"/>
      <c r="DCO730" s="423" t="s">
        <v>2795</v>
      </c>
      <c r="DCP730" s="424"/>
      <c r="DCQ730" s="424"/>
      <c r="DCR730" s="424"/>
      <c r="DCS730" s="423" t="s">
        <v>2795</v>
      </c>
      <c r="DCT730" s="424"/>
      <c r="DCU730" s="424"/>
      <c r="DCV730" s="424"/>
      <c r="DCW730" s="423" t="s">
        <v>2795</v>
      </c>
      <c r="DCX730" s="424"/>
      <c r="DCY730" s="424"/>
      <c r="DCZ730" s="424"/>
      <c r="DDA730" s="423" t="s">
        <v>2795</v>
      </c>
      <c r="DDB730" s="424"/>
      <c r="DDC730" s="424"/>
      <c r="DDD730" s="424"/>
      <c r="DDE730" s="423" t="s">
        <v>2795</v>
      </c>
      <c r="DDF730" s="424"/>
      <c r="DDG730" s="424"/>
      <c r="DDH730" s="424"/>
      <c r="DDI730" s="423" t="s">
        <v>2795</v>
      </c>
      <c r="DDJ730" s="424"/>
      <c r="DDK730" s="424"/>
      <c r="DDL730" s="424"/>
      <c r="DDM730" s="423" t="s">
        <v>2795</v>
      </c>
      <c r="DDN730" s="424"/>
      <c r="DDO730" s="424"/>
      <c r="DDP730" s="424"/>
      <c r="DDQ730" s="423" t="s">
        <v>2795</v>
      </c>
      <c r="DDR730" s="424"/>
      <c r="DDS730" s="424"/>
      <c r="DDT730" s="424"/>
      <c r="DDU730" s="423" t="s">
        <v>2795</v>
      </c>
      <c r="DDV730" s="424"/>
      <c r="DDW730" s="424"/>
      <c r="DDX730" s="424"/>
      <c r="DDY730" s="423" t="s">
        <v>2795</v>
      </c>
      <c r="DDZ730" s="424"/>
      <c r="DEA730" s="424"/>
      <c r="DEB730" s="424"/>
      <c r="DEC730" s="423" t="s">
        <v>2795</v>
      </c>
      <c r="DED730" s="424"/>
      <c r="DEE730" s="424"/>
      <c r="DEF730" s="424"/>
      <c r="DEG730" s="423" t="s">
        <v>2795</v>
      </c>
      <c r="DEH730" s="424"/>
      <c r="DEI730" s="424"/>
      <c r="DEJ730" s="424"/>
      <c r="DEK730" s="423" t="s">
        <v>2795</v>
      </c>
      <c r="DEL730" s="424"/>
      <c r="DEM730" s="424"/>
      <c r="DEN730" s="424"/>
      <c r="DEO730" s="423" t="s">
        <v>2795</v>
      </c>
      <c r="DEP730" s="424"/>
      <c r="DEQ730" s="424"/>
      <c r="DER730" s="424"/>
      <c r="DES730" s="423" t="s">
        <v>2795</v>
      </c>
      <c r="DET730" s="424"/>
      <c r="DEU730" s="424"/>
      <c r="DEV730" s="424"/>
      <c r="DEW730" s="423" t="s">
        <v>2795</v>
      </c>
      <c r="DEX730" s="424"/>
      <c r="DEY730" s="424"/>
      <c r="DEZ730" s="424"/>
      <c r="DFA730" s="423" t="s">
        <v>2795</v>
      </c>
      <c r="DFB730" s="424"/>
      <c r="DFC730" s="424"/>
      <c r="DFD730" s="424"/>
      <c r="DFE730" s="423" t="s">
        <v>2795</v>
      </c>
      <c r="DFF730" s="424"/>
      <c r="DFG730" s="424"/>
      <c r="DFH730" s="424"/>
      <c r="DFI730" s="423" t="s">
        <v>2795</v>
      </c>
      <c r="DFJ730" s="424"/>
      <c r="DFK730" s="424"/>
      <c r="DFL730" s="424"/>
      <c r="DFM730" s="423" t="s">
        <v>2795</v>
      </c>
      <c r="DFN730" s="424"/>
      <c r="DFO730" s="424"/>
      <c r="DFP730" s="424"/>
      <c r="DFQ730" s="423" t="s">
        <v>2795</v>
      </c>
      <c r="DFR730" s="424"/>
      <c r="DFS730" s="424"/>
      <c r="DFT730" s="424"/>
      <c r="DFU730" s="423" t="s">
        <v>2795</v>
      </c>
      <c r="DFV730" s="424"/>
      <c r="DFW730" s="424"/>
      <c r="DFX730" s="424"/>
      <c r="DFY730" s="423" t="s">
        <v>2795</v>
      </c>
      <c r="DFZ730" s="424"/>
      <c r="DGA730" s="424"/>
      <c r="DGB730" s="424"/>
      <c r="DGC730" s="423" t="s">
        <v>2795</v>
      </c>
      <c r="DGD730" s="424"/>
      <c r="DGE730" s="424"/>
      <c r="DGF730" s="424"/>
      <c r="DGG730" s="423" t="s">
        <v>2795</v>
      </c>
      <c r="DGH730" s="424"/>
      <c r="DGI730" s="424"/>
      <c r="DGJ730" s="424"/>
      <c r="DGK730" s="423" t="s">
        <v>2795</v>
      </c>
      <c r="DGL730" s="424"/>
      <c r="DGM730" s="424"/>
      <c r="DGN730" s="424"/>
      <c r="DGO730" s="423" t="s">
        <v>2795</v>
      </c>
      <c r="DGP730" s="424"/>
      <c r="DGQ730" s="424"/>
      <c r="DGR730" s="424"/>
      <c r="DGS730" s="423" t="s">
        <v>2795</v>
      </c>
      <c r="DGT730" s="424"/>
      <c r="DGU730" s="424"/>
      <c r="DGV730" s="424"/>
      <c r="DGW730" s="423" t="s">
        <v>2795</v>
      </c>
      <c r="DGX730" s="424"/>
      <c r="DGY730" s="424"/>
      <c r="DGZ730" s="424"/>
      <c r="DHA730" s="423" t="s">
        <v>2795</v>
      </c>
      <c r="DHB730" s="424"/>
      <c r="DHC730" s="424"/>
      <c r="DHD730" s="424"/>
      <c r="DHE730" s="423" t="s">
        <v>2795</v>
      </c>
      <c r="DHF730" s="424"/>
      <c r="DHG730" s="424"/>
      <c r="DHH730" s="424"/>
      <c r="DHI730" s="423" t="s">
        <v>2795</v>
      </c>
      <c r="DHJ730" s="424"/>
      <c r="DHK730" s="424"/>
      <c r="DHL730" s="424"/>
      <c r="DHM730" s="423" t="s">
        <v>2795</v>
      </c>
      <c r="DHN730" s="424"/>
      <c r="DHO730" s="424"/>
      <c r="DHP730" s="424"/>
      <c r="DHQ730" s="423" t="s">
        <v>2795</v>
      </c>
      <c r="DHR730" s="424"/>
      <c r="DHS730" s="424"/>
      <c r="DHT730" s="424"/>
      <c r="DHU730" s="423" t="s">
        <v>2795</v>
      </c>
      <c r="DHV730" s="424"/>
      <c r="DHW730" s="424"/>
      <c r="DHX730" s="424"/>
      <c r="DHY730" s="423" t="s">
        <v>2795</v>
      </c>
      <c r="DHZ730" s="424"/>
      <c r="DIA730" s="424"/>
      <c r="DIB730" s="424"/>
      <c r="DIC730" s="423" t="s">
        <v>2795</v>
      </c>
      <c r="DID730" s="424"/>
      <c r="DIE730" s="424"/>
      <c r="DIF730" s="424"/>
      <c r="DIG730" s="423" t="s">
        <v>2795</v>
      </c>
      <c r="DIH730" s="424"/>
      <c r="DII730" s="424"/>
      <c r="DIJ730" s="424"/>
      <c r="DIK730" s="423" t="s">
        <v>2795</v>
      </c>
      <c r="DIL730" s="424"/>
      <c r="DIM730" s="424"/>
      <c r="DIN730" s="424"/>
      <c r="DIO730" s="423" t="s">
        <v>2795</v>
      </c>
      <c r="DIP730" s="424"/>
      <c r="DIQ730" s="424"/>
      <c r="DIR730" s="424"/>
      <c r="DIS730" s="423" t="s">
        <v>2795</v>
      </c>
      <c r="DIT730" s="424"/>
      <c r="DIU730" s="424"/>
      <c r="DIV730" s="424"/>
      <c r="DIW730" s="423" t="s">
        <v>2795</v>
      </c>
      <c r="DIX730" s="424"/>
      <c r="DIY730" s="424"/>
      <c r="DIZ730" s="424"/>
      <c r="DJA730" s="423" t="s">
        <v>2795</v>
      </c>
      <c r="DJB730" s="424"/>
      <c r="DJC730" s="424"/>
      <c r="DJD730" s="424"/>
      <c r="DJE730" s="423" t="s">
        <v>2795</v>
      </c>
      <c r="DJF730" s="424"/>
      <c r="DJG730" s="424"/>
      <c r="DJH730" s="424"/>
      <c r="DJI730" s="423" t="s">
        <v>2795</v>
      </c>
      <c r="DJJ730" s="424"/>
      <c r="DJK730" s="424"/>
      <c r="DJL730" s="424"/>
      <c r="DJM730" s="423" t="s">
        <v>2795</v>
      </c>
      <c r="DJN730" s="424"/>
      <c r="DJO730" s="424"/>
      <c r="DJP730" s="424"/>
      <c r="DJQ730" s="423" t="s">
        <v>2795</v>
      </c>
      <c r="DJR730" s="424"/>
      <c r="DJS730" s="424"/>
      <c r="DJT730" s="424"/>
      <c r="DJU730" s="423" t="s">
        <v>2795</v>
      </c>
      <c r="DJV730" s="424"/>
      <c r="DJW730" s="424"/>
      <c r="DJX730" s="424"/>
      <c r="DJY730" s="423" t="s">
        <v>2795</v>
      </c>
      <c r="DJZ730" s="424"/>
      <c r="DKA730" s="424"/>
      <c r="DKB730" s="424"/>
      <c r="DKC730" s="423" t="s">
        <v>2795</v>
      </c>
      <c r="DKD730" s="424"/>
      <c r="DKE730" s="424"/>
      <c r="DKF730" s="424"/>
      <c r="DKG730" s="423" t="s">
        <v>2795</v>
      </c>
      <c r="DKH730" s="424"/>
      <c r="DKI730" s="424"/>
      <c r="DKJ730" s="424"/>
      <c r="DKK730" s="423" t="s">
        <v>2795</v>
      </c>
      <c r="DKL730" s="424"/>
      <c r="DKM730" s="424"/>
      <c r="DKN730" s="424"/>
      <c r="DKO730" s="423" t="s">
        <v>2795</v>
      </c>
      <c r="DKP730" s="424"/>
      <c r="DKQ730" s="424"/>
      <c r="DKR730" s="424"/>
      <c r="DKS730" s="423" t="s">
        <v>2795</v>
      </c>
      <c r="DKT730" s="424"/>
      <c r="DKU730" s="424"/>
      <c r="DKV730" s="424"/>
      <c r="DKW730" s="423" t="s">
        <v>2795</v>
      </c>
      <c r="DKX730" s="424"/>
      <c r="DKY730" s="424"/>
      <c r="DKZ730" s="424"/>
      <c r="DLA730" s="423" t="s">
        <v>2795</v>
      </c>
      <c r="DLB730" s="424"/>
      <c r="DLC730" s="424"/>
      <c r="DLD730" s="424"/>
      <c r="DLE730" s="423" t="s">
        <v>2795</v>
      </c>
      <c r="DLF730" s="424"/>
      <c r="DLG730" s="424"/>
      <c r="DLH730" s="424"/>
      <c r="DLI730" s="423" t="s">
        <v>2795</v>
      </c>
      <c r="DLJ730" s="424"/>
      <c r="DLK730" s="424"/>
      <c r="DLL730" s="424"/>
      <c r="DLM730" s="423" t="s">
        <v>2795</v>
      </c>
      <c r="DLN730" s="424"/>
      <c r="DLO730" s="424"/>
      <c r="DLP730" s="424"/>
      <c r="DLQ730" s="423" t="s">
        <v>2795</v>
      </c>
      <c r="DLR730" s="424"/>
      <c r="DLS730" s="424"/>
      <c r="DLT730" s="424"/>
      <c r="DLU730" s="423" t="s">
        <v>2795</v>
      </c>
      <c r="DLV730" s="424"/>
      <c r="DLW730" s="424"/>
      <c r="DLX730" s="424"/>
      <c r="DLY730" s="423" t="s">
        <v>2795</v>
      </c>
      <c r="DLZ730" s="424"/>
      <c r="DMA730" s="424"/>
      <c r="DMB730" s="424"/>
      <c r="DMC730" s="423" t="s">
        <v>2795</v>
      </c>
      <c r="DMD730" s="424"/>
      <c r="DME730" s="424"/>
      <c r="DMF730" s="424"/>
      <c r="DMG730" s="423" t="s">
        <v>2795</v>
      </c>
      <c r="DMH730" s="424"/>
      <c r="DMI730" s="424"/>
      <c r="DMJ730" s="424"/>
      <c r="DMK730" s="423" t="s">
        <v>2795</v>
      </c>
      <c r="DML730" s="424"/>
      <c r="DMM730" s="424"/>
      <c r="DMN730" s="424"/>
      <c r="DMO730" s="423" t="s">
        <v>2795</v>
      </c>
      <c r="DMP730" s="424"/>
      <c r="DMQ730" s="424"/>
      <c r="DMR730" s="424"/>
      <c r="DMS730" s="423" t="s">
        <v>2795</v>
      </c>
      <c r="DMT730" s="424"/>
      <c r="DMU730" s="424"/>
      <c r="DMV730" s="424"/>
      <c r="DMW730" s="423" t="s">
        <v>2795</v>
      </c>
      <c r="DMX730" s="424"/>
      <c r="DMY730" s="424"/>
      <c r="DMZ730" s="424"/>
      <c r="DNA730" s="423" t="s">
        <v>2795</v>
      </c>
      <c r="DNB730" s="424"/>
      <c r="DNC730" s="424"/>
      <c r="DND730" s="424"/>
      <c r="DNE730" s="423" t="s">
        <v>2795</v>
      </c>
      <c r="DNF730" s="424"/>
      <c r="DNG730" s="424"/>
      <c r="DNH730" s="424"/>
      <c r="DNI730" s="423" t="s">
        <v>2795</v>
      </c>
      <c r="DNJ730" s="424"/>
      <c r="DNK730" s="424"/>
      <c r="DNL730" s="424"/>
      <c r="DNM730" s="423" t="s">
        <v>2795</v>
      </c>
      <c r="DNN730" s="424"/>
      <c r="DNO730" s="424"/>
      <c r="DNP730" s="424"/>
      <c r="DNQ730" s="423" t="s">
        <v>2795</v>
      </c>
      <c r="DNR730" s="424"/>
      <c r="DNS730" s="424"/>
      <c r="DNT730" s="424"/>
      <c r="DNU730" s="423" t="s">
        <v>2795</v>
      </c>
      <c r="DNV730" s="424"/>
      <c r="DNW730" s="424"/>
      <c r="DNX730" s="424"/>
      <c r="DNY730" s="423" t="s">
        <v>2795</v>
      </c>
      <c r="DNZ730" s="424"/>
      <c r="DOA730" s="424"/>
      <c r="DOB730" s="424"/>
      <c r="DOC730" s="423" t="s">
        <v>2795</v>
      </c>
      <c r="DOD730" s="424"/>
      <c r="DOE730" s="424"/>
      <c r="DOF730" s="424"/>
      <c r="DOG730" s="423" t="s">
        <v>2795</v>
      </c>
      <c r="DOH730" s="424"/>
      <c r="DOI730" s="424"/>
      <c r="DOJ730" s="424"/>
      <c r="DOK730" s="423" t="s">
        <v>2795</v>
      </c>
      <c r="DOL730" s="424"/>
      <c r="DOM730" s="424"/>
      <c r="DON730" s="424"/>
      <c r="DOO730" s="423" t="s">
        <v>2795</v>
      </c>
      <c r="DOP730" s="424"/>
      <c r="DOQ730" s="424"/>
      <c r="DOR730" s="424"/>
      <c r="DOS730" s="423" t="s">
        <v>2795</v>
      </c>
      <c r="DOT730" s="424"/>
      <c r="DOU730" s="424"/>
      <c r="DOV730" s="424"/>
      <c r="DOW730" s="423" t="s">
        <v>2795</v>
      </c>
      <c r="DOX730" s="424"/>
      <c r="DOY730" s="424"/>
      <c r="DOZ730" s="424"/>
      <c r="DPA730" s="423" t="s">
        <v>2795</v>
      </c>
      <c r="DPB730" s="424"/>
      <c r="DPC730" s="424"/>
      <c r="DPD730" s="424"/>
      <c r="DPE730" s="423" t="s">
        <v>2795</v>
      </c>
      <c r="DPF730" s="424"/>
      <c r="DPG730" s="424"/>
      <c r="DPH730" s="424"/>
      <c r="DPI730" s="423" t="s">
        <v>2795</v>
      </c>
      <c r="DPJ730" s="424"/>
      <c r="DPK730" s="424"/>
      <c r="DPL730" s="424"/>
      <c r="DPM730" s="423" t="s">
        <v>2795</v>
      </c>
      <c r="DPN730" s="424"/>
      <c r="DPO730" s="424"/>
      <c r="DPP730" s="424"/>
      <c r="DPQ730" s="423" t="s">
        <v>2795</v>
      </c>
      <c r="DPR730" s="424"/>
      <c r="DPS730" s="424"/>
      <c r="DPT730" s="424"/>
      <c r="DPU730" s="423" t="s">
        <v>2795</v>
      </c>
      <c r="DPV730" s="424"/>
      <c r="DPW730" s="424"/>
      <c r="DPX730" s="424"/>
      <c r="DPY730" s="423" t="s">
        <v>2795</v>
      </c>
      <c r="DPZ730" s="424"/>
      <c r="DQA730" s="424"/>
      <c r="DQB730" s="424"/>
      <c r="DQC730" s="423" t="s">
        <v>2795</v>
      </c>
      <c r="DQD730" s="424"/>
      <c r="DQE730" s="424"/>
      <c r="DQF730" s="424"/>
      <c r="DQG730" s="423" t="s">
        <v>2795</v>
      </c>
      <c r="DQH730" s="424"/>
      <c r="DQI730" s="424"/>
      <c r="DQJ730" s="424"/>
      <c r="DQK730" s="423" t="s">
        <v>2795</v>
      </c>
      <c r="DQL730" s="424"/>
      <c r="DQM730" s="424"/>
      <c r="DQN730" s="424"/>
      <c r="DQO730" s="423" t="s">
        <v>2795</v>
      </c>
      <c r="DQP730" s="424"/>
      <c r="DQQ730" s="424"/>
      <c r="DQR730" s="424"/>
      <c r="DQS730" s="423" t="s">
        <v>2795</v>
      </c>
      <c r="DQT730" s="424"/>
      <c r="DQU730" s="424"/>
      <c r="DQV730" s="424"/>
      <c r="DQW730" s="423" t="s">
        <v>2795</v>
      </c>
      <c r="DQX730" s="424"/>
      <c r="DQY730" s="424"/>
      <c r="DQZ730" s="424"/>
      <c r="DRA730" s="423" t="s">
        <v>2795</v>
      </c>
      <c r="DRB730" s="424"/>
      <c r="DRC730" s="424"/>
      <c r="DRD730" s="424"/>
      <c r="DRE730" s="423" t="s">
        <v>2795</v>
      </c>
      <c r="DRF730" s="424"/>
      <c r="DRG730" s="424"/>
      <c r="DRH730" s="424"/>
      <c r="DRI730" s="423" t="s">
        <v>2795</v>
      </c>
      <c r="DRJ730" s="424"/>
      <c r="DRK730" s="424"/>
      <c r="DRL730" s="424"/>
      <c r="DRM730" s="423" t="s">
        <v>2795</v>
      </c>
      <c r="DRN730" s="424"/>
      <c r="DRO730" s="424"/>
      <c r="DRP730" s="424"/>
      <c r="DRQ730" s="423" t="s">
        <v>2795</v>
      </c>
      <c r="DRR730" s="424"/>
      <c r="DRS730" s="424"/>
      <c r="DRT730" s="424"/>
      <c r="DRU730" s="423" t="s">
        <v>2795</v>
      </c>
      <c r="DRV730" s="424"/>
      <c r="DRW730" s="424"/>
      <c r="DRX730" s="424"/>
      <c r="DRY730" s="423" t="s">
        <v>2795</v>
      </c>
      <c r="DRZ730" s="424"/>
      <c r="DSA730" s="424"/>
      <c r="DSB730" s="424"/>
      <c r="DSC730" s="423" t="s">
        <v>2795</v>
      </c>
      <c r="DSD730" s="424"/>
      <c r="DSE730" s="424"/>
      <c r="DSF730" s="424"/>
      <c r="DSG730" s="423" t="s">
        <v>2795</v>
      </c>
      <c r="DSH730" s="424"/>
      <c r="DSI730" s="424"/>
      <c r="DSJ730" s="424"/>
      <c r="DSK730" s="423" t="s">
        <v>2795</v>
      </c>
      <c r="DSL730" s="424"/>
      <c r="DSM730" s="424"/>
      <c r="DSN730" s="424"/>
      <c r="DSO730" s="423" t="s">
        <v>2795</v>
      </c>
      <c r="DSP730" s="424"/>
      <c r="DSQ730" s="424"/>
      <c r="DSR730" s="424"/>
      <c r="DSS730" s="423" t="s">
        <v>2795</v>
      </c>
      <c r="DST730" s="424"/>
      <c r="DSU730" s="424"/>
      <c r="DSV730" s="424"/>
      <c r="DSW730" s="423" t="s">
        <v>2795</v>
      </c>
      <c r="DSX730" s="424"/>
      <c r="DSY730" s="424"/>
      <c r="DSZ730" s="424"/>
      <c r="DTA730" s="423" t="s">
        <v>2795</v>
      </c>
      <c r="DTB730" s="424"/>
      <c r="DTC730" s="424"/>
      <c r="DTD730" s="424"/>
      <c r="DTE730" s="423" t="s">
        <v>2795</v>
      </c>
      <c r="DTF730" s="424"/>
      <c r="DTG730" s="424"/>
      <c r="DTH730" s="424"/>
      <c r="DTI730" s="423" t="s">
        <v>2795</v>
      </c>
      <c r="DTJ730" s="424"/>
      <c r="DTK730" s="424"/>
      <c r="DTL730" s="424"/>
      <c r="DTM730" s="423" t="s">
        <v>2795</v>
      </c>
      <c r="DTN730" s="424"/>
      <c r="DTO730" s="424"/>
      <c r="DTP730" s="424"/>
      <c r="DTQ730" s="423" t="s">
        <v>2795</v>
      </c>
      <c r="DTR730" s="424"/>
      <c r="DTS730" s="424"/>
      <c r="DTT730" s="424"/>
      <c r="DTU730" s="423" t="s">
        <v>2795</v>
      </c>
      <c r="DTV730" s="424"/>
      <c r="DTW730" s="424"/>
      <c r="DTX730" s="424"/>
      <c r="DTY730" s="423" t="s">
        <v>2795</v>
      </c>
      <c r="DTZ730" s="424"/>
      <c r="DUA730" s="424"/>
      <c r="DUB730" s="424"/>
      <c r="DUC730" s="423" t="s">
        <v>2795</v>
      </c>
      <c r="DUD730" s="424"/>
      <c r="DUE730" s="424"/>
      <c r="DUF730" s="424"/>
      <c r="DUG730" s="423" t="s">
        <v>2795</v>
      </c>
      <c r="DUH730" s="424"/>
      <c r="DUI730" s="424"/>
      <c r="DUJ730" s="424"/>
      <c r="DUK730" s="423" t="s">
        <v>2795</v>
      </c>
      <c r="DUL730" s="424"/>
      <c r="DUM730" s="424"/>
      <c r="DUN730" s="424"/>
      <c r="DUO730" s="423" t="s">
        <v>2795</v>
      </c>
      <c r="DUP730" s="424"/>
      <c r="DUQ730" s="424"/>
      <c r="DUR730" s="424"/>
      <c r="DUS730" s="423" t="s">
        <v>2795</v>
      </c>
      <c r="DUT730" s="424"/>
      <c r="DUU730" s="424"/>
      <c r="DUV730" s="424"/>
      <c r="DUW730" s="423" t="s">
        <v>2795</v>
      </c>
      <c r="DUX730" s="424"/>
      <c r="DUY730" s="424"/>
      <c r="DUZ730" s="424"/>
      <c r="DVA730" s="423" t="s">
        <v>2795</v>
      </c>
      <c r="DVB730" s="424"/>
      <c r="DVC730" s="424"/>
      <c r="DVD730" s="424"/>
      <c r="DVE730" s="423" t="s">
        <v>2795</v>
      </c>
      <c r="DVF730" s="424"/>
      <c r="DVG730" s="424"/>
      <c r="DVH730" s="424"/>
      <c r="DVI730" s="423" t="s">
        <v>2795</v>
      </c>
      <c r="DVJ730" s="424"/>
      <c r="DVK730" s="424"/>
      <c r="DVL730" s="424"/>
      <c r="DVM730" s="423" t="s">
        <v>2795</v>
      </c>
      <c r="DVN730" s="424"/>
      <c r="DVO730" s="424"/>
      <c r="DVP730" s="424"/>
      <c r="DVQ730" s="423" t="s">
        <v>2795</v>
      </c>
      <c r="DVR730" s="424"/>
      <c r="DVS730" s="424"/>
      <c r="DVT730" s="424"/>
      <c r="DVU730" s="423" t="s">
        <v>2795</v>
      </c>
      <c r="DVV730" s="424"/>
      <c r="DVW730" s="424"/>
      <c r="DVX730" s="424"/>
      <c r="DVY730" s="423" t="s">
        <v>2795</v>
      </c>
      <c r="DVZ730" s="424"/>
      <c r="DWA730" s="424"/>
      <c r="DWB730" s="424"/>
      <c r="DWC730" s="423" t="s">
        <v>2795</v>
      </c>
      <c r="DWD730" s="424"/>
      <c r="DWE730" s="424"/>
      <c r="DWF730" s="424"/>
      <c r="DWG730" s="423" t="s">
        <v>2795</v>
      </c>
      <c r="DWH730" s="424"/>
      <c r="DWI730" s="424"/>
      <c r="DWJ730" s="424"/>
      <c r="DWK730" s="423" t="s">
        <v>2795</v>
      </c>
      <c r="DWL730" s="424"/>
      <c r="DWM730" s="424"/>
      <c r="DWN730" s="424"/>
      <c r="DWO730" s="423" t="s">
        <v>2795</v>
      </c>
      <c r="DWP730" s="424"/>
      <c r="DWQ730" s="424"/>
      <c r="DWR730" s="424"/>
      <c r="DWS730" s="423" t="s">
        <v>2795</v>
      </c>
      <c r="DWT730" s="424"/>
      <c r="DWU730" s="424"/>
      <c r="DWV730" s="424"/>
      <c r="DWW730" s="423" t="s">
        <v>2795</v>
      </c>
      <c r="DWX730" s="424"/>
      <c r="DWY730" s="424"/>
      <c r="DWZ730" s="424"/>
      <c r="DXA730" s="423" t="s">
        <v>2795</v>
      </c>
      <c r="DXB730" s="424"/>
      <c r="DXC730" s="424"/>
      <c r="DXD730" s="424"/>
      <c r="DXE730" s="423" t="s">
        <v>2795</v>
      </c>
      <c r="DXF730" s="424"/>
      <c r="DXG730" s="424"/>
      <c r="DXH730" s="424"/>
      <c r="DXI730" s="423" t="s">
        <v>2795</v>
      </c>
      <c r="DXJ730" s="424"/>
      <c r="DXK730" s="424"/>
      <c r="DXL730" s="424"/>
      <c r="DXM730" s="423" t="s">
        <v>2795</v>
      </c>
      <c r="DXN730" s="424"/>
      <c r="DXO730" s="424"/>
      <c r="DXP730" s="424"/>
      <c r="DXQ730" s="423" t="s">
        <v>2795</v>
      </c>
      <c r="DXR730" s="424"/>
      <c r="DXS730" s="424"/>
      <c r="DXT730" s="424"/>
      <c r="DXU730" s="423" t="s">
        <v>2795</v>
      </c>
      <c r="DXV730" s="424"/>
      <c r="DXW730" s="424"/>
      <c r="DXX730" s="424"/>
      <c r="DXY730" s="423" t="s">
        <v>2795</v>
      </c>
      <c r="DXZ730" s="424"/>
      <c r="DYA730" s="424"/>
      <c r="DYB730" s="424"/>
      <c r="DYC730" s="423" t="s">
        <v>2795</v>
      </c>
      <c r="DYD730" s="424"/>
      <c r="DYE730" s="424"/>
      <c r="DYF730" s="424"/>
      <c r="DYG730" s="423" t="s">
        <v>2795</v>
      </c>
      <c r="DYH730" s="424"/>
      <c r="DYI730" s="424"/>
      <c r="DYJ730" s="424"/>
      <c r="DYK730" s="423" t="s">
        <v>2795</v>
      </c>
      <c r="DYL730" s="424"/>
      <c r="DYM730" s="424"/>
      <c r="DYN730" s="424"/>
      <c r="DYO730" s="423" t="s">
        <v>2795</v>
      </c>
      <c r="DYP730" s="424"/>
      <c r="DYQ730" s="424"/>
      <c r="DYR730" s="424"/>
      <c r="DYS730" s="423" t="s">
        <v>2795</v>
      </c>
      <c r="DYT730" s="424"/>
      <c r="DYU730" s="424"/>
      <c r="DYV730" s="424"/>
      <c r="DYW730" s="423" t="s">
        <v>2795</v>
      </c>
      <c r="DYX730" s="424"/>
      <c r="DYY730" s="424"/>
      <c r="DYZ730" s="424"/>
      <c r="DZA730" s="423" t="s">
        <v>2795</v>
      </c>
      <c r="DZB730" s="424"/>
      <c r="DZC730" s="424"/>
      <c r="DZD730" s="424"/>
      <c r="DZE730" s="423" t="s">
        <v>2795</v>
      </c>
      <c r="DZF730" s="424"/>
      <c r="DZG730" s="424"/>
      <c r="DZH730" s="424"/>
      <c r="DZI730" s="423" t="s">
        <v>2795</v>
      </c>
      <c r="DZJ730" s="424"/>
      <c r="DZK730" s="424"/>
      <c r="DZL730" s="424"/>
      <c r="DZM730" s="423" t="s">
        <v>2795</v>
      </c>
      <c r="DZN730" s="424"/>
      <c r="DZO730" s="424"/>
      <c r="DZP730" s="424"/>
      <c r="DZQ730" s="423" t="s">
        <v>2795</v>
      </c>
      <c r="DZR730" s="424"/>
      <c r="DZS730" s="424"/>
      <c r="DZT730" s="424"/>
      <c r="DZU730" s="423" t="s">
        <v>2795</v>
      </c>
      <c r="DZV730" s="424"/>
      <c r="DZW730" s="424"/>
      <c r="DZX730" s="424"/>
      <c r="DZY730" s="423" t="s">
        <v>2795</v>
      </c>
      <c r="DZZ730" s="424"/>
      <c r="EAA730" s="424"/>
      <c r="EAB730" s="424"/>
      <c r="EAC730" s="423" t="s">
        <v>2795</v>
      </c>
      <c r="EAD730" s="424"/>
      <c r="EAE730" s="424"/>
      <c r="EAF730" s="424"/>
      <c r="EAG730" s="423" t="s">
        <v>2795</v>
      </c>
      <c r="EAH730" s="424"/>
      <c r="EAI730" s="424"/>
      <c r="EAJ730" s="424"/>
      <c r="EAK730" s="423" t="s">
        <v>2795</v>
      </c>
      <c r="EAL730" s="424"/>
      <c r="EAM730" s="424"/>
      <c r="EAN730" s="424"/>
      <c r="EAO730" s="423" t="s">
        <v>2795</v>
      </c>
      <c r="EAP730" s="424"/>
      <c r="EAQ730" s="424"/>
      <c r="EAR730" s="424"/>
      <c r="EAS730" s="423" t="s">
        <v>2795</v>
      </c>
      <c r="EAT730" s="424"/>
      <c r="EAU730" s="424"/>
      <c r="EAV730" s="424"/>
      <c r="EAW730" s="423" t="s">
        <v>2795</v>
      </c>
      <c r="EAX730" s="424"/>
      <c r="EAY730" s="424"/>
      <c r="EAZ730" s="424"/>
      <c r="EBA730" s="423" t="s">
        <v>2795</v>
      </c>
      <c r="EBB730" s="424"/>
      <c r="EBC730" s="424"/>
      <c r="EBD730" s="424"/>
      <c r="EBE730" s="423" t="s">
        <v>2795</v>
      </c>
      <c r="EBF730" s="424"/>
      <c r="EBG730" s="424"/>
      <c r="EBH730" s="424"/>
      <c r="EBI730" s="423" t="s">
        <v>2795</v>
      </c>
      <c r="EBJ730" s="424"/>
      <c r="EBK730" s="424"/>
      <c r="EBL730" s="424"/>
      <c r="EBM730" s="423" t="s">
        <v>2795</v>
      </c>
      <c r="EBN730" s="424"/>
      <c r="EBO730" s="424"/>
      <c r="EBP730" s="424"/>
      <c r="EBQ730" s="423" t="s">
        <v>2795</v>
      </c>
      <c r="EBR730" s="424"/>
      <c r="EBS730" s="424"/>
      <c r="EBT730" s="424"/>
      <c r="EBU730" s="423" t="s">
        <v>2795</v>
      </c>
      <c r="EBV730" s="424"/>
      <c r="EBW730" s="424"/>
      <c r="EBX730" s="424"/>
      <c r="EBY730" s="423" t="s">
        <v>2795</v>
      </c>
      <c r="EBZ730" s="424"/>
      <c r="ECA730" s="424"/>
      <c r="ECB730" s="424"/>
      <c r="ECC730" s="423" t="s">
        <v>2795</v>
      </c>
      <c r="ECD730" s="424"/>
      <c r="ECE730" s="424"/>
      <c r="ECF730" s="424"/>
      <c r="ECG730" s="423" t="s">
        <v>2795</v>
      </c>
      <c r="ECH730" s="424"/>
      <c r="ECI730" s="424"/>
      <c r="ECJ730" s="424"/>
      <c r="ECK730" s="423" t="s">
        <v>2795</v>
      </c>
      <c r="ECL730" s="424"/>
      <c r="ECM730" s="424"/>
      <c r="ECN730" s="424"/>
      <c r="ECO730" s="423" t="s">
        <v>2795</v>
      </c>
      <c r="ECP730" s="424"/>
      <c r="ECQ730" s="424"/>
      <c r="ECR730" s="424"/>
      <c r="ECS730" s="423" t="s">
        <v>2795</v>
      </c>
      <c r="ECT730" s="424"/>
      <c r="ECU730" s="424"/>
      <c r="ECV730" s="424"/>
      <c r="ECW730" s="423" t="s">
        <v>2795</v>
      </c>
      <c r="ECX730" s="424"/>
      <c r="ECY730" s="424"/>
      <c r="ECZ730" s="424"/>
      <c r="EDA730" s="423" t="s">
        <v>2795</v>
      </c>
      <c r="EDB730" s="424"/>
      <c r="EDC730" s="424"/>
      <c r="EDD730" s="424"/>
      <c r="EDE730" s="423" t="s">
        <v>2795</v>
      </c>
      <c r="EDF730" s="424"/>
      <c r="EDG730" s="424"/>
      <c r="EDH730" s="424"/>
      <c r="EDI730" s="423" t="s">
        <v>2795</v>
      </c>
      <c r="EDJ730" s="424"/>
      <c r="EDK730" s="424"/>
      <c r="EDL730" s="424"/>
      <c r="EDM730" s="423" t="s">
        <v>2795</v>
      </c>
      <c r="EDN730" s="424"/>
      <c r="EDO730" s="424"/>
      <c r="EDP730" s="424"/>
      <c r="EDQ730" s="423" t="s">
        <v>2795</v>
      </c>
      <c r="EDR730" s="424"/>
      <c r="EDS730" s="424"/>
      <c r="EDT730" s="424"/>
      <c r="EDU730" s="423" t="s">
        <v>2795</v>
      </c>
      <c r="EDV730" s="424"/>
      <c r="EDW730" s="424"/>
      <c r="EDX730" s="424"/>
      <c r="EDY730" s="423" t="s">
        <v>2795</v>
      </c>
      <c r="EDZ730" s="424"/>
      <c r="EEA730" s="424"/>
      <c r="EEB730" s="424"/>
      <c r="EEC730" s="423" t="s">
        <v>2795</v>
      </c>
      <c r="EED730" s="424"/>
      <c r="EEE730" s="424"/>
      <c r="EEF730" s="424"/>
      <c r="EEG730" s="423" t="s">
        <v>2795</v>
      </c>
      <c r="EEH730" s="424"/>
      <c r="EEI730" s="424"/>
      <c r="EEJ730" s="424"/>
      <c r="EEK730" s="423" t="s">
        <v>2795</v>
      </c>
      <c r="EEL730" s="424"/>
      <c r="EEM730" s="424"/>
      <c r="EEN730" s="424"/>
      <c r="EEO730" s="423" t="s">
        <v>2795</v>
      </c>
      <c r="EEP730" s="424"/>
      <c r="EEQ730" s="424"/>
      <c r="EER730" s="424"/>
      <c r="EES730" s="423" t="s">
        <v>2795</v>
      </c>
      <c r="EET730" s="424"/>
      <c r="EEU730" s="424"/>
      <c r="EEV730" s="424"/>
      <c r="EEW730" s="423" t="s">
        <v>2795</v>
      </c>
      <c r="EEX730" s="424"/>
      <c r="EEY730" s="424"/>
      <c r="EEZ730" s="424"/>
      <c r="EFA730" s="423" t="s">
        <v>2795</v>
      </c>
      <c r="EFB730" s="424"/>
      <c r="EFC730" s="424"/>
      <c r="EFD730" s="424"/>
      <c r="EFE730" s="423" t="s">
        <v>2795</v>
      </c>
      <c r="EFF730" s="424"/>
      <c r="EFG730" s="424"/>
      <c r="EFH730" s="424"/>
      <c r="EFI730" s="423" t="s">
        <v>2795</v>
      </c>
      <c r="EFJ730" s="424"/>
      <c r="EFK730" s="424"/>
      <c r="EFL730" s="424"/>
      <c r="EFM730" s="423" t="s">
        <v>2795</v>
      </c>
      <c r="EFN730" s="424"/>
      <c r="EFO730" s="424"/>
      <c r="EFP730" s="424"/>
      <c r="EFQ730" s="423" t="s">
        <v>2795</v>
      </c>
      <c r="EFR730" s="424"/>
      <c r="EFS730" s="424"/>
      <c r="EFT730" s="424"/>
      <c r="EFU730" s="423" t="s">
        <v>2795</v>
      </c>
      <c r="EFV730" s="424"/>
      <c r="EFW730" s="424"/>
      <c r="EFX730" s="424"/>
      <c r="EFY730" s="423" t="s">
        <v>2795</v>
      </c>
      <c r="EFZ730" s="424"/>
      <c r="EGA730" s="424"/>
      <c r="EGB730" s="424"/>
      <c r="EGC730" s="423" t="s">
        <v>2795</v>
      </c>
      <c r="EGD730" s="424"/>
      <c r="EGE730" s="424"/>
      <c r="EGF730" s="424"/>
      <c r="EGG730" s="423" t="s">
        <v>2795</v>
      </c>
      <c r="EGH730" s="424"/>
      <c r="EGI730" s="424"/>
      <c r="EGJ730" s="424"/>
      <c r="EGK730" s="423" t="s">
        <v>2795</v>
      </c>
      <c r="EGL730" s="424"/>
      <c r="EGM730" s="424"/>
      <c r="EGN730" s="424"/>
      <c r="EGO730" s="423" t="s">
        <v>2795</v>
      </c>
      <c r="EGP730" s="424"/>
      <c r="EGQ730" s="424"/>
      <c r="EGR730" s="424"/>
      <c r="EGS730" s="423" t="s">
        <v>2795</v>
      </c>
      <c r="EGT730" s="424"/>
      <c r="EGU730" s="424"/>
      <c r="EGV730" s="424"/>
      <c r="EGW730" s="423" t="s">
        <v>2795</v>
      </c>
      <c r="EGX730" s="424"/>
      <c r="EGY730" s="424"/>
      <c r="EGZ730" s="424"/>
      <c r="EHA730" s="423" t="s">
        <v>2795</v>
      </c>
      <c r="EHB730" s="424"/>
      <c r="EHC730" s="424"/>
      <c r="EHD730" s="424"/>
      <c r="EHE730" s="423" t="s">
        <v>2795</v>
      </c>
      <c r="EHF730" s="424"/>
      <c r="EHG730" s="424"/>
      <c r="EHH730" s="424"/>
      <c r="EHI730" s="423" t="s">
        <v>2795</v>
      </c>
      <c r="EHJ730" s="424"/>
      <c r="EHK730" s="424"/>
      <c r="EHL730" s="424"/>
      <c r="EHM730" s="423" t="s">
        <v>2795</v>
      </c>
      <c r="EHN730" s="424"/>
      <c r="EHO730" s="424"/>
      <c r="EHP730" s="424"/>
      <c r="EHQ730" s="423" t="s">
        <v>2795</v>
      </c>
      <c r="EHR730" s="424"/>
      <c r="EHS730" s="424"/>
      <c r="EHT730" s="424"/>
      <c r="EHU730" s="423" t="s">
        <v>2795</v>
      </c>
      <c r="EHV730" s="424"/>
      <c r="EHW730" s="424"/>
      <c r="EHX730" s="424"/>
      <c r="EHY730" s="423" t="s">
        <v>2795</v>
      </c>
      <c r="EHZ730" s="424"/>
      <c r="EIA730" s="424"/>
      <c r="EIB730" s="424"/>
      <c r="EIC730" s="423" t="s">
        <v>2795</v>
      </c>
      <c r="EID730" s="424"/>
      <c r="EIE730" s="424"/>
      <c r="EIF730" s="424"/>
      <c r="EIG730" s="423" t="s">
        <v>2795</v>
      </c>
      <c r="EIH730" s="424"/>
      <c r="EII730" s="424"/>
      <c r="EIJ730" s="424"/>
      <c r="EIK730" s="423" t="s">
        <v>2795</v>
      </c>
      <c r="EIL730" s="424"/>
      <c r="EIM730" s="424"/>
      <c r="EIN730" s="424"/>
      <c r="EIO730" s="423" t="s">
        <v>2795</v>
      </c>
      <c r="EIP730" s="424"/>
      <c r="EIQ730" s="424"/>
      <c r="EIR730" s="424"/>
      <c r="EIS730" s="423" t="s">
        <v>2795</v>
      </c>
      <c r="EIT730" s="424"/>
      <c r="EIU730" s="424"/>
      <c r="EIV730" s="424"/>
      <c r="EIW730" s="423" t="s">
        <v>2795</v>
      </c>
      <c r="EIX730" s="424"/>
      <c r="EIY730" s="424"/>
      <c r="EIZ730" s="424"/>
      <c r="EJA730" s="423" t="s">
        <v>2795</v>
      </c>
      <c r="EJB730" s="424"/>
      <c r="EJC730" s="424"/>
      <c r="EJD730" s="424"/>
      <c r="EJE730" s="423" t="s">
        <v>2795</v>
      </c>
      <c r="EJF730" s="424"/>
      <c r="EJG730" s="424"/>
      <c r="EJH730" s="424"/>
      <c r="EJI730" s="423" t="s">
        <v>2795</v>
      </c>
      <c r="EJJ730" s="424"/>
      <c r="EJK730" s="424"/>
      <c r="EJL730" s="424"/>
      <c r="EJM730" s="423" t="s">
        <v>2795</v>
      </c>
      <c r="EJN730" s="424"/>
      <c r="EJO730" s="424"/>
      <c r="EJP730" s="424"/>
      <c r="EJQ730" s="423" t="s">
        <v>2795</v>
      </c>
      <c r="EJR730" s="424"/>
      <c r="EJS730" s="424"/>
      <c r="EJT730" s="424"/>
      <c r="EJU730" s="423" t="s">
        <v>2795</v>
      </c>
      <c r="EJV730" s="424"/>
      <c r="EJW730" s="424"/>
      <c r="EJX730" s="424"/>
      <c r="EJY730" s="423" t="s">
        <v>2795</v>
      </c>
      <c r="EJZ730" s="424"/>
      <c r="EKA730" s="424"/>
      <c r="EKB730" s="424"/>
      <c r="EKC730" s="423" t="s">
        <v>2795</v>
      </c>
      <c r="EKD730" s="424"/>
      <c r="EKE730" s="424"/>
      <c r="EKF730" s="424"/>
      <c r="EKG730" s="423" t="s">
        <v>2795</v>
      </c>
      <c r="EKH730" s="424"/>
      <c r="EKI730" s="424"/>
      <c r="EKJ730" s="424"/>
      <c r="EKK730" s="423" t="s">
        <v>2795</v>
      </c>
      <c r="EKL730" s="424"/>
      <c r="EKM730" s="424"/>
      <c r="EKN730" s="424"/>
      <c r="EKO730" s="423" t="s">
        <v>2795</v>
      </c>
      <c r="EKP730" s="424"/>
      <c r="EKQ730" s="424"/>
      <c r="EKR730" s="424"/>
      <c r="EKS730" s="423" t="s">
        <v>2795</v>
      </c>
      <c r="EKT730" s="424"/>
      <c r="EKU730" s="424"/>
      <c r="EKV730" s="424"/>
      <c r="EKW730" s="423" t="s">
        <v>2795</v>
      </c>
      <c r="EKX730" s="424"/>
      <c r="EKY730" s="424"/>
      <c r="EKZ730" s="424"/>
      <c r="ELA730" s="423" t="s">
        <v>2795</v>
      </c>
      <c r="ELB730" s="424"/>
      <c r="ELC730" s="424"/>
      <c r="ELD730" s="424"/>
      <c r="ELE730" s="423" t="s">
        <v>2795</v>
      </c>
      <c r="ELF730" s="424"/>
      <c r="ELG730" s="424"/>
      <c r="ELH730" s="424"/>
      <c r="ELI730" s="423" t="s">
        <v>2795</v>
      </c>
      <c r="ELJ730" s="424"/>
      <c r="ELK730" s="424"/>
      <c r="ELL730" s="424"/>
      <c r="ELM730" s="423" t="s">
        <v>2795</v>
      </c>
      <c r="ELN730" s="424"/>
      <c r="ELO730" s="424"/>
      <c r="ELP730" s="424"/>
      <c r="ELQ730" s="423" t="s">
        <v>2795</v>
      </c>
      <c r="ELR730" s="424"/>
      <c r="ELS730" s="424"/>
      <c r="ELT730" s="424"/>
      <c r="ELU730" s="423" t="s">
        <v>2795</v>
      </c>
      <c r="ELV730" s="424"/>
      <c r="ELW730" s="424"/>
      <c r="ELX730" s="424"/>
      <c r="ELY730" s="423" t="s">
        <v>2795</v>
      </c>
      <c r="ELZ730" s="424"/>
      <c r="EMA730" s="424"/>
      <c r="EMB730" s="424"/>
      <c r="EMC730" s="423" t="s">
        <v>2795</v>
      </c>
      <c r="EMD730" s="424"/>
      <c r="EME730" s="424"/>
      <c r="EMF730" s="424"/>
      <c r="EMG730" s="423" t="s">
        <v>2795</v>
      </c>
      <c r="EMH730" s="424"/>
      <c r="EMI730" s="424"/>
      <c r="EMJ730" s="424"/>
      <c r="EMK730" s="423" t="s">
        <v>2795</v>
      </c>
      <c r="EML730" s="424"/>
      <c r="EMM730" s="424"/>
      <c r="EMN730" s="424"/>
      <c r="EMO730" s="423" t="s">
        <v>2795</v>
      </c>
      <c r="EMP730" s="424"/>
      <c r="EMQ730" s="424"/>
      <c r="EMR730" s="424"/>
      <c r="EMS730" s="423" t="s">
        <v>2795</v>
      </c>
      <c r="EMT730" s="424"/>
      <c r="EMU730" s="424"/>
      <c r="EMV730" s="424"/>
      <c r="EMW730" s="423" t="s">
        <v>2795</v>
      </c>
      <c r="EMX730" s="424"/>
      <c r="EMY730" s="424"/>
      <c r="EMZ730" s="424"/>
      <c r="ENA730" s="423" t="s">
        <v>2795</v>
      </c>
      <c r="ENB730" s="424"/>
      <c r="ENC730" s="424"/>
      <c r="END730" s="424"/>
      <c r="ENE730" s="423" t="s">
        <v>2795</v>
      </c>
      <c r="ENF730" s="424"/>
      <c r="ENG730" s="424"/>
      <c r="ENH730" s="424"/>
      <c r="ENI730" s="423" t="s">
        <v>2795</v>
      </c>
      <c r="ENJ730" s="424"/>
      <c r="ENK730" s="424"/>
      <c r="ENL730" s="424"/>
      <c r="ENM730" s="423" t="s">
        <v>2795</v>
      </c>
      <c r="ENN730" s="424"/>
      <c r="ENO730" s="424"/>
      <c r="ENP730" s="424"/>
      <c r="ENQ730" s="423" t="s">
        <v>2795</v>
      </c>
      <c r="ENR730" s="424"/>
      <c r="ENS730" s="424"/>
      <c r="ENT730" s="424"/>
      <c r="ENU730" s="423" t="s">
        <v>2795</v>
      </c>
      <c r="ENV730" s="424"/>
      <c r="ENW730" s="424"/>
      <c r="ENX730" s="424"/>
      <c r="ENY730" s="423" t="s">
        <v>2795</v>
      </c>
      <c r="ENZ730" s="424"/>
      <c r="EOA730" s="424"/>
      <c r="EOB730" s="424"/>
      <c r="EOC730" s="423" t="s">
        <v>2795</v>
      </c>
      <c r="EOD730" s="424"/>
      <c r="EOE730" s="424"/>
      <c r="EOF730" s="424"/>
      <c r="EOG730" s="423" t="s">
        <v>2795</v>
      </c>
      <c r="EOH730" s="424"/>
      <c r="EOI730" s="424"/>
      <c r="EOJ730" s="424"/>
      <c r="EOK730" s="423" t="s">
        <v>2795</v>
      </c>
      <c r="EOL730" s="424"/>
      <c r="EOM730" s="424"/>
      <c r="EON730" s="424"/>
      <c r="EOO730" s="423" t="s">
        <v>2795</v>
      </c>
      <c r="EOP730" s="424"/>
      <c r="EOQ730" s="424"/>
      <c r="EOR730" s="424"/>
      <c r="EOS730" s="423" t="s">
        <v>2795</v>
      </c>
      <c r="EOT730" s="424"/>
      <c r="EOU730" s="424"/>
      <c r="EOV730" s="424"/>
      <c r="EOW730" s="423" t="s">
        <v>2795</v>
      </c>
      <c r="EOX730" s="424"/>
      <c r="EOY730" s="424"/>
      <c r="EOZ730" s="424"/>
      <c r="EPA730" s="423" t="s">
        <v>2795</v>
      </c>
      <c r="EPB730" s="424"/>
      <c r="EPC730" s="424"/>
      <c r="EPD730" s="424"/>
      <c r="EPE730" s="423" t="s">
        <v>2795</v>
      </c>
      <c r="EPF730" s="424"/>
      <c r="EPG730" s="424"/>
      <c r="EPH730" s="424"/>
      <c r="EPI730" s="423" t="s">
        <v>2795</v>
      </c>
      <c r="EPJ730" s="424"/>
      <c r="EPK730" s="424"/>
      <c r="EPL730" s="424"/>
      <c r="EPM730" s="423" t="s">
        <v>2795</v>
      </c>
      <c r="EPN730" s="424"/>
      <c r="EPO730" s="424"/>
      <c r="EPP730" s="424"/>
      <c r="EPQ730" s="423" t="s">
        <v>2795</v>
      </c>
      <c r="EPR730" s="424"/>
      <c r="EPS730" s="424"/>
      <c r="EPT730" s="424"/>
      <c r="EPU730" s="423" t="s">
        <v>2795</v>
      </c>
      <c r="EPV730" s="424"/>
      <c r="EPW730" s="424"/>
      <c r="EPX730" s="424"/>
      <c r="EPY730" s="423" t="s">
        <v>2795</v>
      </c>
      <c r="EPZ730" s="424"/>
      <c r="EQA730" s="424"/>
      <c r="EQB730" s="424"/>
      <c r="EQC730" s="423" t="s">
        <v>2795</v>
      </c>
      <c r="EQD730" s="424"/>
      <c r="EQE730" s="424"/>
      <c r="EQF730" s="424"/>
      <c r="EQG730" s="423" t="s">
        <v>2795</v>
      </c>
      <c r="EQH730" s="424"/>
      <c r="EQI730" s="424"/>
      <c r="EQJ730" s="424"/>
      <c r="EQK730" s="423" t="s">
        <v>2795</v>
      </c>
      <c r="EQL730" s="424"/>
      <c r="EQM730" s="424"/>
      <c r="EQN730" s="424"/>
      <c r="EQO730" s="423" t="s">
        <v>2795</v>
      </c>
      <c r="EQP730" s="424"/>
      <c r="EQQ730" s="424"/>
      <c r="EQR730" s="424"/>
      <c r="EQS730" s="423" t="s">
        <v>2795</v>
      </c>
      <c r="EQT730" s="424"/>
      <c r="EQU730" s="424"/>
      <c r="EQV730" s="424"/>
      <c r="EQW730" s="423" t="s">
        <v>2795</v>
      </c>
      <c r="EQX730" s="424"/>
      <c r="EQY730" s="424"/>
      <c r="EQZ730" s="424"/>
      <c r="ERA730" s="423" t="s">
        <v>2795</v>
      </c>
      <c r="ERB730" s="424"/>
      <c r="ERC730" s="424"/>
      <c r="ERD730" s="424"/>
      <c r="ERE730" s="423" t="s">
        <v>2795</v>
      </c>
      <c r="ERF730" s="424"/>
      <c r="ERG730" s="424"/>
      <c r="ERH730" s="424"/>
      <c r="ERI730" s="423" t="s">
        <v>2795</v>
      </c>
      <c r="ERJ730" s="424"/>
      <c r="ERK730" s="424"/>
      <c r="ERL730" s="424"/>
      <c r="ERM730" s="423" t="s">
        <v>2795</v>
      </c>
      <c r="ERN730" s="424"/>
      <c r="ERO730" s="424"/>
      <c r="ERP730" s="424"/>
      <c r="ERQ730" s="423" t="s">
        <v>2795</v>
      </c>
      <c r="ERR730" s="424"/>
      <c r="ERS730" s="424"/>
      <c r="ERT730" s="424"/>
      <c r="ERU730" s="423" t="s">
        <v>2795</v>
      </c>
      <c r="ERV730" s="424"/>
      <c r="ERW730" s="424"/>
      <c r="ERX730" s="424"/>
      <c r="ERY730" s="423" t="s">
        <v>2795</v>
      </c>
      <c r="ERZ730" s="424"/>
      <c r="ESA730" s="424"/>
      <c r="ESB730" s="424"/>
      <c r="ESC730" s="423" t="s">
        <v>2795</v>
      </c>
      <c r="ESD730" s="424"/>
      <c r="ESE730" s="424"/>
      <c r="ESF730" s="424"/>
      <c r="ESG730" s="423" t="s">
        <v>2795</v>
      </c>
      <c r="ESH730" s="424"/>
      <c r="ESI730" s="424"/>
      <c r="ESJ730" s="424"/>
      <c r="ESK730" s="423" t="s">
        <v>2795</v>
      </c>
      <c r="ESL730" s="424"/>
      <c r="ESM730" s="424"/>
      <c r="ESN730" s="424"/>
      <c r="ESO730" s="423" t="s">
        <v>2795</v>
      </c>
      <c r="ESP730" s="424"/>
      <c r="ESQ730" s="424"/>
      <c r="ESR730" s="424"/>
      <c r="ESS730" s="423" t="s">
        <v>2795</v>
      </c>
      <c r="EST730" s="424"/>
      <c r="ESU730" s="424"/>
      <c r="ESV730" s="424"/>
      <c r="ESW730" s="423" t="s">
        <v>2795</v>
      </c>
      <c r="ESX730" s="424"/>
      <c r="ESY730" s="424"/>
      <c r="ESZ730" s="424"/>
      <c r="ETA730" s="423" t="s">
        <v>2795</v>
      </c>
      <c r="ETB730" s="424"/>
      <c r="ETC730" s="424"/>
      <c r="ETD730" s="424"/>
      <c r="ETE730" s="423" t="s">
        <v>2795</v>
      </c>
      <c r="ETF730" s="424"/>
      <c r="ETG730" s="424"/>
      <c r="ETH730" s="424"/>
      <c r="ETI730" s="423" t="s">
        <v>2795</v>
      </c>
      <c r="ETJ730" s="424"/>
      <c r="ETK730" s="424"/>
      <c r="ETL730" s="424"/>
      <c r="ETM730" s="423" t="s">
        <v>2795</v>
      </c>
      <c r="ETN730" s="424"/>
      <c r="ETO730" s="424"/>
      <c r="ETP730" s="424"/>
      <c r="ETQ730" s="423" t="s">
        <v>2795</v>
      </c>
      <c r="ETR730" s="424"/>
      <c r="ETS730" s="424"/>
      <c r="ETT730" s="424"/>
      <c r="ETU730" s="423" t="s">
        <v>2795</v>
      </c>
      <c r="ETV730" s="424"/>
      <c r="ETW730" s="424"/>
      <c r="ETX730" s="424"/>
      <c r="ETY730" s="423" t="s">
        <v>2795</v>
      </c>
      <c r="ETZ730" s="424"/>
      <c r="EUA730" s="424"/>
      <c r="EUB730" s="424"/>
      <c r="EUC730" s="423" t="s">
        <v>2795</v>
      </c>
      <c r="EUD730" s="424"/>
      <c r="EUE730" s="424"/>
      <c r="EUF730" s="424"/>
      <c r="EUG730" s="423" t="s">
        <v>2795</v>
      </c>
      <c r="EUH730" s="424"/>
      <c r="EUI730" s="424"/>
      <c r="EUJ730" s="424"/>
      <c r="EUK730" s="423" t="s">
        <v>2795</v>
      </c>
      <c r="EUL730" s="424"/>
      <c r="EUM730" s="424"/>
      <c r="EUN730" s="424"/>
      <c r="EUO730" s="423" t="s">
        <v>2795</v>
      </c>
      <c r="EUP730" s="424"/>
      <c r="EUQ730" s="424"/>
      <c r="EUR730" s="424"/>
      <c r="EUS730" s="423" t="s">
        <v>2795</v>
      </c>
      <c r="EUT730" s="424"/>
      <c r="EUU730" s="424"/>
      <c r="EUV730" s="424"/>
      <c r="EUW730" s="423" t="s">
        <v>2795</v>
      </c>
      <c r="EUX730" s="424"/>
      <c r="EUY730" s="424"/>
      <c r="EUZ730" s="424"/>
      <c r="EVA730" s="423" t="s">
        <v>2795</v>
      </c>
      <c r="EVB730" s="424"/>
      <c r="EVC730" s="424"/>
      <c r="EVD730" s="424"/>
      <c r="EVE730" s="423" t="s">
        <v>2795</v>
      </c>
      <c r="EVF730" s="424"/>
      <c r="EVG730" s="424"/>
      <c r="EVH730" s="424"/>
      <c r="EVI730" s="423" t="s">
        <v>2795</v>
      </c>
      <c r="EVJ730" s="424"/>
      <c r="EVK730" s="424"/>
      <c r="EVL730" s="424"/>
      <c r="EVM730" s="423" t="s">
        <v>2795</v>
      </c>
      <c r="EVN730" s="424"/>
      <c r="EVO730" s="424"/>
      <c r="EVP730" s="424"/>
      <c r="EVQ730" s="423" t="s">
        <v>2795</v>
      </c>
      <c r="EVR730" s="424"/>
      <c r="EVS730" s="424"/>
      <c r="EVT730" s="424"/>
      <c r="EVU730" s="423" t="s">
        <v>2795</v>
      </c>
      <c r="EVV730" s="424"/>
      <c r="EVW730" s="424"/>
      <c r="EVX730" s="424"/>
      <c r="EVY730" s="423" t="s">
        <v>2795</v>
      </c>
      <c r="EVZ730" s="424"/>
      <c r="EWA730" s="424"/>
      <c r="EWB730" s="424"/>
      <c r="EWC730" s="423" t="s">
        <v>2795</v>
      </c>
      <c r="EWD730" s="424"/>
      <c r="EWE730" s="424"/>
      <c r="EWF730" s="424"/>
      <c r="EWG730" s="423" t="s">
        <v>2795</v>
      </c>
      <c r="EWH730" s="424"/>
      <c r="EWI730" s="424"/>
      <c r="EWJ730" s="424"/>
      <c r="EWK730" s="423" t="s">
        <v>2795</v>
      </c>
      <c r="EWL730" s="424"/>
      <c r="EWM730" s="424"/>
      <c r="EWN730" s="424"/>
      <c r="EWO730" s="423" t="s">
        <v>2795</v>
      </c>
      <c r="EWP730" s="424"/>
      <c r="EWQ730" s="424"/>
      <c r="EWR730" s="424"/>
      <c r="EWS730" s="423" t="s">
        <v>2795</v>
      </c>
      <c r="EWT730" s="424"/>
      <c r="EWU730" s="424"/>
      <c r="EWV730" s="424"/>
      <c r="EWW730" s="423" t="s">
        <v>2795</v>
      </c>
      <c r="EWX730" s="424"/>
      <c r="EWY730" s="424"/>
      <c r="EWZ730" s="424"/>
      <c r="EXA730" s="423" t="s">
        <v>2795</v>
      </c>
      <c r="EXB730" s="424"/>
      <c r="EXC730" s="424"/>
      <c r="EXD730" s="424"/>
      <c r="EXE730" s="423" t="s">
        <v>2795</v>
      </c>
      <c r="EXF730" s="424"/>
      <c r="EXG730" s="424"/>
      <c r="EXH730" s="424"/>
      <c r="EXI730" s="423" t="s">
        <v>2795</v>
      </c>
      <c r="EXJ730" s="424"/>
      <c r="EXK730" s="424"/>
      <c r="EXL730" s="424"/>
      <c r="EXM730" s="423" t="s">
        <v>2795</v>
      </c>
      <c r="EXN730" s="424"/>
      <c r="EXO730" s="424"/>
      <c r="EXP730" s="424"/>
      <c r="EXQ730" s="423" t="s">
        <v>2795</v>
      </c>
      <c r="EXR730" s="424"/>
      <c r="EXS730" s="424"/>
      <c r="EXT730" s="424"/>
      <c r="EXU730" s="423" t="s">
        <v>2795</v>
      </c>
      <c r="EXV730" s="424"/>
      <c r="EXW730" s="424"/>
      <c r="EXX730" s="424"/>
      <c r="EXY730" s="423" t="s">
        <v>2795</v>
      </c>
      <c r="EXZ730" s="424"/>
      <c r="EYA730" s="424"/>
      <c r="EYB730" s="424"/>
      <c r="EYC730" s="423" t="s">
        <v>2795</v>
      </c>
      <c r="EYD730" s="424"/>
      <c r="EYE730" s="424"/>
      <c r="EYF730" s="424"/>
      <c r="EYG730" s="423" t="s">
        <v>2795</v>
      </c>
      <c r="EYH730" s="424"/>
      <c r="EYI730" s="424"/>
      <c r="EYJ730" s="424"/>
      <c r="EYK730" s="423" t="s">
        <v>2795</v>
      </c>
      <c r="EYL730" s="424"/>
      <c r="EYM730" s="424"/>
      <c r="EYN730" s="424"/>
      <c r="EYO730" s="423" t="s">
        <v>2795</v>
      </c>
      <c r="EYP730" s="424"/>
      <c r="EYQ730" s="424"/>
      <c r="EYR730" s="424"/>
      <c r="EYS730" s="423" t="s">
        <v>2795</v>
      </c>
      <c r="EYT730" s="424"/>
      <c r="EYU730" s="424"/>
      <c r="EYV730" s="424"/>
      <c r="EYW730" s="423" t="s">
        <v>2795</v>
      </c>
      <c r="EYX730" s="424"/>
      <c r="EYY730" s="424"/>
      <c r="EYZ730" s="424"/>
      <c r="EZA730" s="423" t="s">
        <v>2795</v>
      </c>
      <c r="EZB730" s="424"/>
      <c r="EZC730" s="424"/>
      <c r="EZD730" s="424"/>
      <c r="EZE730" s="423" t="s">
        <v>2795</v>
      </c>
      <c r="EZF730" s="424"/>
      <c r="EZG730" s="424"/>
      <c r="EZH730" s="424"/>
      <c r="EZI730" s="423" t="s">
        <v>2795</v>
      </c>
      <c r="EZJ730" s="424"/>
      <c r="EZK730" s="424"/>
      <c r="EZL730" s="424"/>
      <c r="EZM730" s="423" t="s">
        <v>2795</v>
      </c>
      <c r="EZN730" s="424"/>
      <c r="EZO730" s="424"/>
      <c r="EZP730" s="424"/>
      <c r="EZQ730" s="423" t="s">
        <v>2795</v>
      </c>
      <c r="EZR730" s="424"/>
      <c r="EZS730" s="424"/>
      <c r="EZT730" s="424"/>
      <c r="EZU730" s="423" t="s">
        <v>2795</v>
      </c>
      <c r="EZV730" s="424"/>
      <c r="EZW730" s="424"/>
      <c r="EZX730" s="424"/>
      <c r="EZY730" s="423" t="s">
        <v>2795</v>
      </c>
      <c r="EZZ730" s="424"/>
      <c r="FAA730" s="424"/>
      <c r="FAB730" s="424"/>
      <c r="FAC730" s="423" t="s">
        <v>2795</v>
      </c>
      <c r="FAD730" s="424"/>
      <c r="FAE730" s="424"/>
      <c r="FAF730" s="424"/>
      <c r="FAG730" s="423" t="s">
        <v>2795</v>
      </c>
      <c r="FAH730" s="424"/>
      <c r="FAI730" s="424"/>
      <c r="FAJ730" s="424"/>
      <c r="FAK730" s="423" t="s">
        <v>2795</v>
      </c>
      <c r="FAL730" s="424"/>
      <c r="FAM730" s="424"/>
      <c r="FAN730" s="424"/>
      <c r="FAO730" s="423" t="s">
        <v>2795</v>
      </c>
      <c r="FAP730" s="424"/>
      <c r="FAQ730" s="424"/>
      <c r="FAR730" s="424"/>
      <c r="FAS730" s="423" t="s">
        <v>2795</v>
      </c>
      <c r="FAT730" s="424"/>
      <c r="FAU730" s="424"/>
      <c r="FAV730" s="424"/>
      <c r="FAW730" s="423" t="s">
        <v>2795</v>
      </c>
      <c r="FAX730" s="424"/>
      <c r="FAY730" s="424"/>
      <c r="FAZ730" s="424"/>
      <c r="FBA730" s="423" t="s">
        <v>2795</v>
      </c>
      <c r="FBB730" s="424"/>
      <c r="FBC730" s="424"/>
      <c r="FBD730" s="424"/>
      <c r="FBE730" s="423" t="s">
        <v>2795</v>
      </c>
      <c r="FBF730" s="424"/>
      <c r="FBG730" s="424"/>
      <c r="FBH730" s="424"/>
      <c r="FBI730" s="423" t="s">
        <v>2795</v>
      </c>
      <c r="FBJ730" s="424"/>
      <c r="FBK730" s="424"/>
      <c r="FBL730" s="424"/>
      <c r="FBM730" s="423" t="s">
        <v>2795</v>
      </c>
      <c r="FBN730" s="424"/>
      <c r="FBO730" s="424"/>
      <c r="FBP730" s="424"/>
      <c r="FBQ730" s="423" t="s">
        <v>2795</v>
      </c>
      <c r="FBR730" s="424"/>
      <c r="FBS730" s="424"/>
      <c r="FBT730" s="424"/>
      <c r="FBU730" s="423" t="s">
        <v>2795</v>
      </c>
      <c r="FBV730" s="424"/>
      <c r="FBW730" s="424"/>
      <c r="FBX730" s="424"/>
      <c r="FBY730" s="423" t="s">
        <v>2795</v>
      </c>
      <c r="FBZ730" s="424"/>
      <c r="FCA730" s="424"/>
      <c r="FCB730" s="424"/>
      <c r="FCC730" s="423" t="s">
        <v>2795</v>
      </c>
      <c r="FCD730" s="424"/>
      <c r="FCE730" s="424"/>
      <c r="FCF730" s="424"/>
      <c r="FCG730" s="423" t="s">
        <v>2795</v>
      </c>
      <c r="FCH730" s="424"/>
      <c r="FCI730" s="424"/>
      <c r="FCJ730" s="424"/>
      <c r="FCK730" s="423" t="s">
        <v>2795</v>
      </c>
      <c r="FCL730" s="424"/>
      <c r="FCM730" s="424"/>
      <c r="FCN730" s="424"/>
      <c r="FCO730" s="423" t="s">
        <v>2795</v>
      </c>
      <c r="FCP730" s="424"/>
      <c r="FCQ730" s="424"/>
      <c r="FCR730" s="424"/>
      <c r="FCS730" s="423" t="s">
        <v>2795</v>
      </c>
      <c r="FCT730" s="424"/>
      <c r="FCU730" s="424"/>
      <c r="FCV730" s="424"/>
      <c r="FCW730" s="423" t="s">
        <v>2795</v>
      </c>
      <c r="FCX730" s="424"/>
      <c r="FCY730" s="424"/>
      <c r="FCZ730" s="424"/>
      <c r="FDA730" s="423" t="s">
        <v>2795</v>
      </c>
      <c r="FDB730" s="424"/>
      <c r="FDC730" s="424"/>
      <c r="FDD730" s="424"/>
      <c r="FDE730" s="423" t="s">
        <v>2795</v>
      </c>
      <c r="FDF730" s="424"/>
      <c r="FDG730" s="424"/>
      <c r="FDH730" s="424"/>
      <c r="FDI730" s="423" t="s">
        <v>2795</v>
      </c>
      <c r="FDJ730" s="424"/>
      <c r="FDK730" s="424"/>
      <c r="FDL730" s="424"/>
      <c r="FDM730" s="423" t="s">
        <v>2795</v>
      </c>
      <c r="FDN730" s="424"/>
      <c r="FDO730" s="424"/>
      <c r="FDP730" s="424"/>
      <c r="FDQ730" s="423" t="s">
        <v>2795</v>
      </c>
      <c r="FDR730" s="424"/>
      <c r="FDS730" s="424"/>
      <c r="FDT730" s="424"/>
      <c r="FDU730" s="423" t="s">
        <v>2795</v>
      </c>
      <c r="FDV730" s="424"/>
      <c r="FDW730" s="424"/>
      <c r="FDX730" s="424"/>
      <c r="FDY730" s="423" t="s">
        <v>2795</v>
      </c>
      <c r="FDZ730" s="424"/>
      <c r="FEA730" s="424"/>
      <c r="FEB730" s="424"/>
      <c r="FEC730" s="423" t="s">
        <v>2795</v>
      </c>
      <c r="FED730" s="424"/>
      <c r="FEE730" s="424"/>
      <c r="FEF730" s="424"/>
      <c r="FEG730" s="423" t="s">
        <v>2795</v>
      </c>
      <c r="FEH730" s="424"/>
      <c r="FEI730" s="424"/>
      <c r="FEJ730" s="424"/>
      <c r="FEK730" s="423" t="s">
        <v>2795</v>
      </c>
      <c r="FEL730" s="424"/>
      <c r="FEM730" s="424"/>
      <c r="FEN730" s="424"/>
      <c r="FEO730" s="423" t="s">
        <v>2795</v>
      </c>
      <c r="FEP730" s="424"/>
      <c r="FEQ730" s="424"/>
      <c r="FER730" s="424"/>
      <c r="FES730" s="423" t="s">
        <v>2795</v>
      </c>
      <c r="FET730" s="424"/>
      <c r="FEU730" s="424"/>
      <c r="FEV730" s="424"/>
      <c r="FEW730" s="423" t="s">
        <v>2795</v>
      </c>
      <c r="FEX730" s="424"/>
      <c r="FEY730" s="424"/>
      <c r="FEZ730" s="424"/>
      <c r="FFA730" s="423" t="s">
        <v>2795</v>
      </c>
      <c r="FFB730" s="424"/>
      <c r="FFC730" s="424"/>
      <c r="FFD730" s="424"/>
      <c r="FFE730" s="423" t="s">
        <v>2795</v>
      </c>
      <c r="FFF730" s="424"/>
      <c r="FFG730" s="424"/>
      <c r="FFH730" s="424"/>
      <c r="FFI730" s="423" t="s">
        <v>2795</v>
      </c>
      <c r="FFJ730" s="424"/>
      <c r="FFK730" s="424"/>
      <c r="FFL730" s="424"/>
      <c r="FFM730" s="423" t="s">
        <v>2795</v>
      </c>
      <c r="FFN730" s="424"/>
      <c r="FFO730" s="424"/>
      <c r="FFP730" s="424"/>
      <c r="FFQ730" s="423" t="s">
        <v>2795</v>
      </c>
      <c r="FFR730" s="424"/>
      <c r="FFS730" s="424"/>
      <c r="FFT730" s="424"/>
      <c r="FFU730" s="423" t="s">
        <v>2795</v>
      </c>
      <c r="FFV730" s="424"/>
      <c r="FFW730" s="424"/>
      <c r="FFX730" s="424"/>
      <c r="FFY730" s="423" t="s">
        <v>2795</v>
      </c>
      <c r="FFZ730" s="424"/>
      <c r="FGA730" s="424"/>
      <c r="FGB730" s="424"/>
      <c r="FGC730" s="423" t="s">
        <v>2795</v>
      </c>
      <c r="FGD730" s="424"/>
      <c r="FGE730" s="424"/>
      <c r="FGF730" s="424"/>
      <c r="FGG730" s="423" t="s">
        <v>2795</v>
      </c>
      <c r="FGH730" s="424"/>
      <c r="FGI730" s="424"/>
      <c r="FGJ730" s="424"/>
      <c r="FGK730" s="423" t="s">
        <v>2795</v>
      </c>
      <c r="FGL730" s="424"/>
      <c r="FGM730" s="424"/>
      <c r="FGN730" s="424"/>
      <c r="FGO730" s="423" t="s">
        <v>2795</v>
      </c>
      <c r="FGP730" s="424"/>
      <c r="FGQ730" s="424"/>
      <c r="FGR730" s="424"/>
      <c r="FGS730" s="423" t="s">
        <v>2795</v>
      </c>
      <c r="FGT730" s="424"/>
      <c r="FGU730" s="424"/>
      <c r="FGV730" s="424"/>
      <c r="FGW730" s="423" t="s">
        <v>2795</v>
      </c>
      <c r="FGX730" s="424"/>
      <c r="FGY730" s="424"/>
      <c r="FGZ730" s="424"/>
      <c r="FHA730" s="423" t="s">
        <v>2795</v>
      </c>
      <c r="FHB730" s="424"/>
      <c r="FHC730" s="424"/>
      <c r="FHD730" s="424"/>
      <c r="FHE730" s="423" t="s">
        <v>2795</v>
      </c>
      <c r="FHF730" s="424"/>
      <c r="FHG730" s="424"/>
      <c r="FHH730" s="424"/>
      <c r="FHI730" s="423" t="s">
        <v>2795</v>
      </c>
      <c r="FHJ730" s="424"/>
      <c r="FHK730" s="424"/>
      <c r="FHL730" s="424"/>
      <c r="FHM730" s="423" t="s">
        <v>2795</v>
      </c>
      <c r="FHN730" s="424"/>
      <c r="FHO730" s="424"/>
      <c r="FHP730" s="424"/>
      <c r="FHQ730" s="423" t="s">
        <v>2795</v>
      </c>
      <c r="FHR730" s="424"/>
      <c r="FHS730" s="424"/>
      <c r="FHT730" s="424"/>
      <c r="FHU730" s="423" t="s">
        <v>2795</v>
      </c>
      <c r="FHV730" s="424"/>
      <c r="FHW730" s="424"/>
      <c r="FHX730" s="424"/>
      <c r="FHY730" s="423" t="s">
        <v>2795</v>
      </c>
      <c r="FHZ730" s="424"/>
      <c r="FIA730" s="424"/>
      <c r="FIB730" s="424"/>
      <c r="FIC730" s="423" t="s">
        <v>2795</v>
      </c>
      <c r="FID730" s="424"/>
      <c r="FIE730" s="424"/>
      <c r="FIF730" s="424"/>
      <c r="FIG730" s="423" t="s">
        <v>2795</v>
      </c>
      <c r="FIH730" s="424"/>
      <c r="FII730" s="424"/>
      <c r="FIJ730" s="424"/>
      <c r="FIK730" s="423" t="s">
        <v>2795</v>
      </c>
      <c r="FIL730" s="424"/>
      <c r="FIM730" s="424"/>
      <c r="FIN730" s="424"/>
      <c r="FIO730" s="423" t="s">
        <v>2795</v>
      </c>
      <c r="FIP730" s="424"/>
      <c r="FIQ730" s="424"/>
      <c r="FIR730" s="424"/>
      <c r="FIS730" s="423" t="s">
        <v>2795</v>
      </c>
      <c r="FIT730" s="424"/>
      <c r="FIU730" s="424"/>
      <c r="FIV730" s="424"/>
      <c r="FIW730" s="423" t="s">
        <v>2795</v>
      </c>
      <c r="FIX730" s="424"/>
      <c r="FIY730" s="424"/>
      <c r="FIZ730" s="424"/>
      <c r="FJA730" s="423" t="s">
        <v>2795</v>
      </c>
      <c r="FJB730" s="424"/>
      <c r="FJC730" s="424"/>
      <c r="FJD730" s="424"/>
      <c r="FJE730" s="423" t="s">
        <v>2795</v>
      </c>
      <c r="FJF730" s="424"/>
      <c r="FJG730" s="424"/>
      <c r="FJH730" s="424"/>
      <c r="FJI730" s="423" t="s">
        <v>2795</v>
      </c>
      <c r="FJJ730" s="424"/>
      <c r="FJK730" s="424"/>
      <c r="FJL730" s="424"/>
      <c r="FJM730" s="423" t="s">
        <v>2795</v>
      </c>
      <c r="FJN730" s="424"/>
      <c r="FJO730" s="424"/>
      <c r="FJP730" s="424"/>
      <c r="FJQ730" s="423" t="s">
        <v>2795</v>
      </c>
      <c r="FJR730" s="424"/>
      <c r="FJS730" s="424"/>
      <c r="FJT730" s="424"/>
      <c r="FJU730" s="423" t="s">
        <v>2795</v>
      </c>
      <c r="FJV730" s="424"/>
      <c r="FJW730" s="424"/>
      <c r="FJX730" s="424"/>
      <c r="FJY730" s="423" t="s">
        <v>2795</v>
      </c>
      <c r="FJZ730" s="424"/>
      <c r="FKA730" s="424"/>
      <c r="FKB730" s="424"/>
      <c r="FKC730" s="423" t="s">
        <v>2795</v>
      </c>
      <c r="FKD730" s="424"/>
      <c r="FKE730" s="424"/>
      <c r="FKF730" s="424"/>
      <c r="FKG730" s="423" t="s">
        <v>2795</v>
      </c>
      <c r="FKH730" s="424"/>
      <c r="FKI730" s="424"/>
      <c r="FKJ730" s="424"/>
      <c r="FKK730" s="423" t="s">
        <v>2795</v>
      </c>
      <c r="FKL730" s="424"/>
      <c r="FKM730" s="424"/>
      <c r="FKN730" s="424"/>
      <c r="FKO730" s="423" t="s">
        <v>2795</v>
      </c>
      <c r="FKP730" s="424"/>
      <c r="FKQ730" s="424"/>
      <c r="FKR730" s="424"/>
      <c r="FKS730" s="423" t="s">
        <v>2795</v>
      </c>
      <c r="FKT730" s="424"/>
      <c r="FKU730" s="424"/>
      <c r="FKV730" s="424"/>
      <c r="FKW730" s="423" t="s">
        <v>2795</v>
      </c>
      <c r="FKX730" s="424"/>
      <c r="FKY730" s="424"/>
      <c r="FKZ730" s="424"/>
      <c r="FLA730" s="423" t="s">
        <v>2795</v>
      </c>
      <c r="FLB730" s="424"/>
      <c r="FLC730" s="424"/>
      <c r="FLD730" s="424"/>
      <c r="FLE730" s="423" t="s">
        <v>2795</v>
      </c>
      <c r="FLF730" s="424"/>
      <c r="FLG730" s="424"/>
      <c r="FLH730" s="424"/>
      <c r="FLI730" s="423" t="s">
        <v>2795</v>
      </c>
      <c r="FLJ730" s="424"/>
      <c r="FLK730" s="424"/>
      <c r="FLL730" s="424"/>
      <c r="FLM730" s="423" t="s">
        <v>2795</v>
      </c>
      <c r="FLN730" s="424"/>
      <c r="FLO730" s="424"/>
      <c r="FLP730" s="424"/>
      <c r="FLQ730" s="423" t="s">
        <v>2795</v>
      </c>
      <c r="FLR730" s="424"/>
      <c r="FLS730" s="424"/>
      <c r="FLT730" s="424"/>
      <c r="FLU730" s="423" t="s">
        <v>2795</v>
      </c>
      <c r="FLV730" s="424"/>
      <c r="FLW730" s="424"/>
      <c r="FLX730" s="424"/>
      <c r="FLY730" s="423" t="s">
        <v>2795</v>
      </c>
      <c r="FLZ730" s="424"/>
      <c r="FMA730" s="424"/>
      <c r="FMB730" s="424"/>
      <c r="FMC730" s="423" t="s">
        <v>2795</v>
      </c>
      <c r="FMD730" s="424"/>
      <c r="FME730" s="424"/>
      <c r="FMF730" s="424"/>
      <c r="FMG730" s="423" t="s">
        <v>2795</v>
      </c>
      <c r="FMH730" s="424"/>
      <c r="FMI730" s="424"/>
      <c r="FMJ730" s="424"/>
      <c r="FMK730" s="423" t="s">
        <v>2795</v>
      </c>
      <c r="FML730" s="424"/>
      <c r="FMM730" s="424"/>
      <c r="FMN730" s="424"/>
      <c r="FMO730" s="423" t="s">
        <v>2795</v>
      </c>
      <c r="FMP730" s="424"/>
      <c r="FMQ730" s="424"/>
      <c r="FMR730" s="424"/>
      <c r="FMS730" s="423" t="s">
        <v>2795</v>
      </c>
      <c r="FMT730" s="424"/>
      <c r="FMU730" s="424"/>
      <c r="FMV730" s="424"/>
      <c r="FMW730" s="423" t="s">
        <v>2795</v>
      </c>
      <c r="FMX730" s="424"/>
      <c r="FMY730" s="424"/>
      <c r="FMZ730" s="424"/>
      <c r="FNA730" s="423" t="s">
        <v>2795</v>
      </c>
      <c r="FNB730" s="424"/>
      <c r="FNC730" s="424"/>
      <c r="FND730" s="424"/>
      <c r="FNE730" s="423" t="s">
        <v>2795</v>
      </c>
      <c r="FNF730" s="424"/>
      <c r="FNG730" s="424"/>
      <c r="FNH730" s="424"/>
      <c r="FNI730" s="423" t="s">
        <v>2795</v>
      </c>
      <c r="FNJ730" s="424"/>
      <c r="FNK730" s="424"/>
      <c r="FNL730" s="424"/>
      <c r="FNM730" s="423" t="s">
        <v>2795</v>
      </c>
      <c r="FNN730" s="424"/>
      <c r="FNO730" s="424"/>
      <c r="FNP730" s="424"/>
      <c r="FNQ730" s="423" t="s">
        <v>2795</v>
      </c>
      <c r="FNR730" s="424"/>
      <c r="FNS730" s="424"/>
      <c r="FNT730" s="424"/>
      <c r="FNU730" s="423" t="s">
        <v>2795</v>
      </c>
      <c r="FNV730" s="424"/>
      <c r="FNW730" s="424"/>
      <c r="FNX730" s="424"/>
      <c r="FNY730" s="423" t="s">
        <v>2795</v>
      </c>
      <c r="FNZ730" s="424"/>
      <c r="FOA730" s="424"/>
      <c r="FOB730" s="424"/>
      <c r="FOC730" s="423" t="s">
        <v>2795</v>
      </c>
      <c r="FOD730" s="424"/>
      <c r="FOE730" s="424"/>
      <c r="FOF730" s="424"/>
      <c r="FOG730" s="423" t="s">
        <v>2795</v>
      </c>
      <c r="FOH730" s="424"/>
      <c r="FOI730" s="424"/>
      <c r="FOJ730" s="424"/>
      <c r="FOK730" s="423" t="s">
        <v>2795</v>
      </c>
      <c r="FOL730" s="424"/>
      <c r="FOM730" s="424"/>
      <c r="FON730" s="424"/>
      <c r="FOO730" s="423" t="s">
        <v>2795</v>
      </c>
      <c r="FOP730" s="424"/>
      <c r="FOQ730" s="424"/>
      <c r="FOR730" s="424"/>
      <c r="FOS730" s="423" t="s">
        <v>2795</v>
      </c>
      <c r="FOT730" s="424"/>
      <c r="FOU730" s="424"/>
      <c r="FOV730" s="424"/>
      <c r="FOW730" s="423" t="s">
        <v>2795</v>
      </c>
      <c r="FOX730" s="424"/>
      <c r="FOY730" s="424"/>
      <c r="FOZ730" s="424"/>
      <c r="FPA730" s="423" t="s">
        <v>2795</v>
      </c>
      <c r="FPB730" s="424"/>
      <c r="FPC730" s="424"/>
      <c r="FPD730" s="424"/>
      <c r="FPE730" s="423" t="s">
        <v>2795</v>
      </c>
      <c r="FPF730" s="424"/>
      <c r="FPG730" s="424"/>
      <c r="FPH730" s="424"/>
      <c r="FPI730" s="423" t="s">
        <v>2795</v>
      </c>
      <c r="FPJ730" s="424"/>
      <c r="FPK730" s="424"/>
      <c r="FPL730" s="424"/>
      <c r="FPM730" s="423" t="s">
        <v>2795</v>
      </c>
      <c r="FPN730" s="424"/>
      <c r="FPO730" s="424"/>
      <c r="FPP730" s="424"/>
      <c r="FPQ730" s="423" t="s">
        <v>2795</v>
      </c>
      <c r="FPR730" s="424"/>
      <c r="FPS730" s="424"/>
      <c r="FPT730" s="424"/>
      <c r="FPU730" s="423" t="s">
        <v>2795</v>
      </c>
      <c r="FPV730" s="424"/>
      <c r="FPW730" s="424"/>
      <c r="FPX730" s="424"/>
      <c r="FPY730" s="423" t="s">
        <v>2795</v>
      </c>
      <c r="FPZ730" s="424"/>
      <c r="FQA730" s="424"/>
      <c r="FQB730" s="424"/>
      <c r="FQC730" s="423" t="s">
        <v>2795</v>
      </c>
      <c r="FQD730" s="424"/>
      <c r="FQE730" s="424"/>
      <c r="FQF730" s="424"/>
      <c r="FQG730" s="423" t="s">
        <v>2795</v>
      </c>
      <c r="FQH730" s="424"/>
      <c r="FQI730" s="424"/>
      <c r="FQJ730" s="424"/>
      <c r="FQK730" s="423" t="s">
        <v>2795</v>
      </c>
      <c r="FQL730" s="424"/>
      <c r="FQM730" s="424"/>
      <c r="FQN730" s="424"/>
      <c r="FQO730" s="423" t="s">
        <v>2795</v>
      </c>
      <c r="FQP730" s="424"/>
      <c r="FQQ730" s="424"/>
      <c r="FQR730" s="424"/>
      <c r="FQS730" s="423" t="s">
        <v>2795</v>
      </c>
      <c r="FQT730" s="424"/>
      <c r="FQU730" s="424"/>
      <c r="FQV730" s="424"/>
      <c r="FQW730" s="423" t="s">
        <v>2795</v>
      </c>
      <c r="FQX730" s="424"/>
      <c r="FQY730" s="424"/>
      <c r="FQZ730" s="424"/>
      <c r="FRA730" s="423" t="s">
        <v>2795</v>
      </c>
      <c r="FRB730" s="424"/>
      <c r="FRC730" s="424"/>
      <c r="FRD730" s="424"/>
      <c r="FRE730" s="423" t="s">
        <v>2795</v>
      </c>
      <c r="FRF730" s="424"/>
      <c r="FRG730" s="424"/>
      <c r="FRH730" s="424"/>
      <c r="FRI730" s="423" t="s">
        <v>2795</v>
      </c>
      <c r="FRJ730" s="424"/>
      <c r="FRK730" s="424"/>
      <c r="FRL730" s="424"/>
      <c r="FRM730" s="423" t="s">
        <v>2795</v>
      </c>
      <c r="FRN730" s="424"/>
      <c r="FRO730" s="424"/>
      <c r="FRP730" s="424"/>
      <c r="FRQ730" s="423" t="s">
        <v>2795</v>
      </c>
      <c r="FRR730" s="424"/>
      <c r="FRS730" s="424"/>
      <c r="FRT730" s="424"/>
      <c r="FRU730" s="423" t="s">
        <v>2795</v>
      </c>
      <c r="FRV730" s="424"/>
      <c r="FRW730" s="424"/>
      <c r="FRX730" s="424"/>
      <c r="FRY730" s="423" t="s">
        <v>2795</v>
      </c>
      <c r="FRZ730" s="424"/>
      <c r="FSA730" s="424"/>
      <c r="FSB730" s="424"/>
      <c r="FSC730" s="423" t="s">
        <v>2795</v>
      </c>
      <c r="FSD730" s="424"/>
      <c r="FSE730" s="424"/>
      <c r="FSF730" s="424"/>
      <c r="FSG730" s="423" t="s">
        <v>2795</v>
      </c>
      <c r="FSH730" s="424"/>
      <c r="FSI730" s="424"/>
      <c r="FSJ730" s="424"/>
      <c r="FSK730" s="423" t="s">
        <v>2795</v>
      </c>
      <c r="FSL730" s="424"/>
      <c r="FSM730" s="424"/>
      <c r="FSN730" s="424"/>
      <c r="FSO730" s="423" t="s">
        <v>2795</v>
      </c>
      <c r="FSP730" s="424"/>
      <c r="FSQ730" s="424"/>
      <c r="FSR730" s="424"/>
      <c r="FSS730" s="423" t="s">
        <v>2795</v>
      </c>
      <c r="FST730" s="424"/>
      <c r="FSU730" s="424"/>
      <c r="FSV730" s="424"/>
      <c r="FSW730" s="423" t="s">
        <v>2795</v>
      </c>
      <c r="FSX730" s="424"/>
      <c r="FSY730" s="424"/>
      <c r="FSZ730" s="424"/>
      <c r="FTA730" s="423" t="s">
        <v>2795</v>
      </c>
      <c r="FTB730" s="424"/>
      <c r="FTC730" s="424"/>
      <c r="FTD730" s="424"/>
      <c r="FTE730" s="423" t="s">
        <v>2795</v>
      </c>
      <c r="FTF730" s="424"/>
      <c r="FTG730" s="424"/>
      <c r="FTH730" s="424"/>
      <c r="FTI730" s="423" t="s">
        <v>2795</v>
      </c>
      <c r="FTJ730" s="424"/>
      <c r="FTK730" s="424"/>
      <c r="FTL730" s="424"/>
      <c r="FTM730" s="423" t="s">
        <v>2795</v>
      </c>
      <c r="FTN730" s="424"/>
      <c r="FTO730" s="424"/>
      <c r="FTP730" s="424"/>
      <c r="FTQ730" s="423" t="s">
        <v>2795</v>
      </c>
      <c r="FTR730" s="424"/>
      <c r="FTS730" s="424"/>
      <c r="FTT730" s="424"/>
      <c r="FTU730" s="423" t="s">
        <v>2795</v>
      </c>
      <c r="FTV730" s="424"/>
      <c r="FTW730" s="424"/>
      <c r="FTX730" s="424"/>
      <c r="FTY730" s="423" t="s">
        <v>2795</v>
      </c>
      <c r="FTZ730" s="424"/>
      <c r="FUA730" s="424"/>
      <c r="FUB730" s="424"/>
      <c r="FUC730" s="423" t="s">
        <v>2795</v>
      </c>
      <c r="FUD730" s="424"/>
      <c r="FUE730" s="424"/>
      <c r="FUF730" s="424"/>
      <c r="FUG730" s="423" t="s">
        <v>2795</v>
      </c>
      <c r="FUH730" s="424"/>
      <c r="FUI730" s="424"/>
      <c r="FUJ730" s="424"/>
      <c r="FUK730" s="423" t="s">
        <v>2795</v>
      </c>
      <c r="FUL730" s="424"/>
      <c r="FUM730" s="424"/>
      <c r="FUN730" s="424"/>
      <c r="FUO730" s="423" t="s">
        <v>2795</v>
      </c>
      <c r="FUP730" s="424"/>
      <c r="FUQ730" s="424"/>
      <c r="FUR730" s="424"/>
      <c r="FUS730" s="423" t="s">
        <v>2795</v>
      </c>
      <c r="FUT730" s="424"/>
      <c r="FUU730" s="424"/>
      <c r="FUV730" s="424"/>
      <c r="FUW730" s="423" t="s">
        <v>2795</v>
      </c>
      <c r="FUX730" s="424"/>
      <c r="FUY730" s="424"/>
      <c r="FUZ730" s="424"/>
      <c r="FVA730" s="423" t="s">
        <v>2795</v>
      </c>
      <c r="FVB730" s="424"/>
      <c r="FVC730" s="424"/>
      <c r="FVD730" s="424"/>
      <c r="FVE730" s="423" t="s">
        <v>2795</v>
      </c>
      <c r="FVF730" s="424"/>
      <c r="FVG730" s="424"/>
      <c r="FVH730" s="424"/>
      <c r="FVI730" s="423" t="s">
        <v>2795</v>
      </c>
      <c r="FVJ730" s="424"/>
      <c r="FVK730" s="424"/>
      <c r="FVL730" s="424"/>
      <c r="FVM730" s="423" t="s">
        <v>2795</v>
      </c>
      <c r="FVN730" s="424"/>
      <c r="FVO730" s="424"/>
      <c r="FVP730" s="424"/>
      <c r="FVQ730" s="423" t="s">
        <v>2795</v>
      </c>
      <c r="FVR730" s="424"/>
      <c r="FVS730" s="424"/>
      <c r="FVT730" s="424"/>
      <c r="FVU730" s="423" t="s">
        <v>2795</v>
      </c>
      <c r="FVV730" s="424"/>
      <c r="FVW730" s="424"/>
      <c r="FVX730" s="424"/>
      <c r="FVY730" s="423" t="s">
        <v>2795</v>
      </c>
      <c r="FVZ730" s="424"/>
      <c r="FWA730" s="424"/>
      <c r="FWB730" s="424"/>
      <c r="FWC730" s="423" t="s">
        <v>2795</v>
      </c>
      <c r="FWD730" s="424"/>
      <c r="FWE730" s="424"/>
      <c r="FWF730" s="424"/>
      <c r="FWG730" s="423" t="s">
        <v>2795</v>
      </c>
      <c r="FWH730" s="424"/>
      <c r="FWI730" s="424"/>
      <c r="FWJ730" s="424"/>
      <c r="FWK730" s="423" t="s">
        <v>2795</v>
      </c>
      <c r="FWL730" s="424"/>
      <c r="FWM730" s="424"/>
      <c r="FWN730" s="424"/>
      <c r="FWO730" s="423" t="s">
        <v>2795</v>
      </c>
      <c r="FWP730" s="424"/>
      <c r="FWQ730" s="424"/>
      <c r="FWR730" s="424"/>
      <c r="FWS730" s="423" t="s">
        <v>2795</v>
      </c>
      <c r="FWT730" s="424"/>
      <c r="FWU730" s="424"/>
      <c r="FWV730" s="424"/>
      <c r="FWW730" s="423" t="s">
        <v>2795</v>
      </c>
      <c r="FWX730" s="424"/>
      <c r="FWY730" s="424"/>
      <c r="FWZ730" s="424"/>
      <c r="FXA730" s="423" t="s">
        <v>2795</v>
      </c>
      <c r="FXB730" s="424"/>
      <c r="FXC730" s="424"/>
      <c r="FXD730" s="424"/>
      <c r="FXE730" s="423" t="s">
        <v>2795</v>
      </c>
      <c r="FXF730" s="424"/>
      <c r="FXG730" s="424"/>
      <c r="FXH730" s="424"/>
      <c r="FXI730" s="423" t="s">
        <v>2795</v>
      </c>
      <c r="FXJ730" s="424"/>
      <c r="FXK730" s="424"/>
      <c r="FXL730" s="424"/>
      <c r="FXM730" s="423" t="s">
        <v>2795</v>
      </c>
      <c r="FXN730" s="424"/>
      <c r="FXO730" s="424"/>
      <c r="FXP730" s="424"/>
      <c r="FXQ730" s="423" t="s">
        <v>2795</v>
      </c>
      <c r="FXR730" s="424"/>
      <c r="FXS730" s="424"/>
      <c r="FXT730" s="424"/>
      <c r="FXU730" s="423" t="s">
        <v>2795</v>
      </c>
      <c r="FXV730" s="424"/>
      <c r="FXW730" s="424"/>
      <c r="FXX730" s="424"/>
      <c r="FXY730" s="423" t="s">
        <v>2795</v>
      </c>
      <c r="FXZ730" s="424"/>
      <c r="FYA730" s="424"/>
      <c r="FYB730" s="424"/>
      <c r="FYC730" s="423" t="s">
        <v>2795</v>
      </c>
      <c r="FYD730" s="424"/>
      <c r="FYE730" s="424"/>
      <c r="FYF730" s="424"/>
      <c r="FYG730" s="423" t="s">
        <v>2795</v>
      </c>
      <c r="FYH730" s="424"/>
      <c r="FYI730" s="424"/>
      <c r="FYJ730" s="424"/>
      <c r="FYK730" s="423" t="s">
        <v>2795</v>
      </c>
      <c r="FYL730" s="424"/>
      <c r="FYM730" s="424"/>
      <c r="FYN730" s="424"/>
      <c r="FYO730" s="423" t="s">
        <v>2795</v>
      </c>
      <c r="FYP730" s="424"/>
      <c r="FYQ730" s="424"/>
      <c r="FYR730" s="424"/>
      <c r="FYS730" s="423" t="s">
        <v>2795</v>
      </c>
      <c r="FYT730" s="424"/>
      <c r="FYU730" s="424"/>
      <c r="FYV730" s="424"/>
      <c r="FYW730" s="423" t="s">
        <v>2795</v>
      </c>
      <c r="FYX730" s="424"/>
      <c r="FYY730" s="424"/>
      <c r="FYZ730" s="424"/>
      <c r="FZA730" s="423" t="s">
        <v>2795</v>
      </c>
      <c r="FZB730" s="424"/>
      <c r="FZC730" s="424"/>
      <c r="FZD730" s="424"/>
      <c r="FZE730" s="423" t="s">
        <v>2795</v>
      </c>
      <c r="FZF730" s="424"/>
      <c r="FZG730" s="424"/>
      <c r="FZH730" s="424"/>
      <c r="FZI730" s="423" t="s">
        <v>2795</v>
      </c>
      <c r="FZJ730" s="424"/>
      <c r="FZK730" s="424"/>
      <c r="FZL730" s="424"/>
      <c r="FZM730" s="423" t="s">
        <v>2795</v>
      </c>
      <c r="FZN730" s="424"/>
      <c r="FZO730" s="424"/>
      <c r="FZP730" s="424"/>
      <c r="FZQ730" s="423" t="s">
        <v>2795</v>
      </c>
      <c r="FZR730" s="424"/>
      <c r="FZS730" s="424"/>
      <c r="FZT730" s="424"/>
      <c r="FZU730" s="423" t="s">
        <v>2795</v>
      </c>
      <c r="FZV730" s="424"/>
      <c r="FZW730" s="424"/>
      <c r="FZX730" s="424"/>
      <c r="FZY730" s="423" t="s">
        <v>2795</v>
      </c>
      <c r="FZZ730" s="424"/>
      <c r="GAA730" s="424"/>
      <c r="GAB730" s="424"/>
      <c r="GAC730" s="423" t="s">
        <v>2795</v>
      </c>
      <c r="GAD730" s="424"/>
      <c r="GAE730" s="424"/>
      <c r="GAF730" s="424"/>
      <c r="GAG730" s="423" t="s">
        <v>2795</v>
      </c>
      <c r="GAH730" s="424"/>
      <c r="GAI730" s="424"/>
      <c r="GAJ730" s="424"/>
      <c r="GAK730" s="423" t="s">
        <v>2795</v>
      </c>
      <c r="GAL730" s="424"/>
      <c r="GAM730" s="424"/>
      <c r="GAN730" s="424"/>
      <c r="GAO730" s="423" t="s">
        <v>2795</v>
      </c>
      <c r="GAP730" s="424"/>
      <c r="GAQ730" s="424"/>
      <c r="GAR730" s="424"/>
      <c r="GAS730" s="423" t="s">
        <v>2795</v>
      </c>
      <c r="GAT730" s="424"/>
      <c r="GAU730" s="424"/>
      <c r="GAV730" s="424"/>
      <c r="GAW730" s="423" t="s">
        <v>2795</v>
      </c>
      <c r="GAX730" s="424"/>
      <c r="GAY730" s="424"/>
      <c r="GAZ730" s="424"/>
      <c r="GBA730" s="423" t="s">
        <v>2795</v>
      </c>
      <c r="GBB730" s="424"/>
      <c r="GBC730" s="424"/>
      <c r="GBD730" s="424"/>
      <c r="GBE730" s="423" t="s">
        <v>2795</v>
      </c>
      <c r="GBF730" s="424"/>
      <c r="GBG730" s="424"/>
      <c r="GBH730" s="424"/>
      <c r="GBI730" s="423" t="s">
        <v>2795</v>
      </c>
      <c r="GBJ730" s="424"/>
      <c r="GBK730" s="424"/>
      <c r="GBL730" s="424"/>
      <c r="GBM730" s="423" t="s">
        <v>2795</v>
      </c>
      <c r="GBN730" s="424"/>
      <c r="GBO730" s="424"/>
      <c r="GBP730" s="424"/>
      <c r="GBQ730" s="423" t="s">
        <v>2795</v>
      </c>
      <c r="GBR730" s="424"/>
      <c r="GBS730" s="424"/>
      <c r="GBT730" s="424"/>
      <c r="GBU730" s="423" t="s">
        <v>2795</v>
      </c>
      <c r="GBV730" s="424"/>
      <c r="GBW730" s="424"/>
      <c r="GBX730" s="424"/>
      <c r="GBY730" s="423" t="s">
        <v>2795</v>
      </c>
      <c r="GBZ730" s="424"/>
      <c r="GCA730" s="424"/>
      <c r="GCB730" s="424"/>
      <c r="GCC730" s="423" t="s">
        <v>2795</v>
      </c>
      <c r="GCD730" s="424"/>
      <c r="GCE730" s="424"/>
      <c r="GCF730" s="424"/>
      <c r="GCG730" s="423" t="s">
        <v>2795</v>
      </c>
      <c r="GCH730" s="424"/>
      <c r="GCI730" s="424"/>
      <c r="GCJ730" s="424"/>
      <c r="GCK730" s="423" t="s">
        <v>2795</v>
      </c>
      <c r="GCL730" s="424"/>
      <c r="GCM730" s="424"/>
      <c r="GCN730" s="424"/>
      <c r="GCO730" s="423" t="s">
        <v>2795</v>
      </c>
      <c r="GCP730" s="424"/>
      <c r="GCQ730" s="424"/>
      <c r="GCR730" s="424"/>
      <c r="GCS730" s="423" t="s">
        <v>2795</v>
      </c>
      <c r="GCT730" s="424"/>
      <c r="GCU730" s="424"/>
      <c r="GCV730" s="424"/>
      <c r="GCW730" s="423" t="s">
        <v>2795</v>
      </c>
      <c r="GCX730" s="424"/>
      <c r="GCY730" s="424"/>
      <c r="GCZ730" s="424"/>
      <c r="GDA730" s="423" t="s">
        <v>2795</v>
      </c>
      <c r="GDB730" s="424"/>
      <c r="GDC730" s="424"/>
      <c r="GDD730" s="424"/>
      <c r="GDE730" s="423" t="s">
        <v>2795</v>
      </c>
      <c r="GDF730" s="424"/>
      <c r="GDG730" s="424"/>
      <c r="GDH730" s="424"/>
      <c r="GDI730" s="423" t="s">
        <v>2795</v>
      </c>
      <c r="GDJ730" s="424"/>
      <c r="GDK730" s="424"/>
      <c r="GDL730" s="424"/>
      <c r="GDM730" s="423" t="s">
        <v>2795</v>
      </c>
      <c r="GDN730" s="424"/>
      <c r="GDO730" s="424"/>
      <c r="GDP730" s="424"/>
      <c r="GDQ730" s="423" t="s">
        <v>2795</v>
      </c>
      <c r="GDR730" s="424"/>
      <c r="GDS730" s="424"/>
      <c r="GDT730" s="424"/>
      <c r="GDU730" s="423" t="s">
        <v>2795</v>
      </c>
      <c r="GDV730" s="424"/>
      <c r="GDW730" s="424"/>
      <c r="GDX730" s="424"/>
      <c r="GDY730" s="423" t="s">
        <v>2795</v>
      </c>
      <c r="GDZ730" s="424"/>
      <c r="GEA730" s="424"/>
      <c r="GEB730" s="424"/>
      <c r="GEC730" s="423" t="s">
        <v>2795</v>
      </c>
      <c r="GED730" s="424"/>
      <c r="GEE730" s="424"/>
      <c r="GEF730" s="424"/>
      <c r="GEG730" s="423" t="s">
        <v>2795</v>
      </c>
      <c r="GEH730" s="424"/>
      <c r="GEI730" s="424"/>
      <c r="GEJ730" s="424"/>
      <c r="GEK730" s="423" t="s">
        <v>2795</v>
      </c>
      <c r="GEL730" s="424"/>
      <c r="GEM730" s="424"/>
      <c r="GEN730" s="424"/>
      <c r="GEO730" s="423" t="s">
        <v>2795</v>
      </c>
      <c r="GEP730" s="424"/>
      <c r="GEQ730" s="424"/>
      <c r="GER730" s="424"/>
      <c r="GES730" s="423" t="s">
        <v>2795</v>
      </c>
      <c r="GET730" s="424"/>
      <c r="GEU730" s="424"/>
      <c r="GEV730" s="424"/>
      <c r="GEW730" s="423" t="s">
        <v>2795</v>
      </c>
      <c r="GEX730" s="424"/>
      <c r="GEY730" s="424"/>
      <c r="GEZ730" s="424"/>
      <c r="GFA730" s="423" t="s">
        <v>2795</v>
      </c>
      <c r="GFB730" s="424"/>
      <c r="GFC730" s="424"/>
      <c r="GFD730" s="424"/>
      <c r="GFE730" s="423" t="s">
        <v>2795</v>
      </c>
      <c r="GFF730" s="424"/>
      <c r="GFG730" s="424"/>
      <c r="GFH730" s="424"/>
      <c r="GFI730" s="423" t="s">
        <v>2795</v>
      </c>
      <c r="GFJ730" s="424"/>
      <c r="GFK730" s="424"/>
      <c r="GFL730" s="424"/>
      <c r="GFM730" s="423" t="s">
        <v>2795</v>
      </c>
      <c r="GFN730" s="424"/>
      <c r="GFO730" s="424"/>
      <c r="GFP730" s="424"/>
      <c r="GFQ730" s="423" t="s">
        <v>2795</v>
      </c>
      <c r="GFR730" s="424"/>
      <c r="GFS730" s="424"/>
      <c r="GFT730" s="424"/>
      <c r="GFU730" s="423" t="s">
        <v>2795</v>
      </c>
      <c r="GFV730" s="424"/>
      <c r="GFW730" s="424"/>
      <c r="GFX730" s="424"/>
      <c r="GFY730" s="423" t="s">
        <v>2795</v>
      </c>
      <c r="GFZ730" s="424"/>
      <c r="GGA730" s="424"/>
      <c r="GGB730" s="424"/>
      <c r="GGC730" s="423" t="s">
        <v>2795</v>
      </c>
      <c r="GGD730" s="424"/>
      <c r="GGE730" s="424"/>
      <c r="GGF730" s="424"/>
      <c r="GGG730" s="423" t="s">
        <v>2795</v>
      </c>
      <c r="GGH730" s="424"/>
      <c r="GGI730" s="424"/>
      <c r="GGJ730" s="424"/>
      <c r="GGK730" s="423" t="s">
        <v>2795</v>
      </c>
      <c r="GGL730" s="424"/>
      <c r="GGM730" s="424"/>
      <c r="GGN730" s="424"/>
      <c r="GGO730" s="423" t="s">
        <v>2795</v>
      </c>
      <c r="GGP730" s="424"/>
      <c r="GGQ730" s="424"/>
      <c r="GGR730" s="424"/>
      <c r="GGS730" s="423" t="s">
        <v>2795</v>
      </c>
      <c r="GGT730" s="424"/>
      <c r="GGU730" s="424"/>
      <c r="GGV730" s="424"/>
      <c r="GGW730" s="423" t="s">
        <v>2795</v>
      </c>
      <c r="GGX730" s="424"/>
      <c r="GGY730" s="424"/>
      <c r="GGZ730" s="424"/>
      <c r="GHA730" s="423" t="s">
        <v>2795</v>
      </c>
      <c r="GHB730" s="424"/>
      <c r="GHC730" s="424"/>
      <c r="GHD730" s="424"/>
      <c r="GHE730" s="423" t="s">
        <v>2795</v>
      </c>
      <c r="GHF730" s="424"/>
      <c r="GHG730" s="424"/>
      <c r="GHH730" s="424"/>
      <c r="GHI730" s="423" t="s">
        <v>2795</v>
      </c>
      <c r="GHJ730" s="424"/>
      <c r="GHK730" s="424"/>
      <c r="GHL730" s="424"/>
      <c r="GHM730" s="423" t="s">
        <v>2795</v>
      </c>
      <c r="GHN730" s="424"/>
      <c r="GHO730" s="424"/>
      <c r="GHP730" s="424"/>
      <c r="GHQ730" s="423" t="s">
        <v>2795</v>
      </c>
      <c r="GHR730" s="424"/>
      <c r="GHS730" s="424"/>
      <c r="GHT730" s="424"/>
      <c r="GHU730" s="423" t="s">
        <v>2795</v>
      </c>
      <c r="GHV730" s="424"/>
      <c r="GHW730" s="424"/>
      <c r="GHX730" s="424"/>
      <c r="GHY730" s="423" t="s">
        <v>2795</v>
      </c>
      <c r="GHZ730" s="424"/>
      <c r="GIA730" s="424"/>
      <c r="GIB730" s="424"/>
      <c r="GIC730" s="423" t="s">
        <v>2795</v>
      </c>
      <c r="GID730" s="424"/>
      <c r="GIE730" s="424"/>
      <c r="GIF730" s="424"/>
      <c r="GIG730" s="423" t="s">
        <v>2795</v>
      </c>
      <c r="GIH730" s="424"/>
      <c r="GII730" s="424"/>
      <c r="GIJ730" s="424"/>
      <c r="GIK730" s="423" t="s">
        <v>2795</v>
      </c>
      <c r="GIL730" s="424"/>
      <c r="GIM730" s="424"/>
      <c r="GIN730" s="424"/>
      <c r="GIO730" s="423" t="s">
        <v>2795</v>
      </c>
      <c r="GIP730" s="424"/>
      <c r="GIQ730" s="424"/>
      <c r="GIR730" s="424"/>
      <c r="GIS730" s="423" t="s">
        <v>2795</v>
      </c>
      <c r="GIT730" s="424"/>
      <c r="GIU730" s="424"/>
      <c r="GIV730" s="424"/>
      <c r="GIW730" s="423" t="s">
        <v>2795</v>
      </c>
      <c r="GIX730" s="424"/>
      <c r="GIY730" s="424"/>
      <c r="GIZ730" s="424"/>
      <c r="GJA730" s="423" t="s">
        <v>2795</v>
      </c>
      <c r="GJB730" s="424"/>
      <c r="GJC730" s="424"/>
      <c r="GJD730" s="424"/>
      <c r="GJE730" s="423" t="s">
        <v>2795</v>
      </c>
      <c r="GJF730" s="424"/>
      <c r="GJG730" s="424"/>
      <c r="GJH730" s="424"/>
      <c r="GJI730" s="423" t="s">
        <v>2795</v>
      </c>
      <c r="GJJ730" s="424"/>
      <c r="GJK730" s="424"/>
      <c r="GJL730" s="424"/>
      <c r="GJM730" s="423" t="s">
        <v>2795</v>
      </c>
      <c r="GJN730" s="424"/>
      <c r="GJO730" s="424"/>
      <c r="GJP730" s="424"/>
      <c r="GJQ730" s="423" t="s">
        <v>2795</v>
      </c>
      <c r="GJR730" s="424"/>
      <c r="GJS730" s="424"/>
      <c r="GJT730" s="424"/>
      <c r="GJU730" s="423" t="s">
        <v>2795</v>
      </c>
      <c r="GJV730" s="424"/>
      <c r="GJW730" s="424"/>
      <c r="GJX730" s="424"/>
      <c r="GJY730" s="423" t="s">
        <v>2795</v>
      </c>
      <c r="GJZ730" s="424"/>
      <c r="GKA730" s="424"/>
      <c r="GKB730" s="424"/>
      <c r="GKC730" s="423" t="s">
        <v>2795</v>
      </c>
      <c r="GKD730" s="424"/>
      <c r="GKE730" s="424"/>
      <c r="GKF730" s="424"/>
      <c r="GKG730" s="423" t="s">
        <v>2795</v>
      </c>
      <c r="GKH730" s="424"/>
      <c r="GKI730" s="424"/>
      <c r="GKJ730" s="424"/>
      <c r="GKK730" s="423" t="s">
        <v>2795</v>
      </c>
      <c r="GKL730" s="424"/>
      <c r="GKM730" s="424"/>
      <c r="GKN730" s="424"/>
      <c r="GKO730" s="423" t="s">
        <v>2795</v>
      </c>
      <c r="GKP730" s="424"/>
      <c r="GKQ730" s="424"/>
      <c r="GKR730" s="424"/>
      <c r="GKS730" s="423" t="s">
        <v>2795</v>
      </c>
      <c r="GKT730" s="424"/>
      <c r="GKU730" s="424"/>
      <c r="GKV730" s="424"/>
      <c r="GKW730" s="423" t="s">
        <v>2795</v>
      </c>
      <c r="GKX730" s="424"/>
      <c r="GKY730" s="424"/>
      <c r="GKZ730" s="424"/>
      <c r="GLA730" s="423" t="s">
        <v>2795</v>
      </c>
      <c r="GLB730" s="424"/>
      <c r="GLC730" s="424"/>
      <c r="GLD730" s="424"/>
      <c r="GLE730" s="423" t="s">
        <v>2795</v>
      </c>
      <c r="GLF730" s="424"/>
      <c r="GLG730" s="424"/>
      <c r="GLH730" s="424"/>
      <c r="GLI730" s="423" t="s">
        <v>2795</v>
      </c>
      <c r="GLJ730" s="424"/>
      <c r="GLK730" s="424"/>
      <c r="GLL730" s="424"/>
      <c r="GLM730" s="423" t="s">
        <v>2795</v>
      </c>
      <c r="GLN730" s="424"/>
      <c r="GLO730" s="424"/>
      <c r="GLP730" s="424"/>
      <c r="GLQ730" s="423" t="s">
        <v>2795</v>
      </c>
      <c r="GLR730" s="424"/>
      <c r="GLS730" s="424"/>
      <c r="GLT730" s="424"/>
      <c r="GLU730" s="423" t="s">
        <v>2795</v>
      </c>
      <c r="GLV730" s="424"/>
      <c r="GLW730" s="424"/>
      <c r="GLX730" s="424"/>
      <c r="GLY730" s="423" t="s">
        <v>2795</v>
      </c>
      <c r="GLZ730" s="424"/>
      <c r="GMA730" s="424"/>
      <c r="GMB730" s="424"/>
      <c r="GMC730" s="423" t="s">
        <v>2795</v>
      </c>
      <c r="GMD730" s="424"/>
      <c r="GME730" s="424"/>
      <c r="GMF730" s="424"/>
      <c r="GMG730" s="423" t="s">
        <v>2795</v>
      </c>
      <c r="GMH730" s="424"/>
      <c r="GMI730" s="424"/>
      <c r="GMJ730" s="424"/>
      <c r="GMK730" s="423" t="s">
        <v>2795</v>
      </c>
      <c r="GML730" s="424"/>
      <c r="GMM730" s="424"/>
      <c r="GMN730" s="424"/>
      <c r="GMO730" s="423" t="s">
        <v>2795</v>
      </c>
      <c r="GMP730" s="424"/>
      <c r="GMQ730" s="424"/>
      <c r="GMR730" s="424"/>
      <c r="GMS730" s="423" t="s">
        <v>2795</v>
      </c>
      <c r="GMT730" s="424"/>
      <c r="GMU730" s="424"/>
      <c r="GMV730" s="424"/>
      <c r="GMW730" s="423" t="s">
        <v>2795</v>
      </c>
      <c r="GMX730" s="424"/>
      <c r="GMY730" s="424"/>
      <c r="GMZ730" s="424"/>
      <c r="GNA730" s="423" t="s">
        <v>2795</v>
      </c>
      <c r="GNB730" s="424"/>
      <c r="GNC730" s="424"/>
      <c r="GND730" s="424"/>
      <c r="GNE730" s="423" t="s">
        <v>2795</v>
      </c>
      <c r="GNF730" s="424"/>
      <c r="GNG730" s="424"/>
      <c r="GNH730" s="424"/>
      <c r="GNI730" s="423" t="s">
        <v>2795</v>
      </c>
      <c r="GNJ730" s="424"/>
      <c r="GNK730" s="424"/>
      <c r="GNL730" s="424"/>
      <c r="GNM730" s="423" t="s">
        <v>2795</v>
      </c>
      <c r="GNN730" s="424"/>
      <c r="GNO730" s="424"/>
      <c r="GNP730" s="424"/>
      <c r="GNQ730" s="423" t="s">
        <v>2795</v>
      </c>
      <c r="GNR730" s="424"/>
      <c r="GNS730" s="424"/>
      <c r="GNT730" s="424"/>
      <c r="GNU730" s="423" t="s">
        <v>2795</v>
      </c>
      <c r="GNV730" s="424"/>
      <c r="GNW730" s="424"/>
      <c r="GNX730" s="424"/>
      <c r="GNY730" s="423" t="s">
        <v>2795</v>
      </c>
      <c r="GNZ730" s="424"/>
      <c r="GOA730" s="424"/>
      <c r="GOB730" s="424"/>
      <c r="GOC730" s="423" t="s">
        <v>2795</v>
      </c>
      <c r="GOD730" s="424"/>
      <c r="GOE730" s="424"/>
      <c r="GOF730" s="424"/>
      <c r="GOG730" s="423" t="s">
        <v>2795</v>
      </c>
      <c r="GOH730" s="424"/>
      <c r="GOI730" s="424"/>
      <c r="GOJ730" s="424"/>
      <c r="GOK730" s="423" t="s">
        <v>2795</v>
      </c>
      <c r="GOL730" s="424"/>
      <c r="GOM730" s="424"/>
      <c r="GON730" s="424"/>
      <c r="GOO730" s="423" t="s">
        <v>2795</v>
      </c>
      <c r="GOP730" s="424"/>
      <c r="GOQ730" s="424"/>
      <c r="GOR730" s="424"/>
      <c r="GOS730" s="423" t="s">
        <v>2795</v>
      </c>
      <c r="GOT730" s="424"/>
      <c r="GOU730" s="424"/>
      <c r="GOV730" s="424"/>
      <c r="GOW730" s="423" t="s">
        <v>2795</v>
      </c>
      <c r="GOX730" s="424"/>
      <c r="GOY730" s="424"/>
      <c r="GOZ730" s="424"/>
      <c r="GPA730" s="423" t="s">
        <v>2795</v>
      </c>
      <c r="GPB730" s="424"/>
      <c r="GPC730" s="424"/>
      <c r="GPD730" s="424"/>
      <c r="GPE730" s="423" t="s">
        <v>2795</v>
      </c>
      <c r="GPF730" s="424"/>
      <c r="GPG730" s="424"/>
      <c r="GPH730" s="424"/>
      <c r="GPI730" s="423" t="s">
        <v>2795</v>
      </c>
      <c r="GPJ730" s="424"/>
      <c r="GPK730" s="424"/>
      <c r="GPL730" s="424"/>
      <c r="GPM730" s="423" t="s">
        <v>2795</v>
      </c>
      <c r="GPN730" s="424"/>
      <c r="GPO730" s="424"/>
      <c r="GPP730" s="424"/>
      <c r="GPQ730" s="423" t="s">
        <v>2795</v>
      </c>
      <c r="GPR730" s="424"/>
      <c r="GPS730" s="424"/>
      <c r="GPT730" s="424"/>
      <c r="GPU730" s="423" t="s">
        <v>2795</v>
      </c>
      <c r="GPV730" s="424"/>
      <c r="GPW730" s="424"/>
      <c r="GPX730" s="424"/>
      <c r="GPY730" s="423" t="s">
        <v>2795</v>
      </c>
      <c r="GPZ730" s="424"/>
      <c r="GQA730" s="424"/>
      <c r="GQB730" s="424"/>
      <c r="GQC730" s="423" t="s">
        <v>2795</v>
      </c>
      <c r="GQD730" s="424"/>
      <c r="GQE730" s="424"/>
      <c r="GQF730" s="424"/>
      <c r="GQG730" s="423" t="s">
        <v>2795</v>
      </c>
      <c r="GQH730" s="424"/>
      <c r="GQI730" s="424"/>
      <c r="GQJ730" s="424"/>
      <c r="GQK730" s="423" t="s">
        <v>2795</v>
      </c>
      <c r="GQL730" s="424"/>
      <c r="GQM730" s="424"/>
      <c r="GQN730" s="424"/>
      <c r="GQO730" s="423" t="s">
        <v>2795</v>
      </c>
      <c r="GQP730" s="424"/>
      <c r="GQQ730" s="424"/>
      <c r="GQR730" s="424"/>
      <c r="GQS730" s="423" t="s">
        <v>2795</v>
      </c>
      <c r="GQT730" s="424"/>
      <c r="GQU730" s="424"/>
      <c r="GQV730" s="424"/>
      <c r="GQW730" s="423" t="s">
        <v>2795</v>
      </c>
      <c r="GQX730" s="424"/>
      <c r="GQY730" s="424"/>
      <c r="GQZ730" s="424"/>
      <c r="GRA730" s="423" t="s">
        <v>2795</v>
      </c>
      <c r="GRB730" s="424"/>
      <c r="GRC730" s="424"/>
      <c r="GRD730" s="424"/>
      <c r="GRE730" s="423" t="s">
        <v>2795</v>
      </c>
      <c r="GRF730" s="424"/>
      <c r="GRG730" s="424"/>
      <c r="GRH730" s="424"/>
      <c r="GRI730" s="423" t="s">
        <v>2795</v>
      </c>
      <c r="GRJ730" s="424"/>
      <c r="GRK730" s="424"/>
      <c r="GRL730" s="424"/>
      <c r="GRM730" s="423" t="s">
        <v>2795</v>
      </c>
      <c r="GRN730" s="424"/>
      <c r="GRO730" s="424"/>
      <c r="GRP730" s="424"/>
      <c r="GRQ730" s="423" t="s">
        <v>2795</v>
      </c>
      <c r="GRR730" s="424"/>
      <c r="GRS730" s="424"/>
      <c r="GRT730" s="424"/>
      <c r="GRU730" s="423" t="s">
        <v>2795</v>
      </c>
      <c r="GRV730" s="424"/>
      <c r="GRW730" s="424"/>
      <c r="GRX730" s="424"/>
      <c r="GRY730" s="423" t="s">
        <v>2795</v>
      </c>
      <c r="GRZ730" s="424"/>
      <c r="GSA730" s="424"/>
      <c r="GSB730" s="424"/>
      <c r="GSC730" s="423" t="s">
        <v>2795</v>
      </c>
      <c r="GSD730" s="424"/>
      <c r="GSE730" s="424"/>
      <c r="GSF730" s="424"/>
      <c r="GSG730" s="423" t="s">
        <v>2795</v>
      </c>
      <c r="GSH730" s="424"/>
      <c r="GSI730" s="424"/>
      <c r="GSJ730" s="424"/>
      <c r="GSK730" s="423" t="s">
        <v>2795</v>
      </c>
      <c r="GSL730" s="424"/>
      <c r="GSM730" s="424"/>
      <c r="GSN730" s="424"/>
      <c r="GSO730" s="423" t="s">
        <v>2795</v>
      </c>
      <c r="GSP730" s="424"/>
      <c r="GSQ730" s="424"/>
      <c r="GSR730" s="424"/>
      <c r="GSS730" s="423" t="s">
        <v>2795</v>
      </c>
      <c r="GST730" s="424"/>
      <c r="GSU730" s="424"/>
      <c r="GSV730" s="424"/>
      <c r="GSW730" s="423" t="s">
        <v>2795</v>
      </c>
      <c r="GSX730" s="424"/>
      <c r="GSY730" s="424"/>
      <c r="GSZ730" s="424"/>
      <c r="GTA730" s="423" t="s">
        <v>2795</v>
      </c>
      <c r="GTB730" s="424"/>
      <c r="GTC730" s="424"/>
      <c r="GTD730" s="424"/>
      <c r="GTE730" s="423" t="s">
        <v>2795</v>
      </c>
      <c r="GTF730" s="424"/>
      <c r="GTG730" s="424"/>
      <c r="GTH730" s="424"/>
      <c r="GTI730" s="423" t="s">
        <v>2795</v>
      </c>
      <c r="GTJ730" s="424"/>
      <c r="GTK730" s="424"/>
      <c r="GTL730" s="424"/>
      <c r="GTM730" s="423" t="s">
        <v>2795</v>
      </c>
      <c r="GTN730" s="424"/>
      <c r="GTO730" s="424"/>
      <c r="GTP730" s="424"/>
      <c r="GTQ730" s="423" t="s">
        <v>2795</v>
      </c>
      <c r="GTR730" s="424"/>
      <c r="GTS730" s="424"/>
      <c r="GTT730" s="424"/>
      <c r="GTU730" s="423" t="s">
        <v>2795</v>
      </c>
      <c r="GTV730" s="424"/>
      <c r="GTW730" s="424"/>
      <c r="GTX730" s="424"/>
      <c r="GTY730" s="423" t="s">
        <v>2795</v>
      </c>
      <c r="GTZ730" s="424"/>
      <c r="GUA730" s="424"/>
      <c r="GUB730" s="424"/>
      <c r="GUC730" s="423" t="s">
        <v>2795</v>
      </c>
      <c r="GUD730" s="424"/>
      <c r="GUE730" s="424"/>
      <c r="GUF730" s="424"/>
      <c r="GUG730" s="423" t="s">
        <v>2795</v>
      </c>
      <c r="GUH730" s="424"/>
      <c r="GUI730" s="424"/>
      <c r="GUJ730" s="424"/>
      <c r="GUK730" s="423" t="s">
        <v>2795</v>
      </c>
      <c r="GUL730" s="424"/>
      <c r="GUM730" s="424"/>
      <c r="GUN730" s="424"/>
      <c r="GUO730" s="423" t="s">
        <v>2795</v>
      </c>
      <c r="GUP730" s="424"/>
      <c r="GUQ730" s="424"/>
      <c r="GUR730" s="424"/>
      <c r="GUS730" s="423" t="s">
        <v>2795</v>
      </c>
      <c r="GUT730" s="424"/>
      <c r="GUU730" s="424"/>
      <c r="GUV730" s="424"/>
      <c r="GUW730" s="423" t="s">
        <v>2795</v>
      </c>
      <c r="GUX730" s="424"/>
      <c r="GUY730" s="424"/>
      <c r="GUZ730" s="424"/>
      <c r="GVA730" s="423" t="s">
        <v>2795</v>
      </c>
      <c r="GVB730" s="424"/>
      <c r="GVC730" s="424"/>
      <c r="GVD730" s="424"/>
      <c r="GVE730" s="423" t="s">
        <v>2795</v>
      </c>
      <c r="GVF730" s="424"/>
      <c r="GVG730" s="424"/>
      <c r="GVH730" s="424"/>
      <c r="GVI730" s="423" t="s">
        <v>2795</v>
      </c>
      <c r="GVJ730" s="424"/>
      <c r="GVK730" s="424"/>
      <c r="GVL730" s="424"/>
      <c r="GVM730" s="423" t="s">
        <v>2795</v>
      </c>
      <c r="GVN730" s="424"/>
      <c r="GVO730" s="424"/>
      <c r="GVP730" s="424"/>
      <c r="GVQ730" s="423" t="s">
        <v>2795</v>
      </c>
      <c r="GVR730" s="424"/>
      <c r="GVS730" s="424"/>
      <c r="GVT730" s="424"/>
      <c r="GVU730" s="423" t="s">
        <v>2795</v>
      </c>
      <c r="GVV730" s="424"/>
      <c r="GVW730" s="424"/>
      <c r="GVX730" s="424"/>
      <c r="GVY730" s="423" t="s">
        <v>2795</v>
      </c>
      <c r="GVZ730" s="424"/>
      <c r="GWA730" s="424"/>
      <c r="GWB730" s="424"/>
      <c r="GWC730" s="423" t="s">
        <v>2795</v>
      </c>
      <c r="GWD730" s="424"/>
      <c r="GWE730" s="424"/>
      <c r="GWF730" s="424"/>
      <c r="GWG730" s="423" t="s">
        <v>2795</v>
      </c>
      <c r="GWH730" s="424"/>
      <c r="GWI730" s="424"/>
      <c r="GWJ730" s="424"/>
      <c r="GWK730" s="423" t="s">
        <v>2795</v>
      </c>
      <c r="GWL730" s="424"/>
      <c r="GWM730" s="424"/>
      <c r="GWN730" s="424"/>
      <c r="GWO730" s="423" t="s">
        <v>2795</v>
      </c>
      <c r="GWP730" s="424"/>
      <c r="GWQ730" s="424"/>
      <c r="GWR730" s="424"/>
      <c r="GWS730" s="423" t="s">
        <v>2795</v>
      </c>
      <c r="GWT730" s="424"/>
      <c r="GWU730" s="424"/>
      <c r="GWV730" s="424"/>
      <c r="GWW730" s="423" t="s">
        <v>2795</v>
      </c>
      <c r="GWX730" s="424"/>
      <c r="GWY730" s="424"/>
      <c r="GWZ730" s="424"/>
      <c r="GXA730" s="423" t="s">
        <v>2795</v>
      </c>
      <c r="GXB730" s="424"/>
      <c r="GXC730" s="424"/>
      <c r="GXD730" s="424"/>
      <c r="GXE730" s="423" t="s">
        <v>2795</v>
      </c>
      <c r="GXF730" s="424"/>
      <c r="GXG730" s="424"/>
      <c r="GXH730" s="424"/>
      <c r="GXI730" s="423" t="s">
        <v>2795</v>
      </c>
      <c r="GXJ730" s="424"/>
      <c r="GXK730" s="424"/>
      <c r="GXL730" s="424"/>
      <c r="GXM730" s="423" t="s">
        <v>2795</v>
      </c>
      <c r="GXN730" s="424"/>
      <c r="GXO730" s="424"/>
      <c r="GXP730" s="424"/>
      <c r="GXQ730" s="423" t="s">
        <v>2795</v>
      </c>
      <c r="GXR730" s="424"/>
      <c r="GXS730" s="424"/>
      <c r="GXT730" s="424"/>
      <c r="GXU730" s="423" t="s">
        <v>2795</v>
      </c>
      <c r="GXV730" s="424"/>
      <c r="GXW730" s="424"/>
      <c r="GXX730" s="424"/>
      <c r="GXY730" s="423" t="s">
        <v>2795</v>
      </c>
      <c r="GXZ730" s="424"/>
      <c r="GYA730" s="424"/>
      <c r="GYB730" s="424"/>
      <c r="GYC730" s="423" t="s">
        <v>2795</v>
      </c>
      <c r="GYD730" s="424"/>
      <c r="GYE730" s="424"/>
      <c r="GYF730" s="424"/>
      <c r="GYG730" s="423" t="s">
        <v>2795</v>
      </c>
      <c r="GYH730" s="424"/>
      <c r="GYI730" s="424"/>
      <c r="GYJ730" s="424"/>
      <c r="GYK730" s="423" t="s">
        <v>2795</v>
      </c>
      <c r="GYL730" s="424"/>
      <c r="GYM730" s="424"/>
      <c r="GYN730" s="424"/>
      <c r="GYO730" s="423" t="s">
        <v>2795</v>
      </c>
      <c r="GYP730" s="424"/>
      <c r="GYQ730" s="424"/>
      <c r="GYR730" s="424"/>
      <c r="GYS730" s="423" t="s">
        <v>2795</v>
      </c>
      <c r="GYT730" s="424"/>
      <c r="GYU730" s="424"/>
      <c r="GYV730" s="424"/>
      <c r="GYW730" s="423" t="s">
        <v>2795</v>
      </c>
      <c r="GYX730" s="424"/>
      <c r="GYY730" s="424"/>
      <c r="GYZ730" s="424"/>
      <c r="GZA730" s="423" t="s">
        <v>2795</v>
      </c>
      <c r="GZB730" s="424"/>
      <c r="GZC730" s="424"/>
      <c r="GZD730" s="424"/>
      <c r="GZE730" s="423" t="s">
        <v>2795</v>
      </c>
      <c r="GZF730" s="424"/>
      <c r="GZG730" s="424"/>
      <c r="GZH730" s="424"/>
      <c r="GZI730" s="423" t="s">
        <v>2795</v>
      </c>
      <c r="GZJ730" s="424"/>
      <c r="GZK730" s="424"/>
      <c r="GZL730" s="424"/>
      <c r="GZM730" s="423" t="s">
        <v>2795</v>
      </c>
      <c r="GZN730" s="424"/>
      <c r="GZO730" s="424"/>
      <c r="GZP730" s="424"/>
      <c r="GZQ730" s="423" t="s">
        <v>2795</v>
      </c>
      <c r="GZR730" s="424"/>
      <c r="GZS730" s="424"/>
      <c r="GZT730" s="424"/>
      <c r="GZU730" s="423" t="s">
        <v>2795</v>
      </c>
      <c r="GZV730" s="424"/>
      <c r="GZW730" s="424"/>
      <c r="GZX730" s="424"/>
      <c r="GZY730" s="423" t="s">
        <v>2795</v>
      </c>
      <c r="GZZ730" s="424"/>
      <c r="HAA730" s="424"/>
      <c r="HAB730" s="424"/>
      <c r="HAC730" s="423" t="s">
        <v>2795</v>
      </c>
      <c r="HAD730" s="424"/>
      <c r="HAE730" s="424"/>
      <c r="HAF730" s="424"/>
      <c r="HAG730" s="423" t="s">
        <v>2795</v>
      </c>
      <c r="HAH730" s="424"/>
      <c r="HAI730" s="424"/>
      <c r="HAJ730" s="424"/>
      <c r="HAK730" s="423" t="s">
        <v>2795</v>
      </c>
      <c r="HAL730" s="424"/>
      <c r="HAM730" s="424"/>
      <c r="HAN730" s="424"/>
      <c r="HAO730" s="423" t="s">
        <v>2795</v>
      </c>
      <c r="HAP730" s="424"/>
      <c r="HAQ730" s="424"/>
      <c r="HAR730" s="424"/>
      <c r="HAS730" s="423" t="s">
        <v>2795</v>
      </c>
      <c r="HAT730" s="424"/>
      <c r="HAU730" s="424"/>
      <c r="HAV730" s="424"/>
      <c r="HAW730" s="423" t="s">
        <v>2795</v>
      </c>
      <c r="HAX730" s="424"/>
      <c r="HAY730" s="424"/>
      <c r="HAZ730" s="424"/>
      <c r="HBA730" s="423" t="s">
        <v>2795</v>
      </c>
      <c r="HBB730" s="424"/>
      <c r="HBC730" s="424"/>
      <c r="HBD730" s="424"/>
      <c r="HBE730" s="423" t="s">
        <v>2795</v>
      </c>
      <c r="HBF730" s="424"/>
      <c r="HBG730" s="424"/>
      <c r="HBH730" s="424"/>
      <c r="HBI730" s="423" t="s">
        <v>2795</v>
      </c>
      <c r="HBJ730" s="424"/>
      <c r="HBK730" s="424"/>
      <c r="HBL730" s="424"/>
      <c r="HBM730" s="423" t="s">
        <v>2795</v>
      </c>
      <c r="HBN730" s="424"/>
      <c r="HBO730" s="424"/>
      <c r="HBP730" s="424"/>
      <c r="HBQ730" s="423" t="s">
        <v>2795</v>
      </c>
      <c r="HBR730" s="424"/>
      <c r="HBS730" s="424"/>
      <c r="HBT730" s="424"/>
      <c r="HBU730" s="423" t="s">
        <v>2795</v>
      </c>
      <c r="HBV730" s="424"/>
      <c r="HBW730" s="424"/>
      <c r="HBX730" s="424"/>
      <c r="HBY730" s="423" t="s">
        <v>2795</v>
      </c>
      <c r="HBZ730" s="424"/>
      <c r="HCA730" s="424"/>
      <c r="HCB730" s="424"/>
      <c r="HCC730" s="423" t="s">
        <v>2795</v>
      </c>
      <c r="HCD730" s="424"/>
      <c r="HCE730" s="424"/>
      <c r="HCF730" s="424"/>
      <c r="HCG730" s="423" t="s">
        <v>2795</v>
      </c>
      <c r="HCH730" s="424"/>
      <c r="HCI730" s="424"/>
      <c r="HCJ730" s="424"/>
      <c r="HCK730" s="423" t="s">
        <v>2795</v>
      </c>
      <c r="HCL730" s="424"/>
      <c r="HCM730" s="424"/>
      <c r="HCN730" s="424"/>
      <c r="HCO730" s="423" t="s">
        <v>2795</v>
      </c>
      <c r="HCP730" s="424"/>
      <c r="HCQ730" s="424"/>
      <c r="HCR730" s="424"/>
      <c r="HCS730" s="423" t="s">
        <v>2795</v>
      </c>
      <c r="HCT730" s="424"/>
      <c r="HCU730" s="424"/>
      <c r="HCV730" s="424"/>
      <c r="HCW730" s="423" t="s">
        <v>2795</v>
      </c>
      <c r="HCX730" s="424"/>
      <c r="HCY730" s="424"/>
      <c r="HCZ730" s="424"/>
      <c r="HDA730" s="423" t="s">
        <v>2795</v>
      </c>
      <c r="HDB730" s="424"/>
      <c r="HDC730" s="424"/>
      <c r="HDD730" s="424"/>
      <c r="HDE730" s="423" t="s">
        <v>2795</v>
      </c>
      <c r="HDF730" s="424"/>
      <c r="HDG730" s="424"/>
      <c r="HDH730" s="424"/>
      <c r="HDI730" s="423" t="s">
        <v>2795</v>
      </c>
      <c r="HDJ730" s="424"/>
      <c r="HDK730" s="424"/>
      <c r="HDL730" s="424"/>
      <c r="HDM730" s="423" t="s">
        <v>2795</v>
      </c>
      <c r="HDN730" s="424"/>
      <c r="HDO730" s="424"/>
      <c r="HDP730" s="424"/>
      <c r="HDQ730" s="423" t="s">
        <v>2795</v>
      </c>
      <c r="HDR730" s="424"/>
      <c r="HDS730" s="424"/>
      <c r="HDT730" s="424"/>
      <c r="HDU730" s="423" t="s">
        <v>2795</v>
      </c>
      <c r="HDV730" s="424"/>
      <c r="HDW730" s="424"/>
      <c r="HDX730" s="424"/>
      <c r="HDY730" s="423" t="s">
        <v>2795</v>
      </c>
      <c r="HDZ730" s="424"/>
      <c r="HEA730" s="424"/>
      <c r="HEB730" s="424"/>
      <c r="HEC730" s="423" t="s">
        <v>2795</v>
      </c>
      <c r="HED730" s="424"/>
      <c r="HEE730" s="424"/>
      <c r="HEF730" s="424"/>
      <c r="HEG730" s="423" t="s">
        <v>2795</v>
      </c>
      <c r="HEH730" s="424"/>
      <c r="HEI730" s="424"/>
      <c r="HEJ730" s="424"/>
      <c r="HEK730" s="423" t="s">
        <v>2795</v>
      </c>
      <c r="HEL730" s="424"/>
      <c r="HEM730" s="424"/>
      <c r="HEN730" s="424"/>
      <c r="HEO730" s="423" t="s">
        <v>2795</v>
      </c>
      <c r="HEP730" s="424"/>
      <c r="HEQ730" s="424"/>
      <c r="HER730" s="424"/>
      <c r="HES730" s="423" t="s">
        <v>2795</v>
      </c>
      <c r="HET730" s="424"/>
      <c r="HEU730" s="424"/>
      <c r="HEV730" s="424"/>
      <c r="HEW730" s="423" t="s">
        <v>2795</v>
      </c>
      <c r="HEX730" s="424"/>
      <c r="HEY730" s="424"/>
      <c r="HEZ730" s="424"/>
      <c r="HFA730" s="423" t="s">
        <v>2795</v>
      </c>
      <c r="HFB730" s="424"/>
      <c r="HFC730" s="424"/>
      <c r="HFD730" s="424"/>
      <c r="HFE730" s="423" t="s">
        <v>2795</v>
      </c>
      <c r="HFF730" s="424"/>
      <c r="HFG730" s="424"/>
      <c r="HFH730" s="424"/>
      <c r="HFI730" s="423" t="s">
        <v>2795</v>
      </c>
      <c r="HFJ730" s="424"/>
      <c r="HFK730" s="424"/>
      <c r="HFL730" s="424"/>
      <c r="HFM730" s="423" t="s">
        <v>2795</v>
      </c>
      <c r="HFN730" s="424"/>
      <c r="HFO730" s="424"/>
      <c r="HFP730" s="424"/>
      <c r="HFQ730" s="423" t="s">
        <v>2795</v>
      </c>
      <c r="HFR730" s="424"/>
      <c r="HFS730" s="424"/>
      <c r="HFT730" s="424"/>
      <c r="HFU730" s="423" t="s">
        <v>2795</v>
      </c>
      <c r="HFV730" s="424"/>
      <c r="HFW730" s="424"/>
      <c r="HFX730" s="424"/>
      <c r="HFY730" s="423" t="s">
        <v>2795</v>
      </c>
      <c r="HFZ730" s="424"/>
      <c r="HGA730" s="424"/>
      <c r="HGB730" s="424"/>
      <c r="HGC730" s="423" t="s">
        <v>2795</v>
      </c>
      <c r="HGD730" s="424"/>
      <c r="HGE730" s="424"/>
      <c r="HGF730" s="424"/>
      <c r="HGG730" s="423" t="s">
        <v>2795</v>
      </c>
      <c r="HGH730" s="424"/>
      <c r="HGI730" s="424"/>
      <c r="HGJ730" s="424"/>
      <c r="HGK730" s="423" t="s">
        <v>2795</v>
      </c>
      <c r="HGL730" s="424"/>
      <c r="HGM730" s="424"/>
      <c r="HGN730" s="424"/>
      <c r="HGO730" s="423" t="s">
        <v>2795</v>
      </c>
      <c r="HGP730" s="424"/>
      <c r="HGQ730" s="424"/>
      <c r="HGR730" s="424"/>
      <c r="HGS730" s="423" t="s">
        <v>2795</v>
      </c>
      <c r="HGT730" s="424"/>
      <c r="HGU730" s="424"/>
      <c r="HGV730" s="424"/>
      <c r="HGW730" s="423" t="s">
        <v>2795</v>
      </c>
      <c r="HGX730" s="424"/>
      <c r="HGY730" s="424"/>
      <c r="HGZ730" s="424"/>
      <c r="HHA730" s="423" t="s">
        <v>2795</v>
      </c>
      <c r="HHB730" s="424"/>
      <c r="HHC730" s="424"/>
      <c r="HHD730" s="424"/>
      <c r="HHE730" s="423" t="s">
        <v>2795</v>
      </c>
      <c r="HHF730" s="424"/>
      <c r="HHG730" s="424"/>
      <c r="HHH730" s="424"/>
      <c r="HHI730" s="423" t="s">
        <v>2795</v>
      </c>
      <c r="HHJ730" s="424"/>
      <c r="HHK730" s="424"/>
      <c r="HHL730" s="424"/>
      <c r="HHM730" s="423" t="s">
        <v>2795</v>
      </c>
      <c r="HHN730" s="424"/>
      <c r="HHO730" s="424"/>
      <c r="HHP730" s="424"/>
      <c r="HHQ730" s="423" t="s">
        <v>2795</v>
      </c>
      <c r="HHR730" s="424"/>
      <c r="HHS730" s="424"/>
      <c r="HHT730" s="424"/>
      <c r="HHU730" s="423" t="s">
        <v>2795</v>
      </c>
      <c r="HHV730" s="424"/>
      <c r="HHW730" s="424"/>
      <c r="HHX730" s="424"/>
      <c r="HHY730" s="423" t="s">
        <v>2795</v>
      </c>
      <c r="HHZ730" s="424"/>
      <c r="HIA730" s="424"/>
      <c r="HIB730" s="424"/>
      <c r="HIC730" s="423" t="s">
        <v>2795</v>
      </c>
      <c r="HID730" s="424"/>
      <c r="HIE730" s="424"/>
      <c r="HIF730" s="424"/>
      <c r="HIG730" s="423" t="s">
        <v>2795</v>
      </c>
      <c r="HIH730" s="424"/>
      <c r="HII730" s="424"/>
      <c r="HIJ730" s="424"/>
      <c r="HIK730" s="423" t="s">
        <v>2795</v>
      </c>
      <c r="HIL730" s="424"/>
      <c r="HIM730" s="424"/>
      <c r="HIN730" s="424"/>
      <c r="HIO730" s="423" t="s">
        <v>2795</v>
      </c>
      <c r="HIP730" s="424"/>
      <c r="HIQ730" s="424"/>
      <c r="HIR730" s="424"/>
      <c r="HIS730" s="423" t="s">
        <v>2795</v>
      </c>
      <c r="HIT730" s="424"/>
      <c r="HIU730" s="424"/>
      <c r="HIV730" s="424"/>
      <c r="HIW730" s="423" t="s">
        <v>2795</v>
      </c>
      <c r="HIX730" s="424"/>
      <c r="HIY730" s="424"/>
      <c r="HIZ730" s="424"/>
      <c r="HJA730" s="423" t="s">
        <v>2795</v>
      </c>
      <c r="HJB730" s="424"/>
      <c r="HJC730" s="424"/>
      <c r="HJD730" s="424"/>
      <c r="HJE730" s="423" t="s">
        <v>2795</v>
      </c>
      <c r="HJF730" s="424"/>
      <c r="HJG730" s="424"/>
      <c r="HJH730" s="424"/>
      <c r="HJI730" s="423" t="s">
        <v>2795</v>
      </c>
      <c r="HJJ730" s="424"/>
      <c r="HJK730" s="424"/>
      <c r="HJL730" s="424"/>
      <c r="HJM730" s="423" t="s">
        <v>2795</v>
      </c>
      <c r="HJN730" s="424"/>
      <c r="HJO730" s="424"/>
      <c r="HJP730" s="424"/>
      <c r="HJQ730" s="423" t="s">
        <v>2795</v>
      </c>
      <c r="HJR730" s="424"/>
      <c r="HJS730" s="424"/>
      <c r="HJT730" s="424"/>
      <c r="HJU730" s="423" t="s">
        <v>2795</v>
      </c>
      <c r="HJV730" s="424"/>
      <c r="HJW730" s="424"/>
      <c r="HJX730" s="424"/>
      <c r="HJY730" s="423" t="s">
        <v>2795</v>
      </c>
      <c r="HJZ730" s="424"/>
      <c r="HKA730" s="424"/>
      <c r="HKB730" s="424"/>
      <c r="HKC730" s="423" t="s">
        <v>2795</v>
      </c>
      <c r="HKD730" s="424"/>
      <c r="HKE730" s="424"/>
      <c r="HKF730" s="424"/>
      <c r="HKG730" s="423" t="s">
        <v>2795</v>
      </c>
      <c r="HKH730" s="424"/>
      <c r="HKI730" s="424"/>
      <c r="HKJ730" s="424"/>
      <c r="HKK730" s="423" t="s">
        <v>2795</v>
      </c>
      <c r="HKL730" s="424"/>
      <c r="HKM730" s="424"/>
      <c r="HKN730" s="424"/>
      <c r="HKO730" s="423" t="s">
        <v>2795</v>
      </c>
      <c r="HKP730" s="424"/>
      <c r="HKQ730" s="424"/>
      <c r="HKR730" s="424"/>
      <c r="HKS730" s="423" t="s">
        <v>2795</v>
      </c>
      <c r="HKT730" s="424"/>
      <c r="HKU730" s="424"/>
      <c r="HKV730" s="424"/>
      <c r="HKW730" s="423" t="s">
        <v>2795</v>
      </c>
      <c r="HKX730" s="424"/>
      <c r="HKY730" s="424"/>
      <c r="HKZ730" s="424"/>
      <c r="HLA730" s="423" t="s">
        <v>2795</v>
      </c>
      <c r="HLB730" s="424"/>
      <c r="HLC730" s="424"/>
      <c r="HLD730" s="424"/>
      <c r="HLE730" s="423" t="s">
        <v>2795</v>
      </c>
      <c r="HLF730" s="424"/>
      <c r="HLG730" s="424"/>
      <c r="HLH730" s="424"/>
      <c r="HLI730" s="423" t="s">
        <v>2795</v>
      </c>
      <c r="HLJ730" s="424"/>
      <c r="HLK730" s="424"/>
      <c r="HLL730" s="424"/>
      <c r="HLM730" s="423" t="s">
        <v>2795</v>
      </c>
      <c r="HLN730" s="424"/>
      <c r="HLO730" s="424"/>
      <c r="HLP730" s="424"/>
      <c r="HLQ730" s="423" t="s">
        <v>2795</v>
      </c>
      <c r="HLR730" s="424"/>
      <c r="HLS730" s="424"/>
      <c r="HLT730" s="424"/>
      <c r="HLU730" s="423" t="s">
        <v>2795</v>
      </c>
      <c r="HLV730" s="424"/>
      <c r="HLW730" s="424"/>
      <c r="HLX730" s="424"/>
      <c r="HLY730" s="423" t="s">
        <v>2795</v>
      </c>
      <c r="HLZ730" s="424"/>
      <c r="HMA730" s="424"/>
      <c r="HMB730" s="424"/>
      <c r="HMC730" s="423" t="s">
        <v>2795</v>
      </c>
      <c r="HMD730" s="424"/>
      <c r="HME730" s="424"/>
      <c r="HMF730" s="424"/>
      <c r="HMG730" s="423" t="s">
        <v>2795</v>
      </c>
      <c r="HMH730" s="424"/>
      <c r="HMI730" s="424"/>
      <c r="HMJ730" s="424"/>
      <c r="HMK730" s="423" t="s">
        <v>2795</v>
      </c>
      <c r="HML730" s="424"/>
      <c r="HMM730" s="424"/>
      <c r="HMN730" s="424"/>
      <c r="HMO730" s="423" t="s">
        <v>2795</v>
      </c>
      <c r="HMP730" s="424"/>
      <c r="HMQ730" s="424"/>
      <c r="HMR730" s="424"/>
      <c r="HMS730" s="423" t="s">
        <v>2795</v>
      </c>
      <c r="HMT730" s="424"/>
      <c r="HMU730" s="424"/>
      <c r="HMV730" s="424"/>
      <c r="HMW730" s="423" t="s">
        <v>2795</v>
      </c>
      <c r="HMX730" s="424"/>
      <c r="HMY730" s="424"/>
      <c r="HMZ730" s="424"/>
      <c r="HNA730" s="423" t="s">
        <v>2795</v>
      </c>
      <c r="HNB730" s="424"/>
      <c r="HNC730" s="424"/>
      <c r="HND730" s="424"/>
      <c r="HNE730" s="423" t="s">
        <v>2795</v>
      </c>
      <c r="HNF730" s="424"/>
      <c r="HNG730" s="424"/>
      <c r="HNH730" s="424"/>
      <c r="HNI730" s="423" t="s">
        <v>2795</v>
      </c>
      <c r="HNJ730" s="424"/>
      <c r="HNK730" s="424"/>
      <c r="HNL730" s="424"/>
      <c r="HNM730" s="423" t="s">
        <v>2795</v>
      </c>
      <c r="HNN730" s="424"/>
      <c r="HNO730" s="424"/>
      <c r="HNP730" s="424"/>
      <c r="HNQ730" s="423" t="s">
        <v>2795</v>
      </c>
      <c r="HNR730" s="424"/>
      <c r="HNS730" s="424"/>
      <c r="HNT730" s="424"/>
      <c r="HNU730" s="423" t="s">
        <v>2795</v>
      </c>
      <c r="HNV730" s="424"/>
      <c r="HNW730" s="424"/>
      <c r="HNX730" s="424"/>
      <c r="HNY730" s="423" t="s">
        <v>2795</v>
      </c>
      <c r="HNZ730" s="424"/>
      <c r="HOA730" s="424"/>
      <c r="HOB730" s="424"/>
      <c r="HOC730" s="423" t="s">
        <v>2795</v>
      </c>
      <c r="HOD730" s="424"/>
      <c r="HOE730" s="424"/>
      <c r="HOF730" s="424"/>
      <c r="HOG730" s="423" t="s">
        <v>2795</v>
      </c>
      <c r="HOH730" s="424"/>
      <c r="HOI730" s="424"/>
      <c r="HOJ730" s="424"/>
      <c r="HOK730" s="423" t="s">
        <v>2795</v>
      </c>
      <c r="HOL730" s="424"/>
      <c r="HOM730" s="424"/>
      <c r="HON730" s="424"/>
      <c r="HOO730" s="423" t="s">
        <v>2795</v>
      </c>
      <c r="HOP730" s="424"/>
      <c r="HOQ730" s="424"/>
      <c r="HOR730" s="424"/>
      <c r="HOS730" s="423" t="s">
        <v>2795</v>
      </c>
      <c r="HOT730" s="424"/>
      <c r="HOU730" s="424"/>
      <c r="HOV730" s="424"/>
      <c r="HOW730" s="423" t="s">
        <v>2795</v>
      </c>
      <c r="HOX730" s="424"/>
      <c r="HOY730" s="424"/>
      <c r="HOZ730" s="424"/>
      <c r="HPA730" s="423" t="s">
        <v>2795</v>
      </c>
      <c r="HPB730" s="424"/>
      <c r="HPC730" s="424"/>
      <c r="HPD730" s="424"/>
      <c r="HPE730" s="423" t="s">
        <v>2795</v>
      </c>
      <c r="HPF730" s="424"/>
      <c r="HPG730" s="424"/>
      <c r="HPH730" s="424"/>
      <c r="HPI730" s="423" t="s">
        <v>2795</v>
      </c>
      <c r="HPJ730" s="424"/>
      <c r="HPK730" s="424"/>
      <c r="HPL730" s="424"/>
      <c r="HPM730" s="423" t="s">
        <v>2795</v>
      </c>
      <c r="HPN730" s="424"/>
      <c r="HPO730" s="424"/>
      <c r="HPP730" s="424"/>
      <c r="HPQ730" s="423" t="s">
        <v>2795</v>
      </c>
      <c r="HPR730" s="424"/>
      <c r="HPS730" s="424"/>
      <c r="HPT730" s="424"/>
      <c r="HPU730" s="423" t="s">
        <v>2795</v>
      </c>
      <c r="HPV730" s="424"/>
      <c r="HPW730" s="424"/>
      <c r="HPX730" s="424"/>
      <c r="HPY730" s="423" t="s">
        <v>2795</v>
      </c>
      <c r="HPZ730" s="424"/>
      <c r="HQA730" s="424"/>
      <c r="HQB730" s="424"/>
      <c r="HQC730" s="423" t="s">
        <v>2795</v>
      </c>
      <c r="HQD730" s="424"/>
      <c r="HQE730" s="424"/>
      <c r="HQF730" s="424"/>
      <c r="HQG730" s="423" t="s">
        <v>2795</v>
      </c>
      <c r="HQH730" s="424"/>
      <c r="HQI730" s="424"/>
      <c r="HQJ730" s="424"/>
      <c r="HQK730" s="423" t="s">
        <v>2795</v>
      </c>
      <c r="HQL730" s="424"/>
      <c r="HQM730" s="424"/>
      <c r="HQN730" s="424"/>
      <c r="HQO730" s="423" t="s">
        <v>2795</v>
      </c>
      <c r="HQP730" s="424"/>
      <c r="HQQ730" s="424"/>
      <c r="HQR730" s="424"/>
      <c r="HQS730" s="423" t="s">
        <v>2795</v>
      </c>
      <c r="HQT730" s="424"/>
      <c r="HQU730" s="424"/>
      <c r="HQV730" s="424"/>
      <c r="HQW730" s="423" t="s">
        <v>2795</v>
      </c>
      <c r="HQX730" s="424"/>
      <c r="HQY730" s="424"/>
      <c r="HQZ730" s="424"/>
      <c r="HRA730" s="423" t="s">
        <v>2795</v>
      </c>
      <c r="HRB730" s="424"/>
      <c r="HRC730" s="424"/>
      <c r="HRD730" s="424"/>
      <c r="HRE730" s="423" t="s">
        <v>2795</v>
      </c>
      <c r="HRF730" s="424"/>
      <c r="HRG730" s="424"/>
      <c r="HRH730" s="424"/>
      <c r="HRI730" s="423" t="s">
        <v>2795</v>
      </c>
      <c r="HRJ730" s="424"/>
      <c r="HRK730" s="424"/>
      <c r="HRL730" s="424"/>
      <c r="HRM730" s="423" t="s">
        <v>2795</v>
      </c>
      <c r="HRN730" s="424"/>
      <c r="HRO730" s="424"/>
      <c r="HRP730" s="424"/>
      <c r="HRQ730" s="423" t="s">
        <v>2795</v>
      </c>
      <c r="HRR730" s="424"/>
      <c r="HRS730" s="424"/>
      <c r="HRT730" s="424"/>
      <c r="HRU730" s="423" t="s">
        <v>2795</v>
      </c>
      <c r="HRV730" s="424"/>
      <c r="HRW730" s="424"/>
      <c r="HRX730" s="424"/>
      <c r="HRY730" s="423" t="s">
        <v>2795</v>
      </c>
      <c r="HRZ730" s="424"/>
      <c r="HSA730" s="424"/>
      <c r="HSB730" s="424"/>
      <c r="HSC730" s="423" t="s">
        <v>2795</v>
      </c>
      <c r="HSD730" s="424"/>
      <c r="HSE730" s="424"/>
      <c r="HSF730" s="424"/>
      <c r="HSG730" s="423" t="s">
        <v>2795</v>
      </c>
      <c r="HSH730" s="424"/>
      <c r="HSI730" s="424"/>
      <c r="HSJ730" s="424"/>
      <c r="HSK730" s="423" t="s">
        <v>2795</v>
      </c>
      <c r="HSL730" s="424"/>
      <c r="HSM730" s="424"/>
      <c r="HSN730" s="424"/>
      <c r="HSO730" s="423" t="s">
        <v>2795</v>
      </c>
      <c r="HSP730" s="424"/>
      <c r="HSQ730" s="424"/>
      <c r="HSR730" s="424"/>
      <c r="HSS730" s="423" t="s">
        <v>2795</v>
      </c>
      <c r="HST730" s="424"/>
      <c r="HSU730" s="424"/>
      <c r="HSV730" s="424"/>
      <c r="HSW730" s="423" t="s">
        <v>2795</v>
      </c>
      <c r="HSX730" s="424"/>
      <c r="HSY730" s="424"/>
      <c r="HSZ730" s="424"/>
      <c r="HTA730" s="423" t="s">
        <v>2795</v>
      </c>
      <c r="HTB730" s="424"/>
      <c r="HTC730" s="424"/>
      <c r="HTD730" s="424"/>
      <c r="HTE730" s="423" t="s">
        <v>2795</v>
      </c>
      <c r="HTF730" s="424"/>
      <c r="HTG730" s="424"/>
      <c r="HTH730" s="424"/>
      <c r="HTI730" s="423" t="s">
        <v>2795</v>
      </c>
      <c r="HTJ730" s="424"/>
      <c r="HTK730" s="424"/>
      <c r="HTL730" s="424"/>
      <c r="HTM730" s="423" t="s">
        <v>2795</v>
      </c>
      <c r="HTN730" s="424"/>
      <c r="HTO730" s="424"/>
      <c r="HTP730" s="424"/>
      <c r="HTQ730" s="423" t="s">
        <v>2795</v>
      </c>
      <c r="HTR730" s="424"/>
      <c r="HTS730" s="424"/>
      <c r="HTT730" s="424"/>
      <c r="HTU730" s="423" t="s">
        <v>2795</v>
      </c>
      <c r="HTV730" s="424"/>
      <c r="HTW730" s="424"/>
      <c r="HTX730" s="424"/>
      <c r="HTY730" s="423" t="s">
        <v>2795</v>
      </c>
      <c r="HTZ730" s="424"/>
      <c r="HUA730" s="424"/>
      <c r="HUB730" s="424"/>
      <c r="HUC730" s="423" t="s">
        <v>2795</v>
      </c>
      <c r="HUD730" s="424"/>
      <c r="HUE730" s="424"/>
      <c r="HUF730" s="424"/>
      <c r="HUG730" s="423" t="s">
        <v>2795</v>
      </c>
      <c r="HUH730" s="424"/>
      <c r="HUI730" s="424"/>
      <c r="HUJ730" s="424"/>
      <c r="HUK730" s="423" t="s">
        <v>2795</v>
      </c>
      <c r="HUL730" s="424"/>
      <c r="HUM730" s="424"/>
      <c r="HUN730" s="424"/>
      <c r="HUO730" s="423" t="s">
        <v>2795</v>
      </c>
      <c r="HUP730" s="424"/>
      <c r="HUQ730" s="424"/>
      <c r="HUR730" s="424"/>
      <c r="HUS730" s="423" t="s">
        <v>2795</v>
      </c>
      <c r="HUT730" s="424"/>
      <c r="HUU730" s="424"/>
      <c r="HUV730" s="424"/>
      <c r="HUW730" s="423" t="s">
        <v>2795</v>
      </c>
      <c r="HUX730" s="424"/>
      <c r="HUY730" s="424"/>
      <c r="HUZ730" s="424"/>
      <c r="HVA730" s="423" t="s">
        <v>2795</v>
      </c>
      <c r="HVB730" s="424"/>
      <c r="HVC730" s="424"/>
      <c r="HVD730" s="424"/>
      <c r="HVE730" s="423" t="s">
        <v>2795</v>
      </c>
      <c r="HVF730" s="424"/>
      <c r="HVG730" s="424"/>
      <c r="HVH730" s="424"/>
      <c r="HVI730" s="423" t="s">
        <v>2795</v>
      </c>
      <c r="HVJ730" s="424"/>
      <c r="HVK730" s="424"/>
      <c r="HVL730" s="424"/>
      <c r="HVM730" s="423" t="s">
        <v>2795</v>
      </c>
      <c r="HVN730" s="424"/>
      <c r="HVO730" s="424"/>
      <c r="HVP730" s="424"/>
      <c r="HVQ730" s="423" t="s">
        <v>2795</v>
      </c>
      <c r="HVR730" s="424"/>
      <c r="HVS730" s="424"/>
      <c r="HVT730" s="424"/>
      <c r="HVU730" s="423" t="s">
        <v>2795</v>
      </c>
      <c r="HVV730" s="424"/>
      <c r="HVW730" s="424"/>
      <c r="HVX730" s="424"/>
      <c r="HVY730" s="423" t="s">
        <v>2795</v>
      </c>
      <c r="HVZ730" s="424"/>
      <c r="HWA730" s="424"/>
      <c r="HWB730" s="424"/>
      <c r="HWC730" s="423" t="s">
        <v>2795</v>
      </c>
      <c r="HWD730" s="424"/>
      <c r="HWE730" s="424"/>
      <c r="HWF730" s="424"/>
      <c r="HWG730" s="423" t="s">
        <v>2795</v>
      </c>
      <c r="HWH730" s="424"/>
      <c r="HWI730" s="424"/>
      <c r="HWJ730" s="424"/>
      <c r="HWK730" s="423" t="s">
        <v>2795</v>
      </c>
      <c r="HWL730" s="424"/>
      <c r="HWM730" s="424"/>
      <c r="HWN730" s="424"/>
      <c r="HWO730" s="423" t="s">
        <v>2795</v>
      </c>
      <c r="HWP730" s="424"/>
      <c r="HWQ730" s="424"/>
      <c r="HWR730" s="424"/>
      <c r="HWS730" s="423" t="s">
        <v>2795</v>
      </c>
      <c r="HWT730" s="424"/>
      <c r="HWU730" s="424"/>
      <c r="HWV730" s="424"/>
      <c r="HWW730" s="423" t="s">
        <v>2795</v>
      </c>
      <c r="HWX730" s="424"/>
      <c r="HWY730" s="424"/>
      <c r="HWZ730" s="424"/>
      <c r="HXA730" s="423" t="s">
        <v>2795</v>
      </c>
      <c r="HXB730" s="424"/>
      <c r="HXC730" s="424"/>
      <c r="HXD730" s="424"/>
      <c r="HXE730" s="423" t="s">
        <v>2795</v>
      </c>
      <c r="HXF730" s="424"/>
      <c r="HXG730" s="424"/>
      <c r="HXH730" s="424"/>
      <c r="HXI730" s="423" t="s">
        <v>2795</v>
      </c>
      <c r="HXJ730" s="424"/>
      <c r="HXK730" s="424"/>
      <c r="HXL730" s="424"/>
      <c r="HXM730" s="423" t="s">
        <v>2795</v>
      </c>
      <c r="HXN730" s="424"/>
      <c r="HXO730" s="424"/>
      <c r="HXP730" s="424"/>
      <c r="HXQ730" s="423" t="s">
        <v>2795</v>
      </c>
      <c r="HXR730" s="424"/>
      <c r="HXS730" s="424"/>
      <c r="HXT730" s="424"/>
      <c r="HXU730" s="423" t="s">
        <v>2795</v>
      </c>
      <c r="HXV730" s="424"/>
      <c r="HXW730" s="424"/>
      <c r="HXX730" s="424"/>
      <c r="HXY730" s="423" t="s">
        <v>2795</v>
      </c>
      <c r="HXZ730" s="424"/>
      <c r="HYA730" s="424"/>
      <c r="HYB730" s="424"/>
      <c r="HYC730" s="423" t="s">
        <v>2795</v>
      </c>
      <c r="HYD730" s="424"/>
      <c r="HYE730" s="424"/>
      <c r="HYF730" s="424"/>
      <c r="HYG730" s="423" t="s">
        <v>2795</v>
      </c>
      <c r="HYH730" s="424"/>
      <c r="HYI730" s="424"/>
      <c r="HYJ730" s="424"/>
      <c r="HYK730" s="423" t="s">
        <v>2795</v>
      </c>
      <c r="HYL730" s="424"/>
      <c r="HYM730" s="424"/>
      <c r="HYN730" s="424"/>
      <c r="HYO730" s="423" t="s">
        <v>2795</v>
      </c>
      <c r="HYP730" s="424"/>
      <c r="HYQ730" s="424"/>
      <c r="HYR730" s="424"/>
      <c r="HYS730" s="423" t="s">
        <v>2795</v>
      </c>
      <c r="HYT730" s="424"/>
      <c r="HYU730" s="424"/>
      <c r="HYV730" s="424"/>
      <c r="HYW730" s="423" t="s">
        <v>2795</v>
      </c>
      <c r="HYX730" s="424"/>
      <c r="HYY730" s="424"/>
      <c r="HYZ730" s="424"/>
      <c r="HZA730" s="423" t="s">
        <v>2795</v>
      </c>
      <c r="HZB730" s="424"/>
      <c r="HZC730" s="424"/>
      <c r="HZD730" s="424"/>
      <c r="HZE730" s="423" t="s">
        <v>2795</v>
      </c>
      <c r="HZF730" s="424"/>
      <c r="HZG730" s="424"/>
      <c r="HZH730" s="424"/>
      <c r="HZI730" s="423" t="s">
        <v>2795</v>
      </c>
      <c r="HZJ730" s="424"/>
      <c r="HZK730" s="424"/>
      <c r="HZL730" s="424"/>
      <c r="HZM730" s="423" t="s">
        <v>2795</v>
      </c>
      <c r="HZN730" s="424"/>
      <c r="HZO730" s="424"/>
      <c r="HZP730" s="424"/>
      <c r="HZQ730" s="423" t="s">
        <v>2795</v>
      </c>
      <c r="HZR730" s="424"/>
      <c r="HZS730" s="424"/>
      <c r="HZT730" s="424"/>
      <c r="HZU730" s="423" t="s">
        <v>2795</v>
      </c>
      <c r="HZV730" s="424"/>
      <c r="HZW730" s="424"/>
      <c r="HZX730" s="424"/>
      <c r="HZY730" s="423" t="s">
        <v>2795</v>
      </c>
      <c r="HZZ730" s="424"/>
      <c r="IAA730" s="424"/>
      <c r="IAB730" s="424"/>
      <c r="IAC730" s="423" t="s">
        <v>2795</v>
      </c>
      <c r="IAD730" s="424"/>
      <c r="IAE730" s="424"/>
      <c r="IAF730" s="424"/>
      <c r="IAG730" s="423" t="s">
        <v>2795</v>
      </c>
      <c r="IAH730" s="424"/>
      <c r="IAI730" s="424"/>
      <c r="IAJ730" s="424"/>
      <c r="IAK730" s="423" t="s">
        <v>2795</v>
      </c>
      <c r="IAL730" s="424"/>
      <c r="IAM730" s="424"/>
      <c r="IAN730" s="424"/>
      <c r="IAO730" s="423" t="s">
        <v>2795</v>
      </c>
      <c r="IAP730" s="424"/>
      <c r="IAQ730" s="424"/>
      <c r="IAR730" s="424"/>
      <c r="IAS730" s="423" t="s">
        <v>2795</v>
      </c>
      <c r="IAT730" s="424"/>
      <c r="IAU730" s="424"/>
      <c r="IAV730" s="424"/>
      <c r="IAW730" s="423" t="s">
        <v>2795</v>
      </c>
      <c r="IAX730" s="424"/>
      <c r="IAY730" s="424"/>
      <c r="IAZ730" s="424"/>
      <c r="IBA730" s="423" t="s">
        <v>2795</v>
      </c>
      <c r="IBB730" s="424"/>
      <c r="IBC730" s="424"/>
      <c r="IBD730" s="424"/>
      <c r="IBE730" s="423" t="s">
        <v>2795</v>
      </c>
      <c r="IBF730" s="424"/>
      <c r="IBG730" s="424"/>
      <c r="IBH730" s="424"/>
      <c r="IBI730" s="423" t="s">
        <v>2795</v>
      </c>
      <c r="IBJ730" s="424"/>
      <c r="IBK730" s="424"/>
      <c r="IBL730" s="424"/>
      <c r="IBM730" s="423" t="s">
        <v>2795</v>
      </c>
      <c r="IBN730" s="424"/>
      <c r="IBO730" s="424"/>
      <c r="IBP730" s="424"/>
      <c r="IBQ730" s="423" t="s">
        <v>2795</v>
      </c>
      <c r="IBR730" s="424"/>
      <c r="IBS730" s="424"/>
      <c r="IBT730" s="424"/>
      <c r="IBU730" s="423" t="s">
        <v>2795</v>
      </c>
      <c r="IBV730" s="424"/>
      <c r="IBW730" s="424"/>
      <c r="IBX730" s="424"/>
      <c r="IBY730" s="423" t="s">
        <v>2795</v>
      </c>
      <c r="IBZ730" s="424"/>
      <c r="ICA730" s="424"/>
      <c r="ICB730" s="424"/>
      <c r="ICC730" s="423" t="s">
        <v>2795</v>
      </c>
      <c r="ICD730" s="424"/>
      <c r="ICE730" s="424"/>
      <c r="ICF730" s="424"/>
      <c r="ICG730" s="423" t="s">
        <v>2795</v>
      </c>
      <c r="ICH730" s="424"/>
      <c r="ICI730" s="424"/>
      <c r="ICJ730" s="424"/>
      <c r="ICK730" s="423" t="s">
        <v>2795</v>
      </c>
      <c r="ICL730" s="424"/>
      <c r="ICM730" s="424"/>
      <c r="ICN730" s="424"/>
      <c r="ICO730" s="423" t="s">
        <v>2795</v>
      </c>
      <c r="ICP730" s="424"/>
      <c r="ICQ730" s="424"/>
      <c r="ICR730" s="424"/>
      <c r="ICS730" s="423" t="s">
        <v>2795</v>
      </c>
      <c r="ICT730" s="424"/>
      <c r="ICU730" s="424"/>
      <c r="ICV730" s="424"/>
      <c r="ICW730" s="423" t="s">
        <v>2795</v>
      </c>
      <c r="ICX730" s="424"/>
      <c r="ICY730" s="424"/>
      <c r="ICZ730" s="424"/>
      <c r="IDA730" s="423" t="s">
        <v>2795</v>
      </c>
      <c r="IDB730" s="424"/>
      <c r="IDC730" s="424"/>
      <c r="IDD730" s="424"/>
      <c r="IDE730" s="423" t="s">
        <v>2795</v>
      </c>
      <c r="IDF730" s="424"/>
      <c r="IDG730" s="424"/>
      <c r="IDH730" s="424"/>
      <c r="IDI730" s="423" t="s">
        <v>2795</v>
      </c>
      <c r="IDJ730" s="424"/>
      <c r="IDK730" s="424"/>
      <c r="IDL730" s="424"/>
      <c r="IDM730" s="423" t="s">
        <v>2795</v>
      </c>
      <c r="IDN730" s="424"/>
      <c r="IDO730" s="424"/>
      <c r="IDP730" s="424"/>
      <c r="IDQ730" s="423" t="s">
        <v>2795</v>
      </c>
      <c r="IDR730" s="424"/>
      <c r="IDS730" s="424"/>
      <c r="IDT730" s="424"/>
      <c r="IDU730" s="423" t="s">
        <v>2795</v>
      </c>
      <c r="IDV730" s="424"/>
      <c r="IDW730" s="424"/>
      <c r="IDX730" s="424"/>
      <c r="IDY730" s="423" t="s">
        <v>2795</v>
      </c>
      <c r="IDZ730" s="424"/>
      <c r="IEA730" s="424"/>
      <c r="IEB730" s="424"/>
      <c r="IEC730" s="423" t="s">
        <v>2795</v>
      </c>
      <c r="IED730" s="424"/>
      <c r="IEE730" s="424"/>
      <c r="IEF730" s="424"/>
      <c r="IEG730" s="423" t="s">
        <v>2795</v>
      </c>
      <c r="IEH730" s="424"/>
      <c r="IEI730" s="424"/>
      <c r="IEJ730" s="424"/>
      <c r="IEK730" s="423" t="s">
        <v>2795</v>
      </c>
      <c r="IEL730" s="424"/>
      <c r="IEM730" s="424"/>
      <c r="IEN730" s="424"/>
      <c r="IEO730" s="423" t="s">
        <v>2795</v>
      </c>
      <c r="IEP730" s="424"/>
      <c r="IEQ730" s="424"/>
      <c r="IER730" s="424"/>
      <c r="IES730" s="423" t="s">
        <v>2795</v>
      </c>
      <c r="IET730" s="424"/>
      <c r="IEU730" s="424"/>
      <c r="IEV730" s="424"/>
      <c r="IEW730" s="423" t="s">
        <v>2795</v>
      </c>
      <c r="IEX730" s="424"/>
      <c r="IEY730" s="424"/>
      <c r="IEZ730" s="424"/>
      <c r="IFA730" s="423" t="s">
        <v>2795</v>
      </c>
      <c r="IFB730" s="424"/>
      <c r="IFC730" s="424"/>
      <c r="IFD730" s="424"/>
      <c r="IFE730" s="423" t="s">
        <v>2795</v>
      </c>
      <c r="IFF730" s="424"/>
      <c r="IFG730" s="424"/>
      <c r="IFH730" s="424"/>
      <c r="IFI730" s="423" t="s">
        <v>2795</v>
      </c>
      <c r="IFJ730" s="424"/>
      <c r="IFK730" s="424"/>
      <c r="IFL730" s="424"/>
      <c r="IFM730" s="423" t="s">
        <v>2795</v>
      </c>
      <c r="IFN730" s="424"/>
      <c r="IFO730" s="424"/>
      <c r="IFP730" s="424"/>
      <c r="IFQ730" s="423" t="s">
        <v>2795</v>
      </c>
      <c r="IFR730" s="424"/>
      <c r="IFS730" s="424"/>
      <c r="IFT730" s="424"/>
      <c r="IFU730" s="423" t="s">
        <v>2795</v>
      </c>
      <c r="IFV730" s="424"/>
      <c r="IFW730" s="424"/>
      <c r="IFX730" s="424"/>
      <c r="IFY730" s="423" t="s">
        <v>2795</v>
      </c>
      <c r="IFZ730" s="424"/>
      <c r="IGA730" s="424"/>
      <c r="IGB730" s="424"/>
      <c r="IGC730" s="423" t="s">
        <v>2795</v>
      </c>
      <c r="IGD730" s="424"/>
      <c r="IGE730" s="424"/>
      <c r="IGF730" s="424"/>
      <c r="IGG730" s="423" t="s">
        <v>2795</v>
      </c>
      <c r="IGH730" s="424"/>
      <c r="IGI730" s="424"/>
      <c r="IGJ730" s="424"/>
      <c r="IGK730" s="423" t="s">
        <v>2795</v>
      </c>
      <c r="IGL730" s="424"/>
      <c r="IGM730" s="424"/>
      <c r="IGN730" s="424"/>
      <c r="IGO730" s="423" t="s">
        <v>2795</v>
      </c>
      <c r="IGP730" s="424"/>
      <c r="IGQ730" s="424"/>
      <c r="IGR730" s="424"/>
      <c r="IGS730" s="423" t="s">
        <v>2795</v>
      </c>
      <c r="IGT730" s="424"/>
      <c r="IGU730" s="424"/>
      <c r="IGV730" s="424"/>
      <c r="IGW730" s="423" t="s">
        <v>2795</v>
      </c>
      <c r="IGX730" s="424"/>
      <c r="IGY730" s="424"/>
      <c r="IGZ730" s="424"/>
      <c r="IHA730" s="423" t="s">
        <v>2795</v>
      </c>
      <c r="IHB730" s="424"/>
      <c r="IHC730" s="424"/>
      <c r="IHD730" s="424"/>
      <c r="IHE730" s="423" t="s">
        <v>2795</v>
      </c>
      <c r="IHF730" s="424"/>
      <c r="IHG730" s="424"/>
      <c r="IHH730" s="424"/>
      <c r="IHI730" s="423" t="s">
        <v>2795</v>
      </c>
      <c r="IHJ730" s="424"/>
      <c r="IHK730" s="424"/>
      <c r="IHL730" s="424"/>
      <c r="IHM730" s="423" t="s">
        <v>2795</v>
      </c>
      <c r="IHN730" s="424"/>
      <c r="IHO730" s="424"/>
      <c r="IHP730" s="424"/>
      <c r="IHQ730" s="423" t="s">
        <v>2795</v>
      </c>
      <c r="IHR730" s="424"/>
      <c r="IHS730" s="424"/>
      <c r="IHT730" s="424"/>
      <c r="IHU730" s="423" t="s">
        <v>2795</v>
      </c>
      <c r="IHV730" s="424"/>
      <c r="IHW730" s="424"/>
      <c r="IHX730" s="424"/>
      <c r="IHY730" s="423" t="s">
        <v>2795</v>
      </c>
      <c r="IHZ730" s="424"/>
      <c r="IIA730" s="424"/>
      <c r="IIB730" s="424"/>
      <c r="IIC730" s="423" t="s">
        <v>2795</v>
      </c>
      <c r="IID730" s="424"/>
      <c r="IIE730" s="424"/>
      <c r="IIF730" s="424"/>
      <c r="IIG730" s="423" t="s">
        <v>2795</v>
      </c>
      <c r="IIH730" s="424"/>
      <c r="III730" s="424"/>
      <c r="IIJ730" s="424"/>
      <c r="IIK730" s="423" t="s">
        <v>2795</v>
      </c>
      <c r="IIL730" s="424"/>
      <c r="IIM730" s="424"/>
      <c r="IIN730" s="424"/>
      <c r="IIO730" s="423" t="s">
        <v>2795</v>
      </c>
      <c r="IIP730" s="424"/>
      <c r="IIQ730" s="424"/>
      <c r="IIR730" s="424"/>
      <c r="IIS730" s="423" t="s">
        <v>2795</v>
      </c>
      <c r="IIT730" s="424"/>
      <c r="IIU730" s="424"/>
      <c r="IIV730" s="424"/>
      <c r="IIW730" s="423" t="s">
        <v>2795</v>
      </c>
      <c r="IIX730" s="424"/>
      <c r="IIY730" s="424"/>
      <c r="IIZ730" s="424"/>
      <c r="IJA730" s="423" t="s">
        <v>2795</v>
      </c>
      <c r="IJB730" s="424"/>
      <c r="IJC730" s="424"/>
      <c r="IJD730" s="424"/>
      <c r="IJE730" s="423" t="s">
        <v>2795</v>
      </c>
      <c r="IJF730" s="424"/>
      <c r="IJG730" s="424"/>
      <c r="IJH730" s="424"/>
      <c r="IJI730" s="423" t="s">
        <v>2795</v>
      </c>
      <c r="IJJ730" s="424"/>
      <c r="IJK730" s="424"/>
      <c r="IJL730" s="424"/>
      <c r="IJM730" s="423" t="s">
        <v>2795</v>
      </c>
      <c r="IJN730" s="424"/>
      <c r="IJO730" s="424"/>
      <c r="IJP730" s="424"/>
      <c r="IJQ730" s="423" t="s">
        <v>2795</v>
      </c>
      <c r="IJR730" s="424"/>
      <c r="IJS730" s="424"/>
      <c r="IJT730" s="424"/>
      <c r="IJU730" s="423" t="s">
        <v>2795</v>
      </c>
      <c r="IJV730" s="424"/>
      <c r="IJW730" s="424"/>
      <c r="IJX730" s="424"/>
      <c r="IJY730" s="423" t="s">
        <v>2795</v>
      </c>
      <c r="IJZ730" s="424"/>
      <c r="IKA730" s="424"/>
      <c r="IKB730" s="424"/>
      <c r="IKC730" s="423" t="s">
        <v>2795</v>
      </c>
      <c r="IKD730" s="424"/>
      <c r="IKE730" s="424"/>
      <c r="IKF730" s="424"/>
      <c r="IKG730" s="423" t="s">
        <v>2795</v>
      </c>
      <c r="IKH730" s="424"/>
      <c r="IKI730" s="424"/>
      <c r="IKJ730" s="424"/>
      <c r="IKK730" s="423" t="s">
        <v>2795</v>
      </c>
      <c r="IKL730" s="424"/>
      <c r="IKM730" s="424"/>
      <c r="IKN730" s="424"/>
      <c r="IKO730" s="423" t="s">
        <v>2795</v>
      </c>
      <c r="IKP730" s="424"/>
      <c r="IKQ730" s="424"/>
      <c r="IKR730" s="424"/>
      <c r="IKS730" s="423" t="s">
        <v>2795</v>
      </c>
      <c r="IKT730" s="424"/>
      <c r="IKU730" s="424"/>
      <c r="IKV730" s="424"/>
      <c r="IKW730" s="423" t="s">
        <v>2795</v>
      </c>
      <c r="IKX730" s="424"/>
      <c r="IKY730" s="424"/>
      <c r="IKZ730" s="424"/>
      <c r="ILA730" s="423" t="s">
        <v>2795</v>
      </c>
      <c r="ILB730" s="424"/>
      <c r="ILC730" s="424"/>
      <c r="ILD730" s="424"/>
      <c r="ILE730" s="423" t="s">
        <v>2795</v>
      </c>
      <c r="ILF730" s="424"/>
      <c r="ILG730" s="424"/>
      <c r="ILH730" s="424"/>
      <c r="ILI730" s="423" t="s">
        <v>2795</v>
      </c>
      <c r="ILJ730" s="424"/>
      <c r="ILK730" s="424"/>
      <c r="ILL730" s="424"/>
      <c r="ILM730" s="423" t="s">
        <v>2795</v>
      </c>
      <c r="ILN730" s="424"/>
      <c r="ILO730" s="424"/>
      <c r="ILP730" s="424"/>
      <c r="ILQ730" s="423" t="s">
        <v>2795</v>
      </c>
      <c r="ILR730" s="424"/>
      <c r="ILS730" s="424"/>
      <c r="ILT730" s="424"/>
      <c r="ILU730" s="423" t="s">
        <v>2795</v>
      </c>
      <c r="ILV730" s="424"/>
      <c r="ILW730" s="424"/>
      <c r="ILX730" s="424"/>
      <c r="ILY730" s="423" t="s">
        <v>2795</v>
      </c>
      <c r="ILZ730" s="424"/>
      <c r="IMA730" s="424"/>
      <c r="IMB730" s="424"/>
      <c r="IMC730" s="423" t="s">
        <v>2795</v>
      </c>
      <c r="IMD730" s="424"/>
      <c r="IME730" s="424"/>
      <c r="IMF730" s="424"/>
      <c r="IMG730" s="423" t="s">
        <v>2795</v>
      </c>
      <c r="IMH730" s="424"/>
      <c r="IMI730" s="424"/>
      <c r="IMJ730" s="424"/>
      <c r="IMK730" s="423" t="s">
        <v>2795</v>
      </c>
      <c r="IML730" s="424"/>
      <c r="IMM730" s="424"/>
      <c r="IMN730" s="424"/>
      <c r="IMO730" s="423" t="s">
        <v>2795</v>
      </c>
      <c r="IMP730" s="424"/>
      <c r="IMQ730" s="424"/>
      <c r="IMR730" s="424"/>
      <c r="IMS730" s="423" t="s">
        <v>2795</v>
      </c>
      <c r="IMT730" s="424"/>
      <c r="IMU730" s="424"/>
      <c r="IMV730" s="424"/>
      <c r="IMW730" s="423" t="s">
        <v>2795</v>
      </c>
      <c r="IMX730" s="424"/>
      <c r="IMY730" s="424"/>
      <c r="IMZ730" s="424"/>
      <c r="INA730" s="423" t="s">
        <v>2795</v>
      </c>
      <c r="INB730" s="424"/>
      <c r="INC730" s="424"/>
      <c r="IND730" s="424"/>
      <c r="INE730" s="423" t="s">
        <v>2795</v>
      </c>
      <c r="INF730" s="424"/>
      <c r="ING730" s="424"/>
      <c r="INH730" s="424"/>
      <c r="INI730" s="423" t="s">
        <v>2795</v>
      </c>
      <c r="INJ730" s="424"/>
      <c r="INK730" s="424"/>
      <c r="INL730" s="424"/>
      <c r="INM730" s="423" t="s">
        <v>2795</v>
      </c>
      <c r="INN730" s="424"/>
      <c r="INO730" s="424"/>
      <c r="INP730" s="424"/>
      <c r="INQ730" s="423" t="s">
        <v>2795</v>
      </c>
      <c r="INR730" s="424"/>
      <c r="INS730" s="424"/>
      <c r="INT730" s="424"/>
      <c r="INU730" s="423" t="s">
        <v>2795</v>
      </c>
      <c r="INV730" s="424"/>
      <c r="INW730" s="424"/>
      <c r="INX730" s="424"/>
      <c r="INY730" s="423" t="s">
        <v>2795</v>
      </c>
      <c r="INZ730" s="424"/>
      <c r="IOA730" s="424"/>
      <c r="IOB730" s="424"/>
      <c r="IOC730" s="423" t="s">
        <v>2795</v>
      </c>
      <c r="IOD730" s="424"/>
      <c r="IOE730" s="424"/>
      <c r="IOF730" s="424"/>
      <c r="IOG730" s="423" t="s">
        <v>2795</v>
      </c>
      <c r="IOH730" s="424"/>
      <c r="IOI730" s="424"/>
      <c r="IOJ730" s="424"/>
      <c r="IOK730" s="423" t="s">
        <v>2795</v>
      </c>
      <c r="IOL730" s="424"/>
      <c r="IOM730" s="424"/>
      <c r="ION730" s="424"/>
      <c r="IOO730" s="423" t="s">
        <v>2795</v>
      </c>
      <c r="IOP730" s="424"/>
      <c r="IOQ730" s="424"/>
      <c r="IOR730" s="424"/>
      <c r="IOS730" s="423" t="s">
        <v>2795</v>
      </c>
      <c r="IOT730" s="424"/>
      <c r="IOU730" s="424"/>
      <c r="IOV730" s="424"/>
      <c r="IOW730" s="423" t="s">
        <v>2795</v>
      </c>
      <c r="IOX730" s="424"/>
      <c r="IOY730" s="424"/>
      <c r="IOZ730" s="424"/>
      <c r="IPA730" s="423" t="s">
        <v>2795</v>
      </c>
      <c r="IPB730" s="424"/>
      <c r="IPC730" s="424"/>
      <c r="IPD730" s="424"/>
      <c r="IPE730" s="423" t="s">
        <v>2795</v>
      </c>
      <c r="IPF730" s="424"/>
      <c r="IPG730" s="424"/>
      <c r="IPH730" s="424"/>
      <c r="IPI730" s="423" t="s">
        <v>2795</v>
      </c>
      <c r="IPJ730" s="424"/>
      <c r="IPK730" s="424"/>
      <c r="IPL730" s="424"/>
      <c r="IPM730" s="423" t="s">
        <v>2795</v>
      </c>
      <c r="IPN730" s="424"/>
      <c r="IPO730" s="424"/>
      <c r="IPP730" s="424"/>
      <c r="IPQ730" s="423" t="s">
        <v>2795</v>
      </c>
      <c r="IPR730" s="424"/>
      <c r="IPS730" s="424"/>
      <c r="IPT730" s="424"/>
      <c r="IPU730" s="423" t="s">
        <v>2795</v>
      </c>
      <c r="IPV730" s="424"/>
      <c r="IPW730" s="424"/>
      <c r="IPX730" s="424"/>
      <c r="IPY730" s="423" t="s">
        <v>2795</v>
      </c>
      <c r="IPZ730" s="424"/>
      <c r="IQA730" s="424"/>
      <c r="IQB730" s="424"/>
      <c r="IQC730" s="423" t="s">
        <v>2795</v>
      </c>
      <c r="IQD730" s="424"/>
      <c r="IQE730" s="424"/>
      <c r="IQF730" s="424"/>
      <c r="IQG730" s="423" t="s">
        <v>2795</v>
      </c>
      <c r="IQH730" s="424"/>
      <c r="IQI730" s="424"/>
      <c r="IQJ730" s="424"/>
      <c r="IQK730" s="423" t="s">
        <v>2795</v>
      </c>
      <c r="IQL730" s="424"/>
      <c r="IQM730" s="424"/>
      <c r="IQN730" s="424"/>
      <c r="IQO730" s="423" t="s">
        <v>2795</v>
      </c>
      <c r="IQP730" s="424"/>
      <c r="IQQ730" s="424"/>
      <c r="IQR730" s="424"/>
      <c r="IQS730" s="423" t="s">
        <v>2795</v>
      </c>
      <c r="IQT730" s="424"/>
      <c r="IQU730" s="424"/>
      <c r="IQV730" s="424"/>
      <c r="IQW730" s="423" t="s">
        <v>2795</v>
      </c>
      <c r="IQX730" s="424"/>
      <c r="IQY730" s="424"/>
      <c r="IQZ730" s="424"/>
      <c r="IRA730" s="423" t="s">
        <v>2795</v>
      </c>
      <c r="IRB730" s="424"/>
      <c r="IRC730" s="424"/>
      <c r="IRD730" s="424"/>
      <c r="IRE730" s="423" t="s">
        <v>2795</v>
      </c>
      <c r="IRF730" s="424"/>
      <c r="IRG730" s="424"/>
      <c r="IRH730" s="424"/>
      <c r="IRI730" s="423" t="s">
        <v>2795</v>
      </c>
      <c r="IRJ730" s="424"/>
      <c r="IRK730" s="424"/>
      <c r="IRL730" s="424"/>
      <c r="IRM730" s="423" t="s">
        <v>2795</v>
      </c>
      <c r="IRN730" s="424"/>
      <c r="IRO730" s="424"/>
      <c r="IRP730" s="424"/>
      <c r="IRQ730" s="423" t="s">
        <v>2795</v>
      </c>
      <c r="IRR730" s="424"/>
      <c r="IRS730" s="424"/>
      <c r="IRT730" s="424"/>
      <c r="IRU730" s="423" t="s">
        <v>2795</v>
      </c>
      <c r="IRV730" s="424"/>
      <c r="IRW730" s="424"/>
      <c r="IRX730" s="424"/>
      <c r="IRY730" s="423" t="s">
        <v>2795</v>
      </c>
      <c r="IRZ730" s="424"/>
      <c r="ISA730" s="424"/>
      <c r="ISB730" s="424"/>
      <c r="ISC730" s="423" t="s">
        <v>2795</v>
      </c>
      <c r="ISD730" s="424"/>
      <c r="ISE730" s="424"/>
      <c r="ISF730" s="424"/>
      <c r="ISG730" s="423" t="s">
        <v>2795</v>
      </c>
      <c r="ISH730" s="424"/>
      <c r="ISI730" s="424"/>
      <c r="ISJ730" s="424"/>
      <c r="ISK730" s="423" t="s">
        <v>2795</v>
      </c>
      <c r="ISL730" s="424"/>
      <c r="ISM730" s="424"/>
      <c r="ISN730" s="424"/>
      <c r="ISO730" s="423" t="s">
        <v>2795</v>
      </c>
      <c r="ISP730" s="424"/>
      <c r="ISQ730" s="424"/>
      <c r="ISR730" s="424"/>
      <c r="ISS730" s="423" t="s">
        <v>2795</v>
      </c>
      <c r="IST730" s="424"/>
      <c r="ISU730" s="424"/>
      <c r="ISV730" s="424"/>
      <c r="ISW730" s="423" t="s">
        <v>2795</v>
      </c>
      <c r="ISX730" s="424"/>
      <c r="ISY730" s="424"/>
      <c r="ISZ730" s="424"/>
      <c r="ITA730" s="423" t="s">
        <v>2795</v>
      </c>
      <c r="ITB730" s="424"/>
      <c r="ITC730" s="424"/>
      <c r="ITD730" s="424"/>
      <c r="ITE730" s="423" t="s">
        <v>2795</v>
      </c>
      <c r="ITF730" s="424"/>
      <c r="ITG730" s="424"/>
      <c r="ITH730" s="424"/>
      <c r="ITI730" s="423" t="s">
        <v>2795</v>
      </c>
      <c r="ITJ730" s="424"/>
      <c r="ITK730" s="424"/>
      <c r="ITL730" s="424"/>
      <c r="ITM730" s="423" t="s">
        <v>2795</v>
      </c>
      <c r="ITN730" s="424"/>
      <c r="ITO730" s="424"/>
      <c r="ITP730" s="424"/>
      <c r="ITQ730" s="423" t="s">
        <v>2795</v>
      </c>
      <c r="ITR730" s="424"/>
      <c r="ITS730" s="424"/>
      <c r="ITT730" s="424"/>
      <c r="ITU730" s="423" t="s">
        <v>2795</v>
      </c>
      <c r="ITV730" s="424"/>
      <c r="ITW730" s="424"/>
      <c r="ITX730" s="424"/>
      <c r="ITY730" s="423" t="s">
        <v>2795</v>
      </c>
      <c r="ITZ730" s="424"/>
      <c r="IUA730" s="424"/>
      <c r="IUB730" s="424"/>
      <c r="IUC730" s="423" t="s">
        <v>2795</v>
      </c>
      <c r="IUD730" s="424"/>
      <c r="IUE730" s="424"/>
      <c r="IUF730" s="424"/>
      <c r="IUG730" s="423" t="s">
        <v>2795</v>
      </c>
      <c r="IUH730" s="424"/>
      <c r="IUI730" s="424"/>
      <c r="IUJ730" s="424"/>
      <c r="IUK730" s="423" t="s">
        <v>2795</v>
      </c>
      <c r="IUL730" s="424"/>
      <c r="IUM730" s="424"/>
      <c r="IUN730" s="424"/>
      <c r="IUO730" s="423" t="s">
        <v>2795</v>
      </c>
      <c r="IUP730" s="424"/>
      <c r="IUQ730" s="424"/>
      <c r="IUR730" s="424"/>
      <c r="IUS730" s="423" t="s">
        <v>2795</v>
      </c>
      <c r="IUT730" s="424"/>
      <c r="IUU730" s="424"/>
      <c r="IUV730" s="424"/>
      <c r="IUW730" s="423" t="s">
        <v>2795</v>
      </c>
      <c r="IUX730" s="424"/>
      <c r="IUY730" s="424"/>
      <c r="IUZ730" s="424"/>
      <c r="IVA730" s="423" t="s">
        <v>2795</v>
      </c>
      <c r="IVB730" s="424"/>
      <c r="IVC730" s="424"/>
      <c r="IVD730" s="424"/>
      <c r="IVE730" s="423" t="s">
        <v>2795</v>
      </c>
      <c r="IVF730" s="424"/>
      <c r="IVG730" s="424"/>
      <c r="IVH730" s="424"/>
      <c r="IVI730" s="423" t="s">
        <v>2795</v>
      </c>
      <c r="IVJ730" s="424"/>
      <c r="IVK730" s="424"/>
      <c r="IVL730" s="424"/>
      <c r="IVM730" s="423" t="s">
        <v>2795</v>
      </c>
      <c r="IVN730" s="424"/>
      <c r="IVO730" s="424"/>
      <c r="IVP730" s="424"/>
      <c r="IVQ730" s="423" t="s">
        <v>2795</v>
      </c>
      <c r="IVR730" s="424"/>
      <c r="IVS730" s="424"/>
      <c r="IVT730" s="424"/>
      <c r="IVU730" s="423" t="s">
        <v>2795</v>
      </c>
      <c r="IVV730" s="424"/>
      <c r="IVW730" s="424"/>
      <c r="IVX730" s="424"/>
      <c r="IVY730" s="423" t="s">
        <v>2795</v>
      </c>
      <c r="IVZ730" s="424"/>
      <c r="IWA730" s="424"/>
      <c r="IWB730" s="424"/>
      <c r="IWC730" s="423" t="s">
        <v>2795</v>
      </c>
      <c r="IWD730" s="424"/>
      <c r="IWE730" s="424"/>
      <c r="IWF730" s="424"/>
      <c r="IWG730" s="423" t="s">
        <v>2795</v>
      </c>
      <c r="IWH730" s="424"/>
      <c r="IWI730" s="424"/>
      <c r="IWJ730" s="424"/>
      <c r="IWK730" s="423" t="s">
        <v>2795</v>
      </c>
      <c r="IWL730" s="424"/>
      <c r="IWM730" s="424"/>
      <c r="IWN730" s="424"/>
      <c r="IWO730" s="423" t="s">
        <v>2795</v>
      </c>
      <c r="IWP730" s="424"/>
      <c r="IWQ730" s="424"/>
      <c r="IWR730" s="424"/>
      <c r="IWS730" s="423" t="s">
        <v>2795</v>
      </c>
      <c r="IWT730" s="424"/>
      <c r="IWU730" s="424"/>
      <c r="IWV730" s="424"/>
      <c r="IWW730" s="423" t="s">
        <v>2795</v>
      </c>
      <c r="IWX730" s="424"/>
      <c r="IWY730" s="424"/>
      <c r="IWZ730" s="424"/>
      <c r="IXA730" s="423" t="s">
        <v>2795</v>
      </c>
      <c r="IXB730" s="424"/>
      <c r="IXC730" s="424"/>
      <c r="IXD730" s="424"/>
      <c r="IXE730" s="423" t="s">
        <v>2795</v>
      </c>
      <c r="IXF730" s="424"/>
      <c r="IXG730" s="424"/>
      <c r="IXH730" s="424"/>
      <c r="IXI730" s="423" t="s">
        <v>2795</v>
      </c>
      <c r="IXJ730" s="424"/>
      <c r="IXK730" s="424"/>
      <c r="IXL730" s="424"/>
      <c r="IXM730" s="423" t="s">
        <v>2795</v>
      </c>
      <c r="IXN730" s="424"/>
      <c r="IXO730" s="424"/>
      <c r="IXP730" s="424"/>
      <c r="IXQ730" s="423" t="s">
        <v>2795</v>
      </c>
      <c r="IXR730" s="424"/>
      <c r="IXS730" s="424"/>
      <c r="IXT730" s="424"/>
      <c r="IXU730" s="423" t="s">
        <v>2795</v>
      </c>
      <c r="IXV730" s="424"/>
      <c r="IXW730" s="424"/>
      <c r="IXX730" s="424"/>
      <c r="IXY730" s="423" t="s">
        <v>2795</v>
      </c>
      <c r="IXZ730" s="424"/>
      <c r="IYA730" s="424"/>
      <c r="IYB730" s="424"/>
      <c r="IYC730" s="423" t="s">
        <v>2795</v>
      </c>
      <c r="IYD730" s="424"/>
      <c r="IYE730" s="424"/>
      <c r="IYF730" s="424"/>
      <c r="IYG730" s="423" t="s">
        <v>2795</v>
      </c>
      <c r="IYH730" s="424"/>
      <c r="IYI730" s="424"/>
      <c r="IYJ730" s="424"/>
      <c r="IYK730" s="423" t="s">
        <v>2795</v>
      </c>
      <c r="IYL730" s="424"/>
      <c r="IYM730" s="424"/>
      <c r="IYN730" s="424"/>
      <c r="IYO730" s="423" t="s">
        <v>2795</v>
      </c>
      <c r="IYP730" s="424"/>
      <c r="IYQ730" s="424"/>
      <c r="IYR730" s="424"/>
      <c r="IYS730" s="423" t="s">
        <v>2795</v>
      </c>
      <c r="IYT730" s="424"/>
      <c r="IYU730" s="424"/>
      <c r="IYV730" s="424"/>
      <c r="IYW730" s="423" t="s">
        <v>2795</v>
      </c>
      <c r="IYX730" s="424"/>
      <c r="IYY730" s="424"/>
      <c r="IYZ730" s="424"/>
      <c r="IZA730" s="423" t="s">
        <v>2795</v>
      </c>
      <c r="IZB730" s="424"/>
      <c r="IZC730" s="424"/>
      <c r="IZD730" s="424"/>
      <c r="IZE730" s="423" t="s">
        <v>2795</v>
      </c>
      <c r="IZF730" s="424"/>
      <c r="IZG730" s="424"/>
      <c r="IZH730" s="424"/>
      <c r="IZI730" s="423" t="s">
        <v>2795</v>
      </c>
      <c r="IZJ730" s="424"/>
      <c r="IZK730" s="424"/>
      <c r="IZL730" s="424"/>
      <c r="IZM730" s="423" t="s">
        <v>2795</v>
      </c>
      <c r="IZN730" s="424"/>
      <c r="IZO730" s="424"/>
      <c r="IZP730" s="424"/>
      <c r="IZQ730" s="423" t="s">
        <v>2795</v>
      </c>
      <c r="IZR730" s="424"/>
      <c r="IZS730" s="424"/>
      <c r="IZT730" s="424"/>
      <c r="IZU730" s="423" t="s">
        <v>2795</v>
      </c>
      <c r="IZV730" s="424"/>
      <c r="IZW730" s="424"/>
      <c r="IZX730" s="424"/>
      <c r="IZY730" s="423" t="s">
        <v>2795</v>
      </c>
      <c r="IZZ730" s="424"/>
      <c r="JAA730" s="424"/>
      <c r="JAB730" s="424"/>
      <c r="JAC730" s="423" t="s">
        <v>2795</v>
      </c>
      <c r="JAD730" s="424"/>
      <c r="JAE730" s="424"/>
      <c r="JAF730" s="424"/>
      <c r="JAG730" s="423" t="s">
        <v>2795</v>
      </c>
      <c r="JAH730" s="424"/>
      <c r="JAI730" s="424"/>
      <c r="JAJ730" s="424"/>
      <c r="JAK730" s="423" t="s">
        <v>2795</v>
      </c>
      <c r="JAL730" s="424"/>
      <c r="JAM730" s="424"/>
      <c r="JAN730" s="424"/>
      <c r="JAO730" s="423" t="s">
        <v>2795</v>
      </c>
      <c r="JAP730" s="424"/>
      <c r="JAQ730" s="424"/>
      <c r="JAR730" s="424"/>
      <c r="JAS730" s="423" t="s">
        <v>2795</v>
      </c>
      <c r="JAT730" s="424"/>
      <c r="JAU730" s="424"/>
      <c r="JAV730" s="424"/>
      <c r="JAW730" s="423" t="s">
        <v>2795</v>
      </c>
      <c r="JAX730" s="424"/>
      <c r="JAY730" s="424"/>
      <c r="JAZ730" s="424"/>
      <c r="JBA730" s="423" t="s">
        <v>2795</v>
      </c>
      <c r="JBB730" s="424"/>
      <c r="JBC730" s="424"/>
      <c r="JBD730" s="424"/>
      <c r="JBE730" s="423" t="s">
        <v>2795</v>
      </c>
      <c r="JBF730" s="424"/>
      <c r="JBG730" s="424"/>
      <c r="JBH730" s="424"/>
      <c r="JBI730" s="423" t="s">
        <v>2795</v>
      </c>
      <c r="JBJ730" s="424"/>
      <c r="JBK730" s="424"/>
      <c r="JBL730" s="424"/>
      <c r="JBM730" s="423" t="s">
        <v>2795</v>
      </c>
      <c r="JBN730" s="424"/>
      <c r="JBO730" s="424"/>
      <c r="JBP730" s="424"/>
      <c r="JBQ730" s="423" t="s">
        <v>2795</v>
      </c>
      <c r="JBR730" s="424"/>
      <c r="JBS730" s="424"/>
      <c r="JBT730" s="424"/>
      <c r="JBU730" s="423" t="s">
        <v>2795</v>
      </c>
      <c r="JBV730" s="424"/>
      <c r="JBW730" s="424"/>
      <c r="JBX730" s="424"/>
      <c r="JBY730" s="423" t="s">
        <v>2795</v>
      </c>
      <c r="JBZ730" s="424"/>
      <c r="JCA730" s="424"/>
      <c r="JCB730" s="424"/>
      <c r="JCC730" s="423" t="s">
        <v>2795</v>
      </c>
      <c r="JCD730" s="424"/>
      <c r="JCE730" s="424"/>
      <c r="JCF730" s="424"/>
      <c r="JCG730" s="423" t="s">
        <v>2795</v>
      </c>
      <c r="JCH730" s="424"/>
      <c r="JCI730" s="424"/>
      <c r="JCJ730" s="424"/>
      <c r="JCK730" s="423" t="s">
        <v>2795</v>
      </c>
      <c r="JCL730" s="424"/>
      <c r="JCM730" s="424"/>
      <c r="JCN730" s="424"/>
      <c r="JCO730" s="423" t="s">
        <v>2795</v>
      </c>
      <c r="JCP730" s="424"/>
      <c r="JCQ730" s="424"/>
      <c r="JCR730" s="424"/>
      <c r="JCS730" s="423" t="s">
        <v>2795</v>
      </c>
      <c r="JCT730" s="424"/>
      <c r="JCU730" s="424"/>
      <c r="JCV730" s="424"/>
      <c r="JCW730" s="423" t="s">
        <v>2795</v>
      </c>
      <c r="JCX730" s="424"/>
      <c r="JCY730" s="424"/>
      <c r="JCZ730" s="424"/>
      <c r="JDA730" s="423" t="s">
        <v>2795</v>
      </c>
      <c r="JDB730" s="424"/>
      <c r="JDC730" s="424"/>
      <c r="JDD730" s="424"/>
      <c r="JDE730" s="423" t="s">
        <v>2795</v>
      </c>
      <c r="JDF730" s="424"/>
      <c r="JDG730" s="424"/>
      <c r="JDH730" s="424"/>
      <c r="JDI730" s="423" t="s">
        <v>2795</v>
      </c>
      <c r="JDJ730" s="424"/>
      <c r="JDK730" s="424"/>
      <c r="JDL730" s="424"/>
      <c r="JDM730" s="423" t="s">
        <v>2795</v>
      </c>
      <c r="JDN730" s="424"/>
      <c r="JDO730" s="424"/>
      <c r="JDP730" s="424"/>
      <c r="JDQ730" s="423" t="s">
        <v>2795</v>
      </c>
      <c r="JDR730" s="424"/>
      <c r="JDS730" s="424"/>
      <c r="JDT730" s="424"/>
      <c r="JDU730" s="423" t="s">
        <v>2795</v>
      </c>
      <c r="JDV730" s="424"/>
      <c r="JDW730" s="424"/>
      <c r="JDX730" s="424"/>
      <c r="JDY730" s="423" t="s">
        <v>2795</v>
      </c>
      <c r="JDZ730" s="424"/>
      <c r="JEA730" s="424"/>
      <c r="JEB730" s="424"/>
      <c r="JEC730" s="423" t="s">
        <v>2795</v>
      </c>
      <c r="JED730" s="424"/>
      <c r="JEE730" s="424"/>
      <c r="JEF730" s="424"/>
      <c r="JEG730" s="423" t="s">
        <v>2795</v>
      </c>
      <c r="JEH730" s="424"/>
      <c r="JEI730" s="424"/>
      <c r="JEJ730" s="424"/>
      <c r="JEK730" s="423" t="s">
        <v>2795</v>
      </c>
      <c r="JEL730" s="424"/>
      <c r="JEM730" s="424"/>
      <c r="JEN730" s="424"/>
      <c r="JEO730" s="423" t="s">
        <v>2795</v>
      </c>
      <c r="JEP730" s="424"/>
      <c r="JEQ730" s="424"/>
      <c r="JER730" s="424"/>
      <c r="JES730" s="423" t="s">
        <v>2795</v>
      </c>
      <c r="JET730" s="424"/>
      <c r="JEU730" s="424"/>
      <c r="JEV730" s="424"/>
      <c r="JEW730" s="423" t="s">
        <v>2795</v>
      </c>
      <c r="JEX730" s="424"/>
      <c r="JEY730" s="424"/>
      <c r="JEZ730" s="424"/>
      <c r="JFA730" s="423" t="s">
        <v>2795</v>
      </c>
      <c r="JFB730" s="424"/>
      <c r="JFC730" s="424"/>
      <c r="JFD730" s="424"/>
      <c r="JFE730" s="423" t="s">
        <v>2795</v>
      </c>
      <c r="JFF730" s="424"/>
      <c r="JFG730" s="424"/>
      <c r="JFH730" s="424"/>
      <c r="JFI730" s="423" t="s">
        <v>2795</v>
      </c>
      <c r="JFJ730" s="424"/>
      <c r="JFK730" s="424"/>
      <c r="JFL730" s="424"/>
      <c r="JFM730" s="423" t="s">
        <v>2795</v>
      </c>
      <c r="JFN730" s="424"/>
      <c r="JFO730" s="424"/>
      <c r="JFP730" s="424"/>
      <c r="JFQ730" s="423" t="s">
        <v>2795</v>
      </c>
      <c r="JFR730" s="424"/>
      <c r="JFS730" s="424"/>
      <c r="JFT730" s="424"/>
      <c r="JFU730" s="423" t="s">
        <v>2795</v>
      </c>
      <c r="JFV730" s="424"/>
      <c r="JFW730" s="424"/>
      <c r="JFX730" s="424"/>
      <c r="JFY730" s="423" t="s">
        <v>2795</v>
      </c>
      <c r="JFZ730" s="424"/>
      <c r="JGA730" s="424"/>
      <c r="JGB730" s="424"/>
      <c r="JGC730" s="423" t="s">
        <v>2795</v>
      </c>
      <c r="JGD730" s="424"/>
      <c r="JGE730" s="424"/>
      <c r="JGF730" s="424"/>
      <c r="JGG730" s="423" t="s">
        <v>2795</v>
      </c>
      <c r="JGH730" s="424"/>
      <c r="JGI730" s="424"/>
      <c r="JGJ730" s="424"/>
      <c r="JGK730" s="423" t="s">
        <v>2795</v>
      </c>
      <c r="JGL730" s="424"/>
      <c r="JGM730" s="424"/>
      <c r="JGN730" s="424"/>
      <c r="JGO730" s="423" t="s">
        <v>2795</v>
      </c>
      <c r="JGP730" s="424"/>
      <c r="JGQ730" s="424"/>
      <c r="JGR730" s="424"/>
      <c r="JGS730" s="423" t="s">
        <v>2795</v>
      </c>
      <c r="JGT730" s="424"/>
      <c r="JGU730" s="424"/>
      <c r="JGV730" s="424"/>
      <c r="JGW730" s="423" t="s">
        <v>2795</v>
      </c>
      <c r="JGX730" s="424"/>
      <c r="JGY730" s="424"/>
      <c r="JGZ730" s="424"/>
      <c r="JHA730" s="423" t="s">
        <v>2795</v>
      </c>
      <c r="JHB730" s="424"/>
      <c r="JHC730" s="424"/>
      <c r="JHD730" s="424"/>
      <c r="JHE730" s="423" t="s">
        <v>2795</v>
      </c>
      <c r="JHF730" s="424"/>
      <c r="JHG730" s="424"/>
      <c r="JHH730" s="424"/>
      <c r="JHI730" s="423" t="s">
        <v>2795</v>
      </c>
      <c r="JHJ730" s="424"/>
      <c r="JHK730" s="424"/>
      <c r="JHL730" s="424"/>
      <c r="JHM730" s="423" t="s">
        <v>2795</v>
      </c>
      <c r="JHN730" s="424"/>
      <c r="JHO730" s="424"/>
      <c r="JHP730" s="424"/>
      <c r="JHQ730" s="423" t="s">
        <v>2795</v>
      </c>
      <c r="JHR730" s="424"/>
      <c r="JHS730" s="424"/>
      <c r="JHT730" s="424"/>
      <c r="JHU730" s="423" t="s">
        <v>2795</v>
      </c>
      <c r="JHV730" s="424"/>
      <c r="JHW730" s="424"/>
      <c r="JHX730" s="424"/>
      <c r="JHY730" s="423" t="s">
        <v>2795</v>
      </c>
      <c r="JHZ730" s="424"/>
      <c r="JIA730" s="424"/>
      <c r="JIB730" s="424"/>
      <c r="JIC730" s="423" t="s">
        <v>2795</v>
      </c>
      <c r="JID730" s="424"/>
      <c r="JIE730" s="424"/>
      <c r="JIF730" s="424"/>
      <c r="JIG730" s="423" t="s">
        <v>2795</v>
      </c>
      <c r="JIH730" s="424"/>
      <c r="JII730" s="424"/>
      <c r="JIJ730" s="424"/>
      <c r="JIK730" s="423" t="s">
        <v>2795</v>
      </c>
      <c r="JIL730" s="424"/>
      <c r="JIM730" s="424"/>
      <c r="JIN730" s="424"/>
      <c r="JIO730" s="423" t="s">
        <v>2795</v>
      </c>
      <c r="JIP730" s="424"/>
      <c r="JIQ730" s="424"/>
      <c r="JIR730" s="424"/>
      <c r="JIS730" s="423" t="s">
        <v>2795</v>
      </c>
      <c r="JIT730" s="424"/>
      <c r="JIU730" s="424"/>
      <c r="JIV730" s="424"/>
      <c r="JIW730" s="423" t="s">
        <v>2795</v>
      </c>
      <c r="JIX730" s="424"/>
      <c r="JIY730" s="424"/>
      <c r="JIZ730" s="424"/>
      <c r="JJA730" s="423" t="s">
        <v>2795</v>
      </c>
      <c r="JJB730" s="424"/>
      <c r="JJC730" s="424"/>
      <c r="JJD730" s="424"/>
      <c r="JJE730" s="423" t="s">
        <v>2795</v>
      </c>
      <c r="JJF730" s="424"/>
      <c r="JJG730" s="424"/>
      <c r="JJH730" s="424"/>
      <c r="JJI730" s="423" t="s">
        <v>2795</v>
      </c>
      <c r="JJJ730" s="424"/>
      <c r="JJK730" s="424"/>
      <c r="JJL730" s="424"/>
      <c r="JJM730" s="423" t="s">
        <v>2795</v>
      </c>
      <c r="JJN730" s="424"/>
      <c r="JJO730" s="424"/>
      <c r="JJP730" s="424"/>
      <c r="JJQ730" s="423" t="s">
        <v>2795</v>
      </c>
      <c r="JJR730" s="424"/>
      <c r="JJS730" s="424"/>
      <c r="JJT730" s="424"/>
      <c r="JJU730" s="423" t="s">
        <v>2795</v>
      </c>
      <c r="JJV730" s="424"/>
      <c r="JJW730" s="424"/>
      <c r="JJX730" s="424"/>
      <c r="JJY730" s="423" t="s">
        <v>2795</v>
      </c>
      <c r="JJZ730" s="424"/>
      <c r="JKA730" s="424"/>
      <c r="JKB730" s="424"/>
      <c r="JKC730" s="423" t="s">
        <v>2795</v>
      </c>
      <c r="JKD730" s="424"/>
      <c r="JKE730" s="424"/>
      <c r="JKF730" s="424"/>
      <c r="JKG730" s="423" t="s">
        <v>2795</v>
      </c>
      <c r="JKH730" s="424"/>
      <c r="JKI730" s="424"/>
      <c r="JKJ730" s="424"/>
      <c r="JKK730" s="423" t="s">
        <v>2795</v>
      </c>
      <c r="JKL730" s="424"/>
      <c r="JKM730" s="424"/>
      <c r="JKN730" s="424"/>
      <c r="JKO730" s="423" t="s">
        <v>2795</v>
      </c>
      <c r="JKP730" s="424"/>
      <c r="JKQ730" s="424"/>
      <c r="JKR730" s="424"/>
      <c r="JKS730" s="423" t="s">
        <v>2795</v>
      </c>
      <c r="JKT730" s="424"/>
      <c r="JKU730" s="424"/>
      <c r="JKV730" s="424"/>
      <c r="JKW730" s="423" t="s">
        <v>2795</v>
      </c>
      <c r="JKX730" s="424"/>
      <c r="JKY730" s="424"/>
      <c r="JKZ730" s="424"/>
      <c r="JLA730" s="423" t="s">
        <v>2795</v>
      </c>
      <c r="JLB730" s="424"/>
      <c r="JLC730" s="424"/>
      <c r="JLD730" s="424"/>
      <c r="JLE730" s="423" t="s">
        <v>2795</v>
      </c>
      <c r="JLF730" s="424"/>
      <c r="JLG730" s="424"/>
      <c r="JLH730" s="424"/>
      <c r="JLI730" s="423" t="s">
        <v>2795</v>
      </c>
      <c r="JLJ730" s="424"/>
      <c r="JLK730" s="424"/>
      <c r="JLL730" s="424"/>
      <c r="JLM730" s="423" t="s">
        <v>2795</v>
      </c>
      <c r="JLN730" s="424"/>
      <c r="JLO730" s="424"/>
      <c r="JLP730" s="424"/>
      <c r="JLQ730" s="423" t="s">
        <v>2795</v>
      </c>
      <c r="JLR730" s="424"/>
      <c r="JLS730" s="424"/>
      <c r="JLT730" s="424"/>
      <c r="JLU730" s="423" t="s">
        <v>2795</v>
      </c>
      <c r="JLV730" s="424"/>
      <c r="JLW730" s="424"/>
      <c r="JLX730" s="424"/>
      <c r="JLY730" s="423" t="s">
        <v>2795</v>
      </c>
      <c r="JLZ730" s="424"/>
      <c r="JMA730" s="424"/>
      <c r="JMB730" s="424"/>
      <c r="JMC730" s="423" t="s">
        <v>2795</v>
      </c>
      <c r="JMD730" s="424"/>
      <c r="JME730" s="424"/>
      <c r="JMF730" s="424"/>
      <c r="JMG730" s="423" t="s">
        <v>2795</v>
      </c>
      <c r="JMH730" s="424"/>
      <c r="JMI730" s="424"/>
      <c r="JMJ730" s="424"/>
      <c r="JMK730" s="423" t="s">
        <v>2795</v>
      </c>
      <c r="JML730" s="424"/>
      <c r="JMM730" s="424"/>
      <c r="JMN730" s="424"/>
      <c r="JMO730" s="423" t="s">
        <v>2795</v>
      </c>
      <c r="JMP730" s="424"/>
      <c r="JMQ730" s="424"/>
      <c r="JMR730" s="424"/>
      <c r="JMS730" s="423" t="s">
        <v>2795</v>
      </c>
      <c r="JMT730" s="424"/>
      <c r="JMU730" s="424"/>
      <c r="JMV730" s="424"/>
      <c r="JMW730" s="423" t="s">
        <v>2795</v>
      </c>
      <c r="JMX730" s="424"/>
      <c r="JMY730" s="424"/>
      <c r="JMZ730" s="424"/>
      <c r="JNA730" s="423" t="s">
        <v>2795</v>
      </c>
      <c r="JNB730" s="424"/>
      <c r="JNC730" s="424"/>
      <c r="JND730" s="424"/>
      <c r="JNE730" s="423" t="s">
        <v>2795</v>
      </c>
      <c r="JNF730" s="424"/>
      <c r="JNG730" s="424"/>
      <c r="JNH730" s="424"/>
      <c r="JNI730" s="423" t="s">
        <v>2795</v>
      </c>
      <c r="JNJ730" s="424"/>
      <c r="JNK730" s="424"/>
      <c r="JNL730" s="424"/>
      <c r="JNM730" s="423" t="s">
        <v>2795</v>
      </c>
      <c r="JNN730" s="424"/>
      <c r="JNO730" s="424"/>
      <c r="JNP730" s="424"/>
      <c r="JNQ730" s="423" t="s">
        <v>2795</v>
      </c>
      <c r="JNR730" s="424"/>
      <c r="JNS730" s="424"/>
      <c r="JNT730" s="424"/>
      <c r="JNU730" s="423" t="s">
        <v>2795</v>
      </c>
      <c r="JNV730" s="424"/>
      <c r="JNW730" s="424"/>
      <c r="JNX730" s="424"/>
      <c r="JNY730" s="423" t="s">
        <v>2795</v>
      </c>
      <c r="JNZ730" s="424"/>
      <c r="JOA730" s="424"/>
      <c r="JOB730" s="424"/>
      <c r="JOC730" s="423" t="s">
        <v>2795</v>
      </c>
      <c r="JOD730" s="424"/>
      <c r="JOE730" s="424"/>
      <c r="JOF730" s="424"/>
      <c r="JOG730" s="423" t="s">
        <v>2795</v>
      </c>
      <c r="JOH730" s="424"/>
      <c r="JOI730" s="424"/>
      <c r="JOJ730" s="424"/>
      <c r="JOK730" s="423" t="s">
        <v>2795</v>
      </c>
      <c r="JOL730" s="424"/>
      <c r="JOM730" s="424"/>
      <c r="JON730" s="424"/>
      <c r="JOO730" s="423" t="s">
        <v>2795</v>
      </c>
      <c r="JOP730" s="424"/>
      <c r="JOQ730" s="424"/>
      <c r="JOR730" s="424"/>
      <c r="JOS730" s="423" t="s">
        <v>2795</v>
      </c>
      <c r="JOT730" s="424"/>
      <c r="JOU730" s="424"/>
      <c r="JOV730" s="424"/>
      <c r="JOW730" s="423" t="s">
        <v>2795</v>
      </c>
      <c r="JOX730" s="424"/>
      <c r="JOY730" s="424"/>
      <c r="JOZ730" s="424"/>
      <c r="JPA730" s="423" t="s">
        <v>2795</v>
      </c>
      <c r="JPB730" s="424"/>
      <c r="JPC730" s="424"/>
      <c r="JPD730" s="424"/>
      <c r="JPE730" s="423" t="s">
        <v>2795</v>
      </c>
      <c r="JPF730" s="424"/>
      <c r="JPG730" s="424"/>
      <c r="JPH730" s="424"/>
      <c r="JPI730" s="423" t="s">
        <v>2795</v>
      </c>
      <c r="JPJ730" s="424"/>
      <c r="JPK730" s="424"/>
      <c r="JPL730" s="424"/>
      <c r="JPM730" s="423" t="s">
        <v>2795</v>
      </c>
      <c r="JPN730" s="424"/>
      <c r="JPO730" s="424"/>
      <c r="JPP730" s="424"/>
      <c r="JPQ730" s="423" t="s">
        <v>2795</v>
      </c>
      <c r="JPR730" s="424"/>
      <c r="JPS730" s="424"/>
      <c r="JPT730" s="424"/>
      <c r="JPU730" s="423" t="s">
        <v>2795</v>
      </c>
      <c r="JPV730" s="424"/>
      <c r="JPW730" s="424"/>
      <c r="JPX730" s="424"/>
      <c r="JPY730" s="423" t="s">
        <v>2795</v>
      </c>
      <c r="JPZ730" s="424"/>
      <c r="JQA730" s="424"/>
      <c r="JQB730" s="424"/>
      <c r="JQC730" s="423" t="s">
        <v>2795</v>
      </c>
      <c r="JQD730" s="424"/>
      <c r="JQE730" s="424"/>
      <c r="JQF730" s="424"/>
      <c r="JQG730" s="423" t="s">
        <v>2795</v>
      </c>
      <c r="JQH730" s="424"/>
      <c r="JQI730" s="424"/>
      <c r="JQJ730" s="424"/>
      <c r="JQK730" s="423" t="s">
        <v>2795</v>
      </c>
      <c r="JQL730" s="424"/>
      <c r="JQM730" s="424"/>
      <c r="JQN730" s="424"/>
      <c r="JQO730" s="423" t="s">
        <v>2795</v>
      </c>
      <c r="JQP730" s="424"/>
      <c r="JQQ730" s="424"/>
      <c r="JQR730" s="424"/>
      <c r="JQS730" s="423" t="s">
        <v>2795</v>
      </c>
      <c r="JQT730" s="424"/>
      <c r="JQU730" s="424"/>
      <c r="JQV730" s="424"/>
      <c r="JQW730" s="423" t="s">
        <v>2795</v>
      </c>
      <c r="JQX730" s="424"/>
      <c r="JQY730" s="424"/>
      <c r="JQZ730" s="424"/>
      <c r="JRA730" s="423" t="s">
        <v>2795</v>
      </c>
      <c r="JRB730" s="424"/>
      <c r="JRC730" s="424"/>
      <c r="JRD730" s="424"/>
      <c r="JRE730" s="423" t="s">
        <v>2795</v>
      </c>
      <c r="JRF730" s="424"/>
      <c r="JRG730" s="424"/>
      <c r="JRH730" s="424"/>
      <c r="JRI730" s="423" t="s">
        <v>2795</v>
      </c>
      <c r="JRJ730" s="424"/>
      <c r="JRK730" s="424"/>
      <c r="JRL730" s="424"/>
      <c r="JRM730" s="423" t="s">
        <v>2795</v>
      </c>
      <c r="JRN730" s="424"/>
      <c r="JRO730" s="424"/>
      <c r="JRP730" s="424"/>
      <c r="JRQ730" s="423" t="s">
        <v>2795</v>
      </c>
      <c r="JRR730" s="424"/>
      <c r="JRS730" s="424"/>
      <c r="JRT730" s="424"/>
      <c r="JRU730" s="423" t="s">
        <v>2795</v>
      </c>
      <c r="JRV730" s="424"/>
      <c r="JRW730" s="424"/>
      <c r="JRX730" s="424"/>
      <c r="JRY730" s="423" t="s">
        <v>2795</v>
      </c>
      <c r="JRZ730" s="424"/>
      <c r="JSA730" s="424"/>
      <c r="JSB730" s="424"/>
      <c r="JSC730" s="423" t="s">
        <v>2795</v>
      </c>
      <c r="JSD730" s="424"/>
      <c r="JSE730" s="424"/>
      <c r="JSF730" s="424"/>
      <c r="JSG730" s="423" t="s">
        <v>2795</v>
      </c>
      <c r="JSH730" s="424"/>
      <c r="JSI730" s="424"/>
      <c r="JSJ730" s="424"/>
      <c r="JSK730" s="423" t="s">
        <v>2795</v>
      </c>
      <c r="JSL730" s="424"/>
      <c r="JSM730" s="424"/>
      <c r="JSN730" s="424"/>
      <c r="JSO730" s="423" t="s">
        <v>2795</v>
      </c>
      <c r="JSP730" s="424"/>
      <c r="JSQ730" s="424"/>
      <c r="JSR730" s="424"/>
      <c r="JSS730" s="423" t="s">
        <v>2795</v>
      </c>
      <c r="JST730" s="424"/>
      <c r="JSU730" s="424"/>
      <c r="JSV730" s="424"/>
      <c r="JSW730" s="423" t="s">
        <v>2795</v>
      </c>
      <c r="JSX730" s="424"/>
      <c r="JSY730" s="424"/>
      <c r="JSZ730" s="424"/>
      <c r="JTA730" s="423" t="s">
        <v>2795</v>
      </c>
      <c r="JTB730" s="424"/>
      <c r="JTC730" s="424"/>
      <c r="JTD730" s="424"/>
      <c r="JTE730" s="423" t="s">
        <v>2795</v>
      </c>
      <c r="JTF730" s="424"/>
      <c r="JTG730" s="424"/>
      <c r="JTH730" s="424"/>
      <c r="JTI730" s="423" t="s">
        <v>2795</v>
      </c>
      <c r="JTJ730" s="424"/>
      <c r="JTK730" s="424"/>
      <c r="JTL730" s="424"/>
      <c r="JTM730" s="423" t="s">
        <v>2795</v>
      </c>
      <c r="JTN730" s="424"/>
      <c r="JTO730" s="424"/>
      <c r="JTP730" s="424"/>
      <c r="JTQ730" s="423" t="s">
        <v>2795</v>
      </c>
      <c r="JTR730" s="424"/>
      <c r="JTS730" s="424"/>
      <c r="JTT730" s="424"/>
      <c r="JTU730" s="423" t="s">
        <v>2795</v>
      </c>
      <c r="JTV730" s="424"/>
      <c r="JTW730" s="424"/>
      <c r="JTX730" s="424"/>
      <c r="JTY730" s="423" t="s">
        <v>2795</v>
      </c>
      <c r="JTZ730" s="424"/>
      <c r="JUA730" s="424"/>
      <c r="JUB730" s="424"/>
      <c r="JUC730" s="423" t="s">
        <v>2795</v>
      </c>
      <c r="JUD730" s="424"/>
      <c r="JUE730" s="424"/>
      <c r="JUF730" s="424"/>
      <c r="JUG730" s="423" t="s">
        <v>2795</v>
      </c>
      <c r="JUH730" s="424"/>
      <c r="JUI730" s="424"/>
      <c r="JUJ730" s="424"/>
      <c r="JUK730" s="423" t="s">
        <v>2795</v>
      </c>
      <c r="JUL730" s="424"/>
      <c r="JUM730" s="424"/>
      <c r="JUN730" s="424"/>
      <c r="JUO730" s="423" t="s">
        <v>2795</v>
      </c>
      <c r="JUP730" s="424"/>
      <c r="JUQ730" s="424"/>
      <c r="JUR730" s="424"/>
      <c r="JUS730" s="423" t="s">
        <v>2795</v>
      </c>
      <c r="JUT730" s="424"/>
      <c r="JUU730" s="424"/>
      <c r="JUV730" s="424"/>
      <c r="JUW730" s="423" t="s">
        <v>2795</v>
      </c>
      <c r="JUX730" s="424"/>
      <c r="JUY730" s="424"/>
      <c r="JUZ730" s="424"/>
      <c r="JVA730" s="423" t="s">
        <v>2795</v>
      </c>
      <c r="JVB730" s="424"/>
      <c r="JVC730" s="424"/>
      <c r="JVD730" s="424"/>
      <c r="JVE730" s="423" t="s">
        <v>2795</v>
      </c>
      <c r="JVF730" s="424"/>
      <c r="JVG730" s="424"/>
      <c r="JVH730" s="424"/>
      <c r="JVI730" s="423" t="s">
        <v>2795</v>
      </c>
      <c r="JVJ730" s="424"/>
      <c r="JVK730" s="424"/>
      <c r="JVL730" s="424"/>
      <c r="JVM730" s="423" t="s">
        <v>2795</v>
      </c>
      <c r="JVN730" s="424"/>
      <c r="JVO730" s="424"/>
      <c r="JVP730" s="424"/>
      <c r="JVQ730" s="423" t="s">
        <v>2795</v>
      </c>
      <c r="JVR730" s="424"/>
      <c r="JVS730" s="424"/>
      <c r="JVT730" s="424"/>
      <c r="JVU730" s="423" t="s">
        <v>2795</v>
      </c>
      <c r="JVV730" s="424"/>
      <c r="JVW730" s="424"/>
      <c r="JVX730" s="424"/>
      <c r="JVY730" s="423" t="s">
        <v>2795</v>
      </c>
      <c r="JVZ730" s="424"/>
      <c r="JWA730" s="424"/>
      <c r="JWB730" s="424"/>
      <c r="JWC730" s="423" t="s">
        <v>2795</v>
      </c>
      <c r="JWD730" s="424"/>
      <c r="JWE730" s="424"/>
      <c r="JWF730" s="424"/>
      <c r="JWG730" s="423" t="s">
        <v>2795</v>
      </c>
      <c r="JWH730" s="424"/>
      <c r="JWI730" s="424"/>
      <c r="JWJ730" s="424"/>
      <c r="JWK730" s="423" t="s">
        <v>2795</v>
      </c>
      <c r="JWL730" s="424"/>
      <c r="JWM730" s="424"/>
      <c r="JWN730" s="424"/>
      <c r="JWO730" s="423" t="s">
        <v>2795</v>
      </c>
      <c r="JWP730" s="424"/>
      <c r="JWQ730" s="424"/>
      <c r="JWR730" s="424"/>
      <c r="JWS730" s="423" t="s">
        <v>2795</v>
      </c>
      <c r="JWT730" s="424"/>
      <c r="JWU730" s="424"/>
      <c r="JWV730" s="424"/>
      <c r="JWW730" s="423" t="s">
        <v>2795</v>
      </c>
      <c r="JWX730" s="424"/>
      <c r="JWY730" s="424"/>
      <c r="JWZ730" s="424"/>
      <c r="JXA730" s="423" t="s">
        <v>2795</v>
      </c>
      <c r="JXB730" s="424"/>
      <c r="JXC730" s="424"/>
      <c r="JXD730" s="424"/>
      <c r="JXE730" s="423" t="s">
        <v>2795</v>
      </c>
      <c r="JXF730" s="424"/>
      <c r="JXG730" s="424"/>
      <c r="JXH730" s="424"/>
      <c r="JXI730" s="423" t="s">
        <v>2795</v>
      </c>
      <c r="JXJ730" s="424"/>
      <c r="JXK730" s="424"/>
      <c r="JXL730" s="424"/>
      <c r="JXM730" s="423" t="s">
        <v>2795</v>
      </c>
      <c r="JXN730" s="424"/>
      <c r="JXO730" s="424"/>
      <c r="JXP730" s="424"/>
      <c r="JXQ730" s="423" t="s">
        <v>2795</v>
      </c>
      <c r="JXR730" s="424"/>
      <c r="JXS730" s="424"/>
      <c r="JXT730" s="424"/>
      <c r="JXU730" s="423" t="s">
        <v>2795</v>
      </c>
      <c r="JXV730" s="424"/>
      <c r="JXW730" s="424"/>
      <c r="JXX730" s="424"/>
      <c r="JXY730" s="423" t="s">
        <v>2795</v>
      </c>
      <c r="JXZ730" s="424"/>
      <c r="JYA730" s="424"/>
      <c r="JYB730" s="424"/>
      <c r="JYC730" s="423" t="s">
        <v>2795</v>
      </c>
      <c r="JYD730" s="424"/>
      <c r="JYE730" s="424"/>
      <c r="JYF730" s="424"/>
      <c r="JYG730" s="423" t="s">
        <v>2795</v>
      </c>
      <c r="JYH730" s="424"/>
      <c r="JYI730" s="424"/>
      <c r="JYJ730" s="424"/>
      <c r="JYK730" s="423" t="s">
        <v>2795</v>
      </c>
      <c r="JYL730" s="424"/>
      <c r="JYM730" s="424"/>
      <c r="JYN730" s="424"/>
      <c r="JYO730" s="423" t="s">
        <v>2795</v>
      </c>
      <c r="JYP730" s="424"/>
      <c r="JYQ730" s="424"/>
      <c r="JYR730" s="424"/>
      <c r="JYS730" s="423" t="s">
        <v>2795</v>
      </c>
      <c r="JYT730" s="424"/>
      <c r="JYU730" s="424"/>
      <c r="JYV730" s="424"/>
      <c r="JYW730" s="423" t="s">
        <v>2795</v>
      </c>
      <c r="JYX730" s="424"/>
      <c r="JYY730" s="424"/>
      <c r="JYZ730" s="424"/>
      <c r="JZA730" s="423" t="s">
        <v>2795</v>
      </c>
      <c r="JZB730" s="424"/>
      <c r="JZC730" s="424"/>
      <c r="JZD730" s="424"/>
      <c r="JZE730" s="423" t="s">
        <v>2795</v>
      </c>
      <c r="JZF730" s="424"/>
      <c r="JZG730" s="424"/>
      <c r="JZH730" s="424"/>
      <c r="JZI730" s="423" t="s">
        <v>2795</v>
      </c>
      <c r="JZJ730" s="424"/>
      <c r="JZK730" s="424"/>
      <c r="JZL730" s="424"/>
      <c r="JZM730" s="423" t="s">
        <v>2795</v>
      </c>
      <c r="JZN730" s="424"/>
      <c r="JZO730" s="424"/>
      <c r="JZP730" s="424"/>
      <c r="JZQ730" s="423" t="s">
        <v>2795</v>
      </c>
      <c r="JZR730" s="424"/>
      <c r="JZS730" s="424"/>
      <c r="JZT730" s="424"/>
      <c r="JZU730" s="423" t="s">
        <v>2795</v>
      </c>
      <c r="JZV730" s="424"/>
      <c r="JZW730" s="424"/>
      <c r="JZX730" s="424"/>
      <c r="JZY730" s="423" t="s">
        <v>2795</v>
      </c>
      <c r="JZZ730" s="424"/>
      <c r="KAA730" s="424"/>
      <c r="KAB730" s="424"/>
      <c r="KAC730" s="423" t="s">
        <v>2795</v>
      </c>
      <c r="KAD730" s="424"/>
      <c r="KAE730" s="424"/>
      <c r="KAF730" s="424"/>
      <c r="KAG730" s="423" t="s">
        <v>2795</v>
      </c>
      <c r="KAH730" s="424"/>
      <c r="KAI730" s="424"/>
      <c r="KAJ730" s="424"/>
      <c r="KAK730" s="423" t="s">
        <v>2795</v>
      </c>
      <c r="KAL730" s="424"/>
      <c r="KAM730" s="424"/>
      <c r="KAN730" s="424"/>
      <c r="KAO730" s="423" t="s">
        <v>2795</v>
      </c>
      <c r="KAP730" s="424"/>
      <c r="KAQ730" s="424"/>
      <c r="KAR730" s="424"/>
      <c r="KAS730" s="423" t="s">
        <v>2795</v>
      </c>
      <c r="KAT730" s="424"/>
      <c r="KAU730" s="424"/>
      <c r="KAV730" s="424"/>
      <c r="KAW730" s="423" t="s">
        <v>2795</v>
      </c>
      <c r="KAX730" s="424"/>
      <c r="KAY730" s="424"/>
      <c r="KAZ730" s="424"/>
      <c r="KBA730" s="423" t="s">
        <v>2795</v>
      </c>
      <c r="KBB730" s="424"/>
      <c r="KBC730" s="424"/>
      <c r="KBD730" s="424"/>
      <c r="KBE730" s="423" t="s">
        <v>2795</v>
      </c>
      <c r="KBF730" s="424"/>
      <c r="KBG730" s="424"/>
      <c r="KBH730" s="424"/>
      <c r="KBI730" s="423" t="s">
        <v>2795</v>
      </c>
      <c r="KBJ730" s="424"/>
      <c r="KBK730" s="424"/>
      <c r="KBL730" s="424"/>
      <c r="KBM730" s="423" t="s">
        <v>2795</v>
      </c>
      <c r="KBN730" s="424"/>
      <c r="KBO730" s="424"/>
      <c r="KBP730" s="424"/>
      <c r="KBQ730" s="423" t="s">
        <v>2795</v>
      </c>
      <c r="KBR730" s="424"/>
      <c r="KBS730" s="424"/>
      <c r="KBT730" s="424"/>
      <c r="KBU730" s="423" t="s">
        <v>2795</v>
      </c>
      <c r="KBV730" s="424"/>
      <c r="KBW730" s="424"/>
      <c r="KBX730" s="424"/>
      <c r="KBY730" s="423" t="s">
        <v>2795</v>
      </c>
      <c r="KBZ730" s="424"/>
      <c r="KCA730" s="424"/>
      <c r="KCB730" s="424"/>
      <c r="KCC730" s="423" t="s">
        <v>2795</v>
      </c>
      <c r="KCD730" s="424"/>
      <c r="KCE730" s="424"/>
      <c r="KCF730" s="424"/>
      <c r="KCG730" s="423" t="s">
        <v>2795</v>
      </c>
      <c r="KCH730" s="424"/>
      <c r="KCI730" s="424"/>
      <c r="KCJ730" s="424"/>
      <c r="KCK730" s="423" t="s">
        <v>2795</v>
      </c>
      <c r="KCL730" s="424"/>
      <c r="KCM730" s="424"/>
      <c r="KCN730" s="424"/>
      <c r="KCO730" s="423" t="s">
        <v>2795</v>
      </c>
      <c r="KCP730" s="424"/>
      <c r="KCQ730" s="424"/>
      <c r="KCR730" s="424"/>
      <c r="KCS730" s="423" t="s">
        <v>2795</v>
      </c>
      <c r="KCT730" s="424"/>
      <c r="KCU730" s="424"/>
      <c r="KCV730" s="424"/>
      <c r="KCW730" s="423" t="s">
        <v>2795</v>
      </c>
      <c r="KCX730" s="424"/>
      <c r="KCY730" s="424"/>
      <c r="KCZ730" s="424"/>
      <c r="KDA730" s="423" t="s">
        <v>2795</v>
      </c>
      <c r="KDB730" s="424"/>
      <c r="KDC730" s="424"/>
      <c r="KDD730" s="424"/>
      <c r="KDE730" s="423" t="s">
        <v>2795</v>
      </c>
      <c r="KDF730" s="424"/>
      <c r="KDG730" s="424"/>
      <c r="KDH730" s="424"/>
      <c r="KDI730" s="423" t="s">
        <v>2795</v>
      </c>
      <c r="KDJ730" s="424"/>
      <c r="KDK730" s="424"/>
      <c r="KDL730" s="424"/>
      <c r="KDM730" s="423" t="s">
        <v>2795</v>
      </c>
      <c r="KDN730" s="424"/>
      <c r="KDO730" s="424"/>
      <c r="KDP730" s="424"/>
      <c r="KDQ730" s="423" t="s">
        <v>2795</v>
      </c>
      <c r="KDR730" s="424"/>
      <c r="KDS730" s="424"/>
      <c r="KDT730" s="424"/>
      <c r="KDU730" s="423" t="s">
        <v>2795</v>
      </c>
      <c r="KDV730" s="424"/>
      <c r="KDW730" s="424"/>
      <c r="KDX730" s="424"/>
      <c r="KDY730" s="423" t="s">
        <v>2795</v>
      </c>
      <c r="KDZ730" s="424"/>
      <c r="KEA730" s="424"/>
      <c r="KEB730" s="424"/>
      <c r="KEC730" s="423" t="s">
        <v>2795</v>
      </c>
      <c r="KED730" s="424"/>
      <c r="KEE730" s="424"/>
      <c r="KEF730" s="424"/>
      <c r="KEG730" s="423" t="s">
        <v>2795</v>
      </c>
      <c r="KEH730" s="424"/>
      <c r="KEI730" s="424"/>
      <c r="KEJ730" s="424"/>
      <c r="KEK730" s="423" t="s">
        <v>2795</v>
      </c>
      <c r="KEL730" s="424"/>
      <c r="KEM730" s="424"/>
      <c r="KEN730" s="424"/>
      <c r="KEO730" s="423" t="s">
        <v>2795</v>
      </c>
      <c r="KEP730" s="424"/>
      <c r="KEQ730" s="424"/>
      <c r="KER730" s="424"/>
      <c r="KES730" s="423" t="s">
        <v>2795</v>
      </c>
      <c r="KET730" s="424"/>
      <c r="KEU730" s="424"/>
      <c r="KEV730" s="424"/>
      <c r="KEW730" s="423" t="s">
        <v>2795</v>
      </c>
      <c r="KEX730" s="424"/>
      <c r="KEY730" s="424"/>
      <c r="KEZ730" s="424"/>
      <c r="KFA730" s="423" t="s">
        <v>2795</v>
      </c>
      <c r="KFB730" s="424"/>
      <c r="KFC730" s="424"/>
      <c r="KFD730" s="424"/>
      <c r="KFE730" s="423" t="s">
        <v>2795</v>
      </c>
      <c r="KFF730" s="424"/>
      <c r="KFG730" s="424"/>
      <c r="KFH730" s="424"/>
      <c r="KFI730" s="423" t="s">
        <v>2795</v>
      </c>
      <c r="KFJ730" s="424"/>
      <c r="KFK730" s="424"/>
      <c r="KFL730" s="424"/>
      <c r="KFM730" s="423" t="s">
        <v>2795</v>
      </c>
      <c r="KFN730" s="424"/>
      <c r="KFO730" s="424"/>
      <c r="KFP730" s="424"/>
      <c r="KFQ730" s="423" t="s">
        <v>2795</v>
      </c>
      <c r="KFR730" s="424"/>
      <c r="KFS730" s="424"/>
      <c r="KFT730" s="424"/>
      <c r="KFU730" s="423" t="s">
        <v>2795</v>
      </c>
      <c r="KFV730" s="424"/>
      <c r="KFW730" s="424"/>
      <c r="KFX730" s="424"/>
      <c r="KFY730" s="423" t="s">
        <v>2795</v>
      </c>
      <c r="KFZ730" s="424"/>
      <c r="KGA730" s="424"/>
      <c r="KGB730" s="424"/>
      <c r="KGC730" s="423" t="s">
        <v>2795</v>
      </c>
      <c r="KGD730" s="424"/>
      <c r="KGE730" s="424"/>
      <c r="KGF730" s="424"/>
      <c r="KGG730" s="423" t="s">
        <v>2795</v>
      </c>
      <c r="KGH730" s="424"/>
      <c r="KGI730" s="424"/>
      <c r="KGJ730" s="424"/>
      <c r="KGK730" s="423" t="s">
        <v>2795</v>
      </c>
      <c r="KGL730" s="424"/>
      <c r="KGM730" s="424"/>
      <c r="KGN730" s="424"/>
      <c r="KGO730" s="423" t="s">
        <v>2795</v>
      </c>
      <c r="KGP730" s="424"/>
      <c r="KGQ730" s="424"/>
      <c r="KGR730" s="424"/>
      <c r="KGS730" s="423" t="s">
        <v>2795</v>
      </c>
      <c r="KGT730" s="424"/>
      <c r="KGU730" s="424"/>
      <c r="KGV730" s="424"/>
      <c r="KGW730" s="423" t="s">
        <v>2795</v>
      </c>
      <c r="KGX730" s="424"/>
      <c r="KGY730" s="424"/>
      <c r="KGZ730" s="424"/>
      <c r="KHA730" s="423" t="s">
        <v>2795</v>
      </c>
      <c r="KHB730" s="424"/>
      <c r="KHC730" s="424"/>
      <c r="KHD730" s="424"/>
      <c r="KHE730" s="423" t="s">
        <v>2795</v>
      </c>
      <c r="KHF730" s="424"/>
      <c r="KHG730" s="424"/>
      <c r="KHH730" s="424"/>
      <c r="KHI730" s="423" t="s">
        <v>2795</v>
      </c>
      <c r="KHJ730" s="424"/>
      <c r="KHK730" s="424"/>
      <c r="KHL730" s="424"/>
      <c r="KHM730" s="423" t="s">
        <v>2795</v>
      </c>
      <c r="KHN730" s="424"/>
      <c r="KHO730" s="424"/>
      <c r="KHP730" s="424"/>
      <c r="KHQ730" s="423" t="s">
        <v>2795</v>
      </c>
      <c r="KHR730" s="424"/>
      <c r="KHS730" s="424"/>
      <c r="KHT730" s="424"/>
      <c r="KHU730" s="423" t="s">
        <v>2795</v>
      </c>
      <c r="KHV730" s="424"/>
      <c r="KHW730" s="424"/>
      <c r="KHX730" s="424"/>
      <c r="KHY730" s="423" t="s">
        <v>2795</v>
      </c>
      <c r="KHZ730" s="424"/>
      <c r="KIA730" s="424"/>
      <c r="KIB730" s="424"/>
      <c r="KIC730" s="423" t="s">
        <v>2795</v>
      </c>
      <c r="KID730" s="424"/>
      <c r="KIE730" s="424"/>
      <c r="KIF730" s="424"/>
      <c r="KIG730" s="423" t="s">
        <v>2795</v>
      </c>
      <c r="KIH730" s="424"/>
      <c r="KII730" s="424"/>
      <c r="KIJ730" s="424"/>
      <c r="KIK730" s="423" t="s">
        <v>2795</v>
      </c>
      <c r="KIL730" s="424"/>
      <c r="KIM730" s="424"/>
      <c r="KIN730" s="424"/>
      <c r="KIO730" s="423" t="s">
        <v>2795</v>
      </c>
      <c r="KIP730" s="424"/>
      <c r="KIQ730" s="424"/>
      <c r="KIR730" s="424"/>
      <c r="KIS730" s="423" t="s">
        <v>2795</v>
      </c>
      <c r="KIT730" s="424"/>
      <c r="KIU730" s="424"/>
      <c r="KIV730" s="424"/>
      <c r="KIW730" s="423" t="s">
        <v>2795</v>
      </c>
      <c r="KIX730" s="424"/>
      <c r="KIY730" s="424"/>
      <c r="KIZ730" s="424"/>
      <c r="KJA730" s="423" t="s">
        <v>2795</v>
      </c>
      <c r="KJB730" s="424"/>
      <c r="KJC730" s="424"/>
      <c r="KJD730" s="424"/>
      <c r="KJE730" s="423" t="s">
        <v>2795</v>
      </c>
      <c r="KJF730" s="424"/>
      <c r="KJG730" s="424"/>
      <c r="KJH730" s="424"/>
      <c r="KJI730" s="423" t="s">
        <v>2795</v>
      </c>
      <c r="KJJ730" s="424"/>
      <c r="KJK730" s="424"/>
      <c r="KJL730" s="424"/>
      <c r="KJM730" s="423" t="s">
        <v>2795</v>
      </c>
      <c r="KJN730" s="424"/>
      <c r="KJO730" s="424"/>
      <c r="KJP730" s="424"/>
      <c r="KJQ730" s="423" t="s">
        <v>2795</v>
      </c>
      <c r="KJR730" s="424"/>
      <c r="KJS730" s="424"/>
      <c r="KJT730" s="424"/>
      <c r="KJU730" s="423" t="s">
        <v>2795</v>
      </c>
      <c r="KJV730" s="424"/>
      <c r="KJW730" s="424"/>
      <c r="KJX730" s="424"/>
      <c r="KJY730" s="423" t="s">
        <v>2795</v>
      </c>
      <c r="KJZ730" s="424"/>
      <c r="KKA730" s="424"/>
      <c r="KKB730" s="424"/>
      <c r="KKC730" s="423" t="s">
        <v>2795</v>
      </c>
      <c r="KKD730" s="424"/>
      <c r="KKE730" s="424"/>
      <c r="KKF730" s="424"/>
      <c r="KKG730" s="423" t="s">
        <v>2795</v>
      </c>
      <c r="KKH730" s="424"/>
      <c r="KKI730" s="424"/>
      <c r="KKJ730" s="424"/>
      <c r="KKK730" s="423" t="s">
        <v>2795</v>
      </c>
      <c r="KKL730" s="424"/>
      <c r="KKM730" s="424"/>
      <c r="KKN730" s="424"/>
      <c r="KKO730" s="423" t="s">
        <v>2795</v>
      </c>
      <c r="KKP730" s="424"/>
      <c r="KKQ730" s="424"/>
      <c r="KKR730" s="424"/>
      <c r="KKS730" s="423" t="s">
        <v>2795</v>
      </c>
      <c r="KKT730" s="424"/>
      <c r="KKU730" s="424"/>
      <c r="KKV730" s="424"/>
      <c r="KKW730" s="423" t="s">
        <v>2795</v>
      </c>
      <c r="KKX730" s="424"/>
      <c r="KKY730" s="424"/>
      <c r="KKZ730" s="424"/>
      <c r="KLA730" s="423" t="s">
        <v>2795</v>
      </c>
      <c r="KLB730" s="424"/>
      <c r="KLC730" s="424"/>
      <c r="KLD730" s="424"/>
      <c r="KLE730" s="423" t="s">
        <v>2795</v>
      </c>
      <c r="KLF730" s="424"/>
      <c r="KLG730" s="424"/>
      <c r="KLH730" s="424"/>
      <c r="KLI730" s="423" t="s">
        <v>2795</v>
      </c>
      <c r="KLJ730" s="424"/>
      <c r="KLK730" s="424"/>
      <c r="KLL730" s="424"/>
      <c r="KLM730" s="423" t="s">
        <v>2795</v>
      </c>
      <c r="KLN730" s="424"/>
      <c r="KLO730" s="424"/>
      <c r="KLP730" s="424"/>
      <c r="KLQ730" s="423" t="s">
        <v>2795</v>
      </c>
      <c r="KLR730" s="424"/>
      <c r="KLS730" s="424"/>
      <c r="KLT730" s="424"/>
      <c r="KLU730" s="423" t="s">
        <v>2795</v>
      </c>
      <c r="KLV730" s="424"/>
      <c r="KLW730" s="424"/>
      <c r="KLX730" s="424"/>
      <c r="KLY730" s="423" t="s">
        <v>2795</v>
      </c>
      <c r="KLZ730" s="424"/>
      <c r="KMA730" s="424"/>
      <c r="KMB730" s="424"/>
      <c r="KMC730" s="423" t="s">
        <v>2795</v>
      </c>
      <c r="KMD730" s="424"/>
      <c r="KME730" s="424"/>
      <c r="KMF730" s="424"/>
      <c r="KMG730" s="423" t="s">
        <v>2795</v>
      </c>
      <c r="KMH730" s="424"/>
      <c r="KMI730" s="424"/>
      <c r="KMJ730" s="424"/>
      <c r="KMK730" s="423" t="s">
        <v>2795</v>
      </c>
      <c r="KML730" s="424"/>
      <c r="KMM730" s="424"/>
      <c r="KMN730" s="424"/>
      <c r="KMO730" s="423" t="s">
        <v>2795</v>
      </c>
      <c r="KMP730" s="424"/>
      <c r="KMQ730" s="424"/>
      <c r="KMR730" s="424"/>
      <c r="KMS730" s="423" t="s">
        <v>2795</v>
      </c>
      <c r="KMT730" s="424"/>
      <c r="KMU730" s="424"/>
      <c r="KMV730" s="424"/>
      <c r="KMW730" s="423" t="s">
        <v>2795</v>
      </c>
      <c r="KMX730" s="424"/>
      <c r="KMY730" s="424"/>
      <c r="KMZ730" s="424"/>
      <c r="KNA730" s="423" t="s">
        <v>2795</v>
      </c>
      <c r="KNB730" s="424"/>
      <c r="KNC730" s="424"/>
      <c r="KND730" s="424"/>
      <c r="KNE730" s="423" t="s">
        <v>2795</v>
      </c>
      <c r="KNF730" s="424"/>
      <c r="KNG730" s="424"/>
      <c r="KNH730" s="424"/>
      <c r="KNI730" s="423" t="s">
        <v>2795</v>
      </c>
      <c r="KNJ730" s="424"/>
      <c r="KNK730" s="424"/>
      <c r="KNL730" s="424"/>
      <c r="KNM730" s="423" t="s">
        <v>2795</v>
      </c>
      <c r="KNN730" s="424"/>
      <c r="KNO730" s="424"/>
      <c r="KNP730" s="424"/>
      <c r="KNQ730" s="423" t="s">
        <v>2795</v>
      </c>
      <c r="KNR730" s="424"/>
      <c r="KNS730" s="424"/>
      <c r="KNT730" s="424"/>
      <c r="KNU730" s="423" t="s">
        <v>2795</v>
      </c>
      <c r="KNV730" s="424"/>
      <c r="KNW730" s="424"/>
      <c r="KNX730" s="424"/>
      <c r="KNY730" s="423" t="s">
        <v>2795</v>
      </c>
      <c r="KNZ730" s="424"/>
      <c r="KOA730" s="424"/>
      <c r="KOB730" s="424"/>
      <c r="KOC730" s="423" t="s">
        <v>2795</v>
      </c>
      <c r="KOD730" s="424"/>
      <c r="KOE730" s="424"/>
      <c r="KOF730" s="424"/>
      <c r="KOG730" s="423" t="s">
        <v>2795</v>
      </c>
      <c r="KOH730" s="424"/>
      <c r="KOI730" s="424"/>
      <c r="KOJ730" s="424"/>
      <c r="KOK730" s="423" t="s">
        <v>2795</v>
      </c>
      <c r="KOL730" s="424"/>
      <c r="KOM730" s="424"/>
      <c r="KON730" s="424"/>
      <c r="KOO730" s="423" t="s">
        <v>2795</v>
      </c>
      <c r="KOP730" s="424"/>
      <c r="KOQ730" s="424"/>
      <c r="KOR730" s="424"/>
      <c r="KOS730" s="423" t="s">
        <v>2795</v>
      </c>
      <c r="KOT730" s="424"/>
      <c r="KOU730" s="424"/>
      <c r="KOV730" s="424"/>
      <c r="KOW730" s="423" t="s">
        <v>2795</v>
      </c>
      <c r="KOX730" s="424"/>
      <c r="KOY730" s="424"/>
      <c r="KOZ730" s="424"/>
      <c r="KPA730" s="423" t="s">
        <v>2795</v>
      </c>
      <c r="KPB730" s="424"/>
      <c r="KPC730" s="424"/>
      <c r="KPD730" s="424"/>
      <c r="KPE730" s="423" t="s">
        <v>2795</v>
      </c>
      <c r="KPF730" s="424"/>
      <c r="KPG730" s="424"/>
      <c r="KPH730" s="424"/>
      <c r="KPI730" s="423" t="s">
        <v>2795</v>
      </c>
      <c r="KPJ730" s="424"/>
      <c r="KPK730" s="424"/>
      <c r="KPL730" s="424"/>
      <c r="KPM730" s="423" t="s">
        <v>2795</v>
      </c>
      <c r="KPN730" s="424"/>
      <c r="KPO730" s="424"/>
      <c r="KPP730" s="424"/>
      <c r="KPQ730" s="423" t="s">
        <v>2795</v>
      </c>
      <c r="KPR730" s="424"/>
      <c r="KPS730" s="424"/>
      <c r="KPT730" s="424"/>
      <c r="KPU730" s="423" t="s">
        <v>2795</v>
      </c>
      <c r="KPV730" s="424"/>
      <c r="KPW730" s="424"/>
      <c r="KPX730" s="424"/>
      <c r="KPY730" s="423" t="s">
        <v>2795</v>
      </c>
      <c r="KPZ730" s="424"/>
      <c r="KQA730" s="424"/>
      <c r="KQB730" s="424"/>
      <c r="KQC730" s="423" t="s">
        <v>2795</v>
      </c>
      <c r="KQD730" s="424"/>
      <c r="KQE730" s="424"/>
      <c r="KQF730" s="424"/>
      <c r="KQG730" s="423" t="s">
        <v>2795</v>
      </c>
      <c r="KQH730" s="424"/>
      <c r="KQI730" s="424"/>
      <c r="KQJ730" s="424"/>
      <c r="KQK730" s="423" t="s">
        <v>2795</v>
      </c>
      <c r="KQL730" s="424"/>
      <c r="KQM730" s="424"/>
      <c r="KQN730" s="424"/>
      <c r="KQO730" s="423" t="s">
        <v>2795</v>
      </c>
      <c r="KQP730" s="424"/>
      <c r="KQQ730" s="424"/>
      <c r="KQR730" s="424"/>
      <c r="KQS730" s="423" t="s">
        <v>2795</v>
      </c>
      <c r="KQT730" s="424"/>
      <c r="KQU730" s="424"/>
      <c r="KQV730" s="424"/>
      <c r="KQW730" s="423" t="s">
        <v>2795</v>
      </c>
      <c r="KQX730" s="424"/>
      <c r="KQY730" s="424"/>
      <c r="KQZ730" s="424"/>
      <c r="KRA730" s="423" t="s">
        <v>2795</v>
      </c>
      <c r="KRB730" s="424"/>
      <c r="KRC730" s="424"/>
      <c r="KRD730" s="424"/>
      <c r="KRE730" s="423" t="s">
        <v>2795</v>
      </c>
      <c r="KRF730" s="424"/>
      <c r="KRG730" s="424"/>
      <c r="KRH730" s="424"/>
      <c r="KRI730" s="423" t="s">
        <v>2795</v>
      </c>
      <c r="KRJ730" s="424"/>
      <c r="KRK730" s="424"/>
      <c r="KRL730" s="424"/>
      <c r="KRM730" s="423" t="s">
        <v>2795</v>
      </c>
      <c r="KRN730" s="424"/>
      <c r="KRO730" s="424"/>
      <c r="KRP730" s="424"/>
      <c r="KRQ730" s="423" t="s">
        <v>2795</v>
      </c>
      <c r="KRR730" s="424"/>
      <c r="KRS730" s="424"/>
      <c r="KRT730" s="424"/>
      <c r="KRU730" s="423" t="s">
        <v>2795</v>
      </c>
      <c r="KRV730" s="424"/>
      <c r="KRW730" s="424"/>
      <c r="KRX730" s="424"/>
      <c r="KRY730" s="423" t="s">
        <v>2795</v>
      </c>
      <c r="KRZ730" s="424"/>
      <c r="KSA730" s="424"/>
      <c r="KSB730" s="424"/>
      <c r="KSC730" s="423" t="s">
        <v>2795</v>
      </c>
      <c r="KSD730" s="424"/>
      <c r="KSE730" s="424"/>
      <c r="KSF730" s="424"/>
      <c r="KSG730" s="423" t="s">
        <v>2795</v>
      </c>
      <c r="KSH730" s="424"/>
      <c r="KSI730" s="424"/>
      <c r="KSJ730" s="424"/>
      <c r="KSK730" s="423" t="s">
        <v>2795</v>
      </c>
      <c r="KSL730" s="424"/>
      <c r="KSM730" s="424"/>
      <c r="KSN730" s="424"/>
      <c r="KSO730" s="423" t="s">
        <v>2795</v>
      </c>
      <c r="KSP730" s="424"/>
      <c r="KSQ730" s="424"/>
      <c r="KSR730" s="424"/>
      <c r="KSS730" s="423" t="s">
        <v>2795</v>
      </c>
      <c r="KST730" s="424"/>
      <c r="KSU730" s="424"/>
      <c r="KSV730" s="424"/>
      <c r="KSW730" s="423" t="s">
        <v>2795</v>
      </c>
      <c r="KSX730" s="424"/>
      <c r="KSY730" s="424"/>
      <c r="KSZ730" s="424"/>
      <c r="KTA730" s="423" t="s">
        <v>2795</v>
      </c>
      <c r="KTB730" s="424"/>
      <c r="KTC730" s="424"/>
      <c r="KTD730" s="424"/>
      <c r="KTE730" s="423" t="s">
        <v>2795</v>
      </c>
      <c r="KTF730" s="424"/>
      <c r="KTG730" s="424"/>
      <c r="KTH730" s="424"/>
      <c r="KTI730" s="423" t="s">
        <v>2795</v>
      </c>
      <c r="KTJ730" s="424"/>
      <c r="KTK730" s="424"/>
      <c r="KTL730" s="424"/>
      <c r="KTM730" s="423" t="s">
        <v>2795</v>
      </c>
      <c r="KTN730" s="424"/>
      <c r="KTO730" s="424"/>
      <c r="KTP730" s="424"/>
      <c r="KTQ730" s="423" t="s">
        <v>2795</v>
      </c>
      <c r="KTR730" s="424"/>
      <c r="KTS730" s="424"/>
      <c r="KTT730" s="424"/>
      <c r="KTU730" s="423" t="s">
        <v>2795</v>
      </c>
      <c r="KTV730" s="424"/>
      <c r="KTW730" s="424"/>
      <c r="KTX730" s="424"/>
      <c r="KTY730" s="423" t="s">
        <v>2795</v>
      </c>
      <c r="KTZ730" s="424"/>
      <c r="KUA730" s="424"/>
      <c r="KUB730" s="424"/>
      <c r="KUC730" s="423" t="s">
        <v>2795</v>
      </c>
      <c r="KUD730" s="424"/>
      <c r="KUE730" s="424"/>
      <c r="KUF730" s="424"/>
      <c r="KUG730" s="423" t="s">
        <v>2795</v>
      </c>
      <c r="KUH730" s="424"/>
      <c r="KUI730" s="424"/>
      <c r="KUJ730" s="424"/>
      <c r="KUK730" s="423" t="s">
        <v>2795</v>
      </c>
      <c r="KUL730" s="424"/>
      <c r="KUM730" s="424"/>
      <c r="KUN730" s="424"/>
      <c r="KUO730" s="423" t="s">
        <v>2795</v>
      </c>
      <c r="KUP730" s="424"/>
      <c r="KUQ730" s="424"/>
      <c r="KUR730" s="424"/>
      <c r="KUS730" s="423" t="s">
        <v>2795</v>
      </c>
      <c r="KUT730" s="424"/>
      <c r="KUU730" s="424"/>
      <c r="KUV730" s="424"/>
      <c r="KUW730" s="423" t="s">
        <v>2795</v>
      </c>
      <c r="KUX730" s="424"/>
      <c r="KUY730" s="424"/>
      <c r="KUZ730" s="424"/>
      <c r="KVA730" s="423" t="s">
        <v>2795</v>
      </c>
      <c r="KVB730" s="424"/>
      <c r="KVC730" s="424"/>
      <c r="KVD730" s="424"/>
      <c r="KVE730" s="423" t="s">
        <v>2795</v>
      </c>
      <c r="KVF730" s="424"/>
      <c r="KVG730" s="424"/>
      <c r="KVH730" s="424"/>
      <c r="KVI730" s="423" t="s">
        <v>2795</v>
      </c>
      <c r="KVJ730" s="424"/>
      <c r="KVK730" s="424"/>
      <c r="KVL730" s="424"/>
      <c r="KVM730" s="423" t="s">
        <v>2795</v>
      </c>
      <c r="KVN730" s="424"/>
      <c r="KVO730" s="424"/>
      <c r="KVP730" s="424"/>
      <c r="KVQ730" s="423" t="s">
        <v>2795</v>
      </c>
      <c r="KVR730" s="424"/>
      <c r="KVS730" s="424"/>
      <c r="KVT730" s="424"/>
      <c r="KVU730" s="423" t="s">
        <v>2795</v>
      </c>
      <c r="KVV730" s="424"/>
      <c r="KVW730" s="424"/>
      <c r="KVX730" s="424"/>
      <c r="KVY730" s="423" t="s">
        <v>2795</v>
      </c>
      <c r="KVZ730" s="424"/>
      <c r="KWA730" s="424"/>
      <c r="KWB730" s="424"/>
      <c r="KWC730" s="423" t="s">
        <v>2795</v>
      </c>
      <c r="KWD730" s="424"/>
      <c r="KWE730" s="424"/>
      <c r="KWF730" s="424"/>
      <c r="KWG730" s="423" t="s">
        <v>2795</v>
      </c>
      <c r="KWH730" s="424"/>
      <c r="KWI730" s="424"/>
      <c r="KWJ730" s="424"/>
      <c r="KWK730" s="423" t="s">
        <v>2795</v>
      </c>
      <c r="KWL730" s="424"/>
      <c r="KWM730" s="424"/>
      <c r="KWN730" s="424"/>
      <c r="KWO730" s="423" t="s">
        <v>2795</v>
      </c>
      <c r="KWP730" s="424"/>
      <c r="KWQ730" s="424"/>
      <c r="KWR730" s="424"/>
      <c r="KWS730" s="423" t="s">
        <v>2795</v>
      </c>
      <c r="KWT730" s="424"/>
      <c r="KWU730" s="424"/>
      <c r="KWV730" s="424"/>
      <c r="KWW730" s="423" t="s">
        <v>2795</v>
      </c>
      <c r="KWX730" s="424"/>
      <c r="KWY730" s="424"/>
      <c r="KWZ730" s="424"/>
      <c r="KXA730" s="423" t="s">
        <v>2795</v>
      </c>
      <c r="KXB730" s="424"/>
      <c r="KXC730" s="424"/>
      <c r="KXD730" s="424"/>
      <c r="KXE730" s="423" t="s">
        <v>2795</v>
      </c>
      <c r="KXF730" s="424"/>
      <c r="KXG730" s="424"/>
      <c r="KXH730" s="424"/>
      <c r="KXI730" s="423" t="s">
        <v>2795</v>
      </c>
      <c r="KXJ730" s="424"/>
      <c r="KXK730" s="424"/>
      <c r="KXL730" s="424"/>
      <c r="KXM730" s="423" t="s">
        <v>2795</v>
      </c>
      <c r="KXN730" s="424"/>
      <c r="KXO730" s="424"/>
      <c r="KXP730" s="424"/>
      <c r="KXQ730" s="423" t="s">
        <v>2795</v>
      </c>
      <c r="KXR730" s="424"/>
      <c r="KXS730" s="424"/>
      <c r="KXT730" s="424"/>
      <c r="KXU730" s="423" t="s">
        <v>2795</v>
      </c>
      <c r="KXV730" s="424"/>
      <c r="KXW730" s="424"/>
      <c r="KXX730" s="424"/>
      <c r="KXY730" s="423" t="s">
        <v>2795</v>
      </c>
      <c r="KXZ730" s="424"/>
      <c r="KYA730" s="424"/>
      <c r="KYB730" s="424"/>
      <c r="KYC730" s="423" t="s">
        <v>2795</v>
      </c>
      <c r="KYD730" s="424"/>
      <c r="KYE730" s="424"/>
      <c r="KYF730" s="424"/>
      <c r="KYG730" s="423" t="s">
        <v>2795</v>
      </c>
      <c r="KYH730" s="424"/>
      <c r="KYI730" s="424"/>
      <c r="KYJ730" s="424"/>
      <c r="KYK730" s="423" t="s">
        <v>2795</v>
      </c>
      <c r="KYL730" s="424"/>
      <c r="KYM730" s="424"/>
      <c r="KYN730" s="424"/>
      <c r="KYO730" s="423" t="s">
        <v>2795</v>
      </c>
      <c r="KYP730" s="424"/>
      <c r="KYQ730" s="424"/>
      <c r="KYR730" s="424"/>
      <c r="KYS730" s="423" t="s">
        <v>2795</v>
      </c>
      <c r="KYT730" s="424"/>
      <c r="KYU730" s="424"/>
      <c r="KYV730" s="424"/>
      <c r="KYW730" s="423" t="s">
        <v>2795</v>
      </c>
      <c r="KYX730" s="424"/>
      <c r="KYY730" s="424"/>
      <c r="KYZ730" s="424"/>
      <c r="KZA730" s="423" t="s">
        <v>2795</v>
      </c>
      <c r="KZB730" s="424"/>
      <c r="KZC730" s="424"/>
      <c r="KZD730" s="424"/>
      <c r="KZE730" s="423" t="s">
        <v>2795</v>
      </c>
      <c r="KZF730" s="424"/>
      <c r="KZG730" s="424"/>
      <c r="KZH730" s="424"/>
      <c r="KZI730" s="423" t="s">
        <v>2795</v>
      </c>
      <c r="KZJ730" s="424"/>
      <c r="KZK730" s="424"/>
      <c r="KZL730" s="424"/>
      <c r="KZM730" s="423" t="s">
        <v>2795</v>
      </c>
      <c r="KZN730" s="424"/>
      <c r="KZO730" s="424"/>
      <c r="KZP730" s="424"/>
      <c r="KZQ730" s="423" t="s">
        <v>2795</v>
      </c>
      <c r="KZR730" s="424"/>
      <c r="KZS730" s="424"/>
      <c r="KZT730" s="424"/>
      <c r="KZU730" s="423" t="s">
        <v>2795</v>
      </c>
      <c r="KZV730" s="424"/>
      <c r="KZW730" s="424"/>
      <c r="KZX730" s="424"/>
      <c r="KZY730" s="423" t="s">
        <v>2795</v>
      </c>
      <c r="KZZ730" s="424"/>
      <c r="LAA730" s="424"/>
      <c r="LAB730" s="424"/>
      <c r="LAC730" s="423" t="s">
        <v>2795</v>
      </c>
      <c r="LAD730" s="424"/>
      <c r="LAE730" s="424"/>
      <c r="LAF730" s="424"/>
      <c r="LAG730" s="423" t="s">
        <v>2795</v>
      </c>
      <c r="LAH730" s="424"/>
      <c r="LAI730" s="424"/>
      <c r="LAJ730" s="424"/>
      <c r="LAK730" s="423" t="s">
        <v>2795</v>
      </c>
      <c r="LAL730" s="424"/>
      <c r="LAM730" s="424"/>
      <c r="LAN730" s="424"/>
      <c r="LAO730" s="423" t="s">
        <v>2795</v>
      </c>
      <c r="LAP730" s="424"/>
      <c r="LAQ730" s="424"/>
      <c r="LAR730" s="424"/>
      <c r="LAS730" s="423" t="s">
        <v>2795</v>
      </c>
      <c r="LAT730" s="424"/>
      <c r="LAU730" s="424"/>
      <c r="LAV730" s="424"/>
      <c r="LAW730" s="423" t="s">
        <v>2795</v>
      </c>
      <c r="LAX730" s="424"/>
      <c r="LAY730" s="424"/>
      <c r="LAZ730" s="424"/>
      <c r="LBA730" s="423" t="s">
        <v>2795</v>
      </c>
      <c r="LBB730" s="424"/>
      <c r="LBC730" s="424"/>
      <c r="LBD730" s="424"/>
      <c r="LBE730" s="423" t="s">
        <v>2795</v>
      </c>
      <c r="LBF730" s="424"/>
      <c r="LBG730" s="424"/>
      <c r="LBH730" s="424"/>
      <c r="LBI730" s="423" t="s">
        <v>2795</v>
      </c>
      <c r="LBJ730" s="424"/>
      <c r="LBK730" s="424"/>
      <c r="LBL730" s="424"/>
      <c r="LBM730" s="423" t="s">
        <v>2795</v>
      </c>
      <c r="LBN730" s="424"/>
      <c r="LBO730" s="424"/>
      <c r="LBP730" s="424"/>
      <c r="LBQ730" s="423" t="s">
        <v>2795</v>
      </c>
      <c r="LBR730" s="424"/>
      <c r="LBS730" s="424"/>
      <c r="LBT730" s="424"/>
      <c r="LBU730" s="423" t="s">
        <v>2795</v>
      </c>
      <c r="LBV730" s="424"/>
      <c r="LBW730" s="424"/>
      <c r="LBX730" s="424"/>
      <c r="LBY730" s="423" t="s">
        <v>2795</v>
      </c>
      <c r="LBZ730" s="424"/>
      <c r="LCA730" s="424"/>
      <c r="LCB730" s="424"/>
      <c r="LCC730" s="423" t="s">
        <v>2795</v>
      </c>
      <c r="LCD730" s="424"/>
      <c r="LCE730" s="424"/>
      <c r="LCF730" s="424"/>
      <c r="LCG730" s="423" t="s">
        <v>2795</v>
      </c>
      <c r="LCH730" s="424"/>
      <c r="LCI730" s="424"/>
      <c r="LCJ730" s="424"/>
      <c r="LCK730" s="423" t="s">
        <v>2795</v>
      </c>
      <c r="LCL730" s="424"/>
      <c r="LCM730" s="424"/>
      <c r="LCN730" s="424"/>
      <c r="LCO730" s="423" t="s">
        <v>2795</v>
      </c>
      <c r="LCP730" s="424"/>
      <c r="LCQ730" s="424"/>
      <c r="LCR730" s="424"/>
      <c r="LCS730" s="423" t="s">
        <v>2795</v>
      </c>
      <c r="LCT730" s="424"/>
      <c r="LCU730" s="424"/>
      <c r="LCV730" s="424"/>
      <c r="LCW730" s="423" t="s">
        <v>2795</v>
      </c>
      <c r="LCX730" s="424"/>
      <c r="LCY730" s="424"/>
      <c r="LCZ730" s="424"/>
      <c r="LDA730" s="423" t="s">
        <v>2795</v>
      </c>
      <c r="LDB730" s="424"/>
      <c r="LDC730" s="424"/>
      <c r="LDD730" s="424"/>
      <c r="LDE730" s="423" t="s">
        <v>2795</v>
      </c>
      <c r="LDF730" s="424"/>
      <c r="LDG730" s="424"/>
      <c r="LDH730" s="424"/>
      <c r="LDI730" s="423" t="s">
        <v>2795</v>
      </c>
      <c r="LDJ730" s="424"/>
      <c r="LDK730" s="424"/>
      <c r="LDL730" s="424"/>
      <c r="LDM730" s="423" t="s">
        <v>2795</v>
      </c>
      <c r="LDN730" s="424"/>
      <c r="LDO730" s="424"/>
      <c r="LDP730" s="424"/>
      <c r="LDQ730" s="423" t="s">
        <v>2795</v>
      </c>
      <c r="LDR730" s="424"/>
      <c r="LDS730" s="424"/>
      <c r="LDT730" s="424"/>
      <c r="LDU730" s="423" t="s">
        <v>2795</v>
      </c>
      <c r="LDV730" s="424"/>
      <c r="LDW730" s="424"/>
      <c r="LDX730" s="424"/>
      <c r="LDY730" s="423" t="s">
        <v>2795</v>
      </c>
      <c r="LDZ730" s="424"/>
      <c r="LEA730" s="424"/>
      <c r="LEB730" s="424"/>
      <c r="LEC730" s="423" t="s">
        <v>2795</v>
      </c>
      <c r="LED730" s="424"/>
      <c r="LEE730" s="424"/>
      <c r="LEF730" s="424"/>
      <c r="LEG730" s="423" t="s">
        <v>2795</v>
      </c>
      <c r="LEH730" s="424"/>
      <c r="LEI730" s="424"/>
      <c r="LEJ730" s="424"/>
      <c r="LEK730" s="423" t="s">
        <v>2795</v>
      </c>
      <c r="LEL730" s="424"/>
      <c r="LEM730" s="424"/>
      <c r="LEN730" s="424"/>
      <c r="LEO730" s="423" t="s">
        <v>2795</v>
      </c>
      <c r="LEP730" s="424"/>
      <c r="LEQ730" s="424"/>
      <c r="LER730" s="424"/>
      <c r="LES730" s="423" t="s">
        <v>2795</v>
      </c>
      <c r="LET730" s="424"/>
      <c r="LEU730" s="424"/>
      <c r="LEV730" s="424"/>
      <c r="LEW730" s="423" t="s">
        <v>2795</v>
      </c>
      <c r="LEX730" s="424"/>
      <c r="LEY730" s="424"/>
      <c r="LEZ730" s="424"/>
      <c r="LFA730" s="423" t="s">
        <v>2795</v>
      </c>
      <c r="LFB730" s="424"/>
      <c r="LFC730" s="424"/>
      <c r="LFD730" s="424"/>
      <c r="LFE730" s="423" t="s">
        <v>2795</v>
      </c>
      <c r="LFF730" s="424"/>
      <c r="LFG730" s="424"/>
      <c r="LFH730" s="424"/>
      <c r="LFI730" s="423" t="s">
        <v>2795</v>
      </c>
      <c r="LFJ730" s="424"/>
      <c r="LFK730" s="424"/>
      <c r="LFL730" s="424"/>
      <c r="LFM730" s="423" t="s">
        <v>2795</v>
      </c>
      <c r="LFN730" s="424"/>
      <c r="LFO730" s="424"/>
      <c r="LFP730" s="424"/>
      <c r="LFQ730" s="423" t="s">
        <v>2795</v>
      </c>
      <c r="LFR730" s="424"/>
      <c r="LFS730" s="424"/>
      <c r="LFT730" s="424"/>
      <c r="LFU730" s="423" t="s">
        <v>2795</v>
      </c>
      <c r="LFV730" s="424"/>
      <c r="LFW730" s="424"/>
      <c r="LFX730" s="424"/>
      <c r="LFY730" s="423" t="s">
        <v>2795</v>
      </c>
      <c r="LFZ730" s="424"/>
      <c r="LGA730" s="424"/>
      <c r="LGB730" s="424"/>
      <c r="LGC730" s="423" t="s">
        <v>2795</v>
      </c>
      <c r="LGD730" s="424"/>
      <c r="LGE730" s="424"/>
      <c r="LGF730" s="424"/>
      <c r="LGG730" s="423" t="s">
        <v>2795</v>
      </c>
      <c r="LGH730" s="424"/>
      <c r="LGI730" s="424"/>
      <c r="LGJ730" s="424"/>
      <c r="LGK730" s="423" t="s">
        <v>2795</v>
      </c>
      <c r="LGL730" s="424"/>
      <c r="LGM730" s="424"/>
      <c r="LGN730" s="424"/>
      <c r="LGO730" s="423" t="s">
        <v>2795</v>
      </c>
      <c r="LGP730" s="424"/>
      <c r="LGQ730" s="424"/>
      <c r="LGR730" s="424"/>
      <c r="LGS730" s="423" t="s">
        <v>2795</v>
      </c>
      <c r="LGT730" s="424"/>
      <c r="LGU730" s="424"/>
      <c r="LGV730" s="424"/>
      <c r="LGW730" s="423" t="s">
        <v>2795</v>
      </c>
      <c r="LGX730" s="424"/>
      <c r="LGY730" s="424"/>
      <c r="LGZ730" s="424"/>
      <c r="LHA730" s="423" t="s">
        <v>2795</v>
      </c>
      <c r="LHB730" s="424"/>
      <c r="LHC730" s="424"/>
      <c r="LHD730" s="424"/>
      <c r="LHE730" s="423" t="s">
        <v>2795</v>
      </c>
      <c r="LHF730" s="424"/>
      <c r="LHG730" s="424"/>
      <c r="LHH730" s="424"/>
      <c r="LHI730" s="423" t="s">
        <v>2795</v>
      </c>
      <c r="LHJ730" s="424"/>
      <c r="LHK730" s="424"/>
      <c r="LHL730" s="424"/>
      <c r="LHM730" s="423" t="s">
        <v>2795</v>
      </c>
      <c r="LHN730" s="424"/>
      <c r="LHO730" s="424"/>
      <c r="LHP730" s="424"/>
      <c r="LHQ730" s="423" t="s">
        <v>2795</v>
      </c>
      <c r="LHR730" s="424"/>
      <c r="LHS730" s="424"/>
      <c r="LHT730" s="424"/>
      <c r="LHU730" s="423" t="s">
        <v>2795</v>
      </c>
      <c r="LHV730" s="424"/>
      <c r="LHW730" s="424"/>
      <c r="LHX730" s="424"/>
      <c r="LHY730" s="423" t="s">
        <v>2795</v>
      </c>
      <c r="LHZ730" s="424"/>
      <c r="LIA730" s="424"/>
      <c r="LIB730" s="424"/>
      <c r="LIC730" s="423" t="s">
        <v>2795</v>
      </c>
      <c r="LID730" s="424"/>
      <c r="LIE730" s="424"/>
      <c r="LIF730" s="424"/>
      <c r="LIG730" s="423" t="s">
        <v>2795</v>
      </c>
      <c r="LIH730" s="424"/>
      <c r="LII730" s="424"/>
      <c r="LIJ730" s="424"/>
      <c r="LIK730" s="423" t="s">
        <v>2795</v>
      </c>
      <c r="LIL730" s="424"/>
      <c r="LIM730" s="424"/>
      <c r="LIN730" s="424"/>
      <c r="LIO730" s="423" t="s">
        <v>2795</v>
      </c>
      <c r="LIP730" s="424"/>
      <c r="LIQ730" s="424"/>
      <c r="LIR730" s="424"/>
      <c r="LIS730" s="423" t="s">
        <v>2795</v>
      </c>
      <c r="LIT730" s="424"/>
      <c r="LIU730" s="424"/>
      <c r="LIV730" s="424"/>
      <c r="LIW730" s="423" t="s">
        <v>2795</v>
      </c>
      <c r="LIX730" s="424"/>
      <c r="LIY730" s="424"/>
      <c r="LIZ730" s="424"/>
      <c r="LJA730" s="423" t="s">
        <v>2795</v>
      </c>
      <c r="LJB730" s="424"/>
      <c r="LJC730" s="424"/>
      <c r="LJD730" s="424"/>
      <c r="LJE730" s="423" t="s">
        <v>2795</v>
      </c>
      <c r="LJF730" s="424"/>
      <c r="LJG730" s="424"/>
      <c r="LJH730" s="424"/>
      <c r="LJI730" s="423" t="s">
        <v>2795</v>
      </c>
      <c r="LJJ730" s="424"/>
      <c r="LJK730" s="424"/>
      <c r="LJL730" s="424"/>
      <c r="LJM730" s="423" t="s">
        <v>2795</v>
      </c>
      <c r="LJN730" s="424"/>
      <c r="LJO730" s="424"/>
      <c r="LJP730" s="424"/>
      <c r="LJQ730" s="423" t="s">
        <v>2795</v>
      </c>
      <c r="LJR730" s="424"/>
      <c r="LJS730" s="424"/>
      <c r="LJT730" s="424"/>
      <c r="LJU730" s="423" t="s">
        <v>2795</v>
      </c>
      <c r="LJV730" s="424"/>
      <c r="LJW730" s="424"/>
      <c r="LJX730" s="424"/>
      <c r="LJY730" s="423" t="s">
        <v>2795</v>
      </c>
      <c r="LJZ730" s="424"/>
      <c r="LKA730" s="424"/>
      <c r="LKB730" s="424"/>
      <c r="LKC730" s="423" t="s">
        <v>2795</v>
      </c>
      <c r="LKD730" s="424"/>
      <c r="LKE730" s="424"/>
      <c r="LKF730" s="424"/>
      <c r="LKG730" s="423" t="s">
        <v>2795</v>
      </c>
      <c r="LKH730" s="424"/>
      <c r="LKI730" s="424"/>
      <c r="LKJ730" s="424"/>
      <c r="LKK730" s="423" t="s">
        <v>2795</v>
      </c>
      <c r="LKL730" s="424"/>
      <c r="LKM730" s="424"/>
      <c r="LKN730" s="424"/>
      <c r="LKO730" s="423" t="s">
        <v>2795</v>
      </c>
      <c r="LKP730" s="424"/>
      <c r="LKQ730" s="424"/>
      <c r="LKR730" s="424"/>
      <c r="LKS730" s="423" t="s">
        <v>2795</v>
      </c>
      <c r="LKT730" s="424"/>
      <c r="LKU730" s="424"/>
      <c r="LKV730" s="424"/>
      <c r="LKW730" s="423" t="s">
        <v>2795</v>
      </c>
      <c r="LKX730" s="424"/>
      <c r="LKY730" s="424"/>
      <c r="LKZ730" s="424"/>
      <c r="LLA730" s="423" t="s">
        <v>2795</v>
      </c>
      <c r="LLB730" s="424"/>
      <c r="LLC730" s="424"/>
      <c r="LLD730" s="424"/>
      <c r="LLE730" s="423" t="s">
        <v>2795</v>
      </c>
      <c r="LLF730" s="424"/>
      <c r="LLG730" s="424"/>
      <c r="LLH730" s="424"/>
      <c r="LLI730" s="423" t="s">
        <v>2795</v>
      </c>
      <c r="LLJ730" s="424"/>
      <c r="LLK730" s="424"/>
      <c r="LLL730" s="424"/>
      <c r="LLM730" s="423" t="s">
        <v>2795</v>
      </c>
      <c r="LLN730" s="424"/>
      <c r="LLO730" s="424"/>
      <c r="LLP730" s="424"/>
      <c r="LLQ730" s="423" t="s">
        <v>2795</v>
      </c>
      <c r="LLR730" s="424"/>
      <c r="LLS730" s="424"/>
      <c r="LLT730" s="424"/>
      <c r="LLU730" s="423" t="s">
        <v>2795</v>
      </c>
      <c r="LLV730" s="424"/>
      <c r="LLW730" s="424"/>
      <c r="LLX730" s="424"/>
      <c r="LLY730" s="423" t="s">
        <v>2795</v>
      </c>
      <c r="LLZ730" s="424"/>
      <c r="LMA730" s="424"/>
      <c r="LMB730" s="424"/>
      <c r="LMC730" s="423" t="s">
        <v>2795</v>
      </c>
      <c r="LMD730" s="424"/>
      <c r="LME730" s="424"/>
      <c r="LMF730" s="424"/>
      <c r="LMG730" s="423" t="s">
        <v>2795</v>
      </c>
      <c r="LMH730" s="424"/>
      <c r="LMI730" s="424"/>
      <c r="LMJ730" s="424"/>
      <c r="LMK730" s="423" t="s">
        <v>2795</v>
      </c>
      <c r="LML730" s="424"/>
      <c r="LMM730" s="424"/>
      <c r="LMN730" s="424"/>
      <c r="LMO730" s="423" t="s">
        <v>2795</v>
      </c>
      <c r="LMP730" s="424"/>
      <c r="LMQ730" s="424"/>
      <c r="LMR730" s="424"/>
      <c r="LMS730" s="423" t="s">
        <v>2795</v>
      </c>
      <c r="LMT730" s="424"/>
      <c r="LMU730" s="424"/>
      <c r="LMV730" s="424"/>
      <c r="LMW730" s="423" t="s">
        <v>2795</v>
      </c>
      <c r="LMX730" s="424"/>
      <c r="LMY730" s="424"/>
      <c r="LMZ730" s="424"/>
      <c r="LNA730" s="423" t="s">
        <v>2795</v>
      </c>
      <c r="LNB730" s="424"/>
      <c r="LNC730" s="424"/>
      <c r="LND730" s="424"/>
      <c r="LNE730" s="423" t="s">
        <v>2795</v>
      </c>
      <c r="LNF730" s="424"/>
      <c r="LNG730" s="424"/>
      <c r="LNH730" s="424"/>
      <c r="LNI730" s="423" t="s">
        <v>2795</v>
      </c>
      <c r="LNJ730" s="424"/>
      <c r="LNK730" s="424"/>
      <c r="LNL730" s="424"/>
      <c r="LNM730" s="423" t="s">
        <v>2795</v>
      </c>
      <c r="LNN730" s="424"/>
      <c r="LNO730" s="424"/>
      <c r="LNP730" s="424"/>
      <c r="LNQ730" s="423" t="s">
        <v>2795</v>
      </c>
      <c r="LNR730" s="424"/>
      <c r="LNS730" s="424"/>
      <c r="LNT730" s="424"/>
      <c r="LNU730" s="423" t="s">
        <v>2795</v>
      </c>
      <c r="LNV730" s="424"/>
      <c r="LNW730" s="424"/>
      <c r="LNX730" s="424"/>
      <c r="LNY730" s="423" t="s">
        <v>2795</v>
      </c>
      <c r="LNZ730" s="424"/>
      <c r="LOA730" s="424"/>
      <c r="LOB730" s="424"/>
      <c r="LOC730" s="423" t="s">
        <v>2795</v>
      </c>
      <c r="LOD730" s="424"/>
      <c r="LOE730" s="424"/>
      <c r="LOF730" s="424"/>
      <c r="LOG730" s="423" t="s">
        <v>2795</v>
      </c>
      <c r="LOH730" s="424"/>
      <c r="LOI730" s="424"/>
      <c r="LOJ730" s="424"/>
      <c r="LOK730" s="423" t="s">
        <v>2795</v>
      </c>
      <c r="LOL730" s="424"/>
      <c r="LOM730" s="424"/>
      <c r="LON730" s="424"/>
      <c r="LOO730" s="423" t="s">
        <v>2795</v>
      </c>
      <c r="LOP730" s="424"/>
      <c r="LOQ730" s="424"/>
      <c r="LOR730" s="424"/>
      <c r="LOS730" s="423" t="s">
        <v>2795</v>
      </c>
      <c r="LOT730" s="424"/>
      <c r="LOU730" s="424"/>
      <c r="LOV730" s="424"/>
      <c r="LOW730" s="423" t="s">
        <v>2795</v>
      </c>
      <c r="LOX730" s="424"/>
      <c r="LOY730" s="424"/>
      <c r="LOZ730" s="424"/>
      <c r="LPA730" s="423" t="s">
        <v>2795</v>
      </c>
      <c r="LPB730" s="424"/>
      <c r="LPC730" s="424"/>
      <c r="LPD730" s="424"/>
      <c r="LPE730" s="423" t="s">
        <v>2795</v>
      </c>
      <c r="LPF730" s="424"/>
      <c r="LPG730" s="424"/>
      <c r="LPH730" s="424"/>
      <c r="LPI730" s="423" t="s">
        <v>2795</v>
      </c>
      <c r="LPJ730" s="424"/>
      <c r="LPK730" s="424"/>
      <c r="LPL730" s="424"/>
      <c r="LPM730" s="423" t="s">
        <v>2795</v>
      </c>
      <c r="LPN730" s="424"/>
      <c r="LPO730" s="424"/>
      <c r="LPP730" s="424"/>
      <c r="LPQ730" s="423" t="s">
        <v>2795</v>
      </c>
      <c r="LPR730" s="424"/>
      <c r="LPS730" s="424"/>
      <c r="LPT730" s="424"/>
      <c r="LPU730" s="423" t="s">
        <v>2795</v>
      </c>
      <c r="LPV730" s="424"/>
      <c r="LPW730" s="424"/>
      <c r="LPX730" s="424"/>
      <c r="LPY730" s="423" t="s">
        <v>2795</v>
      </c>
      <c r="LPZ730" s="424"/>
      <c r="LQA730" s="424"/>
      <c r="LQB730" s="424"/>
      <c r="LQC730" s="423" t="s">
        <v>2795</v>
      </c>
      <c r="LQD730" s="424"/>
      <c r="LQE730" s="424"/>
      <c r="LQF730" s="424"/>
      <c r="LQG730" s="423" t="s">
        <v>2795</v>
      </c>
      <c r="LQH730" s="424"/>
      <c r="LQI730" s="424"/>
      <c r="LQJ730" s="424"/>
      <c r="LQK730" s="423" t="s">
        <v>2795</v>
      </c>
      <c r="LQL730" s="424"/>
      <c r="LQM730" s="424"/>
      <c r="LQN730" s="424"/>
      <c r="LQO730" s="423" t="s">
        <v>2795</v>
      </c>
      <c r="LQP730" s="424"/>
      <c r="LQQ730" s="424"/>
      <c r="LQR730" s="424"/>
      <c r="LQS730" s="423" t="s">
        <v>2795</v>
      </c>
      <c r="LQT730" s="424"/>
      <c r="LQU730" s="424"/>
      <c r="LQV730" s="424"/>
      <c r="LQW730" s="423" t="s">
        <v>2795</v>
      </c>
      <c r="LQX730" s="424"/>
      <c r="LQY730" s="424"/>
      <c r="LQZ730" s="424"/>
      <c r="LRA730" s="423" t="s">
        <v>2795</v>
      </c>
      <c r="LRB730" s="424"/>
      <c r="LRC730" s="424"/>
      <c r="LRD730" s="424"/>
      <c r="LRE730" s="423" t="s">
        <v>2795</v>
      </c>
      <c r="LRF730" s="424"/>
      <c r="LRG730" s="424"/>
      <c r="LRH730" s="424"/>
      <c r="LRI730" s="423" t="s">
        <v>2795</v>
      </c>
      <c r="LRJ730" s="424"/>
      <c r="LRK730" s="424"/>
      <c r="LRL730" s="424"/>
      <c r="LRM730" s="423" t="s">
        <v>2795</v>
      </c>
      <c r="LRN730" s="424"/>
      <c r="LRO730" s="424"/>
      <c r="LRP730" s="424"/>
      <c r="LRQ730" s="423" t="s">
        <v>2795</v>
      </c>
      <c r="LRR730" s="424"/>
      <c r="LRS730" s="424"/>
      <c r="LRT730" s="424"/>
      <c r="LRU730" s="423" t="s">
        <v>2795</v>
      </c>
      <c r="LRV730" s="424"/>
      <c r="LRW730" s="424"/>
      <c r="LRX730" s="424"/>
      <c r="LRY730" s="423" t="s">
        <v>2795</v>
      </c>
      <c r="LRZ730" s="424"/>
      <c r="LSA730" s="424"/>
      <c r="LSB730" s="424"/>
      <c r="LSC730" s="423" t="s">
        <v>2795</v>
      </c>
      <c r="LSD730" s="424"/>
      <c r="LSE730" s="424"/>
      <c r="LSF730" s="424"/>
      <c r="LSG730" s="423" t="s">
        <v>2795</v>
      </c>
      <c r="LSH730" s="424"/>
      <c r="LSI730" s="424"/>
      <c r="LSJ730" s="424"/>
      <c r="LSK730" s="423" t="s">
        <v>2795</v>
      </c>
      <c r="LSL730" s="424"/>
      <c r="LSM730" s="424"/>
      <c r="LSN730" s="424"/>
      <c r="LSO730" s="423" t="s">
        <v>2795</v>
      </c>
      <c r="LSP730" s="424"/>
      <c r="LSQ730" s="424"/>
      <c r="LSR730" s="424"/>
      <c r="LSS730" s="423" t="s">
        <v>2795</v>
      </c>
      <c r="LST730" s="424"/>
      <c r="LSU730" s="424"/>
      <c r="LSV730" s="424"/>
      <c r="LSW730" s="423" t="s">
        <v>2795</v>
      </c>
      <c r="LSX730" s="424"/>
      <c r="LSY730" s="424"/>
      <c r="LSZ730" s="424"/>
      <c r="LTA730" s="423" t="s">
        <v>2795</v>
      </c>
      <c r="LTB730" s="424"/>
      <c r="LTC730" s="424"/>
      <c r="LTD730" s="424"/>
      <c r="LTE730" s="423" t="s">
        <v>2795</v>
      </c>
      <c r="LTF730" s="424"/>
      <c r="LTG730" s="424"/>
      <c r="LTH730" s="424"/>
      <c r="LTI730" s="423" t="s">
        <v>2795</v>
      </c>
      <c r="LTJ730" s="424"/>
      <c r="LTK730" s="424"/>
      <c r="LTL730" s="424"/>
      <c r="LTM730" s="423" t="s">
        <v>2795</v>
      </c>
      <c r="LTN730" s="424"/>
      <c r="LTO730" s="424"/>
      <c r="LTP730" s="424"/>
      <c r="LTQ730" s="423" t="s">
        <v>2795</v>
      </c>
      <c r="LTR730" s="424"/>
      <c r="LTS730" s="424"/>
      <c r="LTT730" s="424"/>
      <c r="LTU730" s="423" t="s">
        <v>2795</v>
      </c>
      <c r="LTV730" s="424"/>
      <c r="LTW730" s="424"/>
      <c r="LTX730" s="424"/>
      <c r="LTY730" s="423" t="s">
        <v>2795</v>
      </c>
      <c r="LTZ730" s="424"/>
      <c r="LUA730" s="424"/>
      <c r="LUB730" s="424"/>
      <c r="LUC730" s="423" t="s">
        <v>2795</v>
      </c>
      <c r="LUD730" s="424"/>
      <c r="LUE730" s="424"/>
      <c r="LUF730" s="424"/>
      <c r="LUG730" s="423" t="s">
        <v>2795</v>
      </c>
      <c r="LUH730" s="424"/>
      <c r="LUI730" s="424"/>
      <c r="LUJ730" s="424"/>
      <c r="LUK730" s="423" t="s">
        <v>2795</v>
      </c>
      <c r="LUL730" s="424"/>
      <c r="LUM730" s="424"/>
      <c r="LUN730" s="424"/>
      <c r="LUO730" s="423" t="s">
        <v>2795</v>
      </c>
      <c r="LUP730" s="424"/>
      <c r="LUQ730" s="424"/>
      <c r="LUR730" s="424"/>
      <c r="LUS730" s="423" t="s">
        <v>2795</v>
      </c>
      <c r="LUT730" s="424"/>
      <c r="LUU730" s="424"/>
      <c r="LUV730" s="424"/>
      <c r="LUW730" s="423" t="s">
        <v>2795</v>
      </c>
      <c r="LUX730" s="424"/>
      <c r="LUY730" s="424"/>
      <c r="LUZ730" s="424"/>
      <c r="LVA730" s="423" t="s">
        <v>2795</v>
      </c>
      <c r="LVB730" s="424"/>
      <c r="LVC730" s="424"/>
      <c r="LVD730" s="424"/>
      <c r="LVE730" s="423" t="s">
        <v>2795</v>
      </c>
      <c r="LVF730" s="424"/>
      <c r="LVG730" s="424"/>
      <c r="LVH730" s="424"/>
      <c r="LVI730" s="423" t="s">
        <v>2795</v>
      </c>
      <c r="LVJ730" s="424"/>
      <c r="LVK730" s="424"/>
      <c r="LVL730" s="424"/>
      <c r="LVM730" s="423" t="s">
        <v>2795</v>
      </c>
      <c r="LVN730" s="424"/>
      <c r="LVO730" s="424"/>
      <c r="LVP730" s="424"/>
      <c r="LVQ730" s="423" t="s">
        <v>2795</v>
      </c>
      <c r="LVR730" s="424"/>
      <c r="LVS730" s="424"/>
      <c r="LVT730" s="424"/>
      <c r="LVU730" s="423" t="s">
        <v>2795</v>
      </c>
      <c r="LVV730" s="424"/>
      <c r="LVW730" s="424"/>
      <c r="LVX730" s="424"/>
      <c r="LVY730" s="423" t="s">
        <v>2795</v>
      </c>
      <c r="LVZ730" s="424"/>
      <c r="LWA730" s="424"/>
      <c r="LWB730" s="424"/>
      <c r="LWC730" s="423" t="s">
        <v>2795</v>
      </c>
      <c r="LWD730" s="424"/>
      <c r="LWE730" s="424"/>
      <c r="LWF730" s="424"/>
      <c r="LWG730" s="423" t="s">
        <v>2795</v>
      </c>
      <c r="LWH730" s="424"/>
      <c r="LWI730" s="424"/>
      <c r="LWJ730" s="424"/>
      <c r="LWK730" s="423" t="s">
        <v>2795</v>
      </c>
      <c r="LWL730" s="424"/>
      <c r="LWM730" s="424"/>
      <c r="LWN730" s="424"/>
      <c r="LWO730" s="423" t="s">
        <v>2795</v>
      </c>
      <c r="LWP730" s="424"/>
      <c r="LWQ730" s="424"/>
      <c r="LWR730" s="424"/>
      <c r="LWS730" s="423" t="s">
        <v>2795</v>
      </c>
      <c r="LWT730" s="424"/>
      <c r="LWU730" s="424"/>
      <c r="LWV730" s="424"/>
      <c r="LWW730" s="423" t="s">
        <v>2795</v>
      </c>
      <c r="LWX730" s="424"/>
      <c r="LWY730" s="424"/>
      <c r="LWZ730" s="424"/>
      <c r="LXA730" s="423" t="s">
        <v>2795</v>
      </c>
      <c r="LXB730" s="424"/>
      <c r="LXC730" s="424"/>
      <c r="LXD730" s="424"/>
      <c r="LXE730" s="423" t="s">
        <v>2795</v>
      </c>
      <c r="LXF730" s="424"/>
      <c r="LXG730" s="424"/>
      <c r="LXH730" s="424"/>
      <c r="LXI730" s="423" t="s">
        <v>2795</v>
      </c>
      <c r="LXJ730" s="424"/>
      <c r="LXK730" s="424"/>
      <c r="LXL730" s="424"/>
      <c r="LXM730" s="423" t="s">
        <v>2795</v>
      </c>
      <c r="LXN730" s="424"/>
      <c r="LXO730" s="424"/>
      <c r="LXP730" s="424"/>
      <c r="LXQ730" s="423" t="s">
        <v>2795</v>
      </c>
      <c r="LXR730" s="424"/>
      <c r="LXS730" s="424"/>
      <c r="LXT730" s="424"/>
      <c r="LXU730" s="423" t="s">
        <v>2795</v>
      </c>
      <c r="LXV730" s="424"/>
      <c r="LXW730" s="424"/>
      <c r="LXX730" s="424"/>
      <c r="LXY730" s="423" t="s">
        <v>2795</v>
      </c>
      <c r="LXZ730" s="424"/>
      <c r="LYA730" s="424"/>
      <c r="LYB730" s="424"/>
      <c r="LYC730" s="423" t="s">
        <v>2795</v>
      </c>
      <c r="LYD730" s="424"/>
      <c r="LYE730" s="424"/>
      <c r="LYF730" s="424"/>
      <c r="LYG730" s="423" t="s">
        <v>2795</v>
      </c>
      <c r="LYH730" s="424"/>
      <c r="LYI730" s="424"/>
      <c r="LYJ730" s="424"/>
      <c r="LYK730" s="423" t="s">
        <v>2795</v>
      </c>
      <c r="LYL730" s="424"/>
      <c r="LYM730" s="424"/>
      <c r="LYN730" s="424"/>
      <c r="LYO730" s="423" t="s">
        <v>2795</v>
      </c>
      <c r="LYP730" s="424"/>
      <c r="LYQ730" s="424"/>
      <c r="LYR730" s="424"/>
      <c r="LYS730" s="423" t="s">
        <v>2795</v>
      </c>
      <c r="LYT730" s="424"/>
      <c r="LYU730" s="424"/>
      <c r="LYV730" s="424"/>
      <c r="LYW730" s="423" t="s">
        <v>2795</v>
      </c>
      <c r="LYX730" s="424"/>
      <c r="LYY730" s="424"/>
      <c r="LYZ730" s="424"/>
      <c r="LZA730" s="423" t="s">
        <v>2795</v>
      </c>
      <c r="LZB730" s="424"/>
      <c r="LZC730" s="424"/>
      <c r="LZD730" s="424"/>
      <c r="LZE730" s="423" t="s">
        <v>2795</v>
      </c>
      <c r="LZF730" s="424"/>
      <c r="LZG730" s="424"/>
      <c r="LZH730" s="424"/>
      <c r="LZI730" s="423" t="s">
        <v>2795</v>
      </c>
      <c r="LZJ730" s="424"/>
      <c r="LZK730" s="424"/>
      <c r="LZL730" s="424"/>
      <c r="LZM730" s="423" t="s">
        <v>2795</v>
      </c>
      <c r="LZN730" s="424"/>
      <c r="LZO730" s="424"/>
      <c r="LZP730" s="424"/>
      <c r="LZQ730" s="423" t="s">
        <v>2795</v>
      </c>
      <c r="LZR730" s="424"/>
      <c r="LZS730" s="424"/>
      <c r="LZT730" s="424"/>
      <c r="LZU730" s="423" t="s">
        <v>2795</v>
      </c>
      <c r="LZV730" s="424"/>
      <c r="LZW730" s="424"/>
      <c r="LZX730" s="424"/>
      <c r="LZY730" s="423" t="s">
        <v>2795</v>
      </c>
      <c r="LZZ730" s="424"/>
      <c r="MAA730" s="424"/>
      <c r="MAB730" s="424"/>
      <c r="MAC730" s="423" t="s">
        <v>2795</v>
      </c>
      <c r="MAD730" s="424"/>
      <c r="MAE730" s="424"/>
      <c r="MAF730" s="424"/>
      <c r="MAG730" s="423" t="s">
        <v>2795</v>
      </c>
      <c r="MAH730" s="424"/>
      <c r="MAI730" s="424"/>
      <c r="MAJ730" s="424"/>
      <c r="MAK730" s="423" t="s">
        <v>2795</v>
      </c>
      <c r="MAL730" s="424"/>
      <c r="MAM730" s="424"/>
      <c r="MAN730" s="424"/>
      <c r="MAO730" s="423" t="s">
        <v>2795</v>
      </c>
      <c r="MAP730" s="424"/>
      <c r="MAQ730" s="424"/>
      <c r="MAR730" s="424"/>
      <c r="MAS730" s="423" t="s">
        <v>2795</v>
      </c>
      <c r="MAT730" s="424"/>
      <c r="MAU730" s="424"/>
      <c r="MAV730" s="424"/>
      <c r="MAW730" s="423" t="s">
        <v>2795</v>
      </c>
      <c r="MAX730" s="424"/>
      <c r="MAY730" s="424"/>
      <c r="MAZ730" s="424"/>
      <c r="MBA730" s="423" t="s">
        <v>2795</v>
      </c>
      <c r="MBB730" s="424"/>
      <c r="MBC730" s="424"/>
      <c r="MBD730" s="424"/>
      <c r="MBE730" s="423" t="s">
        <v>2795</v>
      </c>
      <c r="MBF730" s="424"/>
      <c r="MBG730" s="424"/>
      <c r="MBH730" s="424"/>
      <c r="MBI730" s="423" t="s">
        <v>2795</v>
      </c>
      <c r="MBJ730" s="424"/>
      <c r="MBK730" s="424"/>
      <c r="MBL730" s="424"/>
      <c r="MBM730" s="423" t="s">
        <v>2795</v>
      </c>
      <c r="MBN730" s="424"/>
      <c r="MBO730" s="424"/>
      <c r="MBP730" s="424"/>
      <c r="MBQ730" s="423" t="s">
        <v>2795</v>
      </c>
      <c r="MBR730" s="424"/>
      <c r="MBS730" s="424"/>
      <c r="MBT730" s="424"/>
      <c r="MBU730" s="423" t="s">
        <v>2795</v>
      </c>
      <c r="MBV730" s="424"/>
      <c r="MBW730" s="424"/>
      <c r="MBX730" s="424"/>
      <c r="MBY730" s="423" t="s">
        <v>2795</v>
      </c>
      <c r="MBZ730" s="424"/>
      <c r="MCA730" s="424"/>
      <c r="MCB730" s="424"/>
      <c r="MCC730" s="423" t="s">
        <v>2795</v>
      </c>
      <c r="MCD730" s="424"/>
      <c r="MCE730" s="424"/>
      <c r="MCF730" s="424"/>
      <c r="MCG730" s="423" t="s">
        <v>2795</v>
      </c>
      <c r="MCH730" s="424"/>
      <c r="MCI730" s="424"/>
      <c r="MCJ730" s="424"/>
      <c r="MCK730" s="423" t="s">
        <v>2795</v>
      </c>
      <c r="MCL730" s="424"/>
      <c r="MCM730" s="424"/>
      <c r="MCN730" s="424"/>
      <c r="MCO730" s="423" t="s">
        <v>2795</v>
      </c>
      <c r="MCP730" s="424"/>
      <c r="MCQ730" s="424"/>
      <c r="MCR730" s="424"/>
      <c r="MCS730" s="423" t="s">
        <v>2795</v>
      </c>
      <c r="MCT730" s="424"/>
      <c r="MCU730" s="424"/>
      <c r="MCV730" s="424"/>
      <c r="MCW730" s="423" t="s">
        <v>2795</v>
      </c>
      <c r="MCX730" s="424"/>
      <c r="MCY730" s="424"/>
      <c r="MCZ730" s="424"/>
      <c r="MDA730" s="423" t="s">
        <v>2795</v>
      </c>
      <c r="MDB730" s="424"/>
      <c r="MDC730" s="424"/>
      <c r="MDD730" s="424"/>
      <c r="MDE730" s="423" t="s">
        <v>2795</v>
      </c>
      <c r="MDF730" s="424"/>
      <c r="MDG730" s="424"/>
      <c r="MDH730" s="424"/>
      <c r="MDI730" s="423" t="s">
        <v>2795</v>
      </c>
      <c r="MDJ730" s="424"/>
      <c r="MDK730" s="424"/>
      <c r="MDL730" s="424"/>
      <c r="MDM730" s="423" t="s">
        <v>2795</v>
      </c>
      <c r="MDN730" s="424"/>
      <c r="MDO730" s="424"/>
      <c r="MDP730" s="424"/>
      <c r="MDQ730" s="423" t="s">
        <v>2795</v>
      </c>
      <c r="MDR730" s="424"/>
      <c r="MDS730" s="424"/>
      <c r="MDT730" s="424"/>
      <c r="MDU730" s="423" t="s">
        <v>2795</v>
      </c>
      <c r="MDV730" s="424"/>
      <c r="MDW730" s="424"/>
      <c r="MDX730" s="424"/>
      <c r="MDY730" s="423" t="s">
        <v>2795</v>
      </c>
      <c r="MDZ730" s="424"/>
      <c r="MEA730" s="424"/>
      <c r="MEB730" s="424"/>
      <c r="MEC730" s="423" t="s">
        <v>2795</v>
      </c>
      <c r="MED730" s="424"/>
      <c r="MEE730" s="424"/>
      <c r="MEF730" s="424"/>
      <c r="MEG730" s="423" t="s">
        <v>2795</v>
      </c>
      <c r="MEH730" s="424"/>
      <c r="MEI730" s="424"/>
      <c r="MEJ730" s="424"/>
      <c r="MEK730" s="423" t="s">
        <v>2795</v>
      </c>
      <c r="MEL730" s="424"/>
      <c r="MEM730" s="424"/>
      <c r="MEN730" s="424"/>
      <c r="MEO730" s="423" t="s">
        <v>2795</v>
      </c>
      <c r="MEP730" s="424"/>
      <c r="MEQ730" s="424"/>
      <c r="MER730" s="424"/>
      <c r="MES730" s="423" t="s">
        <v>2795</v>
      </c>
      <c r="MET730" s="424"/>
      <c r="MEU730" s="424"/>
      <c r="MEV730" s="424"/>
      <c r="MEW730" s="423" t="s">
        <v>2795</v>
      </c>
      <c r="MEX730" s="424"/>
      <c r="MEY730" s="424"/>
      <c r="MEZ730" s="424"/>
      <c r="MFA730" s="423" t="s">
        <v>2795</v>
      </c>
      <c r="MFB730" s="424"/>
      <c r="MFC730" s="424"/>
      <c r="MFD730" s="424"/>
      <c r="MFE730" s="423" t="s">
        <v>2795</v>
      </c>
      <c r="MFF730" s="424"/>
      <c r="MFG730" s="424"/>
      <c r="MFH730" s="424"/>
      <c r="MFI730" s="423" t="s">
        <v>2795</v>
      </c>
      <c r="MFJ730" s="424"/>
      <c r="MFK730" s="424"/>
      <c r="MFL730" s="424"/>
      <c r="MFM730" s="423" t="s">
        <v>2795</v>
      </c>
      <c r="MFN730" s="424"/>
      <c r="MFO730" s="424"/>
      <c r="MFP730" s="424"/>
      <c r="MFQ730" s="423" t="s">
        <v>2795</v>
      </c>
      <c r="MFR730" s="424"/>
      <c r="MFS730" s="424"/>
      <c r="MFT730" s="424"/>
      <c r="MFU730" s="423" t="s">
        <v>2795</v>
      </c>
      <c r="MFV730" s="424"/>
      <c r="MFW730" s="424"/>
      <c r="MFX730" s="424"/>
      <c r="MFY730" s="423" t="s">
        <v>2795</v>
      </c>
      <c r="MFZ730" s="424"/>
      <c r="MGA730" s="424"/>
      <c r="MGB730" s="424"/>
      <c r="MGC730" s="423" t="s">
        <v>2795</v>
      </c>
      <c r="MGD730" s="424"/>
      <c r="MGE730" s="424"/>
      <c r="MGF730" s="424"/>
      <c r="MGG730" s="423" t="s">
        <v>2795</v>
      </c>
      <c r="MGH730" s="424"/>
      <c r="MGI730" s="424"/>
      <c r="MGJ730" s="424"/>
      <c r="MGK730" s="423" t="s">
        <v>2795</v>
      </c>
      <c r="MGL730" s="424"/>
      <c r="MGM730" s="424"/>
      <c r="MGN730" s="424"/>
      <c r="MGO730" s="423" t="s">
        <v>2795</v>
      </c>
      <c r="MGP730" s="424"/>
      <c r="MGQ730" s="424"/>
      <c r="MGR730" s="424"/>
      <c r="MGS730" s="423" t="s">
        <v>2795</v>
      </c>
      <c r="MGT730" s="424"/>
      <c r="MGU730" s="424"/>
      <c r="MGV730" s="424"/>
      <c r="MGW730" s="423" t="s">
        <v>2795</v>
      </c>
      <c r="MGX730" s="424"/>
      <c r="MGY730" s="424"/>
      <c r="MGZ730" s="424"/>
      <c r="MHA730" s="423" t="s">
        <v>2795</v>
      </c>
      <c r="MHB730" s="424"/>
      <c r="MHC730" s="424"/>
      <c r="MHD730" s="424"/>
      <c r="MHE730" s="423" t="s">
        <v>2795</v>
      </c>
      <c r="MHF730" s="424"/>
      <c r="MHG730" s="424"/>
      <c r="MHH730" s="424"/>
      <c r="MHI730" s="423" t="s">
        <v>2795</v>
      </c>
      <c r="MHJ730" s="424"/>
      <c r="MHK730" s="424"/>
      <c r="MHL730" s="424"/>
      <c r="MHM730" s="423" t="s">
        <v>2795</v>
      </c>
      <c r="MHN730" s="424"/>
      <c r="MHO730" s="424"/>
      <c r="MHP730" s="424"/>
      <c r="MHQ730" s="423" t="s">
        <v>2795</v>
      </c>
      <c r="MHR730" s="424"/>
      <c r="MHS730" s="424"/>
      <c r="MHT730" s="424"/>
      <c r="MHU730" s="423" t="s">
        <v>2795</v>
      </c>
      <c r="MHV730" s="424"/>
      <c r="MHW730" s="424"/>
      <c r="MHX730" s="424"/>
      <c r="MHY730" s="423" t="s">
        <v>2795</v>
      </c>
      <c r="MHZ730" s="424"/>
      <c r="MIA730" s="424"/>
      <c r="MIB730" s="424"/>
      <c r="MIC730" s="423" t="s">
        <v>2795</v>
      </c>
      <c r="MID730" s="424"/>
      <c r="MIE730" s="424"/>
      <c r="MIF730" s="424"/>
      <c r="MIG730" s="423" t="s">
        <v>2795</v>
      </c>
      <c r="MIH730" s="424"/>
      <c r="MII730" s="424"/>
      <c r="MIJ730" s="424"/>
      <c r="MIK730" s="423" t="s">
        <v>2795</v>
      </c>
      <c r="MIL730" s="424"/>
      <c r="MIM730" s="424"/>
      <c r="MIN730" s="424"/>
      <c r="MIO730" s="423" t="s">
        <v>2795</v>
      </c>
      <c r="MIP730" s="424"/>
      <c r="MIQ730" s="424"/>
      <c r="MIR730" s="424"/>
      <c r="MIS730" s="423" t="s">
        <v>2795</v>
      </c>
      <c r="MIT730" s="424"/>
      <c r="MIU730" s="424"/>
      <c r="MIV730" s="424"/>
      <c r="MIW730" s="423" t="s">
        <v>2795</v>
      </c>
      <c r="MIX730" s="424"/>
      <c r="MIY730" s="424"/>
      <c r="MIZ730" s="424"/>
      <c r="MJA730" s="423" t="s">
        <v>2795</v>
      </c>
      <c r="MJB730" s="424"/>
      <c r="MJC730" s="424"/>
      <c r="MJD730" s="424"/>
      <c r="MJE730" s="423" t="s">
        <v>2795</v>
      </c>
      <c r="MJF730" s="424"/>
      <c r="MJG730" s="424"/>
      <c r="MJH730" s="424"/>
      <c r="MJI730" s="423" t="s">
        <v>2795</v>
      </c>
      <c r="MJJ730" s="424"/>
      <c r="MJK730" s="424"/>
      <c r="MJL730" s="424"/>
      <c r="MJM730" s="423" t="s">
        <v>2795</v>
      </c>
      <c r="MJN730" s="424"/>
      <c r="MJO730" s="424"/>
      <c r="MJP730" s="424"/>
      <c r="MJQ730" s="423" t="s">
        <v>2795</v>
      </c>
      <c r="MJR730" s="424"/>
      <c r="MJS730" s="424"/>
      <c r="MJT730" s="424"/>
      <c r="MJU730" s="423" t="s">
        <v>2795</v>
      </c>
      <c r="MJV730" s="424"/>
      <c r="MJW730" s="424"/>
      <c r="MJX730" s="424"/>
      <c r="MJY730" s="423" t="s">
        <v>2795</v>
      </c>
      <c r="MJZ730" s="424"/>
      <c r="MKA730" s="424"/>
      <c r="MKB730" s="424"/>
      <c r="MKC730" s="423" t="s">
        <v>2795</v>
      </c>
      <c r="MKD730" s="424"/>
      <c r="MKE730" s="424"/>
      <c r="MKF730" s="424"/>
      <c r="MKG730" s="423" t="s">
        <v>2795</v>
      </c>
      <c r="MKH730" s="424"/>
      <c r="MKI730" s="424"/>
      <c r="MKJ730" s="424"/>
      <c r="MKK730" s="423" t="s">
        <v>2795</v>
      </c>
      <c r="MKL730" s="424"/>
      <c r="MKM730" s="424"/>
      <c r="MKN730" s="424"/>
      <c r="MKO730" s="423" t="s">
        <v>2795</v>
      </c>
      <c r="MKP730" s="424"/>
      <c r="MKQ730" s="424"/>
      <c r="MKR730" s="424"/>
      <c r="MKS730" s="423" t="s">
        <v>2795</v>
      </c>
      <c r="MKT730" s="424"/>
      <c r="MKU730" s="424"/>
      <c r="MKV730" s="424"/>
      <c r="MKW730" s="423" t="s">
        <v>2795</v>
      </c>
      <c r="MKX730" s="424"/>
      <c r="MKY730" s="424"/>
      <c r="MKZ730" s="424"/>
      <c r="MLA730" s="423" t="s">
        <v>2795</v>
      </c>
      <c r="MLB730" s="424"/>
      <c r="MLC730" s="424"/>
      <c r="MLD730" s="424"/>
      <c r="MLE730" s="423" t="s">
        <v>2795</v>
      </c>
      <c r="MLF730" s="424"/>
      <c r="MLG730" s="424"/>
      <c r="MLH730" s="424"/>
      <c r="MLI730" s="423" t="s">
        <v>2795</v>
      </c>
      <c r="MLJ730" s="424"/>
      <c r="MLK730" s="424"/>
      <c r="MLL730" s="424"/>
      <c r="MLM730" s="423" t="s">
        <v>2795</v>
      </c>
      <c r="MLN730" s="424"/>
      <c r="MLO730" s="424"/>
      <c r="MLP730" s="424"/>
      <c r="MLQ730" s="423" t="s">
        <v>2795</v>
      </c>
      <c r="MLR730" s="424"/>
      <c r="MLS730" s="424"/>
      <c r="MLT730" s="424"/>
      <c r="MLU730" s="423" t="s">
        <v>2795</v>
      </c>
      <c r="MLV730" s="424"/>
      <c r="MLW730" s="424"/>
      <c r="MLX730" s="424"/>
      <c r="MLY730" s="423" t="s">
        <v>2795</v>
      </c>
      <c r="MLZ730" s="424"/>
      <c r="MMA730" s="424"/>
      <c r="MMB730" s="424"/>
      <c r="MMC730" s="423" t="s">
        <v>2795</v>
      </c>
      <c r="MMD730" s="424"/>
      <c r="MME730" s="424"/>
      <c r="MMF730" s="424"/>
      <c r="MMG730" s="423" t="s">
        <v>2795</v>
      </c>
      <c r="MMH730" s="424"/>
      <c r="MMI730" s="424"/>
      <c r="MMJ730" s="424"/>
      <c r="MMK730" s="423" t="s">
        <v>2795</v>
      </c>
      <c r="MML730" s="424"/>
      <c r="MMM730" s="424"/>
      <c r="MMN730" s="424"/>
      <c r="MMO730" s="423" t="s">
        <v>2795</v>
      </c>
      <c r="MMP730" s="424"/>
      <c r="MMQ730" s="424"/>
      <c r="MMR730" s="424"/>
      <c r="MMS730" s="423" t="s">
        <v>2795</v>
      </c>
      <c r="MMT730" s="424"/>
      <c r="MMU730" s="424"/>
      <c r="MMV730" s="424"/>
      <c r="MMW730" s="423" t="s">
        <v>2795</v>
      </c>
      <c r="MMX730" s="424"/>
      <c r="MMY730" s="424"/>
      <c r="MMZ730" s="424"/>
      <c r="MNA730" s="423" t="s">
        <v>2795</v>
      </c>
      <c r="MNB730" s="424"/>
      <c r="MNC730" s="424"/>
      <c r="MND730" s="424"/>
      <c r="MNE730" s="423" t="s">
        <v>2795</v>
      </c>
      <c r="MNF730" s="424"/>
      <c r="MNG730" s="424"/>
      <c r="MNH730" s="424"/>
      <c r="MNI730" s="423" t="s">
        <v>2795</v>
      </c>
      <c r="MNJ730" s="424"/>
      <c r="MNK730" s="424"/>
      <c r="MNL730" s="424"/>
      <c r="MNM730" s="423" t="s">
        <v>2795</v>
      </c>
      <c r="MNN730" s="424"/>
      <c r="MNO730" s="424"/>
      <c r="MNP730" s="424"/>
      <c r="MNQ730" s="423" t="s">
        <v>2795</v>
      </c>
      <c r="MNR730" s="424"/>
      <c r="MNS730" s="424"/>
      <c r="MNT730" s="424"/>
      <c r="MNU730" s="423" t="s">
        <v>2795</v>
      </c>
      <c r="MNV730" s="424"/>
      <c r="MNW730" s="424"/>
      <c r="MNX730" s="424"/>
      <c r="MNY730" s="423" t="s">
        <v>2795</v>
      </c>
      <c r="MNZ730" s="424"/>
      <c r="MOA730" s="424"/>
      <c r="MOB730" s="424"/>
      <c r="MOC730" s="423" t="s">
        <v>2795</v>
      </c>
      <c r="MOD730" s="424"/>
      <c r="MOE730" s="424"/>
      <c r="MOF730" s="424"/>
      <c r="MOG730" s="423" t="s">
        <v>2795</v>
      </c>
      <c r="MOH730" s="424"/>
      <c r="MOI730" s="424"/>
      <c r="MOJ730" s="424"/>
      <c r="MOK730" s="423" t="s">
        <v>2795</v>
      </c>
      <c r="MOL730" s="424"/>
      <c r="MOM730" s="424"/>
      <c r="MON730" s="424"/>
      <c r="MOO730" s="423" t="s">
        <v>2795</v>
      </c>
      <c r="MOP730" s="424"/>
      <c r="MOQ730" s="424"/>
      <c r="MOR730" s="424"/>
      <c r="MOS730" s="423" t="s">
        <v>2795</v>
      </c>
      <c r="MOT730" s="424"/>
      <c r="MOU730" s="424"/>
      <c r="MOV730" s="424"/>
      <c r="MOW730" s="423" t="s">
        <v>2795</v>
      </c>
      <c r="MOX730" s="424"/>
      <c r="MOY730" s="424"/>
      <c r="MOZ730" s="424"/>
      <c r="MPA730" s="423" t="s">
        <v>2795</v>
      </c>
      <c r="MPB730" s="424"/>
      <c r="MPC730" s="424"/>
      <c r="MPD730" s="424"/>
      <c r="MPE730" s="423" t="s">
        <v>2795</v>
      </c>
      <c r="MPF730" s="424"/>
      <c r="MPG730" s="424"/>
      <c r="MPH730" s="424"/>
      <c r="MPI730" s="423" t="s">
        <v>2795</v>
      </c>
      <c r="MPJ730" s="424"/>
      <c r="MPK730" s="424"/>
      <c r="MPL730" s="424"/>
      <c r="MPM730" s="423" t="s">
        <v>2795</v>
      </c>
      <c r="MPN730" s="424"/>
      <c r="MPO730" s="424"/>
      <c r="MPP730" s="424"/>
      <c r="MPQ730" s="423" t="s">
        <v>2795</v>
      </c>
      <c r="MPR730" s="424"/>
      <c r="MPS730" s="424"/>
      <c r="MPT730" s="424"/>
      <c r="MPU730" s="423" t="s">
        <v>2795</v>
      </c>
      <c r="MPV730" s="424"/>
      <c r="MPW730" s="424"/>
      <c r="MPX730" s="424"/>
      <c r="MPY730" s="423" t="s">
        <v>2795</v>
      </c>
      <c r="MPZ730" s="424"/>
      <c r="MQA730" s="424"/>
      <c r="MQB730" s="424"/>
      <c r="MQC730" s="423" t="s">
        <v>2795</v>
      </c>
      <c r="MQD730" s="424"/>
      <c r="MQE730" s="424"/>
      <c r="MQF730" s="424"/>
      <c r="MQG730" s="423" t="s">
        <v>2795</v>
      </c>
      <c r="MQH730" s="424"/>
      <c r="MQI730" s="424"/>
      <c r="MQJ730" s="424"/>
      <c r="MQK730" s="423" t="s">
        <v>2795</v>
      </c>
      <c r="MQL730" s="424"/>
      <c r="MQM730" s="424"/>
      <c r="MQN730" s="424"/>
      <c r="MQO730" s="423" t="s">
        <v>2795</v>
      </c>
      <c r="MQP730" s="424"/>
      <c r="MQQ730" s="424"/>
      <c r="MQR730" s="424"/>
      <c r="MQS730" s="423" t="s">
        <v>2795</v>
      </c>
      <c r="MQT730" s="424"/>
      <c r="MQU730" s="424"/>
      <c r="MQV730" s="424"/>
      <c r="MQW730" s="423" t="s">
        <v>2795</v>
      </c>
      <c r="MQX730" s="424"/>
      <c r="MQY730" s="424"/>
      <c r="MQZ730" s="424"/>
      <c r="MRA730" s="423" t="s">
        <v>2795</v>
      </c>
      <c r="MRB730" s="424"/>
      <c r="MRC730" s="424"/>
      <c r="MRD730" s="424"/>
      <c r="MRE730" s="423" t="s">
        <v>2795</v>
      </c>
      <c r="MRF730" s="424"/>
      <c r="MRG730" s="424"/>
      <c r="MRH730" s="424"/>
      <c r="MRI730" s="423" t="s">
        <v>2795</v>
      </c>
      <c r="MRJ730" s="424"/>
      <c r="MRK730" s="424"/>
      <c r="MRL730" s="424"/>
      <c r="MRM730" s="423" t="s">
        <v>2795</v>
      </c>
      <c r="MRN730" s="424"/>
      <c r="MRO730" s="424"/>
      <c r="MRP730" s="424"/>
      <c r="MRQ730" s="423" t="s">
        <v>2795</v>
      </c>
      <c r="MRR730" s="424"/>
      <c r="MRS730" s="424"/>
      <c r="MRT730" s="424"/>
      <c r="MRU730" s="423" t="s">
        <v>2795</v>
      </c>
      <c r="MRV730" s="424"/>
      <c r="MRW730" s="424"/>
      <c r="MRX730" s="424"/>
      <c r="MRY730" s="423" t="s">
        <v>2795</v>
      </c>
      <c r="MRZ730" s="424"/>
      <c r="MSA730" s="424"/>
      <c r="MSB730" s="424"/>
      <c r="MSC730" s="423" t="s">
        <v>2795</v>
      </c>
      <c r="MSD730" s="424"/>
      <c r="MSE730" s="424"/>
      <c r="MSF730" s="424"/>
      <c r="MSG730" s="423" t="s">
        <v>2795</v>
      </c>
      <c r="MSH730" s="424"/>
      <c r="MSI730" s="424"/>
      <c r="MSJ730" s="424"/>
      <c r="MSK730" s="423" t="s">
        <v>2795</v>
      </c>
      <c r="MSL730" s="424"/>
      <c r="MSM730" s="424"/>
      <c r="MSN730" s="424"/>
      <c r="MSO730" s="423" t="s">
        <v>2795</v>
      </c>
      <c r="MSP730" s="424"/>
      <c r="MSQ730" s="424"/>
      <c r="MSR730" s="424"/>
      <c r="MSS730" s="423" t="s">
        <v>2795</v>
      </c>
      <c r="MST730" s="424"/>
      <c r="MSU730" s="424"/>
      <c r="MSV730" s="424"/>
      <c r="MSW730" s="423" t="s">
        <v>2795</v>
      </c>
      <c r="MSX730" s="424"/>
      <c r="MSY730" s="424"/>
      <c r="MSZ730" s="424"/>
      <c r="MTA730" s="423" t="s">
        <v>2795</v>
      </c>
      <c r="MTB730" s="424"/>
      <c r="MTC730" s="424"/>
      <c r="MTD730" s="424"/>
      <c r="MTE730" s="423" t="s">
        <v>2795</v>
      </c>
      <c r="MTF730" s="424"/>
      <c r="MTG730" s="424"/>
      <c r="MTH730" s="424"/>
      <c r="MTI730" s="423" t="s">
        <v>2795</v>
      </c>
      <c r="MTJ730" s="424"/>
      <c r="MTK730" s="424"/>
      <c r="MTL730" s="424"/>
      <c r="MTM730" s="423" t="s">
        <v>2795</v>
      </c>
      <c r="MTN730" s="424"/>
      <c r="MTO730" s="424"/>
      <c r="MTP730" s="424"/>
      <c r="MTQ730" s="423" t="s">
        <v>2795</v>
      </c>
      <c r="MTR730" s="424"/>
      <c r="MTS730" s="424"/>
      <c r="MTT730" s="424"/>
      <c r="MTU730" s="423" t="s">
        <v>2795</v>
      </c>
      <c r="MTV730" s="424"/>
      <c r="MTW730" s="424"/>
      <c r="MTX730" s="424"/>
      <c r="MTY730" s="423" t="s">
        <v>2795</v>
      </c>
      <c r="MTZ730" s="424"/>
      <c r="MUA730" s="424"/>
      <c r="MUB730" s="424"/>
      <c r="MUC730" s="423" t="s">
        <v>2795</v>
      </c>
      <c r="MUD730" s="424"/>
      <c r="MUE730" s="424"/>
      <c r="MUF730" s="424"/>
      <c r="MUG730" s="423" t="s">
        <v>2795</v>
      </c>
      <c r="MUH730" s="424"/>
      <c r="MUI730" s="424"/>
      <c r="MUJ730" s="424"/>
      <c r="MUK730" s="423" t="s">
        <v>2795</v>
      </c>
      <c r="MUL730" s="424"/>
      <c r="MUM730" s="424"/>
      <c r="MUN730" s="424"/>
      <c r="MUO730" s="423" t="s">
        <v>2795</v>
      </c>
      <c r="MUP730" s="424"/>
      <c r="MUQ730" s="424"/>
      <c r="MUR730" s="424"/>
      <c r="MUS730" s="423" t="s">
        <v>2795</v>
      </c>
      <c r="MUT730" s="424"/>
      <c r="MUU730" s="424"/>
      <c r="MUV730" s="424"/>
      <c r="MUW730" s="423" t="s">
        <v>2795</v>
      </c>
      <c r="MUX730" s="424"/>
      <c r="MUY730" s="424"/>
      <c r="MUZ730" s="424"/>
      <c r="MVA730" s="423" t="s">
        <v>2795</v>
      </c>
      <c r="MVB730" s="424"/>
      <c r="MVC730" s="424"/>
      <c r="MVD730" s="424"/>
      <c r="MVE730" s="423" t="s">
        <v>2795</v>
      </c>
      <c r="MVF730" s="424"/>
      <c r="MVG730" s="424"/>
      <c r="MVH730" s="424"/>
      <c r="MVI730" s="423" t="s">
        <v>2795</v>
      </c>
      <c r="MVJ730" s="424"/>
      <c r="MVK730" s="424"/>
      <c r="MVL730" s="424"/>
      <c r="MVM730" s="423" t="s">
        <v>2795</v>
      </c>
      <c r="MVN730" s="424"/>
      <c r="MVO730" s="424"/>
      <c r="MVP730" s="424"/>
      <c r="MVQ730" s="423" t="s">
        <v>2795</v>
      </c>
      <c r="MVR730" s="424"/>
      <c r="MVS730" s="424"/>
      <c r="MVT730" s="424"/>
      <c r="MVU730" s="423" t="s">
        <v>2795</v>
      </c>
      <c r="MVV730" s="424"/>
      <c r="MVW730" s="424"/>
      <c r="MVX730" s="424"/>
      <c r="MVY730" s="423" t="s">
        <v>2795</v>
      </c>
      <c r="MVZ730" s="424"/>
      <c r="MWA730" s="424"/>
      <c r="MWB730" s="424"/>
      <c r="MWC730" s="423" t="s">
        <v>2795</v>
      </c>
      <c r="MWD730" s="424"/>
      <c r="MWE730" s="424"/>
      <c r="MWF730" s="424"/>
      <c r="MWG730" s="423" t="s">
        <v>2795</v>
      </c>
      <c r="MWH730" s="424"/>
      <c r="MWI730" s="424"/>
      <c r="MWJ730" s="424"/>
      <c r="MWK730" s="423" t="s">
        <v>2795</v>
      </c>
      <c r="MWL730" s="424"/>
      <c r="MWM730" s="424"/>
      <c r="MWN730" s="424"/>
      <c r="MWO730" s="423" t="s">
        <v>2795</v>
      </c>
      <c r="MWP730" s="424"/>
      <c r="MWQ730" s="424"/>
      <c r="MWR730" s="424"/>
      <c r="MWS730" s="423" t="s">
        <v>2795</v>
      </c>
      <c r="MWT730" s="424"/>
      <c r="MWU730" s="424"/>
      <c r="MWV730" s="424"/>
      <c r="MWW730" s="423" t="s">
        <v>2795</v>
      </c>
      <c r="MWX730" s="424"/>
      <c r="MWY730" s="424"/>
      <c r="MWZ730" s="424"/>
      <c r="MXA730" s="423" t="s">
        <v>2795</v>
      </c>
      <c r="MXB730" s="424"/>
      <c r="MXC730" s="424"/>
      <c r="MXD730" s="424"/>
      <c r="MXE730" s="423" t="s">
        <v>2795</v>
      </c>
      <c r="MXF730" s="424"/>
      <c r="MXG730" s="424"/>
      <c r="MXH730" s="424"/>
      <c r="MXI730" s="423" t="s">
        <v>2795</v>
      </c>
      <c r="MXJ730" s="424"/>
      <c r="MXK730" s="424"/>
      <c r="MXL730" s="424"/>
      <c r="MXM730" s="423" t="s">
        <v>2795</v>
      </c>
      <c r="MXN730" s="424"/>
      <c r="MXO730" s="424"/>
      <c r="MXP730" s="424"/>
      <c r="MXQ730" s="423" t="s">
        <v>2795</v>
      </c>
      <c r="MXR730" s="424"/>
      <c r="MXS730" s="424"/>
      <c r="MXT730" s="424"/>
      <c r="MXU730" s="423" t="s">
        <v>2795</v>
      </c>
      <c r="MXV730" s="424"/>
      <c r="MXW730" s="424"/>
      <c r="MXX730" s="424"/>
      <c r="MXY730" s="423" t="s">
        <v>2795</v>
      </c>
      <c r="MXZ730" s="424"/>
      <c r="MYA730" s="424"/>
      <c r="MYB730" s="424"/>
      <c r="MYC730" s="423" t="s">
        <v>2795</v>
      </c>
      <c r="MYD730" s="424"/>
      <c r="MYE730" s="424"/>
      <c r="MYF730" s="424"/>
      <c r="MYG730" s="423" t="s">
        <v>2795</v>
      </c>
      <c r="MYH730" s="424"/>
      <c r="MYI730" s="424"/>
      <c r="MYJ730" s="424"/>
      <c r="MYK730" s="423" t="s">
        <v>2795</v>
      </c>
      <c r="MYL730" s="424"/>
      <c r="MYM730" s="424"/>
      <c r="MYN730" s="424"/>
      <c r="MYO730" s="423" t="s">
        <v>2795</v>
      </c>
      <c r="MYP730" s="424"/>
      <c r="MYQ730" s="424"/>
      <c r="MYR730" s="424"/>
      <c r="MYS730" s="423" t="s">
        <v>2795</v>
      </c>
      <c r="MYT730" s="424"/>
      <c r="MYU730" s="424"/>
      <c r="MYV730" s="424"/>
      <c r="MYW730" s="423" t="s">
        <v>2795</v>
      </c>
      <c r="MYX730" s="424"/>
      <c r="MYY730" s="424"/>
      <c r="MYZ730" s="424"/>
      <c r="MZA730" s="423" t="s">
        <v>2795</v>
      </c>
      <c r="MZB730" s="424"/>
      <c r="MZC730" s="424"/>
      <c r="MZD730" s="424"/>
      <c r="MZE730" s="423" t="s">
        <v>2795</v>
      </c>
      <c r="MZF730" s="424"/>
      <c r="MZG730" s="424"/>
      <c r="MZH730" s="424"/>
      <c r="MZI730" s="423" t="s">
        <v>2795</v>
      </c>
      <c r="MZJ730" s="424"/>
      <c r="MZK730" s="424"/>
      <c r="MZL730" s="424"/>
      <c r="MZM730" s="423" t="s">
        <v>2795</v>
      </c>
      <c r="MZN730" s="424"/>
      <c r="MZO730" s="424"/>
      <c r="MZP730" s="424"/>
      <c r="MZQ730" s="423" t="s">
        <v>2795</v>
      </c>
      <c r="MZR730" s="424"/>
      <c r="MZS730" s="424"/>
      <c r="MZT730" s="424"/>
      <c r="MZU730" s="423" t="s">
        <v>2795</v>
      </c>
      <c r="MZV730" s="424"/>
      <c r="MZW730" s="424"/>
      <c r="MZX730" s="424"/>
      <c r="MZY730" s="423" t="s">
        <v>2795</v>
      </c>
      <c r="MZZ730" s="424"/>
      <c r="NAA730" s="424"/>
      <c r="NAB730" s="424"/>
      <c r="NAC730" s="423" t="s">
        <v>2795</v>
      </c>
      <c r="NAD730" s="424"/>
      <c r="NAE730" s="424"/>
      <c r="NAF730" s="424"/>
      <c r="NAG730" s="423" t="s">
        <v>2795</v>
      </c>
      <c r="NAH730" s="424"/>
      <c r="NAI730" s="424"/>
      <c r="NAJ730" s="424"/>
      <c r="NAK730" s="423" t="s">
        <v>2795</v>
      </c>
      <c r="NAL730" s="424"/>
      <c r="NAM730" s="424"/>
      <c r="NAN730" s="424"/>
      <c r="NAO730" s="423" t="s">
        <v>2795</v>
      </c>
      <c r="NAP730" s="424"/>
      <c r="NAQ730" s="424"/>
      <c r="NAR730" s="424"/>
      <c r="NAS730" s="423" t="s">
        <v>2795</v>
      </c>
      <c r="NAT730" s="424"/>
      <c r="NAU730" s="424"/>
      <c r="NAV730" s="424"/>
      <c r="NAW730" s="423" t="s">
        <v>2795</v>
      </c>
      <c r="NAX730" s="424"/>
      <c r="NAY730" s="424"/>
      <c r="NAZ730" s="424"/>
      <c r="NBA730" s="423" t="s">
        <v>2795</v>
      </c>
      <c r="NBB730" s="424"/>
      <c r="NBC730" s="424"/>
      <c r="NBD730" s="424"/>
      <c r="NBE730" s="423" t="s">
        <v>2795</v>
      </c>
      <c r="NBF730" s="424"/>
      <c r="NBG730" s="424"/>
      <c r="NBH730" s="424"/>
      <c r="NBI730" s="423" t="s">
        <v>2795</v>
      </c>
      <c r="NBJ730" s="424"/>
      <c r="NBK730" s="424"/>
      <c r="NBL730" s="424"/>
      <c r="NBM730" s="423" t="s">
        <v>2795</v>
      </c>
      <c r="NBN730" s="424"/>
      <c r="NBO730" s="424"/>
      <c r="NBP730" s="424"/>
      <c r="NBQ730" s="423" t="s">
        <v>2795</v>
      </c>
      <c r="NBR730" s="424"/>
      <c r="NBS730" s="424"/>
      <c r="NBT730" s="424"/>
      <c r="NBU730" s="423" t="s">
        <v>2795</v>
      </c>
      <c r="NBV730" s="424"/>
      <c r="NBW730" s="424"/>
      <c r="NBX730" s="424"/>
      <c r="NBY730" s="423" t="s">
        <v>2795</v>
      </c>
      <c r="NBZ730" s="424"/>
      <c r="NCA730" s="424"/>
      <c r="NCB730" s="424"/>
      <c r="NCC730" s="423" t="s">
        <v>2795</v>
      </c>
      <c r="NCD730" s="424"/>
      <c r="NCE730" s="424"/>
      <c r="NCF730" s="424"/>
      <c r="NCG730" s="423" t="s">
        <v>2795</v>
      </c>
      <c r="NCH730" s="424"/>
      <c r="NCI730" s="424"/>
      <c r="NCJ730" s="424"/>
      <c r="NCK730" s="423" t="s">
        <v>2795</v>
      </c>
      <c r="NCL730" s="424"/>
      <c r="NCM730" s="424"/>
      <c r="NCN730" s="424"/>
      <c r="NCO730" s="423" t="s">
        <v>2795</v>
      </c>
      <c r="NCP730" s="424"/>
      <c r="NCQ730" s="424"/>
      <c r="NCR730" s="424"/>
      <c r="NCS730" s="423" t="s">
        <v>2795</v>
      </c>
      <c r="NCT730" s="424"/>
      <c r="NCU730" s="424"/>
      <c r="NCV730" s="424"/>
      <c r="NCW730" s="423" t="s">
        <v>2795</v>
      </c>
      <c r="NCX730" s="424"/>
      <c r="NCY730" s="424"/>
      <c r="NCZ730" s="424"/>
      <c r="NDA730" s="423" t="s">
        <v>2795</v>
      </c>
      <c r="NDB730" s="424"/>
      <c r="NDC730" s="424"/>
      <c r="NDD730" s="424"/>
      <c r="NDE730" s="423" t="s">
        <v>2795</v>
      </c>
      <c r="NDF730" s="424"/>
      <c r="NDG730" s="424"/>
      <c r="NDH730" s="424"/>
      <c r="NDI730" s="423" t="s">
        <v>2795</v>
      </c>
      <c r="NDJ730" s="424"/>
      <c r="NDK730" s="424"/>
      <c r="NDL730" s="424"/>
      <c r="NDM730" s="423" t="s">
        <v>2795</v>
      </c>
      <c r="NDN730" s="424"/>
      <c r="NDO730" s="424"/>
      <c r="NDP730" s="424"/>
      <c r="NDQ730" s="423" t="s">
        <v>2795</v>
      </c>
      <c r="NDR730" s="424"/>
      <c r="NDS730" s="424"/>
      <c r="NDT730" s="424"/>
      <c r="NDU730" s="423" t="s">
        <v>2795</v>
      </c>
      <c r="NDV730" s="424"/>
      <c r="NDW730" s="424"/>
      <c r="NDX730" s="424"/>
      <c r="NDY730" s="423" t="s">
        <v>2795</v>
      </c>
      <c r="NDZ730" s="424"/>
      <c r="NEA730" s="424"/>
      <c r="NEB730" s="424"/>
      <c r="NEC730" s="423" t="s">
        <v>2795</v>
      </c>
      <c r="NED730" s="424"/>
      <c r="NEE730" s="424"/>
      <c r="NEF730" s="424"/>
      <c r="NEG730" s="423" t="s">
        <v>2795</v>
      </c>
      <c r="NEH730" s="424"/>
      <c r="NEI730" s="424"/>
      <c r="NEJ730" s="424"/>
      <c r="NEK730" s="423" t="s">
        <v>2795</v>
      </c>
      <c r="NEL730" s="424"/>
      <c r="NEM730" s="424"/>
      <c r="NEN730" s="424"/>
      <c r="NEO730" s="423" t="s">
        <v>2795</v>
      </c>
      <c r="NEP730" s="424"/>
      <c r="NEQ730" s="424"/>
      <c r="NER730" s="424"/>
      <c r="NES730" s="423" t="s">
        <v>2795</v>
      </c>
      <c r="NET730" s="424"/>
      <c r="NEU730" s="424"/>
      <c r="NEV730" s="424"/>
      <c r="NEW730" s="423" t="s">
        <v>2795</v>
      </c>
      <c r="NEX730" s="424"/>
      <c r="NEY730" s="424"/>
      <c r="NEZ730" s="424"/>
      <c r="NFA730" s="423" t="s">
        <v>2795</v>
      </c>
      <c r="NFB730" s="424"/>
      <c r="NFC730" s="424"/>
      <c r="NFD730" s="424"/>
      <c r="NFE730" s="423" t="s">
        <v>2795</v>
      </c>
      <c r="NFF730" s="424"/>
      <c r="NFG730" s="424"/>
      <c r="NFH730" s="424"/>
      <c r="NFI730" s="423" t="s">
        <v>2795</v>
      </c>
      <c r="NFJ730" s="424"/>
      <c r="NFK730" s="424"/>
      <c r="NFL730" s="424"/>
      <c r="NFM730" s="423" t="s">
        <v>2795</v>
      </c>
      <c r="NFN730" s="424"/>
      <c r="NFO730" s="424"/>
      <c r="NFP730" s="424"/>
      <c r="NFQ730" s="423" t="s">
        <v>2795</v>
      </c>
      <c r="NFR730" s="424"/>
      <c r="NFS730" s="424"/>
      <c r="NFT730" s="424"/>
      <c r="NFU730" s="423" t="s">
        <v>2795</v>
      </c>
      <c r="NFV730" s="424"/>
      <c r="NFW730" s="424"/>
      <c r="NFX730" s="424"/>
      <c r="NFY730" s="423" t="s">
        <v>2795</v>
      </c>
      <c r="NFZ730" s="424"/>
      <c r="NGA730" s="424"/>
      <c r="NGB730" s="424"/>
      <c r="NGC730" s="423" t="s">
        <v>2795</v>
      </c>
      <c r="NGD730" s="424"/>
      <c r="NGE730" s="424"/>
      <c r="NGF730" s="424"/>
      <c r="NGG730" s="423" t="s">
        <v>2795</v>
      </c>
      <c r="NGH730" s="424"/>
      <c r="NGI730" s="424"/>
      <c r="NGJ730" s="424"/>
      <c r="NGK730" s="423" t="s">
        <v>2795</v>
      </c>
      <c r="NGL730" s="424"/>
      <c r="NGM730" s="424"/>
      <c r="NGN730" s="424"/>
      <c r="NGO730" s="423" t="s">
        <v>2795</v>
      </c>
      <c r="NGP730" s="424"/>
      <c r="NGQ730" s="424"/>
      <c r="NGR730" s="424"/>
      <c r="NGS730" s="423" t="s">
        <v>2795</v>
      </c>
      <c r="NGT730" s="424"/>
      <c r="NGU730" s="424"/>
      <c r="NGV730" s="424"/>
      <c r="NGW730" s="423" t="s">
        <v>2795</v>
      </c>
      <c r="NGX730" s="424"/>
      <c r="NGY730" s="424"/>
      <c r="NGZ730" s="424"/>
      <c r="NHA730" s="423" t="s">
        <v>2795</v>
      </c>
      <c r="NHB730" s="424"/>
      <c r="NHC730" s="424"/>
      <c r="NHD730" s="424"/>
      <c r="NHE730" s="423" t="s">
        <v>2795</v>
      </c>
      <c r="NHF730" s="424"/>
      <c r="NHG730" s="424"/>
      <c r="NHH730" s="424"/>
      <c r="NHI730" s="423" t="s">
        <v>2795</v>
      </c>
      <c r="NHJ730" s="424"/>
      <c r="NHK730" s="424"/>
      <c r="NHL730" s="424"/>
      <c r="NHM730" s="423" t="s">
        <v>2795</v>
      </c>
      <c r="NHN730" s="424"/>
      <c r="NHO730" s="424"/>
      <c r="NHP730" s="424"/>
      <c r="NHQ730" s="423" t="s">
        <v>2795</v>
      </c>
      <c r="NHR730" s="424"/>
      <c r="NHS730" s="424"/>
      <c r="NHT730" s="424"/>
      <c r="NHU730" s="423" t="s">
        <v>2795</v>
      </c>
      <c r="NHV730" s="424"/>
      <c r="NHW730" s="424"/>
      <c r="NHX730" s="424"/>
      <c r="NHY730" s="423" t="s">
        <v>2795</v>
      </c>
      <c r="NHZ730" s="424"/>
      <c r="NIA730" s="424"/>
      <c r="NIB730" s="424"/>
      <c r="NIC730" s="423" t="s">
        <v>2795</v>
      </c>
      <c r="NID730" s="424"/>
      <c r="NIE730" s="424"/>
      <c r="NIF730" s="424"/>
      <c r="NIG730" s="423" t="s">
        <v>2795</v>
      </c>
      <c r="NIH730" s="424"/>
      <c r="NII730" s="424"/>
      <c r="NIJ730" s="424"/>
      <c r="NIK730" s="423" t="s">
        <v>2795</v>
      </c>
      <c r="NIL730" s="424"/>
      <c r="NIM730" s="424"/>
      <c r="NIN730" s="424"/>
      <c r="NIO730" s="423" t="s">
        <v>2795</v>
      </c>
      <c r="NIP730" s="424"/>
      <c r="NIQ730" s="424"/>
      <c r="NIR730" s="424"/>
      <c r="NIS730" s="423" t="s">
        <v>2795</v>
      </c>
      <c r="NIT730" s="424"/>
      <c r="NIU730" s="424"/>
      <c r="NIV730" s="424"/>
      <c r="NIW730" s="423" t="s">
        <v>2795</v>
      </c>
      <c r="NIX730" s="424"/>
      <c r="NIY730" s="424"/>
      <c r="NIZ730" s="424"/>
      <c r="NJA730" s="423" t="s">
        <v>2795</v>
      </c>
      <c r="NJB730" s="424"/>
      <c r="NJC730" s="424"/>
      <c r="NJD730" s="424"/>
      <c r="NJE730" s="423" t="s">
        <v>2795</v>
      </c>
      <c r="NJF730" s="424"/>
      <c r="NJG730" s="424"/>
      <c r="NJH730" s="424"/>
      <c r="NJI730" s="423" t="s">
        <v>2795</v>
      </c>
      <c r="NJJ730" s="424"/>
      <c r="NJK730" s="424"/>
      <c r="NJL730" s="424"/>
      <c r="NJM730" s="423" t="s">
        <v>2795</v>
      </c>
      <c r="NJN730" s="424"/>
      <c r="NJO730" s="424"/>
      <c r="NJP730" s="424"/>
      <c r="NJQ730" s="423" t="s">
        <v>2795</v>
      </c>
      <c r="NJR730" s="424"/>
      <c r="NJS730" s="424"/>
      <c r="NJT730" s="424"/>
      <c r="NJU730" s="423" t="s">
        <v>2795</v>
      </c>
      <c r="NJV730" s="424"/>
      <c r="NJW730" s="424"/>
      <c r="NJX730" s="424"/>
      <c r="NJY730" s="423" t="s">
        <v>2795</v>
      </c>
      <c r="NJZ730" s="424"/>
      <c r="NKA730" s="424"/>
      <c r="NKB730" s="424"/>
      <c r="NKC730" s="423" t="s">
        <v>2795</v>
      </c>
      <c r="NKD730" s="424"/>
      <c r="NKE730" s="424"/>
      <c r="NKF730" s="424"/>
      <c r="NKG730" s="423" t="s">
        <v>2795</v>
      </c>
      <c r="NKH730" s="424"/>
      <c r="NKI730" s="424"/>
      <c r="NKJ730" s="424"/>
      <c r="NKK730" s="423" t="s">
        <v>2795</v>
      </c>
      <c r="NKL730" s="424"/>
      <c r="NKM730" s="424"/>
      <c r="NKN730" s="424"/>
      <c r="NKO730" s="423" t="s">
        <v>2795</v>
      </c>
      <c r="NKP730" s="424"/>
      <c r="NKQ730" s="424"/>
      <c r="NKR730" s="424"/>
      <c r="NKS730" s="423" t="s">
        <v>2795</v>
      </c>
      <c r="NKT730" s="424"/>
      <c r="NKU730" s="424"/>
      <c r="NKV730" s="424"/>
      <c r="NKW730" s="423" t="s">
        <v>2795</v>
      </c>
      <c r="NKX730" s="424"/>
      <c r="NKY730" s="424"/>
      <c r="NKZ730" s="424"/>
      <c r="NLA730" s="423" t="s">
        <v>2795</v>
      </c>
      <c r="NLB730" s="424"/>
      <c r="NLC730" s="424"/>
      <c r="NLD730" s="424"/>
      <c r="NLE730" s="423" t="s">
        <v>2795</v>
      </c>
      <c r="NLF730" s="424"/>
      <c r="NLG730" s="424"/>
      <c r="NLH730" s="424"/>
      <c r="NLI730" s="423" t="s">
        <v>2795</v>
      </c>
      <c r="NLJ730" s="424"/>
      <c r="NLK730" s="424"/>
      <c r="NLL730" s="424"/>
      <c r="NLM730" s="423" t="s">
        <v>2795</v>
      </c>
      <c r="NLN730" s="424"/>
      <c r="NLO730" s="424"/>
      <c r="NLP730" s="424"/>
      <c r="NLQ730" s="423" t="s">
        <v>2795</v>
      </c>
      <c r="NLR730" s="424"/>
      <c r="NLS730" s="424"/>
      <c r="NLT730" s="424"/>
      <c r="NLU730" s="423" t="s">
        <v>2795</v>
      </c>
      <c r="NLV730" s="424"/>
      <c r="NLW730" s="424"/>
      <c r="NLX730" s="424"/>
      <c r="NLY730" s="423" t="s">
        <v>2795</v>
      </c>
      <c r="NLZ730" s="424"/>
      <c r="NMA730" s="424"/>
      <c r="NMB730" s="424"/>
      <c r="NMC730" s="423" t="s">
        <v>2795</v>
      </c>
      <c r="NMD730" s="424"/>
      <c r="NME730" s="424"/>
      <c r="NMF730" s="424"/>
      <c r="NMG730" s="423" t="s">
        <v>2795</v>
      </c>
      <c r="NMH730" s="424"/>
      <c r="NMI730" s="424"/>
      <c r="NMJ730" s="424"/>
      <c r="NMK730" s="423" t="s">
        <v>2795</v>
      </c>
      <c r="NML730" s="424"/>
      <c r="NMM730" s="424"/>
      <c r="NMN730" s="424"/>
      <c r="NMO730" s="423" t="s">
        <v>2795</v>
      </c>
      <c r="NMP730" s="424"/>
      <c r="NMQ730" s="424"/>
      <c r="NMR730" s="424"/>
      <c r="NMS730" s="423" t="s">
        <v>2795</v>
      </c>
      <c r="NMT730" s="424"/>
      <c r="NMU730" s="424"/>
      <c r="NMV730" s="424"/>
      <c r="NMW730" s="423" t="s">
        <v>2795</v>
      </c>
      <c r="NMX730" s="424"/>
      <c r="NMY730" s="424"/>
      <c r="NMZ730" s="424"/>
      <c r="NNA730" s="423" t="s">
        <v>2795</v>
      </c>
      <c r="NNB730" s="424"/>
      <c r="NNC730" s="424"/>
      <c r="NND730" s="424"/>
      <c r="NNE730" s="423" t="s">
        <v>2795</v>
      </c>
      <c r="NNF730" s="424"/>
      <c r="NNG730" s="424"/>
      <c r="NNH730" s="424"/>
      <c r="NNI730" s="423" t="s">
        <v>2795</v>
      </c>
      <c r="NNJ730" s="424"/>
      <c r="NNK730" s="424"/>
      <c r="NNL730" s="424"/>
      <c r="NNM730" s="423" t="s">
        <v>2795</v>
      </c>
      <c r="NNN730" s="424"/>
      <c r="NNO730" s="424"/>
      <c r="NNP730" s="424"/>
      <c r="NNQ730" s="423" t="s">
        <v>2795</v>
      </c>
      <c r="NNR730" s="424"/>
      <c r="NNS730" s="424"/>
      <c r="NNT730" s="424"/>
      <c r="NNU730" s="423" t="s">
        <v>2795</v>
      </c>
      <c r="NNV730" s="424"/>
      <c r="NNW730" s="424"/>
      <c r="NNX730" s="424"/>
      <c r="NNY730" s="423" t="s">
        <v>2795</v>
      </c>
      <c r="NNZ730" s="424"/>
      <c r="NOA730" s="424"/>
      <c r="NOB730" s="424"/>
      <c r="NOC730" s="423" t="s">
        <v>2795</v>
      </c>
      <c r="NOD730" s="424"/>
      <c r="NOE730" s="424"/>
      <c r="NOF730" s="424"/>
      <c r="NOG730" s="423" t="s">
        <v>2795</v>
      </c>
      <c r="NOH730" s="424"/>
      <c r="NOI730" s="424"/>
      <c r="NOJ730" s="424"/>
      <c r="NOK730" s="423" t="s">
        <v>2795</v>
      </c>
      <c r="NOL730" s="424"/>
      <c r="NOM730" s="424"/>
      <c r="NON730" s="424"/>
      <c r="NOO730" s="423" t="s">
        <v>2795</v>
      </c>
      <c r="NOP730" s="424"/>
      <c r="NOQ730" s="424"/>
      <c r="NOR730" s="424"/>
      <c r="NOS730" s="423" t="s">
        <v>2795</v>
      </c>
      <c r="NOT730" s="424"/>
      <c r="NOU730" s="424"/>
      <c r="NOV730" s="424"/>
      <c r="NOW730" s="423" t="s">
        <v>2795</v>
      </c>
      <c r="NOX730" s="424"/>
      <c r="NOY730" s="424"/>
      <c r="NOZ730" s="424"/>
      <c r="NPA730" s="423" t="s">
        <v>2795</v>
      </c>
      <c r="NPB730" s="424"/>
      <c r="NPC730" s="424"/>
      <c r="NPD730" s="424"/>
      <c r="NPE730" s="423" t="s">
        <v>2795</v>
      </c>
      <c r="NPF730" s="424"/>
      <c r="NPG730" s="424"/>
      <c r="NPH730" s="424"/>
      <c r="NPI730" s="423" t="s">
        <v>2795</v>
      </c>
      <c r="NPJ730" s="424"/>
      <c r="NPK730" s="424"/>
      <c r="NPL730" s="424"/>
      <c r="NPM730" s="423" t="s">
        <v>2795</v>
      </c>
      <c r="NPN730" s="424"/>
      <c r="NPO730" s="424"/>
      <c r="NPP730" s="424"/>
      <c r="NPQ730" s="423" t="s">
        <v>2795</v>
      </c>
      <c r="NPR730" s="424"/>
      <c r="NPS730" s="424"/>
      <c r="NPT730" s="424"/>
      <c r="NPU730" s="423" t="s">
        <v>2795</v>
      </c>
      <c r="NPV730" s="424"/>
      <c r="NPW730" s="424"/>
      <c r="NPX730" s="424"/>
      <c r="NPY730" s="423" t="s">
        <v>2795</v>
      </c>
      <c r="NPZ730" s="424"/>
      <c r="NQA730" s="424"/>
      <c r="NQB730" s="424"/>
      <c r="NQC730" s="423" t="s">
        <v>2795</v>
      </c>
      <c r="NQD730" s="424"/>
      <c r="NQE730" s="424"/>
      <c r="NQF730" s="424"/>
      <c r="NQG730" s="423" t="s">
        <v>2795</v>
      </c>
      <c r="NQH730" s="424"/>
      <c r="NQI730" s="424"/>
      <c r="NQJ730" s="424"/>
      <c r="NQK730" s="423" t="s">
        <v>2795</v>
      </c>
      <c r="NQL730" s="424"/>
      <c r="NQM730" s="424"/>
      <c r="NQN730" s="424"/>
      <c r="NQO730" s="423" t="s">
        <v>2795</v>
      </c>
      <c r="NQP730" s="424"/>
      <c r="NQQ730" s="424"/>
      <c r="NQR730" s="424"/>
      <c r="NQS730" s="423" t="s">
        <v>2795</v>
      </c>
      <c r="NQT730" s="424"/>
      <c r="NQU730" s="424"/>
      <c r="NQV730" s="424"/>
      <c r="NQW730" s="423" t="s">
        <v>2795</v>
      </c>
      <c r="NQX730" s="424"/>
      <c r="NQY730" s="424"/>
      <c r="NQZ730" s="424"/>
      <c r="NRA730" s="423" t="s">
        <v>2795</v>
      </c>
      <c r="NRB730" s="424"/>
      <c r="NRC730" s="424"/>
      <c r="NRD730" s="424"/>
      <c r="NRE730" s="423" t="s">
        <v>2795</v>
      </c>
      <c r="NRF730" s="424"/>
      <c r="NRG730" s="424"/>
      <c r="NRH730" s="424"/>
      <c r="NRI730" s="423" t="s">
        <v>2795</v>
      </c>
      <c r="NRJ730" s="424"/>
      <c r="NRK730" s="424"/>
      <c r="NRL730" s="424"/>
      <c r="NRM730" s="423" t="s">
        <v>2795</v>
      </c>
      <c r="NRN730" s="424"/>
      <c r="NRO730" s="424"/>
      <c r="NRP730" s="424"/>
      <c r="NRQ730" s="423" t="s">
        <v>2795</v>
      </c>
      <c r="NRR730" s="424"/>
      <c r="NRS730" s="424"/>
      <c r="NRT730" s="424"/>
      <c r="NRU730" s="423" t="s">
        <v>2795</v>
      </c>
      <c r="NRV730" s="424"/>
      <c r="NRW730" s="424"/>
      <c r="NRX730" s="424"/>
      <c r="NRY730" s="423" t="s">
        <v>2795</v>
      </c>
      <c r="NRZ730" s="424"/>
      <c r="NSA730" s="424"/>
      <c r="NSB730" s="424"/>
      <c r="NSC730" s="423" t="s">
        <v>2795</v>
      </c>
      <c r="NSD730" s="424"/>
      <c r="NSE730" s="424"/>
      <c r="NSF730" s="424"/>
      <c r="NSG730" s="423" t="s">
        <v>2795</v>
      </c>
      <c r="NSH730" s="424"/>
      <c r="NSI730" s="424"/>
      <c r="NSJ730" s="424"/>
      <c r="NSK730" s="423" t="s">
        <v>2795</v>
      </c>
      <c r="NSL730" s="424"/>
      <c r="NSM730" s="424"/>
      <c r="NSN730" s="424"/>
      <c r="NSO730" s="423" t="s">
        <v>2795</v>
      </c>
      <c r="NSP730" s="424"/>
      <c r="NSQ730" s="424"/>
      <c r="NSR730" s="424"/>
      <c r="NSS730" s="423" t="s">
        <v>2795</v>
      </c>
      <c r="NST730" s="424"/>
      <c r="NSU730" s="424"/>
      <c r="NSV730" s="424"/>
      <c r="NSW730" s="423" t="s">
        <v>2795</v>
      </c>
      <c r="NSX730" s="424"/>
      <c r="NSY730" s="424"/>
      <c r="NSZ730" s="424"/>
      <c r="NTA730" s="423" t="s">
        <v>2795</v>
      </c>
      <c r="NTB730" s="424"/>
      <c r="NTC730" s="424"/>
      <c r="NTD730" s="424"/>
      <c r="NTE730" s="423" t="s">
        <v>2795</v>
      </c>
      <c r="NTF730" s="424"/>
      <c r="NTG730" s="424"/>
      <c r="NTH730" s="424"/>
      <c r="NTI730" s="423" t="s">
        <v>2795</v>
      </c>
      <c r="NTJ730" s="424"/>
      <c r="NTK730" s="424"/>
      <c r="NTL730" s="424"/>
      <c r="NTM730" s="423" t="s">
        <v>2795</v>
      </c>
      <c r="NTN730" s="424"/>
      <c r="NTO730" s="424"/>
      <c r="NTP730" s="424"/>
      <c r="NTQ730" s="423" t="s">
        <v>2795</v>
      </c>
      <c r="NTR730" s="424"/>
      <c r="NTS730" s="424"/>
      <c r="NTT730" s="424"/>
      <c r="NTU730" s="423" t="s">
        <v>2795</v>
      </c>
      <c r="NTV730" s="424"/>
      <c r="NTW730" s="424"/>
      <c r="NTX730" s="424"/>
      <c r="NTY730" s="423" t="s">
        <v>2795</v>
      </c>
      <c r="NTZ730" s="424"/>
      <c r="NUA730" s="424"/>
      <c r="NUB730" s="424"/>
      <c r="NUC730" s="423" t="s">
        <v>2795</v>
      </c>
      <c r="NUD730" s="424"/>
      <c r="NUE730" s="424"/>
      <c r="NUF730" s="424"/>
      <c r="NUG730" s="423" t="s">
        <v>2795</v>
      </c>
      <c r="NUH730" s="424"/>
      <c r="NUI730" s="424"/>
      <c r="NUJ730" s="424"/>
      <c r="NUK730" s="423" t="s">
        <v>2795</v>
      </c>
      <c r="NUL730" s="424"/>
      <c r="NUM730" s="424"/>
      <c r="NUN730" s="424"/>
      <c r="NUO730" s="423" t="s">
        <v>2795</v>
      </c>
      <c r="NUP730" s="424"/>
      <c r="NUQ730" s="424"/>
      <c r="NUR730" s="424"/>
      <c r="NUS730" s="423" t="s">
        <v>2795</v>
      </c>
      <c r="NUT730" s="424"/>
      <c r="NUU730" s="424"/>
      <c r="NUV730" s="424"/>
      <c r="NUW730" s="423" t="s">
        <v>2795</v>
      </c>
      <c r="NUX730" s="424"/>
      <c r="NUY730" s="424"/>
      <c r="NUZ730" s="424"/>
      <c r="NVA730" s="423" t="s">
        <v>2795</v>
      </c>
      <c r="NVB730" s="424"/>
      <c r="NVC730" s="424"/>
      <c r="NVD730" s="424"/>
      <c r="NVE730" s="423" t="s">
        <v>2795</v>
      </c>
      <c r="NVF730" s="424"/>
      <c r="NVG730" s="424"/>
      <c r="NVH730" s="424"/>
      <c r="NVI730" s="423" t="s">
        <v>2795</v>
      </c>
      <c r="NVJ730" s="424"/>
      <c r="NVK730" s="424"/>
      <c r="NVL730" s="424"/>
      <c r="NVM730" s="423" t="s">
        <v>2795</v>
      </c>
      <c r="NVN730" s="424"/>
      <c r="NVO730" s="424"/>
      <c r="NVP730" s="424"/>
      <c r="NVQ730" s="423" t="s">
        <v>2795</v>
      </c>
      <c r="NVR730" s="424"/>
      <c r="NVS730" s="424"/>
      <c r="NVT730" s="424"/>
      <c r="NVU730" s="423" t="s">
        <v>2795</v>
      </c>
      <c r="NVV730" s="424"/>
      <c r="NVW730" s="424"/>
      <c r="NVX730" s="424"/>
      <c r="NVY730" s="423" t="s">
        <v>2795</v>
      </c>
      <c r="NVZ730" s="424"/>
      <c r="NWA730" s="424"/>
      <c r="NWB730" s="424"/>
      <c r="NWC730" s="423" t="s">
        <v>2795</v>
      </c>
      <c r="NWD730" s="424"/>
      <c r="NWE730" s="424"/>
      <c r="NWF730" s="424"/>
      <c r="NWG730" s="423" t="s">
        <v>2795</v>
      </c>
      <c r="NWH730" s="424"/>
      <c r="NWI730" s="424"/>
      <c r="NWJ730" s="424"/>
      <c r="NWK730" s="423" t="s">
        <v>2795</v>
      </c>
      <c r="NWL730" s="424"/>
      <c r="NWM730" s="424"/>
      <c r="NWN730" s="424"/>
      <c r="NWO730" s="423" t="s">
        <v>2795</v>
      </c>
      <c r="NWP730" s="424"/>
      <c r="NWQ730" s="424"/>
      <c r="NWR730" s="424"/>
      <c r="NWS730" s="423" t="s">
        <v>2795</v>
      </c>
      <c r="NWT730" s="424"/>
      <c r="NWU730" s="424"/>
      <c r="NWV730" s="424"/>
      <c r="NWW730" s="423" t="s">
        <v>2795</v>
      </c>
      <c r="NWX730" s="424"/>
      <c r="NWY730" s="424"/>
      <c r="NWZ730" s="424"/>
      <c r="NXA730" s="423" t="s">
        <v>2795</v>
      </c>
      <c r="NXB730" s="424"/>
      <c r="NXC730" s="424"/>
      <c r="NXD730" s="424"/>
      <c r="NXE730" s="423" t="s">
        <v>2795</v>
      </c>
      <c r="NXF730" s="424"/>
      <c r="NXG730" s="424"/>
      <c r="NXH730" s="424"/>
      <c r="NXI730" s="423" t="s">
        <v>2795</v>
      </c>
      <c r="NXJ730" s="424"/>
      <c r="NXK730" s="424"/>
      <c r="NXL730" s="424"/>
      <c r="NXM730" s="423" t="s">
        <v>2795</v>
      </c>
      <c r="NXN730" s="424"/>
      <c r="NXO730" s="424"/>
      <c r="NXP730" s="424"/>
      <c r="NXQ730" s="423" t="s">
        <v>2795</v>
      </c>
      <c r="NXR730" s="424"/>
      <c r="NXS730" s="424"/>
      <c r="NXT730" s="424"/>
      <c r="NXU730" s="423" t="s">
        <v>2795</v>
      </c>
      <c r="NXV730" s="424"/>
      <c r="NXW730" s="424"/>
      <c r="NXX730" s="424"/>
      <c r="NXY730" s="423" t="s">
        <v>2795</v>
      </c>
      <c r="NXZ730" s="424"/>
      <c r="NYA730" s="424"/>
      <c r="NYB730" s="424"/>
      <c r="NYC730" s="423" t="s">
        <v>2795</v>
      </c>
      <c r="NYD730" s="424"/>
      <c r="NYE730" s="424"/>
      <c r="NYF730" s="424"/>
      <c r="NYG730" s="423" t="s">
        <v>2795</v>
      </c>
      <c r="NYH730" s="424"/>
      <c r="NYI730" s="424"/>
      <c r="NYJ730" s="424"/>
      <c r="NYK730" s="423" t="s">
        <v>2795</v>
      </c>
      <c r="NYL730" s="424"/>
      <c r="NYM730" s="424"/>
      <c r="NYN730" s="424"/>
      <c r="NYO730" s="423" t="s">
        <v>2795</v>
      </c>
      <c r="NYP730" s="424"/>
      <c r="NYQ730" s="424"/>
      <c r="NYR730" s="424"/>
      <c r="NYS730" s="423" t="s">
        <v>2795</v>
      </c>
      <c r="NYT730" s="424"/>
      <c r="NYU730" s="424"/>
      <c r="NYV730" s="424"/>
      <c r="NYW730" s="423" t="s">
        <v>2795</v>
      </c>
      <c r="NYX730" s="424"/>
      <c r="NYY730" s="424"/>
      <c r="NYZ730" s="424"/>
      <c r="NZA730" s="423" t="s">
        <v>2795</v>
      </c>
      <c r="NZB730" s="424"/>
      <c r="NZC730" s="424"/>
      <c r="NZD730" s="424"/>
      <c r="NZE730" s="423" t="s">
        <v>2795</v>
      </c>
      <c r="NZF730" s="424"/>
      <c r="NZG730" s="424"/>
      <c r="NZH730" s="424"/>
      <c r="NZI730" s="423" t="s">
        <v>2795</v>
      </c>
      <c r="NZJ730" s="424"/>
      <c r="NZK730" s="424"/>
      <c r="NZL730" s="424"/>
      <c r="NZM730" s="423" t="s">
        <v>2795</v>
      </c>
      <c r="NZN730" s="424"/>
      <c r="NZO730" s="424"/>
      <c r="NZP730" s="424"/>
      <c r="NZQ730" s="423" t="s">
        <v>2795</v>
      </c>
      <c r="NZR730" s="424"/>
      <c r="NZS730" s="424"/>
      <c r="NZT730" s="424"/>
      <c r="NZU730" s="423" t="s">
        <v>2795</v>
      </c>
      <c r="NZV730" s="424"/>
      <c r="NZW730" s="424"/>
      <c r="NZX730" s="424"/>
      <c r="NZY730" s="423" t="s">
        <v>2795</v>
      </c>
      <c r="NZZ730" s="424"/>
      <c r="OAA730" s="424"/>
      <c r="OAB730" s="424"/>
      <c r="OAC730" s="423" t="s">
        <v>2795</v>
      </c>
      <c r="OAD730" s="424"/>
      <c r="OAE730" s="424"/>
      <c r="OAF730" s="424"/>
      <c r="OAG730" s="423" t="s">
        <v>2795</v>
      </c>
      <c r="OAH730" s="424"/>
      <c r="OAI730" s="424"/>
      <c r="OAJ730" s="424"/>
      <c r="OAK730" s="423" t="s">
        <v>2795</v>
      </c>
      <c r="OAL730" s="424"/>
      <c r="OAM730" s="424"/>
      <c r="OAN730" s="424"/>
      <c r="OAO730" s="423" t="s">
        <v>2795</v>
      </c>
      <c r="OAP730" s="424"/>
      <c r="OAQ730" s="424"/>
      <c r="OAR730" s="424"/>
      <c r="OAS730" s="423" t="s">
        <v>2795</v>
      </c>
      <c r="OAT730" s="424"/>
      <c r="OAU730" s="424"/>
      <c r="OAV730" s="424"/>
      <c r="OAW730" s="423" t="s">
        <v>2795</v>
      </c>
      <c r="OAX730" s="424"/>
      <c r="OAY730" s="424"/>
      <c r="OAZ730" s="424"/>
      <c r="OBA730" s="423" t="s">
        <v>2795</v>
      </c>
      <c r="OBB730" s="424"/>
      <c r="OBC730" s="424"/>
      <c r="OBD730" s="424"/>
      <c r="OBE730" s="423" t="s">
        <v>2795</v>
      </c>
      <c r="OBF730" s="424"/>
      <c r="OBG730" s="424"/>
      <c r="OBH730" s="424"/>
      <c r="OBI730" s="423" t="s">
        <v>2795</v>
      </c>
      <c r="OBJ730" s="424"/>
      <c r="OBK730" s="424"/>
      <c r="OBL730" s="424"/>
      <c r="OBM730" s="423" t="s">
        <v>2795</v>
      </c>
      <c r="OBN730" s="424"/>
      <c r="OBO730" s="424"/>
      <c r="OBP730" s="424"/>
      <c r="OBQ730" s="423" t="s">
        <v>2795</v>
      </c>
      <c r="OBR730" s="424"/>
      <c r="OBS730" s="424"/>
      <c r="OBT730" s="424"/>
      <c r="OBU730" s="423" t="s">
        <v>2795</v>
      </c>
      <c r="OBV730" s="424"/>
      <c r="OBW730" s="424"/>
      <c r="OBX730" s="424"/>
      <c r="OBY730" s="423" t="s">
        <v>2795</v>
      </c>
      <c r="OBZ730" s="424"/>
      <c r="OCA730" s="424"/>
      <c r="OCB730" s="424"/>
      <c r="OCC730" s="423" t="s">
        <v>2795</v>
      </c>
      <c r="OCD730" s="424"/>
      <c r="OCE730" s="424"/>
      <c r="OCF730" s="424"/>
      <c r="OCG730" s="423" t="s">
        <v>2795</v>
      </c>
      <c r="OCH730" s="424"/>
      <c r="OCI730" s="424"/>
      <c r="OCJ730" s="424"/>
      <c r="OCK730" s="423" t="s">
        <v>2795</v>
      </c>
      <c r="OCL730" s="424"/>
      <c r="OCM730" s="424"/>
      <c r="OCN730" s="424"/>
      <c r="OCO730" s="423" t="s">
        <v>2795</v>
      </c>
      <c r="OCP730" s="424"/>
      <c r="OCQ730" s="424"/>
      <c r="OCR730" s="424"/>
      <c r="OCS730" s="423" t="s">
        <v>2795</v>
      </c>
      <c r="OCT730" s="424"/>
      <c r="OCU730" s="424"/>
      <c r="OCV730" s="424"/>
      <c r="OCW730" s="423" t="s">
        <v>2795</v>
      </c>
      <c r="OCX730" s="424"/>
      <c r="OCY730" s="424"/>
      <c r="OCZ730" s="424"/>
      <c r="ODA730" s="423" t="s">
        <v>2795</v>
      </c>
      <c r="ODB730" s="424"/>
      <c r="ODC730" s="424"/>
      <c r="ODD730" s="424"/>
      <c r="ODE730" s="423" t="s">
        <v>2795</v>
      </c>
      <c r="ODF730" s="424"/>
      <c r="ODG730" s="424"/>
      <c r="ODH730" s="424"/>
      <c r="ODI730" s="423" t="s">
        <v>2795</v>
      </c>
      <c r="ODJ730" s="424"/>
      <c r="ODK730" s="424"/>
      <c r="ODL730" s="424"/>
      <c r="ODM730" s="423" t="s">
        <v>2795</v>
      </c>
      <c r="ODN730" s="424"/>
      <c r="ODO730" s="424"/>
      <c r="ODP730" s="424"/>
      <c r="ODQ730" s="423" t="s">
        <v>2795</v>
      </c>
      <c r="ODR730" s="424"/>
      <c r="ODS730" s="424"/>
      <c r="ODT730" s="424"/>
      <c r="ODU730" s="423" t="s">
        <v>2795</v>
      </c>
      <c r="ODV730" s="424"/>
      <c r="ODW730" s="424"/>
      <c r="ODX730" s="424"/>
      <c r="ODY730" s="423" t="s">
        <v>2795</v>
      </c>
      <c r="ODZ730" s="424"/>
      <c r="OEA730" s="424"/>
      <c r="OEB730" s="424"/>
      <c r="OEC730" s="423" t="s">
        <v>2795</v>
      </c>
      <c r="OED730" s="424"/>
      <c r="OEE730" s="424"/>
      <c r="OEF730" s="424"/>
      <c r="OEG730" s="423" t="s">
        <v>2795</v>
      </c>
      <c r="OEH730" s="424"/>
      <c r="OEI730" s="424"/>
      <c r="OEJ730" s="424"/>
      <c r="OEK730" s="423" t="s">
        <v>2795</v>
      </c>
      <c r="OEL730" s="424"/>
      <c r="OEM730" s="424"/>
      <c r="OEN730" s="424"/>
      <c r="OEO730" s="423" t="s">
        <v>2795</v>
      </c>
      <c r="OEP730" s="424"/>
      <c r="OEQ730" s="424"/>
      <c r="OER730" s="424"/>
      <c r="OES730" s="423" t="s">
        <v>2795</v>
      </c>
      <c r="OET730" s="424"/>
      <c r="OEU730" s="424"/>
      <c r="OEV730" s="424"/>
      <c r="OEW730" s="423" t="s">
        <v>2795</v>
      </c>
      <c r="OEX730" s="424"/>
      <c r="OEY730" s="424"/>
      <c r="OEZ730" s="424"/>
      <c r="OFA730" s="423" t="s">
        <v>2795</v>
      </c>
      <c r="OFB730" s="424"/>
      <c r="OFC730" s="424"/>
      <c r="OFD730" s="424"/>
      <c r="OFE730" s="423" t="s">
        <v>2795</v>
      </c>
      <c r="OFF730" s="424"/>
      <c r="OFG730" s="424"/>
      <c r="OFH730" s="424"/>
      <c r="OFI730" s="423" t="s">
        <v>2795</v>
      </c>
      <c r="OFJ730" s="424"/>
      <c r="OFK730" s="424"/>
      <c r="OFL730" s="424"/>
      <c r="OFM730" s="423" t="s">
        <v>2795</v>
      </c>
      <c r="OFN730" s="424"/>
      <c r="OFO730" s="424"/>
      <c r="OFP730" s="424"/>
      <c r="OFQ730" s="423" t="s">
        <v>2795</v>
      </c>
      <c r="OFR730" s="424"/>
      <c r="OFS730" s="424"/>
      <c r="OFT730" s="424"/>
      <c r="OFU730" s="423" t="s">
        <v>2795</v>
      </c>
      <c r="OFV730" s="424"/>
      <c r="OFW730" s="424"/>
      <c r="OFX730" s="424"/>
      <c r="OFY730" s="423" t="s">
        <v>2795</v>
      </c>
      <c r="OFZ730" s="424"/>
      <c r="OGA730" s="424"/>
      <c r="OGB730" s="424"/>
      <c r="OGC730" s="423" t="s">
        <v>2795</v>
      </c>
      <c r="OGD730" s="424"/>
      <c r="OGE730" s="424"/>
      <c r="OGF730" s="424"/>
      <c r="OGG730" s="423" t="s">
        <v>2795</v>
      </c>
      <c r="OGH730" s="424"/>
      <c r="OGI730" s="424"/>
      <c r="OGJ730" s="424"/>
      <c r="OGK730" s="423" t="s">
        <v>2795</v>
      </c>
      <c r="OGL730" s="424"/>
      <c r="OGM730" s="424"/>
      <c r="OGN730" s="424"/>
      <c r="OGO730" s="423" t="s">
        <v>2795</v>
      </c>
      <c r="OGP730" s="424"/>
      <c r="OGQ730" s="424"/>
      <c r="OGR730" s="424"/>
      <c r="OGS730" s="423" t="s">
        <v>2795</v>
      </c>
      <c r="OGT730" s="424"/>
      <c r="OGU730" s="424"/>
      <c r="OGV730" s="424"/>
      <c r="OGW730" s="423" t="s">
        <v>2795</v>
      </c>
      <c r="OGX730" s="424"/>
      <c r="OGY730" s="424"/>
      <c r="OGZ730" s="424"/>
      <c r="OHA730" s="423" t="s">
        <v>2795</v>
      </c>
      <c r="OHB730" s="424"/>
      <c r="OHC730" s="424"/>
      <c r="OHD730" s="424"/>
      <c r="OHE730" s="423" t="s">
        <v>2795</v>
      </c>
      <c r="OHF730" s="424"/>
      <c r="OHG730" s="424"/>
      <c r="OHH730" s="424"/>
      <c r="OHI730" s="423" t="s">
        <v>2795</v>
      </c>
      <c r="OHJ730" s="424"/>
      <c r="OHK730" s="424"/>
      <c r="OHL730" s="424"/>
      <c r="OHM730" s="423" t="s">
        <v>2795</v>
      </c>
      <c r="OHN730" s="424"/>
      <c r="OHO730" s="424"/>
      <c r="OHP730" s="424"/>
      <c r="OHQ730" s="423" t="s">
        <v>2795</v>
      </c>
      <c r="OHR730" s="424"/>
      <c r="OHS730" s="424"/>
      <c r="OHT730" s="424"/>
      <c r="OHU730" s="423" t="s">
        <v>2795</v>
      </c>
      <c r="OHV730" s="424"/>
      <c r="OHW730" s="424"/>
      <c r="OHX730" s="424"/>
      <c r="OHY730" s="423" t="s">
        <v>2795</v>
      </c>
      <c r="OHZ730" s="424"/>
      <c r="OIA730" s="424"/>
      <c r="OIB730" s="424"/>
      <c r="OIC730" s="423" t="s">
        <v>2795</v>
      </c>
      <c r="OID730" s="424"/>
      <c r="OIE730" s="424"/>
      <c r="OIF730" s="424"/>
      <c r="OIG730" s="423" t="s">
        <v>2795</v>
      </c>
      <c r="OIH730" s="424"/>
      <c r="OII730" s="424"/>
      <c r="OIJ730" s="424"/>
      <c r="OIK730" s="423" t="s">
        <v>2795</v>
      </c>
      <c r="OIL730" s="424"/>
      <c r="OIM730" s="424"/>
      <c r="OIN730" s="424"/>
      <c r="OIO730" s="423" t="s">
        <v>2795</v>
      </c>
      <c r="OIP730" s="424"/>
      <c r="OIQ730" s="424"/>
      <c r="OIR730" s="424"/>
      <c r="OIS730" s="423" t="s">
        <v>2795</v>
      </c>
      <c r="OIT730" s="424"/>
      <c r="OIU730" s="424"/>
      <c r="OIV730" s="424"/>
      <c r="OIW730" s="423" t="s">
        <v>2795</v>
      </c>
      <c r="OIX730" s="424"/>
      <c r="OIY730" s="424"/>
      <c r="OIZ730" s="424"/>
      <c r="OJA730" s="423" t="s">
        <v>2795</v>
      </c>
      <c r="OJB730" s="424"/>
      <c r="OJC730" s="424"/>
      <c r="OJD730" s="424"/>
      <c r="OJE730" s="423" t="s">
        <v>2795</v>
      </c>
      <c r="OJF730" s="424"/>
      <c r="OJG730" s="424"/>
      <c r="OJH730" s="424"/>
      <c r="OJI730" s="423" t="s">
        <v>2795</v>
      </c>
      <c r="OJJ730" s="424"/>
      <c r="OJK730" s="424"/>
      <c r="OJL730" s="424"/>
      <c r="OJM730" s="423" t="s">
        <v>2795</v>
      </c>
      <c r="OJN730" s="424"/>
      <c r="OJO730" s="424"/>
      <c r="OJP730" s="424"/>
      <c r="OJQ730" s="423" t="s">
        <v>2795</v>
      </c>
      <c r="OJR730" s="424"/>
      <c r="OJS730" s="424"/>
      <c r="OJT730" s="424"/>
      <c r="OJU730" s="423" t="s">
        <v>2795</v>
      </c>
      <c r="OJV730" s="424"/>
      <c r="OJW730" s="424"/>
      <c r="OJX730" s="424"/>
      <c r="OJY730" s="423" t="s">
        <v>2795</v>
      </c>
      <c r="OJZ730" s="424"/>
      <c r="OKA730" s="424"/>
      <c r="OKB730" s="424"/>
      <c r="OKC730" s="423" t="s">
        <v>2795</v>
      </c>
      <c r="OKD730" s="424"/>
      <c r="OKE730" s="424"/>
      <c r="OKF730" s="424"/>
      <c r="OKG730" s="423" t="s">
        <v>2795</v>
      </c>
      <c r="OKH730" s="424"/>
      <c r="OKI730" s="424"/>
      <c r="OKJ730" s="424"/>
      <c r="OKK730" s="423" t="s">
        <v>2795</v>
      </c>
      <c r="OKL730" s="424"/>
      <c r="OKM730" s="424"/>
      <c r="OKN730" s="424"/>
      <c r="OKO730" s="423" t="s">
        <v>2795</v>
      </c>
      <c r="OKP730" s="424"/>
      <c r="OKQ730" s="424"/>
      <c r="OKR730" s="424"/>
      <c r="OKS730" s="423" t="s">
        <v>2795</v>
      </c>
      <c r="OKT730" s="424"/>
      <c r="OKU730" s="424"/>
      <c r="OKV730" s="424"/>
      <c r="OKW730" s="423" t="s">
        <v>2795</v>
      </c>
      <c r="OKX730" s="424"/>
      <c r="OKY730" s="424"/>
      <c r="OKZ730" s="424"/>
      <c r="OLA730" s="423" t="s">
        <v>2795</v>
      </c>
      <c r="OLB730" s="424"/>
      <c r="OLC730" s="424"/>
      <c r="OLD730" s="424"/>
      <c r="OLE730" s="423" t="s">
        <v>2795</v>
      </c>
      <c r="OLF730" s="424"/>
      <c r="OLG730" s="424"/>
      <c r="OLH730" s="424"/>
      <c r="OLI730" s="423" t="s">
        <v>2795</v>
      </c>
      <c r="OLJ730" s="424"/>
      <c r="OLK730" s="424"/>
      <c r="OLL730" s="424"/>
      <c r="OLM730" s="423" t="s">
        <v>2795</v>
      </c>
      <c r="OLN730" s="424"/>
      <c r="OLO730" s="424"/>
      <c r="OLP730" s="424"/>
      <c r="OLQ730" s="423" t="s">
        <v>2795</v>
      </c>
      <c r="OLR730" s="424"/>
      <c r="OLS730" s="424"/>
      <c r="OLT730" s="424"/>
      <c r="OLU730" s="423" t="s">
        <v>2795</v>
      </c>
      <c r="OLV730" s="424"/>
      <c r="OLW730" s="424"/>
      <c r="OLX730" s="424"/>
      <c r="OLY730" s="423" t="s">
        <v>2795</v>
      </c>
      <c r="OLZ730" s="424"/>
      <c r="OMA730" s="424"/>
      <c r="OMB730" s="424"/>
      <c r="OMC730" s="423" t="s">
        <v>2795</v>
      </c>
      <c r="OMD730" s="424"/>
      <c r="OME730" s="424"/>
      <c r="OMF730" s="424"/>
      <c r="OMG730" s="423" t="s">
        <v>2795</v>
      </c>
      <c r="OMH730" s="424"/>
      <c r="OMI730" s="424"/>
      <c r="OMJ730" s="424"/>
      <c r="OMK730" s="423" t="s">
        <v>2795</v>
      </c>
      <c r="OML730" s="424"/>
      <c r="OMM730" s="424"/>
      <c r="OMN730" s="424"/>
      <c r="OMO730" s="423" t="s">
        <v>2795</v>
      </c>
      <c r="OMP730" s="424"/>
      <c r="OMQ730" s="424"/>
      <c r="OMR730" s="424"/>
      <c r="OMS730" s="423" t="s">
        <v>2795</v>
      </c>
      <c r="OMT730" s="424"/>
      <c r="OMU730" s="424"/>
      <c r="OMV730" s="424"/>
      <c r="OMW730" s="423" t="s">
        <v>2795</v>
      </c>
      <c r="OMX730" s="424"/>
      <c r="OMY730" s="424"/>
      <c r="OMZ730" s="424"/>
      <c r="ONA730" s="423" t="s">
        <v>2795</v>
      </c>
      <c r="ONB730" s="424"/>
      <c r="ONC730" s="424"/>
      <c r="OND730" s="424"/>
      <c r="ONE730" s="423" t="s">
        <v>2795</v>
      </c>
      <c r="ONF730" s="424"/>
      <c r="ONG730" s="424"/>
      <c r="ONH730" s="424"/>
      <c r="ONI730" s="423" t="s">
        <v>2795</v>
      </c>
      <c r="ONJ730" s="424"/>
      <c r="ONK730" s="424"/>
      <c r="ONL730" s="424"/>
      <c r="ONM730" s="423" t="s">
        <v>2795</v>
      </c>
      <c r="ONN730" s="424"/>
      <c r="ONO730" s="424"/>
      <c r="ONP730" s="424"/>
      <c r="ONQ730" s="423" t="s">
        <v>2795</v>
      </c>
      <c r="ONR730" s="424"/>
      <c r="ONS730" s="424"/>
      <c r="ONT730" s="424"/>
      <c r="ONU730" s="423" t="s">
        <v>2795</v>
      </c>
      <c r="ONV730" s="424"/>
      <c r="ONW730" s="424"/>
      <c r="ONX730" s="424"/>
      <c r="ONY730" s="423" t="s">
        <v>2795</v>
      </c>
      <c r="ONZ730" s="424"/>
      <c r="OOA730" s="424"/>
      <c r="OOB730" s="424"/>
      <c r="OOC730" s="423" t="s">
        <v>2795</v>
      </c>
      <c r="OOD730" s="424"/>
      <c r="OOE730" s="424"/>
      <c r="OOF730" s="424"/>
      <c r="OOG730" s="423" t="s">
        <v>2795</v>
      </c>
      <c r="OOH730" s="424"/>
      <c r="OOI730" s="424"/>
      <c r="OOJ730" s="424"/>
      <c r="OOK730" s="423" t="s">
        <v>2795</v>
      </c>
      <c r="OOL730" s="424"/>
      <c r="OOM730" s="424"/>
      <c r="OON730" s="424"/>
      <c r="OOO730" s="423" t="s">
        <v>2795</v>
      </c>
      <c r="OOP730" s="424"/>
      <c r="OOQ730" s="424"/>
      <c r="OOR730" s="424"/>
      <c r="OOS730" s="423" t="s">
        <v>2795</v>
      </c>
      <c r="OOT730" s="424"/>
      <c r="OOU730" s="424"/>
      <c r="OOV730" s="424"/>
      <c r="OOW730" s="423" t="s">
        <v>2795</v>
      </c>
      <c r="OOX730" s="424"/>
      <c r="OOY730" s="424"/>
      <c r="OOZ730" s="424"/>
      <c r="OPA730" s="423" t="s">
        <v>2795</v>
      </c>
      <c r="OPB730" s="424"/>
      <c r="OPC730" s="424"/>
      <c r="OPD730" s="424"/>
      <c r="OPE730" s="423" t="s">
        <v>2795</v>
      </c>
      <c r="OPF730" s="424"/>
      <c r="OPG730" s="424"/>
      <c r="OPH730" s="424"/>
      <c r="OPI730" s="423" t="s">
        <v>2795</v>
      </c>
      <c r="OPJ730" s="424"/>
      <c r="OPK730" s="424"/>
      <c r="OPL730" s="424"/>
      <c r="OPM730" s="423" t="s">
        <v>2795</v>
      </c>
      <c r="OPN730" s="424"/>
      <c r="OPO730" s="424"/>
      <c r="OPP730" s="424"/>
      <c r="OPQ730" s="423" t="s">
        <v>2795</v>
      </c>
      <c r="OPR730" s="424"/>
      <c r="OPS730" s="424"/>
      <c r="OPT730" s="424"/>
      <c r="OPU730" s="423" t="s">
        <v>2795</v>
      </c>
      <c r="OPV730" s="424"/>
      <c r="OPW730" s="424"/>
      <c r="OPX730" s="424"/>
      <c r="OPY730" s="423" t="s">
        <v>2795</v>
      </c>
      <c r="OPZ730" s="424"/>
      <c r="OQA730" s="424"/>
      <c r="OQB730" s="424"/>
      <c r="OQC730" s="423" t="s">
        <v>2795</v>
      </c>
      <c r="OQD730" s="424"/>
      <c r="OQE730" s="424"/>
      <c r="OQF730" s="424"/>
      <c r="OQG730" s="423" t="s">
        <v>2795</v>
      </c>
      <c r="OQH730" s="424"/>
      <c r="OQI730" s="424"/>
      <c r="OQJ730" s="424"/>
      <c r="OQK730" s="423" t="s">
        <v>2795</v>
      </c>
      <c r="OQL730" s="424"/>
      <c r="OQM730" s="424"/>
      <c r="OQN730" s="424"/>
      <c r="OQO730" s="423" t="s">
        <v>2795</v>
      </c>
      <c r="OQP730" s="424"/>
      <c r="OQQ730" s="424"/>
      <c r="OQR730" s="424"/>
      <c r="OQS730" s="423" t="s">
        <v>2795</v>
      </c>
      <c r="OQT730" s="424"/>
      <c r="OQU730" s="424"/>
      <c r="OQV730" s="424"/>
      <c r="OQW730" s="423" t="s">
        <v>2795</v>
      </c>
      <c r="OQX730" s="424"/>
      <c r="OQY730" s="424"/>
      <c r="OQZ730" s="424"/>
      <c r="ORA730" s="423" t="s">
        <v>2795</v>
      </c>
      <c r="ORB730" s="424"/>
      <c r="ORC730" s="424"/>
      <c r="ORD730" s="424"/>
      <c r="ORE730" s="423" t="s">
        <v>2795</v>
      </c>
      <c r="ORF730" s="424"/>
      <c r="ORG730" s="424"/>
      <c r="ORH730" s="424"/>
      <c r="ORI730" s="423" t="s">
        <v>2795</v>
      </c>
      <c r="ORJ730" s="424"/>
      <c r="ORK730" s="424"/>
      <c r="ORL730" s="424"/>
      <c r="ORM730" s="423" t="s">
        <v>2795</v>
      </c>
      <c r="ORN730" s="424"/>
      <c r="ORO730" s="424"/>
      <c r="ORP730" s="424"/>
      <c r="ORQ730" s="423" t="s">
        <v>2795</v>
      </c>
      <c r="ORR730" s="424"/>
      <c r="ORS730" s="424"/>
      <c r="ORT730" s="424"/>
      <c r="ORU730" s="423" t="s">
        <v>2795</v>
      </c>
      <c r="ORV730" s="424"/>
      <c r="ORW730" s="424"/>
      <c r="ORX730" s="424"/>
      <c r="ORY730" s="423" t="s">
        <v>2795</v>
      </c>
      <c r="ORZ730" s="424"/>
      <c r="OSA730" s="424"/>
      <c r="OSB730" s="424"/>
      <c r="OSC730" s="423" t="s">
        <v>2795</v>
      </c>
      <c r="OSD730" s="424"/>
      <c r="OSE730" s="424"/>
      <c r="OSF730" s="424"/>
      <c r="OSG730" s="423" t="s">
        <v>2795</v>
      </c>
      <c r="OSH730" s="424"/>
      <c r="OSI730" s="424"/>
      <c r="OSJ730" s="424"/>
      <c r="OSK730" s="423" t="s">
        <v>2795</v>
      </c>
      <c r="OSL730" s="424"/>
      <c r="OSM730" s="424"/>
      <c r="OSN730" s="424"/>
      <c r="OSO730" s="423" t="s">
        <v>2795</v>
      </c>
      <c r="OSP730" s="424"/>
      <c r="OSQ730" s="424"/>
      <c r="OSR730" s="424"/>
      <c r="OSS730" s="423" t="s">
        <v>2795</v>
      </c>
      <c r="OST730" s="424"/>
      <c r="OSU730" s="424"/>
      <c r="OSV730" s="424"/>
      <c r="OSW730" s="423" t="s">
        <v>2795</v>
      </c>
      <c r="OSX730" s="424"/>
      <c r="OSY730" s="424"/>
      <c r="OSZ730" s="424"/>
      <c r="OTA730" s="423" t="s">
        <v>2795</v>
      </c>
      <c r="OTB730" s="424"/>
      <c r="OTC730" s="424"/>
      <c r="OTD730" s="424"/>
      <c r="OTE730" s="423" t="s">
        <v>2795</v>
      </c>
      <c r="OTF730" s="424"/>
      <c r="OTG730" s="424"/>
      <c r="OTH730" s="424"/>
      <c r="OTI730" s="423" t="s">
        <v>2795</v>
      </c>
      <c r="OTJ730" s="424"/>
      <c r="OTK730" s="424"/>
      <c r="OTL730" s="424"/>
      <c r="OTM730" s="423" t="s">
        <v>2795</v>
      </c>
      <c r="OTN730" s="424"/>
      <c r="OTO730" s="424"/>
      <c r="OTP730" s="424"/>
      <c r="OTQ730" s="423" t="s">
        <v>2795</v>
      </c>
      <c r="OTR730" s="424"/>
      <c r="OTS730" s="424"/>
      <c r="OTT730" s="424"/>
      <c r="OTU730" s="423" t="s">
        <v>2795</v>
      </c>
      <c r="OTV730" s="424"/>
      <c r="OTW730" s="424"/>
      <c r="OTX730" s="424"/>
      <c r="OTY730" s="423" t="s">
        <v>2795</v>
      </c>
      <c r="OTZ730" s="424"/>
      <c r="OUA730" s="424"/>
      <c r="OUB730" s="424"/>
      <c r="OUC730" s="423" t="s">
        <v>2795</v>
      </c>
      <c r="OUD730" s="424"/>
      <c r="OUE730" s="424"/>
      <c r="OUF730" s="424"/>
      <c r="OUG730" s="423" t="s">
        <v>2795</v>
      </c>
      <c r="OUH730" s="424"/>
      <c r="OUI730" s="424"/>
      <c r="OUJ730" s="424"/>
      <c r="OUK730" s="423" t="s">
        <v>2795</v>
      </c>
      <c r="OUL730" s="424"/>
      <c r="OUM730" s="424"/>
      <c r="OUN730" s="424"/>
      <c r="OUO730" s="423" t="s">
        <v>2795</v>
      </c>
      <c r="OUP730" s="424"/>
      <c r="OUQ730" s="424"/>
      <c r="OUR730" s="424"/>
      <c r="OUS730" s="423" t="s">
        <v>2795</v>
      </c>
      <c r="OUT730" s="424"/>
      <c r="OUU730" s="424"/>
      <c r="OUV730" s="424"/>
      <c r="OUW730" s="423" t="s">
        <v>2795</v>
      </c>
      <c r="OUX730" s="424"/>
      <c r="OUY730" s="424"/>
      <c r="OUZ730" s="424"/>
      <c r="OVA730" s="423" t="s">
        <v>2795</v>
      </c>
      <c r="OVB730" s="424"/>
      <c r="OVC730" s="424"/>
      <c r="OVD730" s="424"/>
      <c r="OVE730" s="423" t="s">
        <v>2795</v>
      </c>
      <c r="OVF730" s="424"/>
      <c r="OVG730" s="424"/>
      <c r="OVH730" s="424"/>
      <c r="OVI730" s="423" t="s">
        <v>2795</v>
      </c>
      <c r="OVJ730" s="424"/>
      <c r="OVK730" s="424"/>
      <c r="OVL730" s="424"/>
      <c r="OVM730" s="423" t="s">
        <v>2795</v>
      </c>
      <c r="OVN730" s="424"/>
      <c r="OVO730" s="424"/>
      <c r="OVP730" s="424"/>
      <c r="OVQ730" s="423" t="s">
        <v>2795</v>
      </c>
      <c r="OVR730" s="424"/>
      <c r="OVS730" s="424"/>
      <c r="OVT730" s="424"/>
      <c r="OVU730" s="423" t="s">
        <v>2795</v>
      </c>
      <c r="OVV730" s="424"/>
      <c r="OVW730" s="424"/>
      <c r="OVX730" s="424"/>
      <c r="OVY730" s="423" t="s">
        <v>2795</v>
      </c>
      <c r="OVZ730" s="424"/>
      <c r="OWA730" s="424"/>
      <c r="OWB730" s="424"/>
      <c r="OWC730" s="423" t="s">
        <v>2795</v>
      </c>
      <c r="OWD730" s="424"/>
      <c r="OWE730" s="424"/>
      <c r="OWF730" s="424"/>
      <c r="OWG730" s="423" t="s">
        <v>2795</v>
      </c>
      <c r="OWH730" s="424"/>
      <c r="OWI730" s="424"/>
      <c r="OWJ730" s="424"/>
      <c r="OWK730" s="423" t="s">
        <v>2795</v>
      </c>
      <c r="OWL730" s="424"/>
      <c r="OWM730" s="424"/>
      <c r="OWN730" s="424"/>
      <c r="OWO730" s="423" t="s">
        <v>2795</v>
      </c>
      <c r="OWP730" s="424"/>
      <c r="OWQ730" s="424"/>
      <c r="OWR730" s="424"/>
      <c r="OWS730" s="423" t="s">
        <v>2795</v>
      </c>
      <c r="OWT730" s="424"/>
      <c r="OWU730" s="424"/>
      <c r="OWV730" s="424"/>
      <c r="OWW730" s="423" t="s">
        <v>2795</v>
      </c>
      <c r="OWX730" s="424"/>
      <c r="OWY730" s="424"/>
      <c r="OWZ730" s="424"/>
      <c r="OXA730" s="423" t="s">
        <v>2795</v>
      </c>
      <c r="OXB730" s="424"/>
      <c r="OXC730" s="424"/>
      <c r="OXD730" s="424"/>
      <c r="OXE730" s="423" t="s">
        <v>2795</v>
      </c>
      <c r="OXF730" s="424"/>
      <c r="OXG730" s="424"/>
      <c r="OXH730" s="424"/>
      <c r="OXI730" s="423" t="s">
        <v>2795</v>
      </c>
      <c r="OXJ730" s="424"/>
      <c r="OXK730" s="424"/>
      <c r="OXL730" s="424"/>
      <c r="OXM730" s="423" t="s">
        <v>2795</v>
      </c>
      <c r="OXN730" s="424"/>
      <c r="OXO730" s="424"/>
      <c r="OXP730" s="424"/>
      <c r="OXQ730" s="423" t="s">
        <v>2795</v>
      </c>
      <c r="OXR730" s="424"/>
      <c r="OXS730" s="424"/>
      <c r="OXT730" s="424"/>
      <c r="OXU730" s="423" t="s">
        <v>2795</v>
      </c>
      <c r="OXV730" s="424"/>
      <c r="OXW730" s="424"/>
      <c r="OXX730" s="424"/>
      <c r="OXY730" s="423" t="s">
        <v>2795</v>
      </c>
      <c r="OXZ730" s="424"/>
      <c r="OYA730" s="424"/>
      <c r="OYB730" s="424"/>
      <c r="OYC730" s="423" t="s">
        <v>2795</v>
      </c>
      <c r="OYD730" s="424"/>
      <c r="OYE730" s="424"/>
      <c r="OYF730" s="424"/>
      <c r="OYG730" s="423" t="s">
        <v>2795</v>
      </c>
      <c r="OYH730" s="424"/>
      <c r="OYI730" s="424"/>
      <c r="OYJ730" s="424"/>
      <c r="OYK730" s="423" t="s">
        <v>2795</v>
      </c>
      <c r="OYL730" s="424"/>
      <c r="OYM730" s="424"/>
      <c r="OYN730" s="424"/>
      <c r="OYO730" s="423" t="s">
        <v>2795</v>
      </c>
      <c r="OYP730" s="424"/>
      <c r="OYQ730" s="424"/>
      <c r="OYR730" s="424"/>
      <c r="OYS730" s="423" t="s">
        <v>2795</v>
      </c>
      <c r="OYT730" s="424"/>
      <c r="OYU730" s="424"/>
      <c r="OYV730" s="424"/>
      <c r="OYW730" s="423" t="s">
        <v>2795</v>
      </c>
      <c r="OYX730" s="424"/>
      <c r="OYY730" s="424"/>
      <c r="OYZ730" s="424"/>
      <c r="OZA730" s="423" t="s">
        <v>2795</v>
      </c>
      <c r="OZB730" s="424"/>
      <c r="OZC730" s="424"/>
      <c r="OZD730" s="424"/>
      <c r="OZE730" s="423" t="s">
        <v>2795</v>
      </c>
      <c r="OZF730" s="424"/>
      <c r="OZG730" s="424"/>
      <c r="OZH730" s="424"/>
      <c r="OZI730" s="423" t="s">
        <v>2795</v>
      </c>
      <c r="OZJ730" s="424"/>
      <c r="OZK730" s="424"/>
      <c r="OZL730" s="424"/>
      <c r="OZM730" s="423" t="s">
        <v>2795</v>
      </c>
      <c r="OZN730" s="424"/>
      <c r="OZO730" s="424"/>
      <c r="OZP730" s="424"/>
      <c r="OZQ730" s="423" t="s">
        <v>2795</v>
      </c>
      <c r="OZR730" s="424"/>
      <c r="OZS730" s="424"/>
      <c r="OZT730" s="424"/>
      <c r="OZU730" s="423" t="s">
        <v>2795</v>
      </c>
      <c r="OZV730" s="424"/>
      <c r="OZW730" s="424"/>
      <c r="OZX730" s="424"/>
      <c r="OZY730" s="423" t="s">
        <v>2795</v>
      </c>
      <c r="OZZ730" s="424"/>
      <c r="PAA730" s="424"/>
      <c r="PAB730" s="424"/>
      <c r="PAC730" s="423" t="s">
        <v>2795</v>
      </c>
      <c r="PAD730" s="424"/>
      <c r="PAE730" s="424"/>
      <c r="PAF730" s="424"/>
      <c r="PAG730" s="423" t="s">
        <v>2795</v>
      </c>
      <c r="PAH730" s="424"/>
      <c r="PAI730" s="424"/>
      <c r="PAJ730" s="424"/>
      <c r="PAK730" s="423" t="s">
        <v>2795</v>
      </c>
      <c r="PAL730" s="424"/>
      <c r="PAM730" s="424"/>
      <c r="PAN730" s="424"/>
      <c r="PAO730" s="423" t="s">
        <v>2795</v>
      </c>
      <c r="PAP730" s="424"/>
      <c r="PAQ730" s="424"/>
      <c r="PAR730" s="424"/>
      <c r="PAS730" s="423" t="s">
        <v>2795</v>
      </c>
      <c r="PAT730" s="424"/>
      <c r="PAU730" s="424"/>
      <c r="PAV730" s="424"/>
      <c r="PAW730" s="423" t="s">
        <v>2795</v>
      </c>
      <c r="PAX730" s="424"/>
      <c r="PAY730" s="424"/>
      <c r="PAZ730" s="424"/>
      <c r="PBA730" s="423" t="s">
        <v>2795</v>
      </c>
      <c r="PBB730" s="424"/>
      <c r="PBC730" s="424"/>
      <c r="PBD730" s="424"/>
      <c r="PBE730" s="423" t="s">
        <v>2795</v>
      </c>
      <c r="PBF730" s="424"/>
      <c r="PBG730" s="424"/>
      <c r="PBH730" s="424"/>
      <c r="PBI730" s="423" t="s">
        <v>2795</v>
      </c>
      <c r="PBJ730" s="424"/>
      <c r="PBK730" s="424"/>
      <c r="PBL730" s="424"/>
      <c r="PBM730" s="423" t="s">
        <v>2795</v>
      </c>
      <c r="PBN730" s="424"/>
      <c r="PBO730" s="424"/>
      <c r="PBP730" s="424"/>
      <c r="PBQ730" s="423" t="s">
        <v>2795</v>
      </c>
      <c r="PBR730" s="424"/>
      <c r="PBS730" s="424"/>
      <c r="PBT730" s="424"/>
      <c r="PBU730" s="423" t="s">
        <v>2795</v>
      </c>
      <c r="PBV730" s="424"/>
      <c r="PBW730" s="424"/>
      <c r="PBX730" s="424"/>
      <c r="PBY730" s="423" t="s">
        <v>2795</v>
      </c>
      <c r="PBZ730" s="424"/>
      <c r="PCA730" s="424"/>
      <c r="PCB730" s="424"/>
      <c r="PCC730" s="423" t="s">
        <v>2795</v>
      </c>
      <c r="PCD730" s="424"/>
      <c r="PCE730" s="424"/>
      <c r="PCF730" s="424"/>
      <c r="PCG730" s="423" t="s">
        <v>2795</v>
      </c>
      <c r="PCH730" s="424"/>
      <c r="PCI730" s="424"/>
      <c r="PCJ730" s="424"/>
      <c r="PCK730" s="423" t="s">
        <v>2795</v>
      </c>
      <c r="PCL730" s="424"/>
      <c r="PCM730" s="424"/>
      <c r="PCN730" s="424"/>
      <c r="PCO730" s="423" t="s">
        <v>2795</v>
      </c>
      <c r="PCP730" s="424"/>
      <c r="PCQ730" s="424"/>
      <c r="PCR730" s="424"/>
      <c r="PCS730" s="423" t="s">
        <v>2795</v>
      </c>
      <c r="PCT730" s="424"/>
      <c r="PCU730" s="424"/>
      <c r="PCV730" s="424"/>
      <c r="PCW730" s="423" t="s">
        <v>2795</v>
      </c>
      <c r="PCX730" s="424"/>
      <c r="PCY730" s="424"/>
      <c r="PCZ730" s="424"/>
      <c r="PDA730" s="423" t="s">
        <v>2795</v>
      </c>
      <c r="PDB730" s="424"/>
      <c r="PDC730" s="424"/>
      <c r="PDD730" s="424"/>
      <c r="PDE730" s="423" t="s">
        <v>2795</v>
      </c>
      <c r="PDF730" s="424"/>
      <c r="PDG730" s="424"/>
      <c r="PDH730" s="424"/>
      <c r="PDI730" s="423" t="s">
        <v>2795</v>
      </c>
      <c r="PDJ730" s="424"/>
      <c r="PDK730" s="424"/>
      <c r="PDL730" s="424"/>
      <c r="PDM730" s="423" t="s">
        <v>2795</v>
      </c>
      <c r="PDN730" s="424"/>
      <c r="PDO730" s="424"/>
      <c r="PDP730" s="424"/>
      <c r="PDQ730" s="423" t="s">
        <v>2795</v>
      </c>
      <c r="PDR730" s="424"/>
      <c r="PDS730" s="424"/>
      <c r="PDT730" s="424"/>
      <c r="PDU730" s="423" t="s">
        <v>2795</v>
      </c>
      <c r="PDV730" s="424"/>
      <c r="PDW730" s="424"/>
      <c r="PDX730" s="424"/>
      <c r="PDY730" s="423" t="s">
        <v>2795</v>
      </c>
      <c r="PDZ730" s="424"/>
      <c r="PEA730" s="424"/>
      <c r="PEB730" s="424"/>
      <c r="PEC730" s="423" t="s">
        <v>2795</v>
      </c>
      <c r="PED730" s="424"/>
      <c r="PEE730" s="424"/>
      <c r="PEF730" s="424"/>
      <c r="PEG730" s="423" t="s">
        <v>2795</v>
      </c>
      <c r="PEH730" s="424"/>
      <c r="PEI730" s="424"/>
      <c r="PEJ730" s="424"/>
      <c r="PEK730" s="423" t="s">
        <v>2795</v>
      </c>
      <c r="PEL730" s="424"/>
      <c r="PEM730" s="424"/>
      <c r="PEN730" s="424"/>
      <c r="PEO730" s="423" t="s">
        <v>2795</v>
      </c>
      <c r="PEP730" s="424"/>
      <c r="PEQ730" s="424"/>
      <c r="PER730" s="424"/>
      <c r="PES730" s="423" t="s">
        <v>2795</v>
      </c>
      <c r="PET730" s="424"/>
      <c r="PEU730" s="424"/>
      <c r="PEV730" s="424"/>
      <c r="PEW730" s="423" t="s">
        <v>2795</v>
      </c>
      <c r="PEX730" s="424"/>
      <c r="PEY730" s="424"/>
      <c r="PEZ730" s="424"/>
      <c r="PFA730" s="423" t="s">
        <v>2795</v>
      </c>
      <c r="PFB730" s="424"/>
      <c r="PFC730" s="424"/>
      <c r="PFD730" s="424"/>
      <c r="PFE730" s="423" t="s">
        <v>2795</v>
      </c>
      <c r="PFF730" s="424"/>
      <c r="PFG730" s="424"/>
      <c r="PFH730" s="424"/>
      <c r="PFI730" s="423" t="s">
        <v>2795</v>
      </c>
      <c r="PFJ730" s="424"/>
      <c r="PFK730" s="424"/>
      <c r="PFL730" s="424"/>
      <c r="PFM730" s="423" t="s">
        <v>2795</v>
      </c>
      <c r="PFN730" s="424"/>
      <c r="PFO730" s="424"/>
      <c r="PFP730" s="424"/>
      <c r="PFQ730" s="423" t="s">
        <v>2795</v>
      </c>
      <c r="PFR730" s="424"/>
      <c r="PFS730" s="424"/>
      <c r="PFT730" s="424"/>
      <c r="PFU730" s="423" t="s">
        <v>2795</v>
      </c>
      <c r="PFV730" s="424"/>
      <c r="PFW730" s="424"/>
      <c r="PFX730" s="424"/>
      <c r="PFY730" s="423" t="s">
        <v>2795</v>
      </c>
      <c r="PFZ730" s="424"/>
      <c r="PGA730" s="424"/>
      <c r="PGB730" s="424"/>
      <c r="PGC730" s="423" t="s">
        <v>2795</v>
      </c>
      <c r="PGD730" s="424"/>
      <c r="PGE730" s="424"/>
      <c r="PGF730" s="424"/>
      <c r="PGG730" s="423" t="s">
        <v>2795</v>
      </c>
      <c r="PGH730" s="424"/>
      <c r="PGI730" s="424"/>
      <c r="PGJ730" s="424"/>
      <c r="PGK730" s="423" t="s">
        <v>2795</v>
      </c>
      <c r="PGL730" s="424"/>
      <c r="PGM730" s="424"/>
      <c r="PGN730" s="424"/>
      <c r="PGO730" s="423" t="s">
        <v>2795</v>
      </c>
      <c r="PGP730" s="424"/>
      <c r="PGQ730" s="424"/>
      <c r="PGR730" s="424"/>
      <c r="PGS730" s="423" t="s">
        <v>2795</v>
      </c>
      <c r="PGT730" s="424"/>
      <c r="PGU730" s="424"/>
      <c r="PGV730" s="424"/>
      <c r="PGW730" s="423" t="s">
        <v>2795</v>
      </c>
      <c r="PGX730" s="424"/>
      <c r="PGY730" s="424"/>
      <c r="PGZ730" s="424"/>
      <c r="PHA730" s="423" t="s">
        <v>2795</v>
      </c>
      <c r="PHB730" s="424"/>
      <c r="PHC730" s="424"/>
      <c r="PHD730" s="424"/>
      <c r="PHE730" s="423" t="s">
        <v>2795</v>
      </c>
      <c r="PHF730" s="424"/>
      <c r="PHG730" s="424"/>
      <c r="PHH730" s="424"/>
      <c r="PHI730" s="423" t="s">
        <v>2795</v>
      </c>
      <c r="PHJ730" s="424"/>
      <c r="PHK730" s="424"/>
      <c r="PHL730" s="424"/>
      <c r="PHM730" s="423" t="s">
        <v>2795</v>
      </c>
      <c r="PHN730" s="424"/>
      <c r="PHO730" s="424"/>
      <c r="PHP730" s="424"/>
      <c r="PHQ730" s="423" t="s">
        <v>2795</v>
      </c>
      <c r="PHR730" s="424"/>
      <c r="PHS730" s="424"/>
      <c r="PHT730" s="424"/>
      <c r="PHU730" s="423" t="s">
        <v>2795</v>
      </c>
      <c r="PHV730" s="424"/>
      <c r="PHW730" s="424"/>
      <c r="PHX730" s="424"/>
      <c r="PHY730" s="423" t="s">
        <v>2795</v>
      </c>
      <c r="PHZ730" s="424"/>
      <c r="PIA730" s="424"/>
      <c r="PIB730" s="424"/>
      <c r="PIC730" s="423" t="s">
        <v>2795</v>
      </c>
      <c r="PID730" s="424"/>
      <c r="PIE730" s="424"/>
      <c r="PIF730" s="424"/>
      <c r="PIG730" s="423" t="s">
        <v>2795</v>
      </c>
      <c r="PIH730" s="424"/>
      <c r="PII730" s="424"/>
      <c r="PIJ730" s="424"/>
      <c r="PIK730" s="423" t="s">
        <v>2795</v>
      </c>
      <c r="PIL730" s="424"/>
      <c r="PIM730" s="424"/>
      <c r="PIN730" s="424"/>
      <c r="PIO730" s="423" t="s">
        <v>2795</v>
      </c>
      <c r="PIP730" s="424"/>
      <c r="PIQ730" s="424"/>
      <c r="PIR730" s="424"/>
      <c r="PIS730" s="423" t="s">
        <v>2795</v>
      </c>
      <c r="PIT730" s="424"/>
      <c r="PIU730" s="424"/>
      <c r="PIV730" s="424"/>
      <c r="PIW730" s="423" t="s">
        <v>2795</v>
      </c>
      <c r="PIX730" s="424"/>
      <c r="PIY730" s="424"/>
      <c r="PIZ730" s="424"/>
      <c r="PJA730" s="423" t="s">
        <v>2795</v>
      </c>
      <c r="PJB730" s="424"/>
      <c r="PJC730" s="424"/>
      <c r="PJD730" s="424"/>
      <c r="PJE730" s="423" t="s">
        <v>2795</v>
      </c>
      <c r="PJF730" s="424"/>
      <c r="PJG730" s="424"/>
      <c r="PJH730" s="424"/>
      <c r="PJI730" s="423" t="s">
        <v>2795</v>
      </c>
      <c r="PJJ730" s="424"/>
      <c r="PJK730" s="424"/>
      <c r="PJL730" s="424"/>
      <c r="PJM730" s="423" t="s">
        <v>2795</v>
      </c>
      <c r="PJN730" s="424"/>
      <c r="PJO730" s="424"/>
      <c r="PJP730" s="424"/>
      <c r="PJQ730" s="423" t="s">
        <v>2795</v>
      </c>
      <c r="PJR730" s="424"/>
      <c r="PJS730" s="424"/>
      <c r="PJT730" s="424"/>
      <c r="PJU730" s="423" t="s">
        <v>2795</v>
      </c>
      <c r="PJV730" s="424"/>
      <c r="PJW730" s="424"/>
      <c r="PJX730" s="424"/>
      <c r="PJY730" s="423" t="s">
        <v>2795</v>
      </c>
      <c r="PJZ730" s="424"/>
      <c r="PKA730" s="424"/>
      <c r="PKB730" s="424"/>
      <c r="PKC730" s="423" t="s">
        <v>2795</v>
      </c>
      <c r="PKD730" s="424"/>
      <c r="PKE730" s="424"/>
      <c r="PKF730" s="424"/>
      <c r="PKG730" s="423" t="s">
        <v>2795</v>
      </c>
      <c r="PKH730" s="424"/>
      <c r="PKI730" s="424"/>
      <c r="PKJ730" s="424"/>
      <c r="PKK730" s="423" t="s">
        <v>2795</v>
      </c>
      <c r="PKL730" s="424"/>
      <c r="PKM730" s="424"/>
      <c r="PKN730" s="424"/>
      <c r="PKO730" s="423" t="s">
        <v>2795</v>
      </c>
      <c r="PKP730" s="424"/>
      <c r="PKQ730" s="424"/>
      <c r="PKR730" s="424"/>
      <c r="PKS730" s="423" t="s">
        <v>2795</v>
      </c>
      <c r="PKT730" s="424"/>
      <c r="PKU730" s="424"/>
      <c r="PKV730" s="424"/>
      <c r="PKW730" s="423" t="s">
        <v>2795</v>
      </c>
      <c r="PKX730" s="424"/>
      <c r="PKY730" s="424"/>
      <c r="PKZ730" s="424"/>
      <c r="PLA730" s="423" t="s">
        <v>2795</v>
      </c>
      <c r="PLB730" s="424"/>
      <c r="PLC730" s="424"/>
      <c r="PLD730" s="424"/>
      <c r="PLE730" s="423" t="s">
        <v>2795</v>
      </c>
      <c r="PLF730" s="424"/>
      <c r="PLG730" s="424"/>
      <c r="PLH730" s="424"/>
      <c r="PLI730" s="423" t="s">
        <v>2795</v>
      </c>
      <c r="PLJ730" s="424"/>
      <c r="PLK730" s="424"/>
      <c r="PLL730" s="424"/>
      <c r="PLM730" s="423" t="s">
        <v>2795</v>
      </c>
      <c r="PLN730" s="424"/>
      <c r="PLO730" s="424"/>
      <c r="PLP730" s="424"/>
      <c r="PLQ730" s="423" t="s">
        <v>2795</v>
      </c>
      <c r="PLR730" s="424"/>
      <c r="PLS730" s="424"/>
      <c r="PLT730" s="424"/>
      <c r="PLU730" s="423" t="s">
        <v>2795</v>
      </c>
      <c r="PLV730" s="424"/>
      <c r="PLW730" s="424"/>
      <c r="PLX730" s="424"/>
      <c r="PLY730" s="423" t="s">
        <v>2795</v>
      </c>
      <c r="PLZ730" s="424"/>
      <c r="PMA730" s="424"/>
      <c r="PMB730" s="424"/>
      <c r="PMC730" s="423" t="s">
        <v>2795</v>
      </c>
      <c r="PMD730" s="424"/>
      <c r="PME730" s="424"/>
      <c r="PMF730" s="424"/>
      <c r="PMG730" s="423" t="s">
        <v>2795</v>
      </c>
      <c r="PMH730" s="424"/>
      <c r="PMI730" s="424"/>
      <c r="PMJ730" s="424"/>
      <c r="PMK730" s="423" t="s">
        <v>2795</v>
      </c>
      <c r="PML730" s="424"/>
      <c r="PMM730" s="424"/>
      <c r="PMN730" s="424"/>
      <c r="PMO730" s="423" t="s">
        <v>2795</v>
      </c>
      <c r="PMP730" s="424"/>
      <c r="PMQ730" s="424"/>
      <c r="PMR730" s="424"/>
      <c r="PMS730" s="423" t="s">
        <v>2795</v>
      </c>
      <c r="PMT730" s="424"/>
      <c r="PMU730" s="424"/>
      <c r="PMV730" s="424"/>
      <c r="PMW730" s="423" t="s">
        <v>2795</v>
      </c>
      <c r="PMX730" s="424"/>
      <c r="PMY730" s="424"/>
      <c r="PMZ730" s="424"/>
      <c r="PNA730" s="423" t="s">
        <v>2795</v>
      </c>
      <c r="PNB730" s="424"/>
      <c r="PNC730" s="424"/>
      <c r="PND730" s="424"/>
      <c r="PNE730" s="423" t="s">
        <v>2795</v>
      </c>
      <c r="PNF730" s="424"/>
      <c r="PNG730" s="424"/>
      <c r="PNH730" s="424"/>
      <c r="PNI730" s="423" t="s">
        <v>2795</v>
      </c>
      <c r="PNJ730" s="424"/>
      <c r="PNK730" s="424"/>
      <c r="PNL730" s="424"/>
      <c r="PNM730" s="423" t="s">
        <v>2795</v>
      </c>
      <c r="PNN730" s="424"/>
      <c r="PNO730" s="424"/>
      <c r="PNP730" s="424"/>
      <c r="PNQ730" s="423" t="s">
        <v>2795</v>
      </c>
      <c r="PNR730" s="424"/>
      <c r="PNS730" s="424"/>
      <c r="PNT730" s="424"/>
      <c r="PNU730" s="423" t="s">
        <v>2795</v>
      </c>
      <c r="PNV730" s="424"/>
      <c r="PNW730" s="424"/>
      <c r="PNX730" s="424"/>
      <c r="PNY730" s="423" t="s">
        <v>2795</v>
      </c>
      <c r="PNZ730" s="424"/>
      <c r="POA730" s="424"/>
      <c r="POB730" s="424"/>
      <c r="POC730" s="423" t="s">
        <v>2795</v>
      </c>
      <c r="POD730" s="424"/>
      <c r="POE730" s="424"/>
      <c r="POF730" s="424"/>
      <c r="POG730" s="423" t="s">
        <v>2795</v>
      </c>
      <c r="POH730" s="424"/>
      <c r="POI730" s="424"/>
      <c r="POJ730" s="424"/>
      <c r="POK730" s="423" t="s">
        <v>2795</v>
      </c>
      <c r="POL730" s="424"/>
      <c r="POM730" s="424"/>
      <c r="PON730" s="424"/>
      <c r="POO730" s="423" t="s">
        <v>2795</v>
      </c>
      <c r="POP730" s="424"/>
      <c r="POQ730" s="424"/>
      <c r="POR730" s="424"/>
      <c r="POS730" s="423" t="s">
        <v>2795</v>
      </c>
      <c r="POT730" s="424"/>
      <c r="POU730" s="424"/>
      <c r="POV730" s="424"/>
      <c r="POW730" s="423" t="s">
        <v>2795</v>
      </c>
      <c r="POX730" s="424"/>
      <c r="POY730" s="424"/>
      <c r="POZ730" s="424"/>
      <c r="PPA730" s="423" t="s">
        <v>2795</v>
      </c>
      <c r="PPB730" s="424"/>
      <c r="PPC730" s="424"/>
      <c r="PPD730" s="424"/>
      <c r="PPE730" s="423" t="s">
        <v>2795</v>
      </c>
      <c r="PPF730" s="424"/>
      <c r="PPG730" s="424"/>
      <c r="PPH730" s="424"/>
      <c r="PPI730" s="423" t="s">
        <v>2795</v>
      </c>
      <c r="PPJ730" s="424"/>
      <c r="PPK730" s="424"/>
      <c r="PPL730" s="424"/>
      <c r="PPM730" s="423" t="s">
        <v>2795</v>
      </c>
      <c r="PPN730" s="424"/>
      <c r="PPO730" s="424"/>
      <c r="PPP730" s="424"/>
      <c r="PPQ730" s="423" t="s">
        <v>2795</v>
      </c>
      <c r="PPR730" s="424"/>
      <c r="PPS730" s="424"/>
      <c r="PPT730" s="424"/>
      <c r="PPU730" s="423" t="s">
        <v>2795</v>
      </c>
      <c r="PPV730" s="424"/>
      <c r="PPW730" s="424"/>
      <c r="PPX730" s="424"/>
      <c r="PPY730" s="423" t="s">
        <v>2795</v>
      </c>
      <c r="PPZ730" s="424"/>
      <c r="PQA730" s="424"/>
      <c r="PQB730" s="424"/>
      <c r="PQC730" s="423" t="s">
        <v>2795</v>
      </c>
      <c r="PQD730" s="424"/>
      <c r="PQE730" s="424"/>
      <c r="PQF730" s="424"/>
      <c r="PQG730" s="423" t="s">
        <v>2795</v>
      </c>
      <c r="PQH730" s="424"/>
      <c r="PQI730" s="424"/>
      <c r="PQJ730" s="424"/>
      <c r="PQK730" s="423" t="s">
        <v>2795</v>
      </c>
      <c r="PQL730" s="424"/>
      <c r="PQM730" s="424"/>
      <c r="PQN730" s="424"/>
      <c r="PQO730" s="423" t="s">
        <v>2795</v>
      </c>
      <c r="PQP730" s="424"/>
      <c r="PQQ730" s="424"/>
      <c r="PQR730" s="424"/>
      <c r="PQS730" s="423" t="s">
        <v>2795</v>
      </c>
      <c r="PQT730" s="424"/>
      <c r="PQU730" s="424"/>
      <c r="PQV730" s="424"/>
      <c r="PQW730" s="423" t="s">
        <v>2795</v>
      </c>
      <c r="PQX730" s="424"/>
      <c r="PQY730" s="424"/>
      <c r="PQZ730" s="424"/>
      <c r="PRA730" s="423" t="s">
        <v>2795</v>
      </c>
      <c r="PRB730" s="424"/>
      <c r="PRC730" s="424"/>
      <c r="PRD730" s="424"/>
      <c r="PRE730" s="423" t="s">
        <v>2795</v>
      </c>
      <c r="PRF730" s="424"/>
      <c r="PRG730" s="424"/>
      <c r="PRH730" s="424"/>
      <c r="PRI730" s="423" t="s">
        <v>2795</v>
      </c>
      <c r="PRJ730" s="424"/>
      <c r="PRK730" s="424"/>
      <c r="PRL730" s="424"/>
      <c r="PRM730" s="423" t="s">
        <v>2795</v>
      </c>
      <c r="PRN730" s="424"/>
      <c r="PRO730" s="424"/>
      <c r="PRP730" s="424"/>
      <c r="PRQ730" s="423" t="s">
        <v>2795</v>
      </c>
      <c r="PRR730" s="424"/>
      <c r="PRS730" s="424"/>
      <c r="PRT730" s="424"/>
      <c r="PRU730" s="423" t="s">
        <v>2795</v>
      </c>
      <c r="PRV730" s="424"/>
      <c r="PRW730" s="424"/>
      <c r="PRX730" s="424"/>
      <c r="PRY730" s="423" t="s">
        <v>2795</v>
      </c>
      <c r="PRZ730" s="424"/>
      <c r="PSA730" s="424"/>
      <c r="PSB730" s="424"/>
      <c r="PSC730" s="423" t="s">
        <v>2795</v>
      </c>
      <c r="PSD730" s="424"/>
      <c r="PSE730" s="424"/>
      <c r="PSF730" s="424"/>
      <c r="PSG730" s="423" t="s">
        <v>2795</v>
      </c>
      <c r="PSH730" s="424"/>
      <c r="PSI730" s="424"/>
      <c r="PSJ730" s="424"/>
      <c r="PSK730" s="423" t="s">
        <v>2795</v>
      </c>
      <c r="PSL730" s="424"/>
      <c r="PSM730" s="424"/>
      <c r="PSN730" s="424"/>
      <c r="PSO730" s="423" t="s">
        <v>2795</v>
      </c>
      <c r="PSP730" s="424"/>
      <c r="PSQ730" s="424"/>
      <c r="PSR730" s="424"/>
      <c r="PSS730" s="423" t="s">
        <v>2795</v>
      </c>
      <c r="PST730" s="424"/>
      <c r="PSU730" s="424"/>
      <c r="PSV730" s="424"/>
      <c r="PSW730" s="423" t="s">
        <v>2795</v>
      </c>
      <c r="PSX730" s="424"/>
      <c r="PSY730" s="424"/>
      <c r="PSZ730" s="424"/>
      <c r="PTA730" s="423" t="s">
        <v>2795</v>
      </c>
      <c r="PTB730" s="424"/>
      <c r="PTC730" s="424"/>
      <c r="PTD730" s="424"/>
      <c r="PTE730" s="423" t="s">
        <v>2795</v>
      </c>
      <c r="PTF730" s="424"/>
      <c r="PTG730" s="424"/>
      <c r="PTH730" s="424"/>
      <c r="PTI730" s="423" t="s">
        <v>2795</v>
      </c>
      <c r="PTJ730" s="424"/>
      <c r="PTK730" s="424"/>
      <c r="PTL730" s="424"/>
      <c r="PTM730" s="423" t="s">
        <v>2795</v>
      </c>
      <c r="PTN730" s="424"/>
      <c r="PTO730" s="424"/>
      <c r="PTP730" s="424"/>
      <c r="PTQ730" s="423" t="s">
        <v>2795</v>
      </c>
      <c r="PTR730" s="424"/>
      <c r="PTS730" s="424"/>
      <c r="PTT730" s="424"/>
      <c r="PTU730" s="423" t="s">
        <v>2795</v>
      </c>
      <c r="PTV730" s="424"/>
      <c r="PTW730" s="424"/>
      <c r="PTX730" s="424"/>
      <c r="PTY730" s="423" t="s">
        <v>2795</v>
      </c>
      <c r="PTZ730" s="424"/>
      <c r="PUA730" s="424"/>
      <c r="PUB730" s="424"/>
      <c r="PUC730" s="423" t="s">
        <v>2795</v>
      </c>
      <c r="PUD730" s="424"/>
      <c r="PUE730" s="424"/>
      <c r="PUF730" s="424"/>
      <c r="PUG730" s="423" t="s">
        <v>2795</v>
      </c>
      <c r="PUH730" s="424"/>
      <c r="PUI730" s="424"/>
      <c r="PUJ730" s="424"/>
      <c r="PUK730" s="423" t="s">
        <v>2795</v>
      </c>
      <c r="PUL730" s="424"/>
      <c r="PUM730" s="424"/>
      <c r="PUN730" s="424"/>
      <c r="PUO730" s="423" t="s">
        <v>2795</v>
      </c>
      <c r="PUP730" s="424"/>
      <c r="PUQ730" s="424"/>
      <c r="PUR730" s="424"/>
      <c r="PUS730" s="423" t="s">
        <v>2795</v>
      </c>
      <c r="PUT730" s="424"/>
      <c r="PUU730" s="424"/>
      <c r="PUV730" s="424"/>
      <c r="PUW730" s="423" t="s">
        <v>2795</v>
      </c>
      <c r="PUX730" s="424"/>
      <c r="PUY730" s="424"/>
      <c r="PUZ730" s="424"/>
      <c r="PVA730" s="423" t="s">
        <v>2795</v>
      </c>
      <c r="PVB730" s="424"/>
      <c r="PVC730" s="424"/>
      <c r="PVD730" s="424"/>
      <c r="PVE730" s="423" t="s">
        <v>2795</v>
      </c>
      <c r="PVF730" s="424"/>
      <c r="PVG730" s="424"/>
      <c r="PVH730" s="424"/>
      <c r="PVI730" s="423" t="s">
        <v>2795</v>
      </c>
      <c r="PVJ730" s="424"/>
      <c r="PVK730" s="424"/>
      <c r="PVL730" s="424"/>
      <c r="PVM730" s="423" t="s">
        <v>2795</v>
      </c>
      <c r="PVN730" s="424"/>
      <c r="PVO730" s="424"/>
      <c r="PVP730" s="424"/>
      <c r="PVQ730" s="423" t="s">
        <v>2795</v>
      </c>
      <c r="PVR730" s="424"/>
      <c r="PVS730" s="424"/>
      <c r="PVT730" s="424"/>
      <c r="PVU730" s="423" t="s">
        <v>2795</v>
      </c>
      <c r="PVV730" s="424"/>
      <c r="PVW730" s="424"/>
      <c r="PVX730" s="424"/>
      <c r="PVY730" s="423" t="s">
        <v>2795</v>
      </c>
      <c r="PVZ730" s="424"/>
      <c r="PWA730" s="424"/>
      <c r="PWB730" s="424"/>
      <c r="PWC730" s="423" t="s">
        <v>2795</v>
      </c>
      <c r="PWD730" s="424"/>
      <c r="PWE730" s="424"/>
      <c r="PWF730" s="424"/>
      <c r="PWG730" s="423" t="s">
        <v>2795</v>
      </c>
      <c r="PWH730" s="424"/>
      <c r="PWI730" s="424"/>
      <c r="PWJ730" s="424"/>
      <c r="PWK730" s="423" t="s">
        <v>2795</v>
      </c>
      <c r="PWL730" s="424"/>
      <c r="PWM730" s="424"/>
      <c r="PWN730" s="424"/>
      <c r="PWO730" s="423" t="s">
        <v>2795</v>
      </c>
      <c r="PWP730" s="424"/>
      <c r="PWQ730" s="424"/>
      <c r="PWR730" s="424"/>
      <c r="PWS730" s="423" t="s">
        <v>2795</v>
      </c>
      <c r="PWT730" s="424"/>
      <c r="PWU730" s="424"/>
      <c r="PWV730" s="424"/>
      <c r="PWW730" s="423" t="s">
        <v>2795</v>
      </c>
      <c r="PWX730" s="424"/>
      <c r="PWY730" s="424"/>
      <c r="PWZ730" s="424"/>
      <c r="PXA730" s="423" t="s">
        <v>2795</v>
      </c>
      <c r="PXB730" s="424"/>
      <c r="PXC730" s="424"/>
      <c r="PXD730" s="424"/>
      <c r="PXE730" s="423" t="s">
        <v>2795</v>
      </c>
      <c r="PXF730" s="424"/>
      <c r="PXG730" s="424"/>
      <c r="PXH730" s="424"/>
      <c r="PXI730" s="423" t="s">
        <v>2795</v>
      </c>
      <c r="PXJ730" s="424"/>
      <c r="PXK730" s="424"/>
      <c r="PXL730" s="424"/>
      <c r="PXM730" s="423" t="s">
        <v>2795</v>
      </c>
      <c r="PXN730" s="424"/>
      <c r="PXO730" s="424"/>
      <c r="PXP730" s="424"/>
      <c r="PXQ730" s="423" t="s">
        <v>2795</v>
      </c>
      <c r="PXR730" s="424"/>
      <c r="PXS730" s="424"/>
      <c r="PXT730" s="424"/>
      <c r="PXU730" s="423" t="s">
        <v>2795</v>
      </c>
      <c r="PXV730" s="424"/>
      <c r="PXW730" s="424"/>
      <c r="PXX730" s="424"/>
      <c r="PXY730" s="423" t="s">
        <v>2795</v>
      </c>
      <c r="PXZ730" s="424"/>
      <c r="PYA730" s="424"/>
      <c r="PYB730" s="424"/>
      <c r="PYC730" s="423" t="s">
        <v>2795</v>
      </c>
      <c r="PYD730" s="424"/>
      <c r="PYE730" s="424"/>
      <c r="PYF730" s="424"/>
      <c r="PYG730" s="423" t="s">
        <v>2795</v>
      </c>
      <c r="PYH730" s="424"/>
      <c r="PYI730" s="424"/>
      <c r="PYJ730" s="424"/>
      <c r="PYK730" s="423" t="s">
        <v>2795</v>
      </c>
      <c r="PYL730" s="424"/>
      <c r="PYM730" s="424"/>
      <c r="PYN730" s="424"/>
      <c r="PYO730" s="423" t="s">
        <v>2795</v>
      </c>
      <c r="PYP730" s="424"/>
      <c r="PYQ730" s="424"/>
      <c r="PYR730" s="424"/>
      <c r="PYS730" s="423" t="s">
        <v>2795</v>
      </c>
      <c r="PYT730" s="424"/>
      <c r="PYU730" s="424"/>
      <c r="PYV730" s="424"/>
      <c r="PYW730" s="423" t="s">
        <v>2795</v>
      </c>
      <c r="PYX730" s="424"/>
      <c r="PYY730" s="424"/>
      <c r="PYZ730" s="424"/>
      <c r="PZA730" s="423" t="s">
        <v>2795</v>
      </c>
      <c r="PZB730" s="424"/>
      <c r="PZC730" s="424"/>
      <c r="PZD730" s="424"/>
      <c r="PZE730" s="423" t="s">
        <v>2795</v>
      </c>
      <c r="PZF730" s="424"/>
      <c r="PZG730" s="424"/>
      <c r="PZH730" s="424"/>
      <c r="PZI730" s="423" t="s">
        <v>2795</v>
      </c>
      <c r="PZJ730" s="424"/>
      <c r="PZK730" s="424"/>
      <c r="PZL730" s="424"/>
      <c r="PZM730" s="423" t="s">
        <v>2795</v>
      </c>
      <c r="PZN730" s="424"/>
      <c r="PZO730" s="424"/>
      <c r="PZP730" s="424"/>
      <c r="PZQ730" s="423" t="s">
        <v>2795</v>
      </c>
      <c r="PZR730" s="424"/>
      <c r="PZS730" s="424"/>
      <c r="PZT730" s="424"/>
      <c r="PZU730" s="423" t="s">
        <v>2795</v>
      </c>
      <c r="PZV730" s="424"/>
      <c r="PZW730" s="424"/>
      <c r="PZX730" s="424"/>
      <c r="PZY730" s="423" t="s">
        <v>2795</v>
      </c>
      <c r="PZZ730" s="424"/>
      <c r="QAA730" s="424"/>
      <c r="QAB730" s="424"/>
      <c r="QAC730" s="423" t="s">
        <v>2795</v>
      </c>
      <c r="QAD730" s="424"/>
      <c r="QAE730" s="424"/>
      <c r="QAF730" s="424"/>
      <c r="QAG730" s="423" t="s">
        <v>2795</v>
      </c>
      <c r="QAH730" s="424"/>
      <c r="QAI730" s="424"/>
      <c r="QAJ730" s="424"/>
      <c r="QAK730" s="423" t="s">
        <v>2795</v>
      </c>
      <c r="QAL730" s="424"/>
      <c r="QAM730" s="424"/>
      <c r="QAN730" s="424"/>
      <c r="QAO730" s="423" t="s">
        <v>2795</v>
      </c>
      <c r="QAP730" s="424"/>
      <c r="QAQ730" s="424"/>
      <c r="QAR730" s="424"/>
      <c r="QAS730" s="423" t="s">
        <v>2795</v>
      </c>
      <c r="QAT730" s="424"/>
      <c r="QAU730" s="424"/>
      <c r="QAV730" s="424"/>
      <c r="QAW730" s="423" t="s">
        <v>2795</v>
      </c>
      <c r="QAX730" s="424"/>
      <c r="QAY730" s="424"/>
      <c r="QAZ730" s="424"/>
      <c r="QBA730" s="423" t="s">
        <v>2795</v>
      </c>
      <c r="QBB730" s="424"/>
      <c r="QBC730" s="424"/>
      <c r="QBD730" s="424"/>
      <c r="QBE730" s="423" t="s">
        <v>2795</v>
      </c>
      <c r="QBF730" s="424"/>
      <c r="QBG730" s="424"/>
      <c r="QBH730" s="424"/>
      <c r="QBI730" s="423" t="s">
        <v>2795</v>
      </c>
      <c r="QBJ730" s="424"/>
      <c r="QBK730" s="424"/>
      <c r="QBL730" s="424"/>
      <c r="QBM730" s="423" t="s">
        <v>2795</v>
      </c>
      <c r="QBN730" s="424"/>
      <c r="QBO730" s="424"/>
      <c r="QBP730" s="424"/>
      <c r="QBQ730" s="423" t="s">
        <v>2795</v>
      </c>
      <c r="QBR730" s="424"/>
      <c r="QBS730" s="424"/>
      <c r="QBT730" s="424"/>
      <c r="QBU730" s="423" t="s">
        <v>2795</v>
      </c>
      <c r="QBV730" s="424"/>
      <c r="QBW730" s="424"/>
      <c r="QBX730" s="424"/>
      <c r="QBY730" s="423" t="s">
        <v>2795</v>
      </c>
      <c r="QBZ730" s="424"/>
      <c r="QCA730" s="424"/>
      <c r="QCB730" s="424"/>
      <c r="QCC730" s="423" t="s">
        <v>2795</v>
      </c>
      <c r="QCD730" s="424"/>
      <c r="QCE730" s="424"/>
      <c r="QCF730" s="424"/>
      <c r="QCG730" s="423" t="s">
        <v>2795</v>
      </c>
      <c r="QCH730" s="424"/>
      <c r="QCI730" s="424"/>
      <c r="QCJ730" s="424"/>
      <c r="QCK730" s="423" t="s">
        <v>2795</v>
      </c>
      <c r="QCL730" s="424"/>
      <c r="QCM730" s="424"/>
      <c r="QCN730" s="424"/>
      <c r="QCO730" s="423" t="s">
        <v>2795</v>
      </c>
      <c r="QCP730" s="424"/>
      <c r="QCQ730" s="424"/>
      <c r="QCR730" s="424"/>
      <c r="QCS730" s="423" t="s">
        <v>2795</v>
      </c>
      <c r="QCT730" s="424"/>
      <c r="QCU730" s="424"/>
      <c r="QCV730" s="424"/>
      <c r="QCW730" s="423" t="s">
        <v>2795</v>
      </c>
      <c r="QCX730" s="424"/>
      <c r="QCY730" s="424"/>
      <c r="QCZ730" s="424"/>
      <c r="QDA730" s="423" t="s">
        <v>2795</v>
      </c>
      <c r="QDB730" s="424"/>
      <c r="QDC730" s="424"/>
      <c r="QDD730" s="424"/>
      <c r="QDE730" s="423" t="s">
        <v>2795</v>
      </c>
      <c r="QDF730" s="424"/>
      <c r="QDG730" s="424"/>
      <c r="QDH730" s="424"/>
      <c r="QDI730" s="423" t="s">
        <v>2795</v>
      </c>
      <c r="QDJ730" s="424"/>
      <c r="QDK730" s="424"/>
      <c r="QDL730" s="424"/>
      <c r="QDM730" s="423" t="s">
        <v>2795</v>
      </c>
      <c r="QDN730" s="424"/>
      <c r="QDO730" s="424"/>
      <c r="QDP730" s="424"/>
      <c r="QDQ730" s="423" t="s">
        <v>2795</v>
      </c>
      <c r="QDR730" s="424"/>
      <c r="QDS730" s="424"/>
      <c r="QDT730" s="424"/>
      <c r="QDU730" s="423" t="s">
        <v>2795</v>
      </c>
      <c r="QDV730" s="424"/>
      <c r="QDW730" s="424"/>
      <c r="QDX730" s="424"/>
      <c r="QDY730" s="423" t="s">
        <v>2795</v>
      </c>
      <c r="QDZ730" s="424"/>
      <c r="QEA730" s="424"/>
      <c r="QEB730" s="424"/>
      <c r="QEC730" s="423" t="s">
        <v>2795</v>
      </c>
      <c r="QED730" s="424"/>
      <c r="QEE730" s="424"/>
      <c r="QEF730" s="424"/>
      <c r="QEG730" s="423" t="s">
        <v>2795</v>
      </c>
      <c r="QEH730" s="424"/>
      <c r="QEI730" s="424"/>
      <c r="QEJ730" s="424"/>
      <c r="QEK730" s="423" t="s">
        <v>2795</v>
      </c>
      <c r="QEL730" s="424"/>
      <c r="QEM730" s="424"/>
      <c r="QEN730" s="424"/>
      <c r="QEO730" s="423" t="s">
        <v>2795</v>
      </c>
      <c r="QEP730" s="424"/>
      <c r="QEQ730" s="424"/>
      <c r="QER730" s="424"/>
      <c r="QES730" s="423" t="s">
        <v>2795</v>
      </c>
      <c r="QET730" s="424"/>
      <c r="QEU730" s="424"/>
      <c r="QEV730" s="424"/>
      <c r="QEW730" s="423" t="s">
        <v>2795</v>
      </c>
      <c r="QEX730" s="424"/>
      <c r="QEY730" s="424"/>
      <c r="QEZ730" s="424"/>
      <c r="QFA730" s="423" t="s">
        <v>2795</v>
      </c>
      <c r="QFB730" s="424"/>
      <c r="QFC730" s="424"/>
      <c r="QFD730" s="424"/>
      <c r="QFE730" s="423" t="s">
        <v>2795</v>
      </c>
      <c r="QFF730" s="424"/>
      <c r="QFG730" s="424"/>
      <c r="QFH730" s="424"/>
      <c r="QFI730" s="423" t="s">
        <v>2795</v>
      </c>
      <c r="QFJ730" s="424"/>
      <c r="QFK730" s="424"/>
      <c r="QFL730" s="424"/>
      <c r="QFM730" s="423" t="s">
        <v>2795</v>
      </c>
      <c r="QFN730" s="424"/>
      <c r="QFO730" s="424"/>
      <c r="QFP730" s="424"/>
      <c r="QFQ730" s="423" t="s">
        <v>2795</v>
      </c>
      <c r="QFR730" s="424"/>
      <c r="QFS730" s="424"/>
      <c r="QFT730" s="424"/>
      <c r="QFU730" s="423" t="s">
        <v>2795</v>
      </c>
      <c r="QFV730" s="424"/>
      <c r="QFW730" s="424"/>
      <c r="QFX730" s="424"/>
      <c r="QFY730" s="423" t="s">
        <v>2795</v>
      </c>
      <c r="QFZ730" s="424"/>
      <c r="QGA730" s="424"/>
      <c r="QGB730" s="424"/>
      <c r="QGC730" s="423" t="s">
        <v>2795</v>
      </c>
      <c r="QGD730" s="424"/>
      <c r="QGE730" s="424"/>
      <c r="QGF730" s="424"/>
      <c r="QGG730" s="423" t="s">
        <v>2795</v>
      </c>
      <c r="QGH730" s="424"/>
      <c r="QGI730" s="424"/>
      <c r="QGJ730" s="424"/>
      <c r="QGK730" s="423" t="s">
        <v>2795</v>
      </c>
      <c r="QGL730" s="424"/>
      <c r="QGM730" s="424"/>
      <c r="QGN730" s="424"/>
      <c r="QGO730" s="423" t="s">
        <v>2795</v>
      </c>
      <c r="QGP730" s="424"/>
      <c r="QGQ730" s="424"/>
      <c r="QGR730" s="424"/>
      <c r="QGS730" s="423" t="s">
        <v>2795</v>
      </c>
      <c r="QGT730" s="424"/>
      <c r="QGU730" s="424"/>
      <c r="QGV730" s="424"/>
      <c r="QGW730" s="423" t="s">
        <v>2795</v>
      </c>
      <c r="QGX730" s="424"/>
      <c r="QGY730" s="424"/>
      <c r="QGZ730" s="424"/>
      <c r="QHA730" s="423" t="s">
        <v>2795</v>
      </c>
      <c r="QHB730" s="424"/>
      <c r="QHC730" s="424"/>
      <c r="QHD730" s="424"/>
      <c r="QHE730" s="423" t="s">
        <v>2795</v>
      </c>
      <c r="QHF730" s="424"/>
      <c r="QHG730" s="424"/>
      <c r="QHH730" s="424"/>
      <c r="QHI730" s="423" t="s">
        <v>2795</v>
      </c>
      <c r="QHJ730" s="424"/>
      <c r="QHK730" s="424"/>
      <c r="QHL730" s="424"/>
      <c r="QHM730" s="423" t="s">
        <v>2795</v>
      </c>
      <c r="QHN730" s="424"/>
      <c r="QHO730" s="424"/>
      <c r="QHP730" s="424"/>
      <c r="QHQ730" s="423" t="s">
        <v>2795</v>
      </c>
      <c r="QHR730" s="424"/>
      <c r="QHS730" s="424"/>
      <c r="QHT730" s="424"/>
      <c r="QHU730" s="423" t="s">
        <v>2795</v>
      </c>
      <c r="QHV730" s="424"/>
      <c r="QHW730" s="424"/>
      <c r="QHX730" s="424"/>
      <c r="QHY730" s="423" t="s">
        <v>2795</v>
      </c>
      <c r="QHZ730" s="424"/>
      <c r="QIA730" s="424"/>
      <c r="QIB730" s="424"/>
      <c r="QIC730" s="423" t="s">
        <v>2795</v>
      </c>
      <c r="QID730" s="424"/>
      <c r="QIE730" s="424"/>
      <c r="QIF730" s="424"/>
      <c r="QIG730" s="423" t="s">
        <v>2795</v>
      </c>
      <c r="QIH730" s="424"/>
      <c r="QII730" s="424"/>
      <c r="QIJ730" s="424"/>
      <c r="QIK730" s="423" t="s">
        <v>2795</v>
      </c>
      <c r="QIL730" s="424"/>
      <c r="QIM730" s="424"/>
      <c r="QIN730" s="424"/>
      <c r="QIO730" s="423" t="s">
        <v>2795</v>
      </c>
      <c r="QIP730" s="424"/>
      <c r="QIQ730" s="424"/>
      <c r="QIR730" s="424"/>
      <c r="QIS730" s="423" t="s">
        <v>2795</v>
      </c>
      <c r="QIT730" s="424"/>
      <c r="QIU730" s="424"/>
      <c r="QIV730" s="424"/>
      <c r="QIW730" s="423" t="s">
        <v>2795</v>
      </c>
      <c r="QIX730" s="424"/>
      <c r="QIY730" s="424"/>
      <c r="QIZ730" s="424"/>
      <c r="QJA730" s="423" t="s">
        <v>2795</v>
      </c>
      <c r="QJB730" s="424"/>
      <c r="QJC730" s="424"/>
      <c r="QJD730" s="424"/>
      <c r="QJE730" s="423" t="s">
        <v>2795</v>
      </c>
      <c r="QJF730" s="424"/>
      <c r="QJG730" s="424"/>
      <c r="QJH730" s="424"/>
      <c r="QJI730" s="423" t="s">
        <v>2795</v>
      </c>
      <c r="QJJ730" s="424"/>
      <c r="QJK730" s="424"/>
      <c r="QJL730" s="424"/>
      <c r="QJM730" s="423" t="s">
        <v>2795</v>
      </c>
      <c r="QJN730" s="424"/>
      <c r="QJO730" s="424"/>
      <c r="QJP730" s="424"/>
      <c r="QJQ730" s="423" t="s">
        <v>2795</v>
      </c>
      <c r="QJR730" s="424"/>
      <c r="QJS730" s="424"/>
      <c r="QJT730" s="424"/>
      <c r="QJU730" s="423" t="s">
        <v>2795</v>
      </c>
      <c r="QJV730" s="424"/>
      <c r="QJW730" s="424"/>
      <c r="QJX730" s="424"/>
      <c r="QJY730" s="423" t="s">
        <v>2795</v>
      </c>
      <c r="QJZ730" s="424"/>
      <c r="QKA730" s="424"/>
      <c r="QKB730" s="424"/>
      <c r="QKC730" s="423" t="s">
        <v>2795</v>
      </c>
      <c r="QKD730" s="424"/>
      <c r="QKE730" s="424"/>
      <c r="QKF730" s="424"/>
      <c r="QKG730" s="423" t="s">
        <v>2795</v>
      </c>
      <c r="QKH730" s="424"/>
      <c r="QKI730" s="424"/>
      <c r="QKJ730" s="424"/>
      <c r="QKK730" s="423" t="s">
        <v>2795</v>
      </c>
      <c r="QKL730" s="424"/>
      <c r="QKM730" s="424"/>
      <c r="QKN730" s="424"/>
      <c r="QKO730" s="423" t="s">
        <v>2795</v>
      </c>
      <c r="QKP730" s="424"/>
      <c r="QKQ730" s="424"/>
      <c r="QKR730" s="424"/>
      <c r="QKS730" s="423" t="s">
        <v>2795</v>
      </c>
      <c r="QKT730" s="424"/>
      <c r="QKU730" s="424"/>
      <c r="QKV730" s="424"/>
      <c r="QKW730" s="423" t="s">
        <v>2795</v>
      </c>
      <c r="QKX730" s="424"/>
      <c r="QKY730" s="424"/>
      <c r="QKZ730" s="424"/>
      <c r="QLA730" s="423" t="s">
        <v>2795</v>
      </c>
      <c r="QLB730" s="424"/>
      <c r="QLC730" s="424"/>
      <c r="QLD730" s="424"/>
      <c r="QLE730" s="423" t="s">
        <v>2795</v>
      </c>
      <c r="QLF730" s="424"/>
      <c r="QLG730" s="424"/>
      <c r="QLH730" s="424"/>
      <c r="QLI730" s="423" t="s">
        <v>2795</v>
      </c>
      <c r="QLJ730" s="424"/>
      <c r="QLK730" s="424"/>
      <c r="QLL730" s="424"/>
      <c r="QLM730" s="423" t="s">
        <v>2795</v>
      </c>
      <c r="QLN730" s="424"/>
      <c r="QLO730" s="424"/>
      <c r="QLP730" s="424"/>
      <c r="QLQ730" s="423" t="s">
        <v>2795</v>
      </c>
      <c r="QLR730" s="424"/>
      <c r="QLS730" s="424"/>
      <c r="QLT730" s="424"/>
      <c r="QLU730" s="423" t="s">
        <v>2795</v>
      </c>
      <c r="QLV730" s="424"/>
      <c r="QLW730" s="424"/>
      <c r="QLX730" s="424"/>
      <c r="QLY730" s="423" t="s">
        <v>2795</v>
      </c>
      <c r="QLZ730" s="424"/>
      <c r="QMA730" s="424"/>
      <c r="QMB730" s="424"/>
      <c r="QMC730" s="423" t="s">
        <v>2795</v>
      </c>
      <c r="QMD730" s="424"/>
      <c r="QME730" s="424"/>
      <c r="QMF730" s="424"/>
      <c r="QMG730" s="423" t="s">
        <v>2795</v>
      </c>
      <c r="QMH730" s="424"/>
      <c r="QMI730" s="424"/>
      <c r="QMJ730" s="424"/>
      <c r="QMK730" s="423" t="s">
        <v>2795</v>
      </c>
      <c r="QML730" s="424"/>
      <c r="QMM730" s="424"/>
      <c r="QMN730" s="424"/>
      <c r="QMO730" s="423" t="s">
        <v>2795</v>
      </c>
      <c r="QMP730" s="424"/>
      <c r="QMQ730" s="424"/>
      <c r="QMR730" s="424"/>
      <c r="QMS730" s="423" t="s">
        <v>2795</v>
      </c>
      <c r="QMT730" s="424"/>
      <c r="QMU730" s="424"/>
      <c r="QMV730" s="424"/>
      <c r="QMW730" s="423" t="s">
        <v>2795</v>
      </c>
      <c r="QMX730" s="424"/>
      <c r="QMY730" s="424"/>
      <c r="QMZ730" s="424"/>
      <c r="QNA730" s="423" t="s">
        <v>2795</v>
      </c>
      <c r="QNB730" s="424"/>
      <c r="QNC730" s="424"/>
      <c r="QND730" s="424"/>
      <c r="QNE730" s="423" t="s">
        <v>2795</v>
      </c>
      <c r="QNF730" s="424"/>
      <c r="QNG730" s="424"/>
      <c r="QNH730" s="424"/>
      <c r="QNI730" s="423" t="s">
        <v>2795</v>
      </c>
      <c r="QNJ730" s="424"/>
      <c r="QNK730" s="424"/>
      <c r="QNL730" s="424"/>
      <c r="QNM730" s="423" t="s">
        <v>2795</v>
      </c>
      <c r="QNN730" s="424"/>
      <c r="QNO730" s="424"/>
      <c r="QNP730" s="424"/>
      <c r="QNQ730" s="423" t="s">
        <v>2795</v>
      </c>
      <c r="QNR730" s="424"/>
      <c r="QNS730" s="424"/>
      <c r="QNT730" s="424"/>
      <c r="QNU730" s="423" t="s">
        <v>2795</v>
      </c>
      <c r="QNV730" s="424"/>
      <c r="QNW730" s="424"/>
      <c r="QNX730" s="424"/>
      <c r="QNY730" s="423" t="s">
        <v>2795</v>
      </c>
      <c r="QNZ730" s="424"/>
      <c r="QOA730" s="424"/>
      <c r="QOB730" s="424"/>
      <c r="QOC730" s="423" t="s">
        <v>2795</v>
      </c>
      <c r="QOD730" s="424"/>
      <c r="QOE730" s="424"/>
      <c r="QOF730" s="424"/>
      <c r="QOG730" s="423" t="s">
        <v>2795</v>
      </c>
      <c r="QOH730" s="424"/>
      <c r="QOI730" s="424"/>
      <c r="QOJ730" s="424"/>
      <c r="QOK730" s="423" t="s">
        <v>2795</v>
      </c>
      <c r="QOL730" s="424"/>
      <c r="QOM730" s="424"/>
      <c r="QON730" s="424"/>
      <c r="QOO730" s="423" t="s">
        <v>2795</v>
      </c>
      <c r="QOP730" s="424"/>
      <c r="QOQ730" s="424"/>
      <c r="QOR730" s="424"/>
      <c r="QOS730" s="423" t="s">
        <v>2795</v>
      </c>
      <c r="QOT730" s="424"/>
      <c r="QOU730" s="424"/>
      <c r="QOV730" s="424"/>
      <c r="QOW730" s="423" t="s">
        <v>2795</v>
      </c>
      <c r="QOX730" s="424"/>
      <c r="QOY730" s="424"/>
      <c r="QOZ730" s="424"/>
      <c r="QPA730" s="423" t="s">
        <v>2795</v>
      </c>
      <c r="QPB730" s="424"/>
      <c r="QPC730" s="424"/>
      <c r="QPD730" s="424"/>
      <c r="QPE730" s="423" t="s">
        <v>2795</v>
      </c>
      <c r="QPF730" s="424"/>
      <c r="QPG730" s="424"/>
      <c r="QPH730" s="424"/>
      <c r="QPI730" s="423" t="s">
        <v>2795</v>
      </c>
      <c r="QPJ730" s="424"/>
      <c r="QPK730" s="424"/>
      <c r="QPL730" s="424"/>
      <c r="QPM730" s="423" t="s">
        <v>2795</v>
      </c>
      <c r="QPN730" s="424"/>
      <c r="QPO730" s="424"/>
      <c r="QPP730" s="424"/>
      <c r="QPQ730" s="423" t="s">
        <v>2795</v>
      </c>
      <c r="QPR730" s="424"/>
      <c r="QPS730" s="424"/>
      <c r="QPT730" s="424"/>
      <c r="QPU730" s="423" t="s">
        <v>2795</v>
      </c>
      <c r="QPV730" s="424"/>
      <c r="QPW730" s="424"/>
      <c r="QPX730" s="424"/>
      <c r="QPY730" s="423" t="s">
        <v>2795</v>
      </c>
      <c r="QPZ730" s="424"/>
      <c r="QQA730" s="424"/>
      <c r="QQB730" s="424"/>
      <c r="QQC730" s="423" t="s">
        <v>2795</v>
      </c>
      <c r="QQD730" s="424"/>
      <c r="QQE730" s="424"/>
      <c r="QQF730" s="424"/>
      <c r="QQG730" s="423" t="s">
        <v>2795</v>
      </c>
      <c r="QQH730" s="424"/>
      <c r="QQI730" s="424"/>
      <c r="QQJ730" s="424"/>
      <c r="QQK730" s="423" t="s">
        <v>2795</v>
      </c>
      <c r="QQL730" s="424"/>
      <c r="QQM730" s="424"/>
      <c r="QQN730" s="424"/>
      <c r="QQO730" s="423" t="s">
        <v>2795</v>
      </c>
      <c r="QQP730" s="424"/>
      <c r="QQQ730" s="424"/>
      <c r="QQR730" s="424"/>
      <c r="QQS730" s="423" t="s">
        <v>2795</v>
      </c>
      <c r="QQT730" s="424"/>
      <c r="QQU730" s="424"/>
      <c r="QQV730" s="424"/>
      <c r="QQW730" s="423" t="s">
        <v>2795</v>
      </c>
      <c r="QQX730" s="424"/>
      <c r="QQY730" s="424"/>
      <c r="QQZ730" s="424"/>
      <c r="QRA730" s="423" t="s">
        <v>2795</v>
      </c>
      <c r="QRB730" s="424"/>
      <c r="QRC730" s="424"/>
      <c r="QRD730" s="424"/>
      <c r="QRE730" s="423" t="s">
        <v>2795</v>
      </c>
      <c r="QRF730" s="424"/>
      <c r="QRG730" s="424"/>
      <c r="QRH730" s="424"/>
      <c r="QRI730" s="423" t="s">
        <v>2795</v>
      </c>
      <c r="QRJ730" s="424"/>
      <c r="QRK730" s="424"/>
      <c r="QRL730" s="424"/>
      <c r="QRM730" s="423" t="s">
        <v>2795</v>
      </c>
      <c r="QRN730" s="424"/>
      <c r="QRO730" s="424"/>
      <c r="QRP730" s="424"/>
      <c r="QRQ730" s="423" t="s">
        <v>2795</v>
      </c>
      <c r="QRR730" s="424"/>
      <c r="QRS730" s="424"/>
      <c r="QRT730" s="424"/>
      <c r="QRU730" s="423" t="s">
        <v>2795</v>
      </c>
      <c r="QRV730" s="424"/>
      <c r="QRW730" s="424"/>
      <c r="QRX730" s="424"/>
      <c r="QRY730" s="423" t="s">
        <v>2795</v>
      </c>
      <c r="QRZ730" s="424"/>
      <c r="QSA730" s="424"/>
      <c r="QSB730" s="424"/>
      <c r="QSC730" s="423" t="s">
        <v>2795</v>
      </c>
      <c r="QSD730" s="424"/>
      <c r="QSE730" s="424"/>
      <c r="QSF730" s="424"/>
      <c r="QSG730" s="423" t="s">
        <v>2795</v>
      </c>
      <c r="QSH730" s="424"/>
      <c r="QSI730" s="424"/>
      <c r="QSJ730" s="424"/>
      <c r="QSK730" s="423" t="s">
        <v>2795</v>
      </c>
      <c r="QSL730" s="424"/>
      <c r="QSM730" s="424"/>
      <c r="QSN730" s="424"/>
      <c r="QSO730" s="423" t="s">
        <v>2795</v>
      </c>
      <c r="QSP730" s="424"/>
      <c r="QSQ730" s="424"/>
      <c r="QSR730" s="424"/>
      <c r="QSS730" s="423" t="s">
        <v>2795</v>
      </c>
      <c r="QST730" s="424"/>
      <c r="QSU730" s="424"/>
      <c r="QSV730" s="424"/>
      <c r="QSW730" s="423" t="s">
        <v>2795</v>
      </c>
      <c r="QSX730" s="424"/>
      <c r="QSY730" s="424"/>
      <c r="QSZ730" s="424"/>
      <c r="QTA730" s="423" t="s">
        <v>2795</v>
      </c>
      <c r="QTB730" s="424"/>
      <c r="QTC730" s="424"/>
      <c r="QTD730" s="424"/>
      <c r="QTE730" s="423" t="s">
        <v>2795</v>
      </c>
      <c r="QTF730" s="424"/>
      <c r="QTG730" s="424"/>
      <c r="QTH730" s="424"/>
      <c r="QTI730" s="423" t="s">
        <v>2795</v>
      </c>
      <c r="QTJ730" s="424"/>
      <c r="QTK730" s="424"/>
      <c r="QTL730" s="424"/>
      <c r="QTM730" s="423" t="s">
        <v>2795</v>
      </c>
      <c r="QTN730" s="424"/>
      <c r="QTO730" s="424"/>
      <c r="QTP730" s="424"/>
      <c r="QTQ730" s="423" t="s">
        <v>2795</v>
      </c>
      <c r="QTR730" s="424"/>
      <c r="QTS730" s="424"/>
      <c r="QTT730" s="424"/>
      <c r="QTU730" s="423" t="s">
        <v>2795</v>
      </c>
      <c r="QTV730" s="424"/>
      <c r="QTW730" s="424"/>
      <c r="QTX730" s="424"/>
      <c r="QTY730" s="423" t="s">
        <v>2795</v>
      </c>
      <c r="QTZ730" s="424"/>
      <c r="QUA730" s="424"/>
      <c r="QUB730" s="424"/>
      <c r="QUC730" s="423" t="s">
        <v>2795</v>
      </c>
      <c r="QUD730" s="424"/>
      <c r="QUE730" s="424"/>
      <c r="QUF730" s="424"/>
      <c r="QUG730" s="423" t="s">
        <v>2795</v>
      </c>
      <c r="QUH730" s="424"/>
      <c r="QUI730" s="424"/>
      <c r="QUJ730" s="424"/>
      <c r="QUK730" s="423" t="s">
        <v>2795</v>
      </c>
      <c r="QUL730" s="424"/>
      <c r="QUM730" s="424"/>
      <c r="QUN730" s="424"/>
      <c r="QUO730" s="423" t="s">
        <v>2795</v>
      </c>
      <c r="QUP730" s="424"/>
      <c r="QUQ730" s="424"/>
      <c r="QUR730" s="424"/>
      <c r="QUS730" s="423" t="s">
        <v>2795</v>
      </c>
      <c r="QUT730" s="424"/>
      <c r="QUU730" s="424"/>
      <c r="QUV730" s="424"/>
      <c r="QUW730" s="423" t="s">
        <v>2795</v>
      </c>
      <c r="QUX730" s="424"/>
      <c r="QUY730" s="424"/>
      <c r="QUZ730" s="424"/>
      <c r="QVA730" s="423" t="s">
        <v>2795</v>
      </c>
      <c r="QVB730" s="424"/>
      <c r="QVC730" s="424"/>
      <c r="QVD730" s="424"/>
      <c r="QVE730" s="423" t="s">
        <v>2795</v>
      </c>
      <c r="QVF730" s="424"/>
      <c r="QVG730" s="424"/>
      <c r="QVH730" s="424"/>
      <c r="QVI730" s="423" t="s">
        <v>2795</v>
      </c>
      <c r="QVJ730" s="424"/>
      <c r="QVK730" s="424"/>
      <c r="QVL730" s="424"/>
      <c r="QVM730" s="423" t="s">
        <v>2795</v>
      </c>
      <c r="QVN730" s="424"/>
      <c r="QVO730" s="424"/>
      <c r="QVP730" s="424"/>
      <c r="QVQ730" s="423" t="s">
        <v>2795</v>
      </c>
      <c r="QVR730" s="424"/>
      <c r="QVS730" s="424"/>
      <c r="QVT730" s="424"/>
      <c r="QVU730" s="423" t="s">
        <v>2795</v>
      </c>
      <c r="QVV730" s="424"/>
      <c r="QVW730" s="424"/>
      <c r="QVX730" s="424"/>
      <c r="QVY730" s="423" t="s">
        <v>2795</v>
      </c>
      <c r="QVZ730" s="424"/>
      <c r="QWA730" s="424"/>
      <c r="QWB730" s="424"/>
      <c r="QWC730" s="423" t="s">
        <v>2795</v>
      </c>
      <c r="QWD730" s="424"/>
      <c r="QWE730" s="424"/>
      <c r="QWF730" s="424"/>
      <c r="QWG730" s="423" t="s">
        <v>2795</v>
      </c>
      <c r="QWH730" s="424"/>
      <c r="QWI730" s="424"/>
      <c r="QWJ730" s="424"/>
      <c r="QWK730" s="423" t="s">
        <v>2795</v>
      </c>
      <c r="QWL730" s="424"/>
      <c r="QWM730" s="424"/>
      <c r="QWN730" s="424"/>
      <c r="QWO730" s="423" t="s">
        <v>2795</v>
      </c>
      <c r="QWP730" s="424"/>
      <c r="QWQ730" s="424"/>
      <c r="QWR730" s="424"/>
      <c r="QWS730" s="423" t="s">
        <v>2795</v>
      </c>
      <c r="QWT730" s="424"/>
      <c r="QWU730" s="424"/>
      <c r="QWV730" s="424"/>
      <c r="QWW730" s="423" t="s">
        <v>2795</v>
      </c>
      <c r="QWX730" s="424"/>
      <c r="QWY730" s="424"/>
      <c r="QWZ730" s="424"/>
      <c r="QXA730" s="423" t="s">
        <v>2795</v>
      </c>
      <c r="QXB730" s="424"/>
      <c r="QXC730" s="424"/>
      <c r="QXD730" s="424"/>
      <c r="QXE730" s="423" t="s">
        <v>2795</v>
      </c>
      <c r="QXF730" s="424"/>
      <c r="QXG730" s="424"/>
      <c r="QXH730" s="424"/>
      <c r="QXI730" s="423" t="s">
        <v>2795</v>
      </c>
      <c r="QXJ730" s="424"/>
      <c r="QXK730" s="424"/>
      <c r="QXL730" s="424"/>
      <c r="QXM730" s="423" t="s">
        <v>2795</v>
      </c>
      <c r="QXN730" s="424"/>
      <c r="QXO730" s="424"/>
      <c r="QXP730" s="424"/>
      <c r="QXQ730" s="423" t="s">
        <v>2795</v>
      </c>
      <c r="QXR730" s="424"/>
      <c r="QXS730" s="424"/>
      <c r="QXT730" s="424"/>
      <c r="QXU730" s="423" t="s">
        <v>2795</v>
      </c>
      <c r="QXV730" s="424"/>
      <c r="QXW730" s="424"/>
      <c r="QXX730" s="424"/>
      <c r="QXY730" s="423" t="s">
        <v>2795</v>
      </c>
      <c r="QXZ730" s="424"/>
      <c r="QYA730" s="424"/>
      <c r="QYB730" s="424"/>
      <c r="QYC730" s="423" t="s">
        <v>2795</v>
      </c>
      <c r="QYD730" s="424"/>
      <c r="QYE730" s="424"/>
      <c r="QYF730" s="424"/>
      <c r="QYG730" s="423" t="s">
        <v>2795</v>
      </c>
      <c r="QYH730" s="424"/>
      <c r="QYI730" s="424"/>
      <c r="QYJ730" s="424"/>
      <c r="QYK730" s="423" t="s">
        <v>2795</v>
      </c>
      <c r="QYL730" s="424"/>
      <c r="QYM730" s="424"/>
      <c r="QYN730" s="424"/>
      <c r="QYO730" s="423" t="s">
        <v>2795</v>
      </c>
      <c r="QYP730" s="424"/>
      <c r="QYQ730" s="424"/>
      <c r="QYR730" s="424"/>
      <c r="QYS730" s="423" t="s">
        <v>2795</v>
      </c>
      <c r="QYT730" s="424"/>
      <c r="QYU730" s="424"/>
      <c r="QYV730" s="424"/>
      <c r="QYW730" s="423" t="s">
        <v>2795</v>
      </c>
      <c r="QYX730" s="424"/>
      <c r="QYY730" s="424"/>
      <c r="QYZ730" s="424"/>
      <c r="QZA730" s="423" t="s">
        <v>2795</v>
      </c>
      <c r="QZB730" s="424"/>
      <c r="QZC730" s="424"/>
      <c r="QZD730" s="424"/>
      <c r="QZE730" s="423" t="s">
        <v>2795</v>
      </c>
      <c r="QZF730" s="424"/>
      <c r="QZG730" s="424"/>
      <c r="QZH730" s="424"/>
      <c r="QZI730" s="423" t="s">
        <v>2795</v>
      </c>
      <c r="QZJ730" s="424"/>
      <c r="QZK730" s="424"/>
      <c r="QZL730" s="424"/>
      <c r="QZM730" s="423" t="s">
        <v>2795</v>
      </c>
      <c r="QZN730" s="424"/>
      <c r="QZO730" s="424"/>
      <c r="QZP730" s="424"/>
      <c r="QZQ730" s="423" t="s">
        <v>2795</v>
      </c>
      <c r="QZR730" s="424"/>
      <c r="QZS730" s="424"/>
      <c r="QZT730" s="424"/>
      <c r="QZU730" s="423" t="s">
        <v>2795</v>
      </c>
      <c r="QZV730" s="424"/>
      <c r="QZW730" s="424"/>
      <c r="QZX730" s="424"/>
      <c r="QZY730" s="423" t="s">
        <v>2795</v>
      </c>
      <c r="QZZ730" s="424"/>
      <c r="RAA730" s="424"/>
      <c r="RAB730" s="424"/>
      <c r="RAC730" s="423" t="s">
        <v>2795</v>
      </c>
      <c r="RAD730" s="424"/>
      <c r="RAE730" s="424"/>
      <c r="RAF730" s="424"/>
      <c r="RAG730" s="423" t="s">
        <v>2795</v>
      </c>
      <c r="RAH730" s="424"/>
      <c r="RAI730" s="424"/>
      <c r="RAJ730" s="424"/>
      <c r="RAK730" s="423" t="s">
        <v>2795</v>
      </c>
      <c r="RAL730" s="424"/>
      <c r="RAM730" s="424"/>
      <c r="RAN730" s="424"/>
      <c r="RAO730" s="423" t="s">
        <v>2795</v>
      </c>
      <c r="RAP730" s="424"/>
      <c r="RAQ730" s="424"/>
      <c r="RAR730" s="424"/>
      <c r="RAS730" s="423" t="s">
        <v>2795</v>
      </c>
      <c r="RAT730" s="424"/>
      <c r="RAU730" s="424"/>
      <c r="RAV730" s="424"/>
      <c r="RAW730" s="423" t="s">
        <v>2795</v>
      </c>
      <c r="RAX730" s="424"/>
      <c r="RAY730" s="424"/>
      <c r="RAZ730" s="424"/>
      <c r="RBA730" s="423" t="s">
        <v>2795</v>
      </c>
      <c r="RBB730" s="424"/>
      <c r="RBC730" s="424"/>
      <c r="RBD730" s="424"/>
      <c r="RBE730" s="423" t="s">
        <v>2795</v>
      </c>
      <c r="RBF730" s="424"/>
      <c r="RBG730" s="424"/>
      <c r="RBH730" s="424"/>
      <c r="RBI730" s="423" t="s">
        <v>2795</v>
      </c>
      <c r="RBJ730" s="424"/>
      <c r="RBK730" s="424"/>
      <c r="RBL730" s="424"/>
      <c r="RBM730" s="423" t="s">
        <v>2795</v>
      </c>
      <c r="RBN730" s="424"/>
      <c r="RBO730" s="424"/>
      <c r="RBP730" s="424"/>
      <c r="RBQ730" s="423" t="s">
        <v>2795</v>
      </c>
      <c r="RBR730" s="424"/>
      <c r="RBS730" s="424"/>
      <c r="RBT730" s="424"/>
      <c r="RBU730" s="423" t="s">
        <v>2795</v>
      </c>
      <c r="RBV730" s="424"/>
      <c r="RBW730" s="424"/>
      <c r="RBX730" s="424"/>
      <c r="RBY730" s="423" t="s">
        <v>2795</v>
      </c>
      <c r="RBZ730" s="424"/>
      <c r="RCA730" s="424"/>
      <c r="RCB730" s="424"/>
      <c r="RCC730" s="423" t="s">
        <v>2795</v>
      </c>
      <c r="RCD730" s="424"/>
      <c r="RCE730" s="424"/>
      <c r="RCF730" s="424"/>
      <c r="RCG730" s="423" t="s">
        <v>2795</v>
      </c>
      <c r="RCH730" s="424"/>
      <c r="RCI730" s="424"/>
      <c r="RCJ730" s="424"/>
      <c r="RCK730" s="423" t="s">
        <v>2795</v>
      </c>
      <c r="RCL730" s="424"/>
      <c r="RCM730" s="424"/>
      <c r="RCN730" s="424"/>
      <c r="RCO730" s="423" t="s">
        <v>2795</v>
      </c>
      <c r="RCP730" s="424"/>
      <c r="RCQ730" s="424"/>
      <c r="RCR730" s="424"/>
      <c r="RCS730" s="423" t="s">
        <v>2795</v>
      </c>
      <c r="RCT730" s="424"/>
      <c r="RCU730" s="424"/>
      <c r="RCV730" s="424"/>
      <c r="RCW730" s="423" t="s">
        <v>2795</v>
      </c>
      <c r="RCX730" s="424"/>
      <c r="RCY730" s="424"/>
      <c r="RCZ730" s="424"/>
      <c r="RDA730" s="423" t="s">
        <v>2795</v>
      </c>
      <c r="RDB730" s="424"/>
      <c r="RDC730" s="424"/>
      <c r="RDD730" s="424"/>
      <c r="RDE730" s="423" t="s">
        <v>2795</v>
      </c>
      <c r="RDF730" s="424"/>
      <c r="RDG730" s="424"/>
      <c r="RDH730" s="424"/>
      <c r="RDI730" s="423" t="s">
        <v>2795</v>
      </c>
      <c r="RDJ730" s="424"/>
      <c r="RDK730" s="424"/>
      <c r="RDL730" s="424"/>
      <c r="RDM730" s="423" t="s">
        <v>2795</v>
      </c>
      <c r="RDN730" s="424"/>
      <c r="RDO730" s="424"/>
      <c r="RDP730" s="424"/>
      <c r="RDQ730" s="423" t="s">
        <v>2795</v>
      </c>
      <c r="RDR730" s="424"/>
      <c r="RDS730" s="424"/>
      <c r="RDT730" s="424"/>
      <c r="RDU730" s="423" t="s">
        <v>2795</v>
      </c>
      <c r="RDV730" s="424"/>
      <c r="RDW730" s="424"/>
      <c r="RDX730" s="424"/>
      <c r="RDY730" s="423" t="s">
        <v>2795</v>
      </c>
      <c r="RDZ730" s="424"/>
      <c r="REA730" s="424"/>
      <c r="REB730" s="424"/>
      <c r="REC730" s="423" t="s">
        <v>2795</v>
      </c>
      <c r="RED730" s="424"/>
      <c r="REE730" s="424"/>
      <c r="REF730" s="424"/>
      <c r="REG730" s="423" t="s">
        <v>2795</v>
      </c>
      <c r="REH730" s="424"/>
      <c r="REI730" s="424"/>
      <c r="REJ730" s="424"/>
      <c r="REK730" s="423" t="s">
        <v>2795</v>
      </c>
      <c r="REL730" s="424"/>
      <c r="REM730" s="424"/>
      <c r="REN730" s="424"/>
      <c r="REO730" s="423" t="s">
        <v>2795</v>
      </c>
      <c r="REP730" s="424"/>
      <c r="REQ730" s="424"/>
      <c r="RER730" s="424"/>
      <c r="RES730" s="423" t="s">
        <v>2795</v>
      </c>
      <c r="RET730" s="424"/>
      <c r="REU730" s="424"/>
      <c r="REV730" s="424"/>
      <c r="REW730" s="423" t="s">
        <v>2795</v>
      </c>
      <c r="REX730" s="424"/>
      <c r="REY730" s="424"/>
      <c r="REZ730" s="424"/>
      <c r="RFA730" s="423" t="s">
        <v>2795</v>
      </c>
      <c r="RFB730" s="424"/>
      <c r="RFC730" s="424"/>
      <c r="RFD730" s="424"/>
      <c r="RFE730" s="423" t="s">
        <v>2795</v>
      </c>
      <c r="RFF730" s="424"/>
      <c r="RFG730" s="424"/>
      <c r="RFH730" s="424"/>
      <c r="RFI730" s="423" t="s">
        <v>2795</v>
      </c>
      <c r="RFJ730" s="424"/>
      <c r="RFK730" s="424"/>
      <c r="RFL730" s="424"/>
      <c r="RFM730" s="423" t="s">
        <v>2795</v>
      </c>
      <c r="RFN730" s="424"/>
      <c r="RFO730" s="424"/>
      <c r="RFP730" s="424"/>
      <c r="RFQ730" s="423" t="s">
        <v>2795</v>
      </c>
      <c r="RFR730" s="424"/>
      <c r="RFS730" s="424"/>
      <c r="RFT730" s="424"/>
      <c r="RFU730" s="423" t="s">
        <v>2795</v>
      </c>
      <c r="RFV730" s="424"/>
      <c r="RFW730" s="424"/>
      <c r="RFX730" s="424"/>
      <c r="RFY730" s="423" t="s">
        <v>2795</v>
      </c>
      <c r="RFZ730" s="424"/>
      <c r="RGA730" s="424"/>
      <c r="RGB730" s="424"/>
      <c r="RGC730" s="423" t="s">
        <v>2795</v>
      </c>
      <c r="RGD730" s="424"/>
      <c r="RGE730" s="424"/>
      <c r="RGF730" s="424"/>
      <c r="RGG730" s="423" t="s">
        <v>2795</v>
      </c>
      <c r="RGH730" s="424"/>
      <c r="RGI730" s="424"/>
      <c r="RGJ730" s="424"/>
      <c r="RGK730" s="423" t="s">
        <v>2795</v>
      </c>
      <c r="RGL730" s="424"/>
      <c r="RGM730" s="424"/>
      <c r="RGN730" s="424"/>
      <c r="RGO730" s="423" t="s">
        <v>2795</v>
      </c>
      <c r="RGP730" s="424"/>
      <c r="RGQ730" s="424"/>
      <c r="RGR730" s="424"/>
      <c r="RGS730" s="423" t="s">
        <v>2795</v>
      </c>
      <c r="RGT730" s="424"/>
      <c r="RGU730" s="424"/>
      <c r="RGV730" s="424"/>
      <c r="RGW730" s="423" t="s">
        <v>2795</v>
      </c>
      <c r="RGX730" s="424"/>
      <c r="RGY730" s="424"/>
      <c r="RGZ730" s="424"/>
      <c r="RHA730" s="423" t="s">
        <v>2795</v>
      </c>
      <c r="RHB730" s="424"/>
      <c r="RHC730" s="424"/>
      <c r="RHD730" s="424"/>
      <c r="RHE730" s="423" t="s">
        <v>2795</v>
      </c>
      <c r="RHF730" s="424"/>
      <c r="RHG730" s="424"/>
      <c r="RHH730" s="424"/>
      <c r="RHI730" s="423" t="s">
        <v>2795</v>
      </c>
      <c r="RHJ730" s="424"/>
      <c r="RHK730" s="424"/>
      <c r="RHL730" s="424"/>
      <c r="RHM730" s="423" t="s">
        <v>2795</v>
      </c>
      <c r="RHN730" s="424"/>
      <c r="RHO730" s="424"/>
      <c r="RHP730" s="424"/>
      <c r="RHQ730" s="423" t="s">
        <v>2795</v>
      </c>
      <c r="RHR730" s="424"/>
      <c r="RHS730" s="424"/>
      <c r="RHT730" s="424"/>
      <c r="RHU730" s="423" t="s">
        <v>2795</v>
      </c>
      <c r="RHV730" s="424"/>
      <c r="RHW730" s="424"/>
      <c r="RHX730" s="424"/>
      <c r="RHY730" s="423" t="s">
        <v>2795</v>
      </c>
      <c r="RHZ730" s="424"/>
      <c r="RIA730" s="424"/>
      <c r="RIB730" s="424"/>
      <c r="RIC730" s="423" t="s">
        <v>2795</v>
      </c>
      <c r="RID730" s="424"/>
      <c r="RIE730" s="424"/>
      <c r="RIF730" s="424"/>
      <c r="RIG730" s="423" t="s">
        <v>2795</v>
      </c>
      <c r="RIH730" s="424"/>
      <c r="RII730" s="424"/>
      <c r="RIJ730" s="424"/>
      <c r="RIK730" s="423" t="s">
        <v>2795</v>
      </c>
      <c r="RIL730" s="424"/>
      <c r="RIM730" s="424"/>
      <c r="RIN730" s="424"/>
      <c r="RIO730" s="423" t="s">
        <v>2795</v>
      </c>
      <c r="RIP730" s="424"/>
      <c r="RIQ730" s="424"/>
      <c r="RIR730" s="424"/>
      <c r="RIS730" s="423" t="s">
        <v>2795</v>
      </c>
      <c r="RIT730" s="424"/>
      <c r="RIU730" s="424"/>
      <c r="RIV730" s="424"/>
      <c r="RIW730" s="423" t="s">
        <v>2795</v>
      </c>
      <c r="RIX730" s="424"/>
      <c r="RIY730" s="424"/>
      <c r="RIZ730" s="424"/>
      <c r="RJA730" s="423" t="s">
        <v>2795</v>
      </c>
      <c r="RJB730" s="424"/>
      <c r="RJC730" s="424"/>
      <c r="RJD730" s="424"/>
      <c r="RJE730" s="423" t="s">
        <v>2795</v>
      </c>
      <c r="RJF730" s="424"/>
      <c r="RJG730" s="424"/>
      <c r="RJH730" s="424"/>
      <c r="RJI730" s="423" t="s">
        <v>2795</v>
      </c>
      <c r="RJJ730" s="424"/>
      <c r="RJK730" s="424"/>
      <c r="RJL730" s="424"/>
      <c r="RJM730" s="423" t="s">
        <v>2795</v>
      </c>
      <c r="RJN730" s="424"/>
      <c r="RJO730" s="424"/>
      <c r="RJP730" s="424"/>
      <c r="RJQ730" s="423" t="s">
        <v>2795</v>
      </c>
      <c r="RJR730" s="424"/>
      <c r="RJS730" s="424"/>
      <c r="RJT730" s="424"/>
      <c r="RJU730" s="423" t="s">
        <v>2795</v>
      </c>
      <c r="RJV730" s="424"/>
      <c r="RJW730" s="424"/>
      <c r="RJX730" s="424"/>
      <c r="RJY730" s="423" t="s">
        <v>2795</v>
      </c>
      <c r="RJZ730" s="424"/>
      <c r="RKA730" s="424"/>
      <c r="RKB730" s="424"/>
      <c r="RKC730" s="423" t="s">
        <v>2795</v>
      </c>
      <c r="RKD730" s="424"/>
      <c r="RKE730" s="424"/>
      <c r="RKF730" s="424"/>
      <c r="RKG730" s="423" t="s">
        <v>2795</v>
      </c>
      <c r="RKH730" s="424"/>
      <c r="RKI730" s="424"/>
      <c r="RKJ730" s="424"/>
      <c r="RKK730" s="423" t="s">
        <v>2795</v>
      </c>
      <c r="RKL730" s="424"/>
      <c r="RKM730" s="424"/>
      <c r="RKN730" s="424"/>
      <c r="RKO730" s="423" t="s">
        <v>2795</v>
      </c>
      <c r="RKP730" s="424"/>
      <c r="RKQ730" s="424"/>
      <c r="RKR730" s="424"/>
      <c r="RKS730" s="423" t="s">
        <v>2795</v>
      </c>
      <c r="RKT730" s="424"/>
      <c r="RKU730" s="424"/>
      <c r="RKV730" s="424"/>
      <c r="RKW730" s="423" t="s">
        <v>2795</v>
      </c>
      <c r="RKX730" s="424"/>
      <c r="RKY730" s="424"/>
      <c r="RKZ730" s="424"/>
      <c r="RLA730" s="423" t="s">
        <v>2795</v>
      </c>
      <c r="RLB730" s="424"/>
      <c r="RLC730" s="424"/>
      <c r="RLD730" s="424"/>
      <c r="RLE730" s="423" t="s">
        <v>2795</v>
      </c>
      <c r="RLF730" s="424"/>
      <c r="RLG730" s="424"/>
      <c r="RLH730" s="424"/>
      <c r="RLI730" s="423" t="s">
        <v>2795</v>
      </c>
      <c r="RLJ730" s="424"/>
      <c r="RLK730" s="424"/>
      <c r="RLL730" s="424"/>
      <c r="RLM730" s="423" t="s">
        <v>2795</v>
      </c>
      <c r="RLN730" s="424"/>
      <c r="RLO730" s="424"/>
      <c r="RLP730" s="424"/>
      <c r="RLQ730" s="423" t="s">
        <v>2795</v>
      </c>
      <c r="RLR730" s="424"/>
      <c r="RLS730" s="424"/>
      <c r="RLT730" s="424"/>
      <c r="RLU730" s="423" t="s">
        <v>2795</v>
      </c>
      <c r="RLV730" s="424"/>
      <c r="RLW730" s="424"/>
      <c r="RLX730" s="424"/>
      <c r="RLY730" s="423" t="s">
        <v>2795</v>
      </c>
      <c r="RLZ730" s="424"/>
      <c r="RMA730" s="424"/>
      <c r="RMB730" s="424"/>
      <c r="RMC730" s="423" t="s">
        <v>2795</v>
      </c>
      <c r="RMD730" s="424"/>
      <c r="RME730" s="424"/>
      <c r="RMF730" s="424"/>
      <c r="RMG730" s="423" t="s">
        <v>2795</v>
      </c>
      <c r="RMH730" s="424"/>
      <c r="RMI730" s="424"/>
      <c r="RMJ730" s="424"/>
      <c r="RMK730" s="423" t="s">
        <v>2795</v>
      </c>
      <c r="RML730" s="424"/>
      <c r="RMM730" s="424"/>
      <c r="RMN730" s="424"/>
      <c r="RMO730" s="423" t="s">
        <v>2795</v>
      </c>
      <c r="RMP730" s="424"/>
      <c r="RMQ730" s="424"/>
      <c r="RMR730" s="424"/>
      <c r="RMS730" s="423" t="s">
        <v>2795</v>
      </c>
      <c r="RMT730" s="424"/>
      <c r="RMU730" s="424"/>
      <c r="RMV730" s="424"/>
      <c r="RMW730" s="423" t="s">
        <v>2795</v>
      </c>
      <c r="RMX730" s="424"/>
      <c r="RMY730" s="424"/>
      <c r="RMZ730" s="424"/>
      <c r="RNA730" s="423" t="s">
        <v>2795</v>
      </c>
      <c r="RNB730" s="424"/>
      <c r="RNC730" s="424"/>
      <c r="RND730" s="424"/>
      <c r="RNE730" s="423" t="s">
        <v>2795</v>
      </c>
      <c r="RNF730" s="424"/>
      <c r="RNG730" s="424"/>
      <c r="RNH730" s="424"/>
      <c r="RNI730" s="423" t="s">
        <v>2795</v>
      </c>
      <c r="RNJ730" s="424"/>
      <c r="RNK730" s="424"/>
      <c r="RNL730" s="424"/>
      <c r="RNM730" s="423" t="s">
        <v>2795</v>
      </c>
      <c r="RNN730" s="424"/>
      <c r="RNO730" s="424"/>
      <c r="RNP730" s="424"/>
      <c r="RNQ730" s="423" t="s">
        <v>2795</v>
      </c>
      <c r="RNR730" s="424"/>
      <c r="RNS730" s="424"/>
      <c r="RNT730" s="424"/>
      <c r="RNU730" s="423" t="s">
        <v>2795</v>
      </c>
      <c r="RNV730" s="424"/>
      <c r="RNW730" s="424"/>
      <c r="RNX730" s="424"/>
      <c r="RNY730" s="423" t="s">
        <v>2795</v>
      </c>
      <c r="RNZ730" s="424"/>
      <c r="ROA730" s="424"/>
      <c r="ROB730" s="424"/>
      <c r="ROC730" s="423" t="s">
        <v>2795</v>
      </c>
      <c r="ROD730" s="424"/>
      <c r="ROE730" s="424"/>
      <c r="ROF730" s="424"/>
      <c r="ROG730" s="423" t="s">
        <v>2795</v>
      </c>
      <c r="ROH730" s="424"/>
      <c r="ROI730" s="424"/>
      <c r="ROJ730" s="424"/>
      <c r="ROK730" s="423" t="s">
        <v>2795</v>
      </c>
      <c r="ROL730" s="424"/>
      <c r="ROM730" s="424"/>
      <c r="RON730" s="424"/>
      <c r="ROO730" s="423" t="s">
        <v>2795</v>
      </c>
      <c r="ROP730" s="424"/>
      <c r="ROQ730" s="424"/>
      <c r="ROR730" s="424"/>
      <c r="ROS730" s="423" t="s">
        <v>2795</v>
      </c>
      <c r="ROT730" s="424"/>
      <c r="ROU730" s="424"/>
      <c r="ROV730" s="424"/>
      <c r="ROW730" s="423" t="s">
        <v>2795</v>
      </c>
      <c r="ROX730" s="424"/>
      <c r="ROY730" s="424"/>
      <c r="ROZ730" s="424"/>
      <c r="RPA730" s="423" t="s">
        <v>2795</v>
      </c>
      <c r="RPB730" s="424"/>
      <c r="RPC730" s="424"/>
      <c r="RPD730" s="424"/>
      <c r="RPE730" s="423" t="s">
        <v>2795</v>
      </c>
      <c r="RPF730" s="424"/>
      <c r="RPG730" s="424"/>
      <c r="RPH730" s="424"/>
      <c r="RPI730" s="423" t="s">
        <v>2795</v>
      </c>
      <c r="RPJ730" s="424"/>
      <c r="RPK730" s="424"/>
      <c r="RPL730" s="424"/>
      <c r="RPM730" s="423" t="s">
        <v>2795</v>
      </c>
      <c r="RPN730" s="424"/>
      <c r="RPO730" s="424"/>
      <c r="RPP730" s="424"/>
      <c r="RPQ730" s="423" t="s">
        <v>2795</v>
      </c>
      <c r="RPR730" s="424"/>
      <c r="RPS730" s="424"/>
      <c r="RPT730" s="424"/>
      <c r="RPU730" s="423" t="s">
        <v>2795</v>
      </c>
      <c r="RPV730" s="424"/>
      <c r="RPW730" s="424"/>
      <c r="RPX730" s="424"/>
      <c r="RPY730" s="423" t="s">
        <v>2795</v>
      </c>
      <c r="RPZ730" s="424"/>
      <c r="RQA730" s="424"/>
      <c r="RQB730" s="424"/>
      <c r="RQC730" s="423" t="s">
        <v>2795</v>
      </c>
      <c r="RQD730" s="424"/>
      <c r="RQE730" s="424"/>
      <c r="RQF730" s="424"/>
      <c r="RQG730" s="423" t="s">
        <v>2795</v>
      </c>
      <c r="RQH730" s="424"/>
      <c r="RQI730" s="424"/>
      <c r="RQJ730" s="424"/>
      <c r="RQK730" s="423" t="s">
        <v>2795</v>
      </c>
      <c r="RQL730" s="424"/>
      <c r="RQM730" s="424"/>
      <c r="RQN730" s="424"/>
      <c r="RQO730" s="423" t="s">
        <v>2795</v>
      </c>
      <c r="RQP730" s="424"/>
      <c r="RQQ730" s="424"/>
      <c r="RQR730" s="424"/>
      <c r="RQS730" s="423" t="s">
        <v>2795</v>
      </c>
      <c r="RQT730" s="424"/>
      <c r="RQU730" s="424"/>
      <c r="RQV730" s="424"/>
      <c r="RQW730" s="423" t="s">
        <v>2795</v>
      </c>
      <c r="RQX730" s="424"/>
      <c r="RQY730" s="424"/>
      <c r="RQZ730" s="424"/>
      <c r="RRA730" s="423" t="s">
        <v>2795</v>
      </c>
      <c r="RRB730" s="424"/>
      <c r="RRC730" s="424"/>
      <c r="RRD730" s="424"/>
      <c r="RRE730" s="423" t="s">
        <v>2795</v>
      </c>
      <c r="RRF730" s="424"/>
      <c r="RRG730" s="424"/>
      <c r="RRH730" s="424"/>
      <c r="RRI730" s="423" t="s">
        <v>2795</v>
      </c>
      <c r="RRJ730" s="424"/>
      <c r="RRK730" s="424"/>
      <c r="RRL730" s="424"/>
      <c r="RRM730" s="423" t="s">
        <v>2795</v>
      </c>
      <c r="RRN730" s="424"/>
      <c r="RRO730" s="424"/>
      <c r="RRP730" s="424"/>
      <c r="RRQ730" s="423" t="s">
        <v>2795</v>
      </c>
      <c r="RRR730" s="424"/>
      <c r="RRS730" s="424"/>
      <c r="RRT730" s="424"/>
      <c r="RRU730" s="423" t="s">
        <v>2795</v>
      </c>
      <c r="RRV730" s="424"/>
      <c r="RRW730" s="424"/>
      <c r="RRX730" s="424"/>
      <c r="RRY730" s="423" t="s">
        <v>2795</v>
      </c>
      <c r="RRZ730" s="424"/>
      <c r="RSA730" s="424"/>
      <c r="RSB730" s="424"/>
      <c r="RSC730" s="423" t="s">
        <v>2795</v>
      </c>
      <c r="RSD730" s="424"/>
      <c r="RSE730" s="424"/>
      <c r="RSF730" s="424"/>
      <c r="RSG730" s="423" t="s">
        <v>2795</v>
      </c>
      <c r="RSH730" s="424"/>
      <c r="RSI730" s="424"/>
      <c r="RSJ730" s="424"/>
      <c r="RSK730" s="423" t="s">
        <v>2795</v>
      </c>
      <c r="RSL730" s="424"/>
      <c r="RSM730" s="424"/>
      <c r="RSN730" s="424"/>
      <c r="RSO730" s="423" t="s">
        <v>2795</v>
      </c>
      <c r="RSP730" s="424"/>
      <c r="RSQ730" s="424"/>
      <c r="RSR730" s="424"/>
      <c r="RSS730" s="423" t="s">
        <v>2795</v>
      </c>
      <c r="RST730" s="424"/>
      <c r="RSU730" s="424"/>
      <c r="RSV730" s="424"/>
      <c r="RSW730" s="423" t="s">
        <v>2795</v>
      </c>
      <c r="RSX730" s="424"/>
      <c r="RSY730" s="424"/>
      <c r="RSZ730" s="424"/>
      <c r="RTA730" s="423" t="s">
        <v>2795</v>
      </c>
      <c r="RTB730" s="424"/>
      <c r="RTC730" s="424"/>
      <c r="RTD730" s="424"/>
      <c r="RTE730" s="423" t="s">
        <v>2795</v>
      </c>
      <c r="RTF730" s="424"/>
      <c r="RTG730" s="424"/>
      <c r="RTH730" s="424"/>
      <c r="RTI730" s="423" t="s">
        <v>2795</v>
      </c>
      <c r="RTJ730" s="424"/>
      <c r="RTK730" s="424"/>
      <c r="RTL730" s="424"/>
      <c r="RTM730" s="423" t="s">
        <v>2795</v>
      </c>
      <c r="RTN730" s="424"/>
      <c r="RTO730" s="424"/>
      <c r="RTP730" s="424"/>
      <c r="RTQ730" s="423" t="s">
        <v>2795</v>
      </c>
      <c r="RTR730" s="424"/>
      <c r="RTS730" s="424"/>
      <c r="RTT730" s="424"/>
      <c r="RTU730" s="423" t="s">
        <v>2795</v>
      </c>
      <c r="RTV730" s="424"/>
      <c r="RTW730" s="424"/>
      <c r="RTX730" s="424"/>
      <c r="RTY730" s="423" t="s">
        <v>2795</v>
      </c>
      <c r="RTZ730" s="424"/>
      <c r="RUA730" s="424"/>
      <c r="RUB730" s="424"/>
      <c r="RUC730" s="423" t="s">
        <v>2795</v>
      </c>
      <c r="RUD730" s="424"/>
      <c r="RUE730" s="424"/>
      <c r="RUF730" s="424"/>
      <c r="RUG730" s="423" t="s">
        <v>2795</v>
      </c>
      <c r="RUH730" s="424"/>
      <c r="RUI730" s="424"/>
      <c r="RUJ730" s="424"/>
      <c r="RUK730" s="423" t="s">
        <v>2795</v>
      </c>
      <c r="RUL730" s="424"/>
      <c r="RUM730" s="424"/>
      <c r="RUN730" s="424"/>
      <c r="RUO730" s="423" t="s">
        <v>2795</v>
      </c>
      <c r="RUP730" s="424"/>
      <c r="RUQ730" s="424"/>
      <c r="RUR730" s="424"/>
      <c r="RUS730" s="423" t="s">
        <v>2795</v>
      </c>
      <c r="RUT730" s="424"/>
      <c r="RUU730" s="424"/>
      <c r="RUV730" s="424"/>
      <c r="RUW730" s="423" t="s">
        <v>2795</v>
      </c>
      <c r="RUX730" s="424"/>
      <c r="RUY730" s="424"/>
      <c r="RUZ730" s="424"/>
      <c r="RVA730" s="423" t="s">
        <v>2795</v>
      </c>
      <c r="RVB730" s="424"/>
      <c r="RVC730" s="424"/>
      <c r="RVD730" s="424"/>
      <c r="RVE730" s="423" t="s">
        <v>2795</v>
      </c>
      <c r="RVF730" s="424"/>
      <c r="RVG730" s="424"/>
      <c r="RVH730" s="424"/>
      <c r="RVI730" s="423" t="s">
        <v>2795</v>
      </c>
      <c r="RVJ730" s="424"/>
      <c r="RVK730" s="424"/>
      <c r="RVL730" s="424"/>
      <c r="RVM730" s="423" t="s">
        <v>2795</v>
      </c>
      <c r="RVN730" s="424"/>
      <c r="RVO730" s="424"/>
      <c r="RVP730" s="424"/>
      <c r="RVQ730" s="423" t="s">
        <v>2795</v>
      </c>
      <c r="RVR730" s="424"/>
      <c r="RVS730" s="424"/>
      <c r="RVT730" s="424"/>
      <c r="RVU730" s="423" t="s">
        <v>2795</v>
      </c>
      <c r="RVV730" s="424"/>
      <c r="RVW730" s="424"/>
      <c r="RVX730" s="424"/>
      <c r="RVY730" s="423" t="s">
        <v>2795</v>
      </c>
      <c r="RVZ730" s="424"/>
      <c r="RWA730" s="424"/>
      <c r="RWB730" s="424"/>
      <c r="RWC730" s="423" t="s">
        <v>2795</v>
      </c>
      <c r="RWD730" s="424"/>
      <c r="RWE730" s="424"/>
      <c r="RWF730" s="424"/>
      <c r="RWG730" s="423" t="s">
        <v>2795</v>
      </c>
      <c r="RWH730" s="424"/>
      <c r="RWI730" s="424"/>
      <c r="RWJ730" s="424"/>
      <c r="RWK730" s="423" t="s">
        <v>2795</v>
      </c>
      <c r="RWL730" s="424"/>
      <c r="RWM730" s="424"/>
      <c r="RWN730" s="424"/>
      <c r="RWO730" s="423" t="s">
        <v>2795</v>
      </c>
      <c r="RWP730" s="424"/>
      <c r="RWQ730" s="424"/>
      <c r="RWR730" s="424"/>
      <c r="RWS730" s="423" t="s">
        <v>2795</v>
      </c>
      <c r="RWT730" s="424"/>
      <c r="RWU730" s="424"/>
      <c r="RWV730" s="424"/>
      <c r="RWW730" s="423" t="s">
        <v>2795</v>
      </c>
      <c r="RWX730" s="424"/>
      <c r="RWY730" s="424"/>
      <c r="RWZ730" s="424"/>
      <c r="RXA730" s="423" t="s">
        <v>2795</v>
      </c>
      <c r="RXB730" s="424"/>
      <c r="RXC730" s="424"/>
      <c r="RXD730" s="424"/>
      <c r="RXE730" s="423" t="s">
        <v>2795</v>
      </c>
      <c r="RXF730" s="424"/>
      <c r="RXG730" s="424"/>
      <c r="RXH730" s="424"/>
      <c r="RXI730" s="423" t="s">
        <v>2795</v>
      </c>
      <c r="RXJ730" s="424"/>
      <c r="RXK730" s="424"/>
      <c r="RXL730" s="424"/>
      <c r="RXM730" s="423" t="s">
        <v>2795</v>
      </c>
      <c r="RXN730" s="424"/>
      <c r="RXO730" s="424"/>
      <c r="RXP730" s="424"/>
      <c r="RXQ730" s="423" t="s">
        <v>2795</v>
      </c>
      <c r="RXR730" s="424"/>
      <c r="RXS730" s="424"/>
      <c r="RXT730" s="424"/>
      <c r="RXU730" s="423" t="s">
        <v>2795</v>
      </c>
      <c r="RXV730" s="424"/>
      <c r="RXW730" s="424"/>
      <c r="RXX730" s="424"/>
      <c r="RXY730" s="423" t="s">
        <v>2795</v>
      </c>
      <c r="RXZ730" s="424"/>
      <c r="RYA730" s="424"/>
      <c r="RYB730" s="424"/>
      <c r="RYC730" s="423" t="s">
        <v>2795</v>
      </c>
      <c r="RYD730" s="424"/>
      <c r="RYE730" s="424"/>
      <c r="RYF730" s="424"/>
      <c r="RYG730" s="423" t="s">
        <v>2795</v>
      </c>
      <c r="RYH730" s="424"/>
      <c r="RYI730" s="424"/>
      <c r="RYJ730" s="424"/>
      <c r="RYK730" s="423" t="s">
        <v>2795</v>
      </c>
      <c r="RYL730" s="424"/>
      <c r="RYM730" s="424"/>
      <c r="RYN730" s="424"/>
      <c r="RYO730" s="423" t="s">
        <v>2795</v>
      </c>
      <c r="RYP730" s="424"/>
      <c r="RYQ730" s="424"/>
      <c r="RYR730" s="424"/>
      <c r="RYS730" s="423" t="s">
        <v>2795</v>
      </c>
      <c r="RYT730" s="424"/>
      <c r="RYU730" s="424"/>
      <c r="RYV730" s="424"/>
      <c r="RYW730" s="423" t="s">
        <v>2795</v>
      </c>
      <c r="RYX730" s="424"/>
      <c r="RYY730" s="424"/>
      <c r="RYZ730" s="424"/>
      <c r="RZA730" s="423" t="s">
        <v>2795</v>
      </c>
      <c r="RZB730" s="424"/>
      <c r="RZC730" s="424"/>
      <c r="RZD730" s="424"/>
      <c r="RZE730" s="423" t="s">
        <v>2795</v>
      </c>
      <c r="RZF730" s="424"/>
      <c r="RZG730" s="424"/>
      <c r="RZH730" s="424"/>
      <c r="RZI730" s="423" t="s">
        <v>2795</v>
      </c>
      <c r="RZJ730" s="424"/>
      <c r="RZK730" s="424"/>
      <c r="RZL730" s="424"/>
      <c r="RZM730" s="423" t="s">
        <v>2795</v>
      </c>
      <c r="RZN730" s="424"/>
      <c r="RZO730" s="424"/>
      <c r="RZP730" s="424"/>
      <c r="RZQ730" s="423" t="s">
        <v>2795</v>
      </c>
      <c r="RZR730" s="424"/>
      <c r="RZS730" s="424"/>
      <c r="RZT730" s="424"/>
      <c r="RZU730" s="423" t="s">
        <v>2795</v>
      </c>
      <c r="RZV730" s="424"/>
      <c r="RZW730" s="424"/>
      <c r="RZX730" s="424"/>
      <c r="RZY730" s="423" t="s">
        <v>2795</v>
      </c>
      <c r="RZZ730" s="424"/>
      <c r="SAA730" s="424"/>
      <c r="SAB730" s="424"/>
      <c r="SAC730" s="423" t="s">
        <v>2795</v>
      </c>
      <c r="SAD730" s="424"/>
      <c r="SAE730" s="424"/>
      <c r="SAF730" s="424"/>
      <c r="SAG730" s="423" t="s">
        <v>2795</v>
      </c>
      <c r="SAH730" s="424"/>
      <c r="SAI730" s="424"/>
      <c r="SAJ730" s="424"/>
      <c r="SAK730" s="423" t="s">
        <v>2795</v>
      </c>
      <c r="SAL730" s="424"/>
      <c r="SAM730" s="424"/>
      <c r="SAN730" s="424"/>
      <c r="SAO730" s="423" t="s">
        <v>2795</v>
      </c>
      <c r="SAP730" s="424"/>
      <c r="SAQ730" s="424"/>
      <c r="SAR730" s="424"/>
      <c r="SAS730" s="423" t="s">
        <v>2795</v>
      </c>
      <c r="SAT730" s="424"/>
      <c r="SAU730" s="424"/>
      <c r="SAV730" s="424"/>
      <c r="SAW730" s="423" t="s">
        <v>2795</v>
      </c>
      <c r="SAX730" s="424"/>
      <c r="SAY730" s="424"/>
      <c r="SAZ730" s="424"/>
      <c r="SBA730" s="423" t="s">
        <v>2795</v>
      </c>
      <c r="SBB730" s="424"/>
      <c r="SBC730" s="424"/>
      <c r="SBD730" s="424"/>
      <c r="SBE730" s="423" t="s">
        <v>2795</v>
      </c>
      <c r="SBF730" s="424"/>
      <c r="SBG730" s="424"/>
      <c r="SBH730" s="424"/>
      <c r="SBI730" s="423" t="s">
        <v>2795</v>
      </c>
      <c r="SBJ730" s="424"/>
      <c r="SBK730" s="424"/>
      <c r="SBL730" s="424"/>
      <c r="SBM730" s="423" t="s">
        <v>2795</v>
      </c>
      <c r="SBN730" s="424"/>
      <c r="SBO730" s="424"/>
      <c r="SBP730" s="424"/>
      <c r="SBQ730" s="423" t="s">
        <v>2795</v>
      </c>
      <c r="SBR730" s="424"/>
      <c r="SBS730" s="424"/>
      <c r="SBT730" s="424"/>
      <c r="SBU730" s="423" t="s">
        <v>2795</v>
      </c>
      <c r="SBV730" s="424"/>
      <c r="SBW730" s="424"/>
      <c r="SBX730" s="424"/>
      <c r="SBY730" s="423" t="s">
        <v>2795</v>
      </c>
      <c r="SBZ730" s="424"/>
      <c r="SCA730" s="424"/>
      <c r="SCB730" s="424"/>
      <c r="SCC730" s="423" t="s">
        <v>2795</v>
      </c>
      <c r="SCD730" s="424"/>
      <c r="SCE730" s="424"/>
      <c r="SCF730" s="424"/>
      <c r="SCG730" s="423" t="s">
        <v>2795</v>
      </c>
      <c r="SCH730" s="424"/>
      <c r="SCI730" s="424"/>
      <c r="SCJ730" s="424"/>
      <c r="SCK730" s="423" t="s">
        <v>2795</v>
      </c>
      <c r="SCL730" s="424"/>
      <c r="SCM730" s="424"/>
      <c r="SCN730" s="424"/>
      <c r="SCO730" s="423" t="s">
        <v>2795</v>
      </c>
      <c r="SCP730" s="424"/>
      <c r="SCQ730" s="424"/>
      <c r="SCR730" s="424"/>
      <c r="SCS730" s="423" t="s">
        <v>2795</v>
      </c>
      <c r="SCT730" s="424"/>
      <c r="SCU730" s="424"/>
      <c r="SCV730" s="424"/>
      <c r="SCW730" s="423" t="s">
        <v>2795</v>
      </c>
      <c r="SCX730" s="424"/>
      <c r="SCY730" s="424"/>
      <c r="SCZ730" s="424"/>
      <c r="SDA730" s="423" t="s">
        <v>2795</v>
      </c>
      <c r="SDB730" s="424"/>
      <c r="SDC730" s="424"/>
      <c r="SDD730" s="424"/>
      <c r="SDE730" s="423" t="s">
        <v>2795</v>
      </c>
      <c r="SDF730" s="424"/>
      <c r="SDG730" s="424"/>
      <c r="SDH730" s="424"/>
      <c r="SDI730" s="423" t="s">
        <v>2795</v>
      </c>
      <c r="SDJ730" s="424"/>
      <c r="SDK730" s="424"/>
      <c r="SDL730" s="424"/>
      <c r="SDM730" s="423" t="s">
        <v>2795</v>
      </c>
      <c r="SDN730" s="424"/>
      <c r="SDO730" s="424"/>
      <c r="SDP730" s="424"/>
      <c r="SDQ730" s="423" t="s">
        <v>2795</v>
      </c>
      <c r="SDR730" s="424"/>
      <c r="SDS730" s="424"/>
      <c r="SDT730" s="424"/>
      <c r="SDU730" s="423" t="s">
        <v>2795</v>
      </c>
      <c r="SDV730" s="424"/>
      <c r="SDW730" s="424"/>
      <c r="SDX730" s="424"/>
      <c r="SDY730" s="423" t="s">
        <v>2795</v>
      </c>
      <c r="SDZ730" s="424"/>
      <c r="SEA730" s="424"/>
      <c r="SEB730" s="424"/>
      <c r="SEC730" s="423" t="s">
        <v>2795</v>
      </c>
      <c r="SED730" s="424"/>
      <c r="SEE730" s="424"/>
      <c r="SEF730" s="424"/>
      <c r="SEG730" s="423" t="s">
        <v>2795</v>
      </c>
      <c r="SEH730" s="424"/>
      <c r="SEI730" s="424"/>
      <c r="SEJ730" s="424"/>
      <c r="SEK730" s="423" t="s">
        <v>2795</v>
      </c>
      <c r="SEL730" s="424"/>
      <c r="SEM730" s="424"/>
      <c r="SEN730" s="424"/>
      <c r="SEO730" s="423" t="s">
        <v>2795</v>
      </c>
      <c r="SEP730" s="424"/>
      <c r="SEQ730" s="424"/>
      <c r="SER730" s="424"/>
      <c r="SES730" s="423" t="s">
        <v>2795</v>
      </c>
      <c r="SET730" s="424"/>
      <c r="SEU730" s="424"/>
      <c r="SEV730" s="424"/>
      <c r="SEW730" s="423" t="s">
        <v>2795</v>
      </c>
      <c r="SEX730" s="424"/>
      <c r="SEY730" s="424"/>
      <c r="SEZ730" s="424"/>
      <c r="SFA730" s="423" t="s">
        <v>2795</v>
      </c>
      <c r="SFB730" s="424"/>
      <c r="SFC730" s="424"/>
      <c r="SFD730" s="424"/>
      <c r="SFE730" s="423" t="s">
        <v>2795</v>
      </c>
      <c r="SFF730" s="424"/>
      <c r="SFG730" s="424"/>
      <c r="SFH730" s="424"/>
      <c r="SFI730" s="423" t="s">
        <v>2795</v>
      </c>
      <c r="SFJ730" s="424"/>
      <c r="SFK730" s="424"/>
      <c r="SFL730" s="424"/>
      <c r="SFM730" s="423" t="s">
        <v>2795</v>
      </c>
      <c r="SFN730" s="424"/>
      <c r="SFO730" s="424"/>
      <c r="SFP730" s="424"/>
      <c r="SFQ730" s="423" t="s">
        <v>2795</v>
      </c>
      <c r="SFR730" s="424"/>
      <c r="SFS730" s="424"/>
      <c r="SFT730" s="424"/>
      <c r="SFU730" s="423" t="s">
        <v>2795</v>
      </c>
      <c r="SFV730" s="424"/>
      <c r="SFW730" s="424"/>
      <c r="SFX730" s="424"/>
      <c r="SFY730" s="423" t="s">
        <v>2795</v>
      </c>
      <c r="SFZ730" s="424"/>
      <c r="SGA730" s="424"/>
      <c r="SGB730" s="424"/>
      <c r="SGC730" s="423" t="s">
        <v>2795</v>
      </c>
      <c r="SGD730" s="424"/>
      <c r="SGE730" s="424"/>
      <c r="SGF730" s="424"/>
      <c r="SGG730" s="423" t="s">
        <v>2795</v>
      </c>
      <c r="SGH730" s="424"/>
      <c r="SGI730" s="424"/>
      <c r="SGJ730" s="424"/>
      <c r="SGK730" s="423" t="s">
        <v>2795</v>
      </c>
      <c r="SGL730" s="424"/>
      <c r="SGM730" s="424"/>
      <c r="SGN730" s="424"/>
      <c r="SGO730" s="423" t="s">
        <v>2795</v>
      </c>
      <c r="SGP730" s="424"/>
      <c r="SGQ730" s="424"/>
      <c r="SGR730" s="424"/>
      <c r="SGS730" s="423" t="s">
        <v>2795</v>
      </c>
      <c r="SGT730" s="424"/>
      <c r="SGU730" s="424"/>
      <c r="SGV730" s="424"/>
      <c r="SGW730" s="423" t="s">
        <v>2795</v>
      </c>
      <c r="SGX730" s="424"/>
      <c r="SGY730" s="424"/>
      <c r="SGZ730" s="424"/>
      <c r="SHA730" s="423" t="s">
        <v>2795</v>
      </c>
      <c r="SHB730" s="424"/>
      <c r="SHC730" s="424"/>
      <c r="SHD730" s="424"/>
      <c r="SHE730" s="423" t="s">
        <v>2795</v>
      </c>
      <c r="SHF730" s="424"/>
      <c r="SHG730" s="424"/>
      <c r="SHH730" s="424"/>
      <c r="SHI730" s="423" t="s">
        <v>2795</v>
      </c>
      <c r="SHJ730" s="424"/>
      <c r="SHK730" s="424"/>
      <c r="SHL730" s="424"/>
      <c r="SHM730" s="423" t="s">
        <v>2795</v>
      </c>
      <c r="SHN730" s="424"/>
      <c r="SHO730" s="424"/>
      <c r="SHP730" s="424"/>
      <c r="SHQ730" s="423" t="s">
        <v>2795</v>
      </c>
      <c r="SHR730" s="424"/>
      <c r="SHS730" s="424"/>
      <c r="SHT730" s="424"/>
      <c r="SHU730" s="423" t="s">
        <v>2795</v>
      </c>
      <c r="SHV730" s="424"/>
      <c r="SHW730" s="424"/>
      <c r="SHX730" s="424"/>
      <c r="SHY730" s="423" t="s">
        <v>2795</v>
      </c>
      <c r="SHZ730" s="424"/>
      <c r="SIA730" s="424"/>
      <c r="SIB730" s="424"/>
      <c r="SIC730" s="423" t="s">
        <v>2795</v>
      </c>
      <c r="SID730" s="424"/>
      <c r="SIE730" s="424"/>
      <c r="SIF730" s="424"/>
      <c r="SIG730" s="423" t="s">
        <v>2795</v>
      </c>
      <c r="SIH730" s="424"/>
      <c r="SII730" s="424"/>
      <c r="SIJ730" s="424"/>
      <c r="SIK730" s="423" t="s">
        <v>2795</v>
      </c>
      <c r="SIL730" s="424"/>
      <c r="SIM730" s="424"/>
      <c r="SIN730" s="424"/>
      <c r="SIO730" s="423" t="s">
        <v>2795</v>
      </c>
      <c r="SIP730" s="424"/>
      <c r="SIQ730" s="424"/>
      <c r="SIR730" s="424"/>
      <c r="SIS730" s="423" t="s">
        <v>2795</v>
      </c>
      <c r="SIT730" s="424"/>
      <c r="SIU730" s="424"/>
      <c r="SIV730" s="424"/>
      <c r="SIW730" s="423" t="s">
        <v>2795</v>
      </c>
      <c r="SIX730" s="424"/>
      <c r="SIY730" s="424"/>
      <c r="SIZ730" s="424"/>
      <c r="SJA730" s="423" t="s">
        <v>2795</v>
      </c>
      <c r="SJB730" s="424"/>
      <c r="SJC730" s="424"/>
      <c r="SJD730" s="424"/>
      <c r="SJE730" s="423" t="s">
        <v>2795</v>
      </c>
      <c r="SJF730" s="424"/>
      <c r="SJG730" s="424"/>
      <c r="SJH730" s="424"/>
      <c r="SJI730" s="423" t="s">
        <v>2795</v>
      </c>
      <c r="SJJ730" s="424"/>
      <c r="SJK730" s="424"/>
      <c r="SJL730" s="424"/>
      <c r="SJM730" s="423" t="s">
        <v>2795</v>
      </c>
      <c r="SJN730" s="424"/>
      <c r="SJO730" s="424"/>
      <c r="SJP730" s="424"/>
      <c r="SJQ730" s="423" t="s">
        <v>2795</v>
      </c>
      <c r="SJR730" s="424"/>
      <c r="SJS730" s="424"/>
      <c r="SJT730" s="424"/>
      <c r="SJU730" s="423" t="s">
        <v>2795</v>
      </c>
      <c r="SJV730" s="424"/>
      <c r="SJW730" s="424"/>
      <c r="SJX730" s="424"/>
      <c r="SJY730" s="423" t="s">
        <v>2795</v>
      </c>
      <c r="SJZ730" s="424"/>
      <c r="SKA730" s="424"/>
      <c r="SKB730" s="424"/>
      <c r="SKC730" s="423" t="s">
        <v>2795</v>
      </c>
      <c r="SKD730" s="424"/>
      <c r="SKE730" s="424"/>
      <c r="SKF730" s="424"/>
      <c r="SKG730" s="423" t="s">
        <v>2795</v>
      </c>
      <c r="SKH730" s="424"/>
      <c r="SKI730" s="424"/>
      <c r="SKJ730" s="424"/>
      <c r="SKK730" s="423" t="s">
        <v>2795</v>
      </c>
      <c r="SKL730" s="424"/>
      <c r="SKM730" s="424"/>
      <c r="SKN730" s="424"/>
      <c r="SKO730" s="423" t="s">
        <v>2795</v>
      </c>
      <c r="SKP730" s="424"/>
      <c r="SKQ730" s="424"/>
      <c r="SKR730" s="424"/>
      <c r="SKS730" s="423" t="s">
        <v>2795</v>
      </c>
      <c r="SKT730" s="424"/>
      <c r="SKU730" s="424"/>
      <c r="SKV730" s="424"/>
      <c r="SKW730" s="423" t="s">
        <v>2795</v>
      </c>
      <c r="SKX730" s="424"/>
      <c r="SKY730" s="424"/>
      <c r="SKZ730" s="424"/>
      <c r="SLA730" s="423" t="s">
        <v>2795</v>
      </c>
      <c r="SLB730" s="424"/>
      <c r="SLC730" s="424"/>
      <c r="SLD730" s="424"/>
      <c r="SLE730" s="423" t="s">
        <v>2795</v>
      </c>
      <c r="SLF730" s="424"/>
      <c r="SLG730" s="424"/>
      <c r="SLH730" s="424"/>
      <c r="SLI730" s="423" t="s">
        <v>2795</v>
      </c>
      <c r="SLJ730" s="424"/>
      <c r="SLK730" s="424"/>
      <c r="SLL730" s="424"/>
      <c r="SLM730" s="423" t="s">
        <v>2795</v>
      </c>
      <c r="SLN730" s="424"/>
      <c r="SLO730" s="424"/>
      <c r="SLP730" s="424"/>
      <c r="SLQ730" s="423" t="s">
        <v>2795</v>
      </c>
      <c r="SLR730" s="424"/>
      <c r="SLS730" s="424"/>
      <c r="SLT730" s="424"/>
      <c r="SLU730" s="423" t="s">
        <v>2795</v>
      </c>
      <c r="SLV730" s="424"/>
      <c r="SLW730" s="424"/>
      <c r="SLX730" s="424"/>
      <c r="SLY730" s="423" t="s">
        <v>2795</v>
      </c>
      <c r="SLZ730" s="424"/>
      <c r="SMA730" s="424"/>
      <c r="SMB730" s="424"/>
      <c r="SMC730" s="423" t="s">
        <v>2795</v>
      </c>
      <c r="SMD730" s="424"/>
      <c r="SME730" s="424"/>
      <c r="SMF730" s="424"/>
      <c r="SMG730" s="423" t="s">
        <v>2795</v>
      </c>
      <c r="SMH730" s="424"/>
      <c r="SMI730" s="424"/>
      <c r="SMJ730" s="424"/>
      <c r="SMK730" s="423" t="s">
        <v>2795</v>
      </c>
      <c r="SML730" s="424"/>
      <c r="SMM730" s="424"/>
      <c r="SMN730" s="424"/>
      <c r="SMO730" s="423" t="s">
        <v>2795</v>
      </c>
      <c r="SMP730" s="424"/>
      <c r="SMQ730" s="424"/>
      <c r="SMR730" s="424"/>
      <c r="SMS730" s="423" t="s">
        <v>2795</v>
      </c>
      <c r="SMT730" s="424"/>
      <c r="SMU730" s="424"/>
      <c r="SMV730" s="424"/>
      <c r="SMW730" s="423" t="s">
        <v>2795</v>
      </c>
      <c r="SMX730" s="424"/>
      <c r="SMY730" s="424"/>
      <c r="SMZ730" s="424"/>
      <c r="SNA730" s="423" t="s">
        <v>2795</v>
      </c>
      <c r="SNB730" s="424"/>
      <c r="SNC730" s="424"/>
      <c r="SND730" s="424"/>
      <c r="SNE730" s="423" t="s">
        <v>2795</v>
      </c>
      <c r="SNF730" s="424"/>
      <c r="SNG730" s="424"/>
      <c r="SNH730" s="424"/>
      <c r="SNI730" s="423" t="s">
        <v>2795</v>
      </c>
      <c r="SNJ730" s="424"/>
      <c r="SNK730" s="424"/>
      <c r="SNL730" s="424"/>
      <c r="SNM730" s="423" t="s">
        <v>2795</v>
      </c>
      <c r="SNN730" s="424"/>
      <c r="SNO730" s="424"/>
      <c r="SNP730" s="424"/>
      <c r="SNQ730" s="423" t="s">
        <v>2795</v>
      </c>
      <c r="SNR730" s="424"/>
      <c r="SNS730" s="424"/>
      <c r="SNT730" s="424"/>
      <c r="SNU730" s="423" t="s">
        <v>2795</v>
      </c>
      <c r="SNV730" s="424"/>
      <c r="SNW730" s="424"/>
      <c r="SNX730" s="424"/>
      <c r="SNY730" s="423" t="s">
        <v>2795</v>
      </c>
      <c r="SNZ730" s="424"/>
      <c r="SOA730" s="424"/>
      <c r="SOB730" s="424"/>
      <c r="SOC730" s="423" t="s">
        <v>2795</v>
      </c>
      <c r="SOD730" s="424"/>
      <c r="SOE730" s="424"/>
      <c r="SOF730" s="424"/>
      <c r="SOG730" s="423" t="s">
        <v>2795</v>
      </c>
      <c r="SOH730" s="424"/>
      <c r="SOI730" s="424"/>
      <c r="SOJ730" s="424"/>
      <c r="SOK730" s="423" t="s">
        <v>2795</v>
      </c>
      <c r="SOL730" s="424"/>
      <c r="SOM730" s="424"/>
      <c r="SON730" s="424"/>
      <c r="SOO730" s="423" t="s">
        <v>2795</v>
      </c>
      <c r="SOP730" s="424"/>
      <c r="SOQ730" s="424"/>
      <c r="SOR730" s="424"/>
      <c r="SOS730" s="423" t="s">
        <v>2795</v>
      </c>
      <c r="SOT730" s="424"/>
      <c r="SOU730" s="424"/>
      <c r="SOV730" s="424"/>
      <c r="SOW730" s="423" t="s">
        <v>2795</v>
      </c>
      <c r="SOX730" s="424"/>
      <c r="SOY730" s="424"/>
      <c r="SOZ730" s="424"/>
      <c r="SPA730" s="423" t="s">
        <v>2795</v>
      </c>
      <c r="SPB730" s="424"/>
      <c r="SPC730" s="424"/>
      <c r="SPD730" s="424"/>
      <c r="SPE730" s="423" t="s">
        <v>2795</v>
      </c>
      <c r="SPF730" s="424"/>
      <c r="SPG730" s="424"/>
      <c r="SPH730" s="424"/>
      <c r="SPI730" s="423" t="s">
        <v>2795</v>
      </c>
      <c r="SPJ730" s="424"/>
      <c r="SPK730" s="424"/>
      <c r="SPL730" s="424"/>
      <c r="SPM730" s="423" t="s">
        <v>2795</v>
      </c>
      <c r="SPN730" s="424"/>
      <c r="SPO730" s="424"/>
      <c r="SPP730" s="424"/>
      <c r="SPQ730" s="423" t="s">
        <v>2795</v>
      </c>
      <c r="SPR730" s="424"/>
      <c r="SPS730" s="424"/>
      <c r="SPT730" s="424"/>
      <c r="SPU730" s="423" t="s">
        <v>2795</v>
      </c>
      <c r="SPV730" s="424"/>
      <c r="SPW730" s="424"/>
      <c r="SPX730" s="424"/>
      <c r="SPY730" s="423" t="s">
        <v>2795</v>
      </c>
      <c r="SPZ730" s="424"/>
      <c r="SQA730" s="424"/>
      <c r="SQB730" s="424"/>
      <c r="SQC730" s="423" t="s">
        <v>2795</v>
      </c>
      <c r="SQD730" s="424"/>
      <c r="SQE730" s="424"/>
      <c r="SQF730" s="424"/>
      <c r="SQG730" s="423" t="s">
        <v>2795</v>
      </c>
      <c r="SQH730" s="424"/>
      <c r="SQI730" s="424"/>
      <c r="SQJ730" s="424"/>
      <c r="SQK730" s="423" t="s">
        <v>2795</v>
      </c>
      <c r="SQL730" s="424"/>
      <c r="SQM730" s="424"/>
      <c r="SQN730" s="424"/>
      <c r="SQO730" s="423" t="s">
        <v>2795</v>
      </c>
      <c r="SQP730" s="424"/>
      <c r="SQQ730" s="424"/>
      <c r="SQR730" s="424"/>
      <c r="SQS730" s="423" t="s">
        <v>2795</v>
      </c>
      <c r="SQT730" s="424"/>
      <c r="SQU730" s="424"/>
      <c r="SQV730" s="424"/>
      <c r="SQW730" s="423" t="s">
        <v>2795</v>
      </c>
      <c r="SQX730" s="424"/>
      <c r="SQY730" s="424"/>
      <c r="SQZ730" s="424"/>
      <c r="SRA730" s="423" t="s">
        <v>2795</v>
      </c>
      <c r="SRB730" s="424"/>
      <c r="SRC730" s="424"/>
      <c r="SRD730" s="424"/>
      <c r="SRE730" s="423" t="s">
        <v>2795</v>
      </c>
      <c r="SRF730" s="424"/>
      <c r="SRG730" s="424"/>
      <c r="SRH730" s="424"/>
      <c r="SRI730" s="423" t="s">
        <v>2795</v>
      </c>
      <c r="SRJ730" s="424"/>
      <c r="SRK730" s="424"/>
      <c r="SRL730" s="424"/>
      <c r="SRM730" s="423" t="s">
        <v>2795</v>
      </c>
      <c r="SRN730" s="424"/>
      <c r="SRO730" s="424"/>
      <c r="SRP730" s="424"/>
      <c r="SRQ730" s="423" t="s">
        <v>2795</v>
      </c>
      <c r="SRR730" s="424"/>
      <c r="SRS730" s="424"/>
      <c r="SRT730" s="424"/>
      <c r="SRU730" s="423" t="s">
        <v>2795</v>
      </c>
      <c r="SRV730" s="424"/>
      <c r="SRW730" s="424"/>
      <c r="SRX730" s="424"/>
      <c r="SRY730" s="423" t="s">
        <v>2795</v>
      </c>
      <c r="SRZ730" s="424"/>
      <c r="SSA730" s="424"/>
      <c r="SSB730" s="424"/>
      <c r="SSC730" s="423" t="s">
        <v>2795</v>
      </c>
      <c r="SSD730" s="424"/>
      <c r="SSE730" s="424"/>
      <c r="SSF730" s="424"/>
      <c r="SSG730" s="423" t="s">
        <v>2795</v>
      </c>
      <c r="SSH730" s="424"/>
      <c r="SSI730" s="424"/>
      <c r="SSJ730" s="424"/>
      <c r="SSK730" s="423" t="s">
        <v>2795</v>
      </c>
      <c r="SSL730" s="424"/>
      <c r="SSM730" s="424"/>
      <c r="SSN730" s="424"/>
      <c r="SSO730" s="423" t="s">
        <v>2795</v>
      </c>
      <c r="SSP730" s="424"/>
      <c r="SSQ730" s="424"/>
      <c r="SSR730" s="424"/>
      <c r="SSS730" s="423" t="s">
        <v>2795</v>
      </c>
      <c r="SST730" s="424"/>
      <c r="SSU730" s="424"/>
      <c r="SSV730" s="424"/>
      <c r="SSW730" s="423" t="s">
        <v>2795</v>
      </c>
      <c r="SSX730" s="424"/>
      <c r="SSY730" s="424"/>
      <c r="SSZ730" s="424"/>
      <c r="STA730" s="423" t="s">
        <v>2795</v>
      </c>
      <c r="STB730" s="424"/>
      <c r="STC730" s="424"/>
      <c r="STD730" s="424"/>
      <c r="STE730" s="423" t="s">
        <v>2795</v>
      </c>
      <c r="STF730" s="424"/>
      <c r="STG730" s="424"/>
      <c r="STH730" s="424"/>
      <c r="STI730" s="423" t="s">
        <v>2795</v>
      </c>
      <c r="STJ730" s="424"/>
      <c r="STK730" s="424"/>
      <c r="STL730" s="424"/>
      <c r="STM730" s="423" t="s">
        <v>2795</v>
      </c>
      <c r="STN730" s="424"/>
      <c r="STO730" s="424"/>
      <c r="STP730" s="424"/>
      <c r="STQ730" s="423" t="s">
        <v>2795</v>
      </c>
      <c r="STR730" s="424"/>
      <c r="STS730" s="424"/>
      <c r="STT730" s="424"/>
      <c r="STU730" s="423" t="s">
        <v>2795</v>
      </c>
      <c r="STV730" s="424"/>
      <c r="STW730" s="424"/>
      <c r="STX730" s="424"/>
      <c r="STY730" s="423" t="s">
        <v>2795</v>
      </c>
      <c r="STZ730" s="424"/>
      <c r="SUA730" s="424"/>
      <c r="SUB730" s="424"/>
      <c r="SUC730" s="423" t="s">
        <v>2795</v>
      </c>
      <c r="SUD730" s="424"/>
      <c r="SUE730" s="424"/>
      <c r="SUF730" s="424"/>
      <c r="SUG730" s="423" t="s">
        <v>2795</v>
      </c>
      <c r="SUH730" s="424"/>
      <c r="SUI730" s="424"/>
      <c r="SUJ730" s="424"/>
      <c r="SUK730" s="423" t="s">
        <v>2795</v>
      </c>
      <c r="SUL730" s="424"/>
      <c r="SUM730" s="424"/>
      <c r="SUN730" s="424"/>
      <c r="SUO730" s="423" t="s">
        <v>2795</v>
      </c>
      <c r="SUP730" s="424"/>
      <c r="SUQ730" s="424"/>
      <c r="SUR730" s="424"/>
      <c r="SUS730" s="423" t="s">
        <v>2795</v>
      </c>
      <c r="SUT730" s="424"/>
      <c r="SUU730" s="424"/>
      <c r="SUV730" s="424"/>
      <c r="SUW730" s="423" t="s">
        <v>2795</v>
      </c>
      <c r="SUX730" s="424"/>
      <c r="SUY730" s="424"/>
      <c r="SUZ730" s="424"/>
      <c r="SVA730" s="423" t="s">
        <v>2795</v>
      </c>
      <c r="SVB730" s="424"/>
      <c r="SVC730" s="424"/>
      <c r="SVD730" s="424"/>
      <c r="SVE730" s="423" t="s">
        <v>2795</v>
      </c>
      <c r="SVF730" s="424"/>
      <c r="SVG730" s="424"/>
      <c r="SVH730" s="424"/>
      <c r="SVI730" s="423" t="s">
        <v>2795</v>
      </c>
      <c r="SVJ730" s="424"/>
      <c r="SVK730" s="424"/>
      <c r="SVL730" s="424"/>
      <c r="SVM730" s="423" t="s">
        <v>2795</v>
      </c>
      <c r="SVN730" s="424"/>
      <c r="SVO730" s="424"/>
      <c r="SVP730" s="424"/>
      <c r="SVQ730" s="423" t="s">
        <v>2795</v>
      </c>
      <c r="SVR730" s="424"/>
      <c r="SVS730" s="424"/>
      <c r="SVT730" s="424"/>
      <c r="SVU730" s="423" t="s">
        <v>2795</v>
      </c>
      <c r="SVV730" s="424"/>
      <c r="SVW730" s="424"/>
      <c r="SVX730" s="424"/>
      <c r="SVY730" s="423" t="s">
        <v>2795</v>
      </c>
      <c r="SVZ730" s="424"/>
      <c r="SWA730" s="424"/>
      <c r="SWB730" s="424"/>
      <c r="SWC730" s="423" t="s">
        <v>2795</v>
      </c>
      <c r="SWD730" s="424"/>
      <c r="SWE730" s="424"/>
      <c r="SWF730" s="424"/>
      <c r="SWG730" s="423" t="s">
        <v>2795</v>
      </c>
      <c r="SWH730" s="424"/>
      <c r="SWI730" s="424"/>
      <c r="SWJ730" s="424"/>
      <c r="SWK730" s="423" t="s">
        <v>2795</v>
      </c>
      <c r="SWL730" s="424"/>
      <c r="SWM730" s="424"/>
      <c r="SWN730" s="424"/>
      <c r="SWO730" s="423" t="s">
        <v>2795</v>
      </c>
      <c r="SWP730" s="424"/>
      <c r="SWQ730" s="424"/>
      <c r="SWR730" s="424"/>
      <c r="SWS730" s="423" t="s">
        <v>2795</v>
      </c>
      <c r="SWT730" s="424"/>
      <c r="SWU730" s="424"/>
      <c r="SWV730" s="424"/>
      <c r="SWW730" s="423" t="s">
        <v>2795</v>
      </c>
      <c r="SWX730" s="424"/>
      <c r="SWY730" s="424"/>
      <c r="SWZ730" s="424"/>
      <c r="SXA730" s="423" t="s">
        <v>2795</v>
      </c>
      <c r="SXB730" s="424"/>
      <c r="SXC730" s="424"/>
      <c r="SXD730" s="424"/>
      <c r="SXE730" s="423" t="s">
        <v>2795</v>
      </c>
      <c r="SXF730" s="424"/>
      <c r="SXG730" s="424"/>
      <c r="SXH730" s="424"/>
      <c r="SXI730" s="423" t="s">
        <v>2795</v>
      </c>
      <c r="SXJ730" s="424"/>
      <c r="SXK730" s="424"/>
      <c r="SXL730" s="424"/>
      <c r="SXM730" s="423" t="s">
        <v>2795</v>
      </c>
      <c r="SXN730" s="424"/>
      <c r="SXO730" s="424"/>
      <c r="SXP730" s="424"/>
      <c r="SXQ730" s="423" t="s">
        <v>2795</v>
      </c>
      <c r="SXR730" s="424"/>
      <c r="SXS730" s="424"/>
      <c r="SXT730" s="424"/>
      <c r="SXU730" s="423" t="s">
        <v>2795</v>
      </c>
      <c r="SXV730" s="424"/>
      <c r="SXW730" s="424"/>
      <c r="SXX730" s="424"/>
      <c r="SXY730" s="423" t="s">
        <v>2795</v>
      </c>
      <c r="SXZ730" s="424"/>
      <c r="SYA730" s="424"/>
      <c r="SYB730" s="424"/>
      <c r="SYC730" s="423" t="s">
        <v>2795</v>
      </c>
      <c r="SYD730" s="424"/>
      <c r="SYE730" s="424"/>
      <c r="SYF730" s="424"/>
      <c r="SYG730" s="423" t="s">
        <v>2795</v>
      </c>
      <c r="SYH730" s="424"/>
      <c r="SYI730" s="424"/>
      <c r="SYJ730" s="424"/>
      <c r="SYK730" s="423" t="s">
        <v>2795</v>
      </c>
      <c r="SYL730" s="424"/>
      <c r="SYM730" s="424"/>
      <c r="SYN730" s="424"/>
      <c r="SYO730" s="423" t="s">
        <v>2795</v>
      </c>
      <c r="SYP730" s="424"/>
      <c r="SYQ730" s="424"/>
      <c r="SYR730" s="424"/>
      <c r="SYS730" s="423" t="s">
        <v>2795</v>
      </c>
      <c r="SYT730" s="424"/>
      <c r="SYU730" s="424"/>
      <c r="SYV730" s="424"/>
      <c r="SYW730" s="423" t="s">
        <v>2795</v>
      </c>
      <c r="SYX730" s="424"/>
      <c r="SYY730" s="424"/>
      <c r="SYZ730" s="424"/>
      <c r="SZA730" s="423" t="s">
        <v>2795</v>
      </c>
      <c r="SZB730" s="424"/>
      <c r="SZC730" s="424"/>
      <c r="SZD730" s="424"/>
      <c r="SZE730" s="423" t="s">
        <v>2795</v>
      </c>
      <c r="SZF730" s="424"/>
      <c r="SZG730" s="424"/>
      <c r="SZH730" s="424"/>
      <c r="SZI730" s="423" t="s">
        <v>2795</v>
      </c>
      <c r="SZJ730" s="424"/>
      <c r="SZK730" s="424"/>
      <c r="SZL730" s="424"/>
      <c r="SZM730" s="423" t="s">
        <v>2795</v>
      </c>
      <c r="SZN730" s="424"/>
      <c r="SZO730" s="424"/>
      <c r="SZP730" s="424"/>
      <c r="SZQ730" s="423" t="s">
        <v>2795</v>
      </c>
      <c r="SZR730" s="424"/>
      <c r="SZS730" s="424"/>
      <c r="SZT730" s="424"/>
      <c r="SZU730" s="423" t="s">
        <v>2795</v>
      </c>
      <c r="SZV730" s="424"/>
      <c r="SZW730" s="424"/>
      <c r="SZX730" s="424"/>
      <c r="SZY730" s="423" t="s">
        <v>2795</v>
      </c>
      <c r="SZZ730" s="424"/>
      <c r="TAA730" s="424"/>
      <c r="TAB730" s="424"/>
      <c r="TAC730" s="423" t="s">
        <v>2795</v>
      </c>
      <c r="TAD730" s="424"/>
      <c r="TAE730" s="424"/>
      <c r="TAF730" s="424"/>
      <c r="TAG730" s="423" t="s">
        <v>2795</v>
      </c>
      <c r="TAH730" s="424"/>
      <c r="TAI730" s="424"/>
      <c r="TAJ730" s="424"/>
      <c r="TAK730" s="423" t="s">
        <v>2795</v>
      </c>
      <c r="TAL730" s="424"/>
      <c r="TAM730" s="424"/>
      <c r="TAN730" s="424"/>
      <c r="TAO730" s="423" t="s">
        <v>2795</v>
      </c>
      <c r="TAP730" s="424"/>
      <c r="TAQ730" s="424"/>
      <c r="TAR730" s="424"/>
      <c r="TAS730" s="423" t="s">
        <v>2795</v>
      </c>
      <c r="TAT730" s="424"/>
      <c r="TAU730" s="424"/>
      <c r="TAV730" s="424"/>
      <c r="TAW730" s="423" t="s">
        <v>2795</v>
      </c>
      <c r="TAX730" s="424"/>
      <c r="TAY730" s="424"/>
      <c r="TAZ730" s="424"/>
      <c r="TBA730" s="423" t="s">
        <v>2795</v>
      </c>
      <c r="TBB730" s="424"/>
      <c r="TBC730" s="424"/>
      <c r="TBD730" s="424"/>
      <c r="TBE730" s="423" t="s">
        <v>2795</v>
      </c>
      <c r="TBF730" s="424"/>
      <c r="TBG730" s="424"/>
      <c r="TBH730" s="424"/>
      <c r="TBI730" s="423" t="s">
        <v>2795</v>
      </c>
      <c r="TBJ730" s="424"/>
      <c r="TBK730" s="424"/>
      <c r="TBL730" s="424"/>
      <c r="TBM730" s="423" t="s">
        <v>2795</v>
      </c>
      <c r="TBN730" s="424"/>
      <c r="TBO730" s="424"/>
      <c r="TBP730" s="424"/>
      <c r="TBQ730" s="423" t="s">
        <v>2795</v>
      </c>
      <c r="TBR730" s="424"/>
      <c r="TBS730" s="424"/>
      <c r="TBT730" s="424"/>
      <c r="TBU730" s="423" t="s">
        <v>2795</v>
      </c>
      <c r="TBV730" s="424"/>
      <c r="TBW730" s="424"/>
      <c r="TBX730" s="424"/>
      <c r="TBY730" s="423" t="s">
        <v>2795</v>
      </c>
      <c r="TBZ730" s="424"/>
      <c r="TCA730" s="424"/>
      <c r="TCB730" s="424"/>
      <c r="TCC730" s="423" t="s">
        <v>2795</v>
      </c>
      <c r="TCD730" s="424"/>
      <c r="TCE730" s="424"/>
      <c r="TCF730" s="424"/>
      <c r="TCG730" s="423" t="s">
        <v>2795</v>
      </c>
      <c r="TCH730" s="424"/>
      <c r="TCI730" s="424"/>
      <c r="TCJ730" s="424"/>
      <c r="TCK730" s="423" t="s">
        <v>2795</v>
      </c>
      <c r="TCL730" s="424"/>
      <c r="TCM730" s="424"/>
      <c r="TCN730" s="424"/>
      <c r="TCO730" s="423" t="s">
        <v>2795</v>
      </c>
      <c r="TCP730" s="424"/>
      <c r="TCQ730" s="424"/>
      <c r="TCR730" s="424"/>
      <c r="TCS730" s="423" t="s">
        <v>2795</v>
      </c>
      <c r="TCT730" s="424"/>
      <c r="TCU730" s="424"/>
      <c r="TCV730" s="424"/>
      <c r="TCW730" s="423" t="s">
        <v>2795</v>
      </c>
      <c r="TCX730" s="424"/>
      <c r="TCY730" s="424"/>
      <c r="TCZ730" s="424"/>
      <c r="TDA730" s="423" t="s">
        <v>2795</v>
      </c>
      <c r="TDB730" s="424"/>
      <c r="TDC730" s="424"/>
      <c r="TDD730" s="424"/>
      <c r="TDE730" s="423" t="s">
        <v>2795</v>
      </c>
      <c r="TDF730" s="424"/>
      <c r="TDG730" s="424"/>
      <c r="TDH730" s="424"/>
      <c r="TDI730" s="423" t="s">
        <v>2795</v>
      </c>
      <c r="TDJ730" s="424"/>
      <c r="TDK730" s="424"/>
      <c r="TDL730" s="424"/>
      <c r="TDM730" s="423" t="s">
        <v>2795</v>
      </c>
      <c r="TDN730" s="424"/>
      <c r="TDO730" s="424"/>
      <c r="TDP730" s="424"/>
      <c r="TDQ730" s="423" t="s">
        <v>2795</v>
      </c>
      <c r="TDR730" s="424"/>
      <c r="TDS730" s="424"/>
      <c r="TDT730" s="424"/>
      <c r="TDU730" s="423" t="s">
        <v>2795</v>
      </c>
      <c r="TDV730" s="424"/>
      <c r="TDW730" s="424"/>
      <c r="TDX730" s="424"/>
      <c r="TDY730" s="423" t="s">
        <v>2795</v>
      </c>
      <c r="TDZ730" s="424"/>
      <c r="TEA730" s="424"/>
      <c r="TEB730" s="424"/>
      <c r="TEC730" s="423" t="s">
        <v>2795</v>
      </c>
      <c r="TED730" s="424"/>
      <c r="TEE730" s="424"/>
      <c r="TEF730" s="424"/>
      <c r="TEG730" s="423" t="s">
        <v>2795</v>
      </c>
      <c r="TEH730" s="424"/>
      <c r="TEI730" s="424"/>
      <c r="TEJ730" s="424"/>
      <c r="TEK730" s="423" t="s">
        <v>2795</v>
      </c>
      <c r="TEL730" s="424"/>
      <c r="TEM730" s="424"/>
      <c r="TEN730" s="424"/>
      <c r="TEO730" s="423" t="s">
        <v>2795</v>
      </c>
      <c r="TEP730" s="424"/>
      <c r="TEQ730" s="424"/>
      <c r="TER730" s="424"/>
      <c r="TES730" s="423" t="s">
        <v>2795</v>
      </c>
      <c r="TET730" s="424"/>
      <c r="TEU730" s="424"/>
      <c r="TEV730" s="424"/>
      <c r="TEW730" s="423" t="s">
        <v>2795</v>
      </c>
      <c r="TEX730" s="424"/>
      <c r="TEY730" s="424"/>
      <c r="TEZ730" s="424"/>
      <c r="TFA730" s="423" t="s">
        <v>2795</v>
      </c>
      <c r="TFB730" s="424"/>
      <c r="TFC730" s="424"/>
      <c r="TFD730" s="424"/>
      <c r="TFE730" s="423" t="s">
        <v>2795</v>
      </c>
      <c r="TFF730" s="424"/>
      <c r="TFG730" s="424"/>
      <c r="TFH730" s="424"/>
      <c r="TFI730" s="423" t="s">
        <v>2795</v>
      </c>
      <c r="TFJ730" s="424"/>
      <c r="TFK730" s="424"/>
      <c r="TFL730" s="424"/>
      <c r="TFM730" s="423" t="s">
        <v>2795</v>
      </c>
      <c r="TFN730" s="424"/>
      <c r="TFO730" s="424"/>
      <c r="TFP730" s="424"/>
      <c r="TFQ730" s="423" t="s">
        <v>2795</v>
      </c>
      <c r="TFR730" s="424"/>
      <c r="TFS730" s="424"/>
      <c r="TFT730" s="424"/>
      <c r="TFU730" s="423" t="s">
        <v>2795</v>
      </c>
      <c r="TFV730" s="424"/>
      <c r="TFW730" s="424"/>
      <c r="TFX730" s="424"/>
      <c r="TFY730" s="423" t="s">
        <v>2795</v>
      </c>
      <c r="TFZ730" s="424"/>
      <c r="TGA730" s="424"/>
      <c r="TGB730" s="424"/>
      <c r="TGC730" s="423" t="s">
        <v>2795</v>
      </c>
      <c r="TGD730" s="424"/>
      <c r="TGE730" s="424"/>
      <c r="TGF730" s="424"/>
      <c r="TGG730" s="423" t="s">
        <v>2795</v>
      </c>
      <c r="TGH730" s="424"/>
      <c r="TGI730" s="424"/>
      <c r="TGJ730" s="424"/>
      <c r="TGK730" s="423" t="s">
        <v>2795</v>
      </c>
      <c r="TGL730" s="424"/>
      <c r="TGM730" s="424"/>
      <c r="TGN730" s="424"/>
      <c r="TGO730" s="423" t="s">
        <v>2795</v>
      </c>
      <c r="TGP730" s="424"/>
      <c r="TGQ730" s="424"/>
      <c r="TGR730" s="424"/>
      <c r="TGS730" s="423" t="s">
        <v>2795</v>
      </c>
      <c r="TGT730" s="424"/>
      <c r="TGU730" s="424"/>
      <c r="TGV730" s="424"/>
      <c r="TGW730" s="423" t="s">
        <v>2795</v>
      </c>
      <c r="TGX730" s="424"/>
      <c r="TGY730" s="424"/>
      <c r="TGZ730" s="424"/>
      <c r="THA730" s="423" t="s">
        <v>2795</v>
      </c>
      <c r="THB730" s="424"/>
      <c r="THC730" s="424"/>
      <c r="THD730" s="424"/>
      <c r="THE730" s="423" t="s">
        <v>2795</v>
      </c>
      <c r="THF730" s="424"/>
      <c r="THG730" s="424"/>
      <c r="THH730" s="424"/>
      <c r="THI730" s="423" t="s">
        <v>2795</v>
      </c>
      <c r="THJ730" s="424"/>
      <c r="THK730" s="424"/>
      <c r="THL730" s="424"/>
      <c r="THM730" s="423" t="s">
        <v>2795</v>
      </c>
      <c r="THN730" s="424"/>
      <c r="THO730" s="424"/>
      <c r="THP730" s="424"/>
      <c r="THQ730" s="423" t="s">
        <v>2795</v>
      </c>
      <c r="THR730" s="424"/>
      <c r="THS730" s="424"/>
      <c r="THT730" s="424"/>
      <c r="THU730" s="423" t="s">
        <v>2795</v>
      </c>
      <c r="THV730" s="424"/>
      <c r="THW730" s="424"/>
      <c r="THX730" s="424"/>
      <c r="THY730" s="423" t="s">
        <v>2795</v>
      </c>
      <c r="THZ730" s="424"/>
      <c r="TIA730" s="424"/>
      <c r="TIB730" s="424"/>
      <c r="TIC730" s="423" t="s">
        <v>2795</v>
      </c>
      <c r="TID730" s="424"/>
      <c r="TIE730" s="424"/>
      <c r="TIF730" s="424"/>
      <c r="TIG730" s="423" t="s">
        <v>2795</v>
      </c>
      <c r="TIH730" s="424"/>
      <c r="TII730" s="424"/>
      <c r="TIJ730" s="424"/>
      <c r="TIK730" s="423" t="s">
        <v>2795</v>
      </c>
      <c r="TIL730" s="424"/>
      <c r="TIM730" s="424"/>
      <c r="TIN730" s="424"/>
      <c r="TIO730" s="423" t="s">
        <v>2795</v>
      </c>
      <c r="TIP730" s="424"/>
      <c r="TIQ730" s="424"/>
      <c r="TIR730" s="424"/>
      <c r="TIS730" s="423" t="s">
        <v>2795</v>
      </c>
      <c r="TIT730" s="424"/>
      <c r="TIU730" s="424"/>
      <c r="TIV730" s="424"/>
      <c r="TIW730" s="423" t="s">
        <v>2795</v>
      </c>
      <c r="TIX730" s="424"/>
      <c r="TIY730" s="424"/>
      <c r="TIZ730" s="424"/>
      <c r="TJA730" s="423" t="s">
        <v>2795</v>
      </c>
      <c r="TJB730" s="424"/>
      <c r="TJC730" s="424"/>
      <c r="TJD730" s="424"/>
      <c r="TJE730" s="423" t="s">
        <v>2795</v>
      </c>
      <c r="TJF730" s="424"/>
      <c r="TJG730" s="424"/>
      <c r="TJH730" s="424"/>
      <c r="TJI730" s="423" t="s">
        <v>2795</v>
      </c>
      <c r="TJJ730" s="424"/>
      <c r="TJK730" s="424"/>
      <c r="TJL730" s="424"/>
      <c r="TJM730" s="423" t="s">
        <v>2795</v>
      </c>
      <c r="TJN730" s="424"/>
      <c r="TJO730" s="424"/>
      <c r="TJP730" s="424"/>
      <c r="TJQ730" s="423" t="s">
        <v>2795</v>
      </c>
      <c r="TJR730" s="424"/>
      <c r="TJS730" s="424"/>
      <c r="TJT730" s="424"/>
      <c r="TJU730" s="423" t="s">
        <v>2795</v>
      </c>
      <c r="TJV730" s="424"/>
      <c r="TJW730" s="424"/>
      <c r="TJX730" s="424"/>
      <c r="TJY730" s="423" t="s">
        <v>2795</v>
      </c>
      <c r="TJZ730" s="424"/>
      <c r="TKA730" s="424"/>
      <c r="TKB730" s="424"/>
      <c r="TKC730" s="423" t="s">
        <v>2795</v>
      </c>
      <c r="TKD730" s="424"/>
      <c r="TKE730" s="424"/>
      <c r="TKF730" s="424"/>
      <c r="TKG730" s="423" t="s">
        <v>2795</v>
      </c>
      <c r="TKH730" s="424"/>
      <c r="TKI730" s="424"/>
      <c r="TKJ730" s="424"/>
      <c r="TKK730" s="423" t="s">
        <v>2795</v>
      </c>
      <c r="TKL730" s="424"/>
      <c r="TKM730" s="424"/>
      <c r="TKN730" s="424"/>
      <c r="TKO730" s="423" t="s">
        <v>2795</v>
      </c>
      <c r="TKP730" s="424"/>
      <c r="TKQ730" s="424"/>
      <c r="TKR730" s="424"/>
      <c r="TKS730" s="423" t="s">
        <v>2795</v>
      </c>
      <c r="TKT730" s="424"/>
      <c r="TKU730" s="424"/>
      <c r="TKV730" s="424"/>
      <c r="TKW730" s="423" t="s">
        <v>2795</v>
      </c>
      <c r="TKX730" s="424"/>
      <c r="TKY730" s="424"/>
      <c r="TKZ730" s="424"/>
      <c r="TLA730" s="423" t="s">
        <v>2795</v>
      </c>
      <c r="TLB730" s="424"/>
      <c r="TLC730" s="424"/>
      <c r="TLD730" s="424"/>
      <c r="TLE730" s="423" t="s">
        <v>2795</v>
      </c>
      <c r="TLF730" s="424"/>
      <c r="TLG730" s="424"/>
      <c r="TLH730" s="424"/>
      <c r="TLI730" s="423" t="s">
        <v>2795</v>
      </c>
      <c r="TLJ730" s="424"/>
      <c r="TLK730" s="424"/>
      <c r="TLL730" s="424"/>
      <c r="TLM730" s="423" t="s">
        <v>2795</v>
      </c>
      <c r="TLN730" s="424"/>
      <c r="TLO730" s="424"/>
      <c r="TLP730" s="424"/>
      <c r="TLQ730" s="423" t="s">
        <v>2795</v>
      </c>
      <c r="TLR730" s="424"/>
      <c r="TLS730" s="424"/>
      <c r="TLT730" s="424"/>
      <c r="TLU730" s="423" t="s">
        <v>2795</v>
      </c>
      <c r="TLV730" s="424"/>
      <c r="TLW730" s="424"/>
      <c r="TLX730" s="424"/>
      <c r="TLY730" s="423" t="s">
        <v>2795</v>
      </c>
      <c r="TLZ730" s="424"/>
      <c r="TMA730" s="424"/>
      <c r="TMB730" s="424"/>
      <c r="TMC730" s="423" t="s">
        <v>2795</v>
      </c>
      <c r="TMD730" s="424"/>
      <c r="TME730" s="424"/>
      <c r="TMF730" s="424"/>
      <c r="TMG730" s="423" t="s">
        <v>2795</v>
      </c>
      <c r="TMH730" s="424"/>
      <c r="TMI730" s="424"/>
      <c r="TMJ730" s="424"/>
      <c r="TMK730" s="423" t="s">
        <v>2795</v>
      </c>
      <c r="TML730" s="424"/>
      <c r="TMM730" s="424"/>
      <c r="TMN730" s="424"/>
      <c r="TMO730" s="423" t="s">
        <v>2795</v>
      </c>
      <c r="TMP730" s="424"/>
      <c r="TMQ730" s="424"/>
      <c r="TMR730" s="424"/>
      <c r="TMS730" s="423" t="s">
        <v>2795</v>
      </c>
      <c r="TMT730" s="424"/>
      <c r="TMU730" s="424"/>
      <c r="TMV730" s="424"/>
      <c r="TMW730" s="423" t="s">
        <v>2795</v>
      </c>
      <c r="TMX730" s="424"/>
      <c r="TMY730" s="424"/>
      <c r="TMZ730" s="424"/>
      <c r="TNA730" s="423" t="s">
        <v>2795</v>
      </c>
      <c r="TNB730" s="424"/>
      <c r="TNC730" s="424"/>
      <c r="TND730" s="424"/>
      <c r="TNE730" s="423" t="s">
        <v>2795</v>
      </c>
      <c r="TNF730" s="424"/>
      <c r="TNG730" s="424"/>
      <c r="TNH730" s="424"/>
      <c r="TNI730" s="423" t="s">
        <v>2795</v>
      </c>
      <c r="TNJ730" s="424"/>
      <c r="TNK730" s="424"/>
      <c r="TNL730" s="424"/>
      <c r="TNM730" s="423" t="s">
        <v>2795</v>
      </c>
      <c r="TNN730" s="424"/>
      <c r="TNO730" s="424"/>
      <c r="TNP730" s="424"/>
      <c r="TNQ730" s="423" t="s">
        <v>2795</v>
      </c>
      <c r="TNR730" s="424"/>
      <c r="TNS730" s="424"/>
      <c r="TNT730" s="424"/>
      <c r="TNU730" s="423" t="s">
        <v>2795</v>
      </c>
      <c r="TNV730" s="424"/>
      <c r="TNW730" s="424"/>
      <c r="TNX730" s="424"/>
      <c r="TNY730" s="423" t="s">
        <v>2795</v>
      </c>
      <c r="TNZ730" s="424"/>
      <c r="TOA730" s="424"/>
      <c r="TOB730" s="424"/>
      <c r="TOC730" s="423" t="s">
        <v>2795</v>
      </c>
      <c r="TOD730" s="424"/>
      <c r="TOE730" s="424"/>
      <c r="TOF730" s="424"/>
      <c r="TOG730" s="423" t="s">
        <v>2795</v>
      </c>
      <c r="TOH730" s="424"/>
      <c r="TOI730" s="424"/>
      <c r="TOJ730" s="424"/>
      <c r="TOK730" s="423" t="s">
        <v>2795</v>
      </c>
      <c r="TOL730" s="424"/>
      <c r="TOM730" s="424"/>
      <c r="TON730" s="424"/>
      <c r="TOO730" s="423" t="s">
        <v>2795</v>
      </c>
      <c r="TOP730" s="424"/>
      <c r="TOQ730" s="424"/>
      <c r="TOR730" s="424"/>
      <c r="TOS730" s="423" t="s">
        <v>2795</v>
      </c>
      <c r="TOT730" s="424"/>
      <c r="TOU730" s="424"/>
      <c r="TOV730" s="424"/>
      <c r="TOW730" s="423" t="s">
        <v>2795</v>
      </c>
      <c r="TOX730" s="424"/>
      <c r="TOY730" s="424"/>
      <c r="TOZ730" s="424"/>
      <c r="TPA730" s="423" t="s">
        <v>2795</v>
      </c>
      <c r="TPB730" s="424"/>
      <c r="TPC730" s="424"/>
      <c r="TPD730" s="424"/>
      <c r="TPE730" s="423" t="s">
        <v>2795</v>
      </c>
      <c r="TPF730" s="424"/>
      <c r="TPG730" s="424"/>
      <c r="TPH730" s="424"/>
      <c r="TPI730" s="423" t="s">
        <v>2795</v>
      </c>
      <c r="TPJ730" s="424"/>
      <c r="TPK730" s="424"/>
      <c r="TPL730" s="424"/>
      <c r="TPM730" s="423" t="s">
        <v>2795</v>
      </c>
      <c r="TPN730" s="424"/>
      <c r="TPO730" s="424"/>
      <c r="TPP730" s="424"/>
      <c r="TPQ730" s="423" t="s">
        <v>2795</v>
      </c>
      <c r="TPR730" s="424"/>
      <c r="TPS730" s="424"/>
      <c r="TPT730" s="424"/>
      <c r="TPU730" s="423" t="s">
        <v>2795</v>
      </c>
      <c r="TPV730" s="424"/>
      <c r="TPW730" s="424"/>
      <c r="TPX730" s="424"/>
      <c r="TPY730" s="423" t="s">
        <v>2795</v>
      </c>
      <c r="TPZ730" s="424"/>
      <c r="TQA730" s="424"/>
      <c r="TQB730" s="424"/>
      <c r="TQC730" s="423" t="s">
        <v>2795</v>
      </c>
      <c r="TQD730" s="424"/>
      <c r="TQE730" s="424"/>
      <c r="TQF730" s="424"/>
      <c r="TQG730" s="423" t="s">
        <v>2795</v>
      </c>
      <c r="TQH730" s="424"/>
      <c r="TQI730" s="424"/>
      <c r="TQJ730" s="424"/>
      <c r="TQK730" s="423" t="s">
        <v>2795</v>
      </c>
      <c r="TQL730" s="424"/>
      <c r="TQM730" s="424"/>
      <c r="TQN730" s="424"/>
      <c r="TQO730" s="423" t="s">
        <v>2795</v>
      </c>
      <c r="TQP730" s="424"/>
      <c r="TQQ730" s="424"/>
      <c r="TQR730" s="424"/>
      <c r="TQS730" s="423" t="s">
        <v>2795</v>
      </c>
      <c r="TQT730" s="424"/>
      <c r="TQU730" s="424"/>
      <c r="TQV730" s="424"/>
      <c r="TQW730" s="423" t="s">
        <v>2795</v>
      </c>
      <c r="TQX730" s="424"/>
      <c r="TQY730" s="424"/>
      <c r="TQZ730" s="424"/>
      <c r="TRA730" s="423" t="s">
        <v>2795</v>
      </c>
      <c r="TRB730" s="424"/>
      <c r="TRC730" s="424"/>
      <c r="TRD730" s="424"/>
      <c r="TRE730" s="423" t="s">
        <v>2795</v>
      </c>
      <c r="TRF730" s="424"/>
      <c r="TRG730" s="424"/>
      <c r="TRH730" s="424"/>
      <c r="TRI730" s="423" t="s">
        <v>2795</v>
      </c>
      <c r="TRJ730" s="424"/>
      <c r="TRK730" s="424"/>
      <c r="TRL730" s="424"/>
      <c r="TRM730" s="423" t="s">
        <v>2795</v>
      </c>
      <c r="TRN730" s="424"/>
      <c r="TRO730" s="424"/>
      <c r="TRP730" s="424"/>
      <c r="TRQ730" s="423" t="s">
        <v>2795</v>
      </c>
      <c r="TRR730" s="424"/>
      <c r="TRS730" s="424"/>
      <c r="TRT730" s="424"/>
      <c r="TRU730" s="423" t="s">
        <v>2795</v>
      </c>
      <c r="TRV730" s="424"/>
      <c r="TRW730" s="424"/>
      <c r="TRX730" s="424"/>
      <c r="TRY730" s="423" t="s">
        <v>2795</v>
      </c>
      <c r="TRZ730" s="424"/>
      <c r="TSA730" s="424"/>
      <c r="TSB730" s="424"/>
      <c r="TSC730" s="423" t="s">
        <v>2795</v>
      </c>
      <c r="TSD730" s="424"/>
      <c r="TSE730" s="424"/>
      <c r="TSF730" s="424"/>
      <c r="TSG730" s="423" t="s">
        <v>2795</v>
      </c>
      <c r="TSH730" s="424"/>
      <c r="TSI730" s="424"/>
      <c r="TSJ730" s="424"/>
      <c r="TSK730" s="423" t="s">
        <v>2795</v>
      </c>
      <c r="TSL730" s="424"/>
      <c r="TSM730" s="424"/>
      <c r="TSN730" s="424"/>
      <c r="TSO730" s="423" t="s">
        <v>2795</v>
      </c>
      <c r="TSP730" s="424"/>
      <c r="TSQ730" s="424"/>
      <c r="TSR730" s="424"/>
      <c r="TSS730" s="423" t="s">
        <v>2795</v>
      </c>
      <c r="TST730" s="424"/>
      <c r="TSU730" s="424"/>
      <c r="TSV730" s="424"/>
      <c r="TSW730" s="423" t="s">
        <v>2795</v>
      </c>
      <c r="TSX730" s="424"/>
      <c r="TSY730" s="424"/>
      <c r="TSZ730" s="424"/>
      <c r="TTA730" s="423" t="s">
        <v>2795</v>
      </c>
      <c r="TTB730" s="424"/>
      <c r="TTC730" s="424"/>
      <c r="TTD730" s="424"/>
      <c r="TTE730" s="423" t="s">
        <v>2795</v>
      </c>
      <c r="TTF730" s="424"/>
      <c r="TTG730" s="424"/>
      <c r="TTH730" s="424"/>
      <c r="TTI730" s="423" t="s">
        <v>2795</v>
      </c>
      <c r="TTJ730" s="424"/>
      <c r="TTK730" s="424"/>
      <c r="TTL730" s="424"/>
      <c r="TTM730" s="423" t="s">
        <v>2795</v>
      </c>
      <c r="TTN730" s="424"/>
      <c r="TTO730" s="424"/>
      <c r="TTP730" s="424"/>
      <c r="TTQ730" s="423" t="s">
        <v>2795</v>
      </c>
      <c r="TTR730" s="424"/>
      <c r="TTS730" s="424"/>
      <c r="TTT730" s="424"/>
      <c r="TTU730" s="423" t="s">
        <v>2795</v>
      </c>
      <c r="TTV730" s="424"/>
      <c r="TTW730" s="424"/>
      <c r="TTX730" s="424"/>
      <c r="TTY730" s="423" t="s">
        <v>2795</v>
      </c>
      <c r="TTZ730" s="424"/>
      <c r="TUA730" s="424"/>
      <c r="TUB730" s="424"/>
      <c r="TUC730" s="423" t="s">
        <v>2795</v>
      </c>
      <c r="TUD730" s="424"/>
      <c r="TUE730" s="424"/>
      <c r="TUF730" s="424"/>
      <c r="TUG730" s="423" t="s">
        <v>2795</v>
      </c>
      <c r="TUH730" s="424"/>
      <c r="TUI730" s="424"/>
      <c r="TUJ730" s="424"/>
      <c r="TUK730" s="423" t="s">
        <v>2795</v>
      </c>
      <c r="TUL730" s="424"/>
      <c r="TUM730" s="424"/>
      <c r="TUN730" s="424"/>
      <c r="TUO730" s="423" t="s">
        <v>2795</v>
      </c>
      <c r="TUP730" s="424"/>
      <c r="TUQ730" s="424"/>
      <c r="TUR730" s="424"/>
      <c r="TUS730" s="423" t="s">
        <v>2795</v>
      </c>
      <c r="TUT730" s="424"/>
      <c r="TUU730" s="424"/>
      <c r="TUV730" s="424"/>
      <c r="TUW730" s="423" t="s">
        <v>2795</v>
      </c>
      <c r="TUX730" s="424"/>
      <c r="TUY730" s="424"/>
      <c r="TUZ730" s="424"/>
      <c r="TVA730" s="423" t="s">
        <v>2795</v>
      </c>
      <c r="TVB730" s="424"/>
      <c r="TVC730" s="424"/>
      <c r="TVD730" s="424"/>
      <c r="TVE730" s="423" t="s">
        <v>2795</v>
      </c>
      <c r="TVF730" s="424"/>
      <c r="TVG730" s="424"/>
      <c r="TVH730" s="424"/>
      <c r="TVI730" s="423" t="s">
        <v>2795</v>
      </c>
      <c r="TVJ730" s="424"/>
      <c r="TVK730" s="424"/>
      <c r="TVL730" s="424"/>
      <c r="TVM730" s="423" t="s">
        <v>2795</v>
      </c>
      <c r="TVN730" s="424"/>
      <c r="TVO730" s="424"/>
      <c r="TVP730" s="424"/>
      <c r="TVQ730" s="423" t="s">
        <v>2795</v>
      </c>
      <c r="TVR730" s="424"/>
      <c r="TVS730" s="424"/>
      <c r="TVT730" s="424"/>
      <c r="TVU730" s="423" t="s">
        <v>2795</v>
      </c>
      <c r="TVV730" s="424"/>
      <c r="TVW730" s="424"/>
      <c r="TVX730" s="424"/>
      <c r="TVY730" s="423" t="s">
        <v>2795</v>
      </c>
      <c r="TVZ730" s="424"/>
      <c r="TWA730" s="424"/>
      <c r="TWB730" s="424"/>
      <c r="TWC730" s="423" t="s">
        <v>2795</v>
      </c>
      <c r="TWD730" s="424"/>
      <c r="TWE730" s="424"/>
      <c r="TWF730" s="424"/>
      <c r="TWG730" s="423" t="s">
        <v>2795</v>
      </c>
      <c r="TWH730" s="424"/>
      <c r="TWI730" s="424"/>
      <c r="TWJ730" s="424"/>
      <c r="TWK730" s="423" t="s">
        <v>2795</v>
      </c>
      <c r="TWL730" s="424"/>
      <c r="TWM730" s="424"/>
      <c r="TWN730" s="424"/>
      <c r="TWO730" s="423" t="s">
        <v>2795</v>
      </c>
      <c r="TWP730" s="424"/>
      <c r="TWQ730" s="424"/>
      <c r="TWR730" s="424"/>
      <c r="TWS730" s="423" t="s">
        <v>2795</v>
      </c>
      <c r="TWT730" s="424"/>
      <c r="TWU730" s="424"/>
      <c r="TWV730" s="424"/>
      <c r="TWW730" s="423" t="s">
        <v>2795</v>
      </c>
      <c r="TWX730" s="424"/>
      <c r="TWY730" s="424"/>
      <c r="TWZ730" s="424"/>
      <c r="TXA730" s="423" t="s">
        <v>2795</v>
      </c>
      <c r="TXB730" s="424"/>
      <c r="TXC730" s="424"/>
      <c r="TXD730" s="424"/>
      <c r="TXE730" s="423" t="s">
        <v>2795</v>
      </c>
      <c r="TXF730" s="424"/>
      <c r="TXG730" s="424"/>
      <c r="TXH730" s="424"/>
      <c r="TXI730" s="423" t="s">
        <v>2795</v>
      </c>
      <c r="TXJ730" s="424"/>
      <c r="TXK730" s="424"/>
      <c r="TXL730" s="424"/>
      <c r="TXM730" s="423" t="s">
        <v>2795</v>
      </c>
      <c r="TXN730" s="424"/>
      <c r="TXO730" s="424"/>
      <c r="TXP730" s="424"/>
      <c r="TXQ730" s="423" t="s">
        <v>2795</v>
      </c>
      <c r="TXR730" s="424"/>
      <c r="TXS730" s="424"/>
      <c r="TXT730" s="424"/>
      <c r="TXU730" s="423" t="s">
        <v>2795</v>
      </c>
      <c r="TXV730" s="424"/>
      <c r="TXW730" s="424"/>
      <c r="TXX730" s="424"/>
      <c r="TXY730" s="423" t="s">
        <v>2795</v>
      </c>
      <c r="TXZ730" s="424"/>
      <c r="TYA730" s="424"/>
      <c r="TYB730" s="424"/>
      <c r="TYC730" s="423" t="s">
        <v>2795</v>
      </c>
      <c r="TYD730" s="424"/>
      <c r="TYE730" s="424"/>
      <c r="TYF730" s="424"/>
      <c r="TYG730" s="423" t="s">
        <v>2795</v>
      </c>
      <c r="TYH730" s="424"/>
      <c r="TYI730" s="424"/>
      <c r="TYJ730" s="424"/>
      <c r="TYK730" s="423" t="s">
        <v>2795</v>
      </c>
      <c r="TYL730" s="424"/>
      <c r="TYM730" s="424"/>
      <c r="TYN730" s="424"/>
      <c r="TYO730" s="423" t="s">
        <v>2795</v>
      </c>
      <c r="TYP730" s="424"/>
      <c r="TYQ730" s="424"/>
      <c r="TYR730" s="424"/>
      <c r="TYS730" s="423" t="s">
        <v>2795</v>
      </c>
      <c r="TYT730" s="424"/>
      <c r="TYU730" s="424"/>
      <c r="TYV730" s="424"/>
      <c r="TYW730" s="423" t="s">
        <v>2795</v>
      </c>
      <c r="TYX730" s="424"/>
      <c r="TYY730" s="424"/>
      <c r="TYZ730" s="424"/>
      <c r="TZA730" s="423" t="s">
        <v>2795</v>
      </c>
      <c r="TZB730" s="424"/>
      <c r="TZC730" s="424"/>
      <c r="TZD730" s="424"/>
      <c r="TZE730" s="423" t="s">
        <v>2795</v>
      </c>
      <c r="TZF730" s="424"/>
      <c r="TZG730" s="424"/>
      <c r="TZH730" s="424"/>
      <c r="TZI730" s="423" t="s">
        <v>2795</v>
      </c>
      <c r="TZJ730" s="424"/>
      <c r="TZK730" s="424"/>
      <c r="TZL730" s="424"/>
      <c r="TZM730" s="423" t="s">
        <v>2795</v>
      </c>
      <c r="TZN730" s="424"/>
      <c r="TZO730" s="424"/>
      <c r="TZP730" s="424"/>
      <c r="TZQ730" s="423" t="s">
        <v>2795</v>
      </c>
      <c r="TZR730" s="424"/>
      <c r="TZS730" s="424"/>
      <c r="TZT730" s="424"/>
      <c r="TZU730" s="423" t="s">
        <v>2795</v>
      </c>
      <c r="TZV730" s="424"/>
      <c r="TZW730" s="424"/>
      <c r="TZX730" s="424"/>
      <c r="TZY730" s="423" t="s">
        <v>2795</v>
      </c>
      <c r="TZZ730" s="424"/>
      <c r="UAA730" s="424"/>
      <c r="UAB730" s="424"/>
      <c r="UAC730" s="423" t="s">
        <v>2795</v>
      </c>
      <c r="UAD730" s="424"/>
      <c r="UAE730" s="424"/>
      <c r="UAF730" s="424"/>
      <c r="UAG730" s="423" t="s">
        <v>2795</v>
      </c>
      <c r="UAH730" s="424"/>
      <c r="UAI730" s="424"/>
      <c r="UAJ730" s="424"/>
      <c r="UAK730" s="423" t="s">
        <v>2795</v>
      </c>
      <c r="UAL730" s="424"/>
      <c r="UAM730" s="424"/>
      <c r="UAN730" s="424"/>
      <c r="UAO730" s="423" t="s">
        <v>2795</v>
      </c>
      <c r="UAP730" s="424"/>
      <c r="UAQ730" s="424"/>
      <c r="UAR730" s="424"/>
      <c r="UAS730" s="423" t="s">
        <v>2795</v>
      </c>
      <c r="UAT730" s="424"/>
      <c r="UAU730" s="424"/>
      <c r="UAV730" s="424"/>
      <c r="UAW730" s="423" t="s">
        <v>2795</v>
      </c>
      <c r="UAX730" s="424"/>
      <c r="UAY730" s="424"/>
      <c r="UAZ730" s="424"/>
      <c r="UBA730" s="423" t="s">
        <v>2795</v>
      </c>
      <c r="UBB730" s="424"/>
      <c r="UBC730" s="424"/>
      <c r="UBD730" s="424"/>
      <c r="UBE730" s="423" t="s">
        <v>2795</v>
      </c>
      <c r="UBF730" s="424"/>
      <c r="UBG730" s="424"/>
      <c r="UBH730" s="424"/>
      <c r="UBI730" s="423" t="s">
        <v>2795</v>
      </c>
      <c r="UBJ730" s="424"/>
      <c r="UBK730" s="424"/>
      <c r="UBL730" s="424"/>
      <c r="UBM730" s="423" t="s">
        <v>2795</v>
      </c>
      <c r="UBN730" s="424"/>
      <c r="UBO730" s="424"/>
      <c r="UBP730" s="424"/>
      <c r="UBQ730" s="423" t="s">
        <v>2795</v>
      </c>
      <c r="UBR730" s="424"/>
      <c r="UBS730" s="424"/>
      <c r="UBT730" s="424"/>
      <c r="UBU730" s="423" t="s">
        <v>2795</v>
      </c>
      <c r="UBV730" s="424"/>
      <c r="UBW730" s="424"/>
      <c r="UBX730" s="424"/>
      <c r="UBY730" s="423" t="s">
        <v>2795</v>
      </c>
      <c r="UBZ730" s="424"/>
      <c r="UCA730" s="424"/>
      <c r="UCB730" s="424"/>
      <c r="UCC730" s="423" t="s">
        <v>2795</v>
      </c>
      <c r="UCD730" s="424"/>
      <c r="UCE730" s="424"/>
      <c r="UCF730" s="424"/>
      <c r="UCG730" s="423" t="s">
        <v>2795</v>
      </c>
      <c r="UCH730" s="424"/>
      <c r="UCI730" s="424"/>
      <c r="UCJ730" s="424"/>
      <c r="UCK730" s="423" t="s">
        <v>2795</v>
      </c>
      <c r="UCL730" s="424"/>
      <c r="UCM730" s="424"/>
      <c r="UCN730" s="424"/>
      <c r="UCO730" s="423" t="s">
        <v>2795</v>
      </c>
      <c r="UCP730" s="424"/>
      <c r="UCQ730" s="424"/>
      <c r="UCR730" s="424"/>
      <c r="UCS730" s="423" t="s">
        <v>2795</v>
      </c>
      <c r="UCT730" s="424"/>
      <c r="UCU730" s="424"/>
      <c r="UCV730" s="424"/>
      <c r="UCW730" s="423" t="s">
        <v>2795</v>
      </c>
      <c r="UCX730" s="424"/>
      <c r="UCY730" s="424"/>
      <c r="UCZ730" s="424"/>
      <c r="UDA730" s="423" t="s">
        <v>2795</v>
      </c>
      <c r="UDB730" s="424"/>
      <c r="UDC730" s="424"/>
      <c r="UDD730" s="424"/>
      <c r="UDE730" s="423" t="s">
        <v>2795</v>
      </c>
      <c r="UDF730" s="424"/>
      <c r="UDG730" s="424"/>
      <c r="UDH730" s="424"/>
      <c r="UDI730" s="423" t="s">
        <v>2795</v>
      </c>
      <c r="UDJ730" s="424"/>
      <c r="UDK730" s="424"/>
      <c r="UDL730" s="424"/>
      <c r="UDM730" s="423" t="s">
        <v>2795</v>
      </c>
      <c r="UDN730" s="424"/>
      <c r="UDO730" s="424"/>
      <c r="UDP730" s="424"/>
      <c r="UDQ730" s="423" t="s">
        <v>2795</v>
      </c>
      <c r="UDR730" s="424"/>
      <c r="UDS730" s="424"/>
      <c r="UDT730" s="424"/>
      <c r="UDU730" s="423" t="s">
        <v>2795</v>
      </c>
      <c r="UDV730" s="424"/>
      <c r="UDW730" s="424"/>
      <c r="UDX730" s="424"/>
      <c r="UDY730" s="423" t="s">
        <v>2795</v>
      </c>
      <c r="UDZ730" s="424"/>
      <c r="UEA730" s="424"/>
      <c r="UEB730" s="424"/>
      <c r="UEC730" s="423" t="s">
        <v>2795</v>
      </c>
      <c r="UED730" s="424"/>
      <c r="UEE730" s="424"/>
      <c r="UEF730" s="424"/>
      <c r="UEG730" s="423" t="s">
        <v>2795</v>
      </c>
      <c r="UEH730" s="424"/>
      <c r="UEI730" s="424"/>
      <c r="UEJ730" s="424"/>
      <c r="UEK730" s="423" t="s">
        <v>2795</v>
      </c>
      <c r="UEL730" s="424"/>
      <c r="UEM730" s="424"/>
      <c r="UEN730" s="424"/>
      <c r="UEO730" s="423" t="s">
        <v>2795</v>
      </c>
      <c r="UEP730" s="424"/>
      <c r="UEQ730" s="424"/>
      <c r="UER730" s="424"/>
      <c r="UES730" s="423" t="s">
        <v>2795</v>
      </c>
      <c r="UET730" s="424"/>
      <c r="UEU730" s="424"/>
      <c r="UEV730" s="424"/>
      <c r="UEW730" s="423" t="s">
        <v>2795</v>
      </c>
      <c r="UEX730" s="424"/>
      <c r="UEY730" s="424"/>
      <c r="UEZ730" s="424"/>
      <c r="UFA730" s="423" t="s">
        <v>2795</v>
      </c>
      <c r="UFB730" s="424"/>
      <c r="UFC730" s="424"/>
      <c r="UFD730" s="424"/>
      <c r="UFE730" s="423" t="s">
        <v>2795</v>
      </c>
      <c r="UFF730" s="424"/>
      <c r="UFG730" s="424"/>
      <c r="UFH730" s="424"/>
      <c r="UFI730" s="423" t="s">
        <v>2795</v>
      </c>
      <c r="UFJ730" s="424"/>
      <c r="UFK730" s="424"/>
      <c r="UFL730" s="424"/>
      <c r="UFM730" s="423" t="s">
        <v>2795</v>
      </c>
      <c r="UFN730" s="424"/>
      <c r="UFO730" s="424"/>
      <c r="UFP730" s="424"/>
      <c r="UFQ730" s="423" t="s">
        <v>2795</v>
      </c>
      <c r="UFR730" s="424"/>
      <c r="UFS730" s="424"/>
      <c r="UFT730" s="424"/>
      <c r="UFU730" s="423" t="s">
        <v>2795</v>
      </c>
      <c r="UFV730" s="424"/>
      <c r="UFW730" s="424"/>
      <c r="UFX730" s="424"/>
      <c r="UFY730" s="423" t="s">
        <v>2795</v>
      </c>
      <c r="UFZ730" s="424"/>
      <c r="UGA730" s="424"/>
      <c r="UGB730" s="424"/>
      <c r="UGC730" s="423" t="s">
        <v>2795</v>
      </c>
      <c r="UGD730" s="424"/>
      <c r="UGE730" s="424"/>
      <c r="UGF730" s="424"/>
      <c r="UGG730" s="423" t="s">
        <v>2795</v>
      </c>
      <c r="UGH730" s="424"/>
      <c r="UGI730" s="424"/>
      <c r="UGJ730" s="424"/>
      <c r="UGK730" s="423" t="s">
        <v>2795</v>
      </c>
      <c r="UGL730" s="424"/>
      <c r="UGM730" s="424"/>
      <c r="UGN730" s="424"/>
      <c r="UGO730" s="423" t="s">
        <v>2795</v>
      </c>
      <c r="UGP730" s="424"/>
      <c r="UGQ730" s="424"/>
      <c r="UGR730" s="424"/>
      <c r="UGS730" s="423" t="s">
        <v>2795</v>
      </c>
      <c r="UGT730" s="424"/>
      <c r="UGU730" s="424"/>
      <c r="UGV730" s="424"/>
      <c r="UGW730" s="423" t="s">
        <v>2795</v>
      </c>
      <c r="UGX730" s="424"/>
      <c r="UGY730" s="424"/>
      <c r="UGZ730" s="424"/>
      <c r="UHA730" s="423" t="s">
        <v>2795</v>
      </c>
      <c r="UHB730" s="424"/>
      <c r="UHC730" s="424"/>
      <c r="UHD730" s="424"/>
      <c r="UHE730" s="423" t="s">
        <v>2795</v>
      </c>
      <c r="UHF730" s="424"/>
      <c r="UHG730" s="424"/>
      <c r="UHH730" s="424"/>
      <c r="UHI730" s="423" t="s">
        <v>2795</v>
      </c>
      <c r="UHJ730" s="424"/>
      <c r="UHK730" s="424"/>
      <c r="UHL730" s="424"/>
      <c r="UHM730" s="423" t="s">
        <v>2795</v>
      </c>
      <c r="UHN730" s="424"/>
      <c r="UHO730" s="424"/>
      <c r="UHP730" s="424"/>
      <c r="UHQ730" s="423" t="s">
        <v>2795</v>
      </c>
      <c r="UHR730" s="424"/>
      <c r="UHS730" s="424"/>
      <c r="UHT730" s="424"/>
      <c r="UHU730" s="423" t="s">
        <v>2795</v>
      </c>
      <c r="UHV730" s="424"/>
      <c r="UHW730" s="424"/>
      <c r="UHX730" s="424"/>
      <c r="UHY730" s="423" t="s">
        <v>2795</v>
      </c>
      <c r="UHZ730" s="424"/>
      <c r="UIA730" s="424"/>
      <c r="UIB730" s="424"/>
      <c r="UIC730" s="423" t="s">
        <v>2795</v>
      </c>
      <c r="UID730" s="424"/>
      <c r="UIE730" s="424"/>
      <c r="UIF730" s="424"/>
      <c r="UIG730" s="423" t="s">
        <v>2795</v>
      </c>
      <c r="UIH730" s="424"/>
      <c r="UII730" s="424"/>
      <c r="UIJ730" s="424"/>
      <c r="UIK730" s="423" t="s">
        <v>2795</v>
      </c>
      <c r="UIL730" s="424"/>
      <c r="UIM730" s="424"/>
      <c r="UIN730" s="424"/>
      <c r="UIO730" s="423" t="s">
        <v>2795</v>
      </c>
      <c r="UIP730" s="424"/>
      <c r="UIQ730" s="424"/>
      <c r="UIR730" s="424"/>
      <c r="UIS730" s="423" t="s">
        <v>2795</v>
      </c>
      <c r="UIT730" s="424"/>
      <c r="UIU730" s="424"/>
      <c r="UIV730" s="424"/>
      <c r="UIW730" s="423" t="s">
        <v>2795</v>
      </c>
      <c r="UIX730" s="424"/>
      <c r="UIY730" s="424"/>
      <c r="UIZ730" s="424"/>
      <c r="UJA730" s="423" t="s">
        <v>2795</v>
      </c>
      <c r="UJB730" s="424"/>
      <c r="UJC730" s="424"/>
      <c r="UJD730" s="424"/>
      <c r="UJE730" s="423" t="s">
        <v>2795</v>
      </c>
      <c r="UJF730" s="424"/>
      <c r="UJG730" s="424"/>
      <c r="UJH730" s="424"/>
      <c r="UJI730" s="423" t="s">
        <v>2795</v>
      </c>
      <c r="UJJ730" s="424"/>
      <c r="UJK730" s="424"/>
      <c r="UJL730" s="424"/>
      <c r="UJM730" s="423" t="s">
        <v>2795</v>
      </c>
      <c r="UJN730" s="424"/>
      <c r="UJO730" s="424"/>
      <c r="UJP730" s="424"/>
      <c r="UJQ730" s="423" t="s">
        <v>2795</v>
      </c>
      <c r="UJR730" s="424"/>
      <c r="UJS730" s="424"/>
      <c r="UJT730" s="424"/>
      <c r="UJU730" s="423" t="s">
        <v>2795</v>
      </c>
      <c r="UJV730" s="424"/>
      <c r="UJW730" s="424"/>
      <c r="UJX730" s="424"/>
      <c r="UJY730" s="423" t="s">
        <v>2795</v>
      </c>
      <c r="UJZ730" s="424"/>
      <c r="UKA730" s="424"/>
      <c r="UKB730" s="424"/>
      <c r="UKC730" s="423" t="s">
        <v>2795</v>
      </c>
      <c r="UKD730" s="424"/>
      <c r="UKE730" s="424"/>
      <c r="UKF730" s="424"/>
      <c r="UKG730" s="423" t="s">
        <v>2795</v>
      </c>
      <c r="UKH730" s="424"/>
      <c r="UKI730" s="424"/>
      <c r="UKJ730" s="424"/>
      <c r="UKK730" s="423" t="s">
        <v>2795</v>
      </c>
      <c r="UKL730" s="424"/>
      <c r="UKM730" s="424"/>
      <c r="UKN730" s="424"/>
      <c r="UKO730" s="423" t="s">
        <v>2795</v>
      </c>
      <c r="UKP730" s="424"/>
      <c r="UKQ730" s="424"/>
      <c r="UKR730" s="424"/>
      <c r="UKS730" s="423" t="s">
        <v>2795</v>
      </c>
      <c r="UKT730" s="424"/>
      <c r="UKU730" s="424"/>
      <c r="UKV730" s="424"/>
      <c r="UKW730" s="423" t="s">
        <v>2795</v>
      </c>
      <c r="UKX730" s="424"/>
      <c r="UKY730" s="424"/>
      <c r="UKZ730" s="424"/>
      <c r="ULA730" s="423" t="s">
        <v>2795</v>
      </c>
      <c r="ULB730" s="424"/>
      <c r="ULC730" s="424"/>
      <c r="ULD730" s="424"/>
      <c r="ULE730" s="423" t="s">
        <v>2795</v>
      </c>
      <c r="ULF730" s="424"/>
      <c r="ULG730" s="424"/>
      <c r="ULH730" s="424"/>
      <c r="ULI730" s="423" t="s">
        <v>2795</v>
      </c>
      <c r="ULJ730" s="424"/>
      <c r="ULK730" s="424"/>
      <c r="ULL730" s="424"/>
      <c r="ULM730" s="423" t="s">
        <v>2795</v>
      </c>
      <c r="ULN730" s="424"/>
      <c r="ULO730" s="424"/>
      <c r="ULP730" s="424"/>
      <c r="ULQ730" s="423" t="s">
        <v>2795</v>
      </c>
      <c r="ULR730" s="424"/>
      <c r="ULS730" s="424"/>
      <c r="ULT730" s="424"/>
      <c r="ULU730" s="423" t="s">
        <v>2795</v>
      </c>
      <c r="ULV730" s="424"/>
      <c r="ULW730" s="424"/>
      <c r="ULX730" s="424"/>
      <c r="ULY730" s="423" t="s">
        <v>2795</v>
      </c>
      <c r="ULZ730" s="424"/>
      <c r="UMA730" s="424"/>
      <c r="UMB730" s="424"/>
      <c r="UMC730" s="423" t="s">
        <v>2795</v>
      </c>
      <c r="UMD730" s="424"/>
      <c r="UME730" s="424"/>
      <c r="UMF730" s="424"/>
      <c r="UMG730" s="423" t="s">
        <v>2795</v>
      </c>
      <c r="UMH730" s="424"/>
      <c r="UMI730" s="424"/>
      <c r="UMJ730" s="424"/>
      <c r="UMK730" s="423" t="s">
        <v>2795</v>
      </c>
      <c r="UML730" s="424"/>
      <c r="UMM730" s="424"/>
      <c r="UMN730" s="424"/>
      <c r="UMO730" s="423" t="s">
        <v>2795</v>
      </c>
      <c r="UMP730" s="424"/>
      <c r="UMQ730" s="424"/>
      <c r="UMR730" s="424"/>
      <c r="UMS730" s="423" t="s">
        <v>2795</v>
      </c>
      <c r="UMT730" s="424"/>
      <c r="UMU730" s="424"/>
      <c r="UMV730" s="424"/>
      <c r="UMW730" s="423" t="s">
        <v>2795</v>
      </c>
      <c r="UMX730" s="424"/>
      <c r="UMY730" s="424"/>
      <c r="UMZ730" s="424"/>
      <c r="UNA730" s="423" t="s">
        <v>2795</v>
      </c>
      <c r="UNB730" s="424"/>
      <c r="UNC730" s="424"/>
      <c r="UND730" s="424"/>
      <c r="UNE730" s="423" t="s">
        <v>2795</v>
      </c>
      <c r="UNF730" s="424"/>
      <c r="UNG730" s="424"/>
      <c r="UNH730" s="424"/>
      <c r="UNI730" s="423" t="s">
        <v>2795</v>
      </c>
      <c r="UNJ730" s="424"/>
      <c r="UNK730" s="424"/>
      <c r="UNL730" s="424"/>
      <c r="UNM730" s="423" t="s">
        <v>2795</v>
      </c>
      <c r="UNN730" s="424"/>
      <c r="UNO730" s="424"/>
      <c r="UNP730" s="424"/>
      <c r="UNQ730" s="423" t="s">
        <v>2795</v>
      </c>
      <c r="UNR730" s="424"/>
      <c r="UNS730" s="424"/>
      <c r="UNT730" s="424"/>
      <c r="UNU730" s="423" t="s">
        <v>2795</v>
      </c>
      <c r="UNV730" s="424"/>
      <c r="UNW730" s="424"/>
      <c r="UNX730" s="424"/>
      <c r="UNY730" s="423" t="s">
        <v>2795</v>
      </c>
      <c r="UNZ730" s="424"/>
      <c r="UOA730" s="424"/>
      <c r="UOB730" s="424"/>
      <c r="UOC730" s="423" t="s">
        <v>2795</v>
      </c>
      <c r="UOD730" s="424"/>
      <c r="UOE730" s="424"/>
      <c r="UOF730" s="424"/>
      <c r="UOG730" s="423" t="s">
        <v>2795</v>
      </c>
      <c r="UOH730" s="424"/>
      <c r="UOI730" s="424"/>
      <c r="UOJ730" s="424"/>
      <c r="UOK730" s="423" t="s">
        <v>2795</v>
      </c>
      <c r="UOL730" s="424"/>
      <c r="UOM730" s="424"/>
      <c r="UON730" s="424"/>
      <c r="UOO730" s="423" t="s">
        <v>2795</v>
      </c>
      <c r="UOP730" s="424"/>
      <c r="UOQ730" s="424"/>
      <c r="UOR730" s="424"/>
      <c r="UOS730" s="423" t="s">
        <v>2795</v>
      </c>
      <c r="UOT730" s="424"/>
      <c r="UOU730" s="424"/>
      <c r="UOV730" s="424"/>
      <c r="UOW730" s="423" t="s">
        <v>2795</v>
      </c>
      <c r="UOX730" s="424"/>
      <c r="UOY730" s="424"/>
      <c r="UOZ730" s="424"/>
      <c r="UPA730" s="423" t="s">
        <v>2795</v>
      </c>
      <c r="UPB730" s="424"/>
      <c r="UPC730" s="424"/>
      <c r="UPD730" s="424"/>
      <c r="UPE730" s="423" t="s">
        <v>2795</v>
      </c>
      <c r="UPF730" s="424"/>
      <c r="UPG730" s="424"/>
      <c r="UPH730" s="424"/>
      <c r="UPI730" s="423" t="s">
        <v>2795</v>
      </c>
      <c r="UPJ730" s="424"/>
      <c r="UPK730" s="424"/>
      <c r="UPL730" s="424"/>
      <c r="UPM730" s="423" t="s">
        <v>2795</v>
      </c>
      <c r="UPN730" s="424"/>
      <c r="UPO730" s="424"/>
      <c r="UPP730" s="424"/>
      <c r="UPQ730" s="423" t="s">
        <v>2795</v>
      </c>
      <c r="UPR730" s="424"/>
      <c r="UPS730" s="424"/>
      <c r="UPT730" s="424"/>
      <c r="UPU730" s="423" t="s">
        <v>2795</v>
      </c>
      <c r="UPV730" s="424"/>
      <c r="UPW730" s="424"/>
      <c r="UPX730" s="424"/>
      <c r="UPY730" s="423" t="s">
        <v>2795</v>
      </c>
      <c r="UPZ730" s="424"/>
      <c r="UQA730" s="424"/>
      <c r="UQB730" s="424"/>
      <c r="UQC730" s="423" t="s">
        <v>2795</v>
      </c>
      <c r="UQD730" s="424"/>
      <c r="UQE730" s="424"/>
      <c r="UQF730" s="424"/>
      <c r="UQG730" s="423" t="s">
        <v>2795</v>
      </c>
      <c r="UQH730" s="424"/>
      <c r="UQI730" s="424"/>
      <c r="UQJ730" s="424"/>
      <c r="UQK730" s="423" t="s">
        <v>2795</v>
      </c>
      <c r="UQL730" s="424"/>
      <c r="UQM730" s="424"/>
      <c r="UQN730" s="424"/>
      <c r="UQO730" s="423" t="s">
        <v>2795</v>
      </c>
      <c r="UQP730" s="424"/>
      <c r="UQQ730" s="424"/>
      <c r="UQR730" s="424"/>
      <c r="UQS730" s="423" t="s">
        <v>2795</v>
      </c>
      <c r="UQT730" s="424"/>
      <c r="UQU730" s="424"/>
      <c r="UQV730" s="424"/>
      <c r="UQW730" s="423" t="s">
        <v>2795</v>
      </c>
      <c r="UQX730" s="424"/>
      <c r="UQY730" s="424"/>
      <c r="UQZ730" s="424"/>
      <c r="URA730" s="423" t="s">
        <v>2795</v>
      </c>
      <c r="URB730" s="424"/>
      <c r="URC730" s="424"/>
      <c r="URD730" s="424"/>
      <c r="URE730" s="423" t="s">
        <v>2795</v>
      </c>
      <c r="URF730" s="424"/>
      <c r="URG730" s="424"/>
      <c r="URH730" s="424"/>
      <c r="URI730" s="423" t="s">
        <v>2795</v>
      </c>
      <c r="URJ730" s="424"/>
      <c r="URK730" s="424"/>
      <c r="URL730" s="424"/>
      <c r="URM730" s="423" t="s">
        <v>2795</v>
      </c>
      <c r="URN730" s="424"/>
      <c r="URO730" s="424"/>
      <c r="URP730" s="424"/>
      <c r="URQ730" s="423" t="s">
        <v>2795</v>
      </c>
      <c r="URR730" s="424"/>
      <c r="URS730" s="424"/>
      <c r="URT730" s="424"/>
      <c r="URU730" s="423" t="s">
        <v>2795</v>
      </c>
      <c r="URV730" s="424"/>
      <c r="URW730" s="424"/>
      <c r="URX730" s="424"/>
      <c r="URY730" s="423" t="s">
        <v>2795</v>
      </c>
      <c r="URZ730" s="424"/>
      <c r="USA730" s="424"/>
      <c r="USB730" s="424"/>
      <c r="USC730" s="423" t="s">
        <v>2795</v>
      </c>
      <c r="USD730" s="424"/>
      <c r="USE730" s="424"/>
      <c r="USF730" s="424"/>
      <c r="USG730" s="423" t="s">
        <v>2795</v>
      </c>
      <c r="USH730" s="424"/>
      <c r="USI730" s="424"/>
      <c r="USJ730" s="424"/>
      <c r="USK730" s="423" t="s">
        <v>2795</v>
      </c>
      <c r="USL730" s="424"/>
      <c r="USM730" s="424"/>
      <c r="USN730" s="424"/>
      <c r="USO730" s="423" t="s">
        <v>2795</v>
      </c>
      <c r="USP730" s="424"/>
      <c r="USQ730" s="424"/>
      <c r="USR730" s="424"/>
      <c r="USS730" s="423" t="s">
        <v>2795</v>
      </c>
      <c r="UST730" s="424"/>
      <c r="USU730" s="424"/>
      <c r="USV730" s="424"/>
      <c r="USW730" s="423" t="s">
        <v>2795</v>
      </c>
      <c r="USX730" s="424"/>
      <c r="USY730" s="424"/>
      <c r="USZ730" s="424"/>
      <c r="UTA730" s="423" t="s">
        <v>2795</v>
      </c>
      <c r="UTB730" s="424"/>
      <c r="UTC730" s="424"/>
      <c r="UTD730" s="424"/>
      <c r="UTE730" s="423" t="s">
        <v>2795</v>
      </c>
      <c r="UTF730" s="424"/>
      <c r="UTG730" s="424"/>
      <c r="UTH730" s="424"/>
      <c r="UTI730" s="423" t="s">
        <v>2795</v>
      </c>
      <c r="UTJ730" s="424"/>
      <c r="UTK730" s="424"/>
      <c r="UTL730" s="424"/>
      <c r="UTM730" s="423" t="s">
        <v>2795</v>
      </c>
      <c r="UTN730" s="424"/>
      <c r="UTO730" s="424"/>
      <c r="UTP730" s="424"/>
      <c r="UTQ730" s="423" t="s">
        <v>2795</v>
      </c>
      <c r="UTR730" s="424"/>
      <c r="UTS730" s="424"/>
      <c r="UTT730" s="424"/>
      <c r="UTU730" s="423" t="s">
        <v>2795</v>
      </c>
      <c r="UTV730" s="424"/>
      <c r="UTW730" s="424"/>
      <c r="UTX730" s="424"/>
      <c r="UTY730" s="423" t="s">
        <v>2795</v>
      </c>
      <c r="UTZ730" s="424"/>
      <c r="UUA730" s="424"/>
      <c r="UUB730" s="424"/>
      <c r="UUC730" s="423" t="s">
        <v>2795</v>
      </c>
      <c r="UUD730" s="424"/>
      <c r="UUE730" s="424"/>
      <c r="UUF730" s="424"/>
      <c r="UUG730" s="423" t="s">
        <v>2795</v>
      </c>
      <c r="UUH730" s="424"/>
      <c r="UUI730" s="424"/>
      <c r="UUJ730" s="424"/>
      <c r="UUK730" s="423" t="s">
        <v>2795</v>
      </c>
      <c r="UUL730" s="424"/>
      <c r="UUM730" s="424"/>
      <c r="UUN730" s="424"/>
      <c r="UUO730" s="423" t="s">
        <v>2795</v>
      </c>
      <c r="UUP730" s="424"/>
      <c r="UUQ730" s="424"/>
      <c r="UUR730" s="424"/>
      <c r="UUS730" s="423" t="s">
        <v>2795</v>
      </c>
      <c r="UUT730" s="424"/>
      <c r="UUU730" s="424"/>
      <c r="UUV730" s="424"/>
      <c r="UUW730" s="423" t="s">
        <v>2795</v>
      </c>
      <c r="UUX730" s="424"/>
      <c r="UUY730" s="424"/>
      <c r="UUZ730" s="424"/>
      <c r="UVA730" s="423" t="s">
        <v>2795</v>
      </c>
      <c r="UVB730" s="424"/>
      <c r="UVC730" s="424"/>
      <c r="UVD730" s="424"/>
      <c r="UVE730" s="423" t="s">
        <v>2795</v>
      </c>
      <c r="UVF730" s="424"/>
      <c r="UVG730" s="424"/>
      <c r="UVH730" s="424"/>
      <c r="UVI730" s="423" t="s">
        <v>2795</v>
      </c>
      <c r="UVJ730" s="424"/>
      <c r="UVK730" s="424"/>
      <c r="UVL730" s="424"/>
      <c r="UVM730" s="423" t="s">
        <v>2795</v>
      </c>
      <c r="UVN730" s="424"/>
      <c r="UVO730" s="424"/>
      <c r="UVP730" s="424"/>
      <c r="UVQ730" s="423" t="s">
        <v>2795</v>
      </c>
      <c r="UVR730" s="424"/>
      <c r="UVS730" s="424"/>
      <c r="UVT730" s="424"/>
      <c r="UVU730" s="423" t="s">
        <v>2795</v>
      </c>
      <c r="UVV730" s="424"/>
      <c r="UVW730" s="424"/>
      <c r="UVX730" s="424"/>
      <c r="UVY730" s="423" t="s">
        <v>2795</v>
      </c>
      <c r="UVZ730" s="424"/>
      <c r="UWA730" s="424"/>
      <c r="UWB730" s="424"/>
      <c r="UWC730" s="423" t="s">
        <v>2795</v>
      </c>
      <c r="UWD730" s="424"/>
      <c r="UWE730" s="424"/>
      <c r="UWF730" s="424"/>
      <c r="UWG730" s="423" t="s">
        <v>2795</v>
      </c>
      <c r="UWH730" s="424"/>
      <c r="UWI730" s="424"/>
      <c r="UWJ730" s="424"/>
      <c r="UWK730" s="423" t="s">
        <v>2795</v>
      </c>
      <c r="UWL730" s="424"/>
      <c r="UWM730" s="424"/>
      <c r="UWN730" s="424"/>
      <c r="UWO730" s="423" t="s">
        <v>2795</v>
      </c>
      <c r="UWP730" s="424"/>
      <c r="UWQ730" s="424"/>
      <c r="UWR730" s="424"/>
      <c r="UWS730" s="423" t="s">
        <v>2795</v>
      </c>
      <c r="UWT730" s="424"/>
      <c r="UWU730" s="424"/>
      <c r="UWV730" s="424"/>
      <c r="UWW730" s="423" t="s">
        <v>2795</v>
      </c>
      <c r="UWX730" s="424"/>
      <c r="UWY730" s="424"/>
      <c r="UWZ730" s="424"/>
      <c r="UXA730" s="423" t="s">
        <v>2795</v>
      </c>
      <c r="UXB730" s="424"/>
      <c r="UXC730" s="424"/>
      <c r="UXD730" s="424"/>
      <c r="UXE730" s="423" t="s">
        <v>2795</v>
      </c>
      <c r="UXF730" s="424"/>
      <c r="UXG730" s="424"/>
      <c r="UXH730" s="424"/>
      <c r="UXI730" s="423" t="s">
        <v>2795</v>
      </c>
      <c r="UXJ730" s="424"/>
      <c r="UXK730" s="424"/>
      <c r="UXL730" s="424"/>
      <c r="UXM730" s="423" t="s">
        <v>2795</v>
      </c>
      <c r="UXN730" s="424"/>
      <c r="UXO730" s="424"/>
      <c r="UXP730" s="424"/>
      <c r="UXQ730" s="423" t="s">
        <v>2795</v>
      </c>
      <c r="UXR730" s="424"/>
      <c r="UXS730" s="424"/>
      <c r="UXT730" s="424"/>
      <c r="UXU730" s="423" t="s">
        <v>2795</v>
      </c>
      <c r="UXV730" s="424"/>
      <c r="UXW730" s="424"/>
      <c r="UXX730" s="424"/>
      <c r="UXY730" s="423" t="s">
        <v>2795</v>
      </c>
      <c r="UXZ730" s="424"/>
      <c r="UYA730" s="424"/>
      <c r="UYB730" s="424"/>
      <c r="UYC730" s="423" t="s">
        <v>2795</v>
      </c>
      <c r="UYD730" s="424"/>
      <c r="UYE730" s="424"/>
      <c r="UYF730" s="424"/>
      <c r="UYG730" s="423" t="s">
        <v>2795</v>
      </c>
      <c r="UYH730" s="424"/>
      <c r="UYI730" s="424"/>
      <c r="UYJ730" s="424"/>
      <c r="UYK730" s="423" t="s">
        <v>2795</v>
      </c>
      <c r="UYL730" s="424"/>
      <c r="UYM730" s="424"/>
      <c r="UYN730" s="424"/>
      <c r="UYO730" s="423" t="s">
        <v>2795</v>
      </c>
      <c r="UYP730" s="424"/>
      <c r="UYQ730" s="424"/>
      <c r="UYR730" s="424"/>
      <c r="UYS730" s="423" t="s">
        <v>2795</v>
      </c>
      <c r="UYT730" s="424"/>
      <c r="UYU730" s="424"/>
      <c r="UYV730" s="424"/>
      <c r="UYW730" s="423" t="s">
        <v>2795</v>
      </c>
      <c r="UYX730" s="424"/>
      <c r="UYY730" s="424"/>
      <c r="UYZ730" s="424"/>
      <c r="UZA730" s="423" t="s">
        <v>2795</v>
      </c>
      <c r="UZB730" s="424"/>
      <c r="UZC730" s="424"/>
      <c r="UZD730" s="424"/>
      <c r="UZE730" s="423" t="s">
        <v>2795</v>
      </c>
      <c r="UZF730" s="424"/>
      <c r="UZG730" s="424"/>
      <c r="UZH730" s="424"/>
      <c r="UZI730" s="423" t="s">
        <v>2795</v>
      </c>
      <c r="UZJ730" s="424"/>
      <c r="UZK730" s="424"/>
      <c r="UZL730" s="424"/>
      <c r="UZM730" s="423" t="s">
        <v>2795</v>
      </c>
      <c r="UZN730" s="424"/>
      <c r="UZO730" s="424"/>
      <c r="UZP730" s="424"/>
      <c r="UZQ730" s="423" t="s">
        <v>2795</v>
      </c>
      <c r="UZR730" s="424"/>
      <c r="UZS730" s="424"/>
      <c r="UZT730" s="424"/>
      <c r="UZU730" s="423" t="s">
        <v>2795</v>
      </c>
      <c r="UZV730" s="424"/>
      <c r="UZW730" s="424"/>
      <c r="UZX730" s="424"/>
      <c r="UZY730" s="423" t="s">
        <v>2795</v>
      </c>
      <c r="UZZ730" s="424"/>
      <c r="VAA730" s="424"/>
      <c r="VAB730" s="424"/>
      <c r="VAC730" s="423" t="s">
        <v>2795</v>
      </c>
      <c r="VAD730" s="424"/>
      <c r="VAE730" s="424"/>
      <c r="VAF730" s="424"/>
      <c r="VAG730" s="423" t="s">
        <v>2795</v>
      </c>
      <c r="VAH730" s="424"/>
      <c r="VAI730" s="424"/>
      <c r="VAJ730" s="424"/>
      <c r="VAK730" s="423" t="s">
        <v>2795</v>
      </c>
      <c r="VAL730" s="424"/>
      <c r="VAM730" s="424"/>
      <c r="VAN730" s="424"/>
      <c r="VAO730" s="423" t="s">
        <v>2795</v>
      </c>
      <c r="VAP730" s="424"/>
      <c r="VAQ730" s="424"/>
      <c r="VAR730" s="424"/>
      <c r="VAS730" s="423" t="s">
        <v>2795</v>
      </c>
      <c r="VAT730" s="424"/>
      <c r="VAU730" s="424"/>
      <c r="VAV730" s="424"/>
      <c r="VAW730" s="423" t="s">
        <v>2795</v>
      </c>
      <c r="VAX730" s="424"/>
      <c r="VAY730" s="424"/>
      <c r="VAZ730" s="424"/>
      <c r="VBA730" s="423" t="s">
        <v>2795</v>
      </c>
      <c r="VBB730" s="424"/>
      <c r="VBC730" s="424"/>
      <c r="VBD730" s="424"/>
      <c r="VBE730" s="423" t="s">
        <v>2795</v>
      </c>
      <c r="VBF730" s="424"/>
      <c r="VBG730" s="424"/>
      <c r="VBH730" s="424"/>
      <c r="VBI730" s="423" t="s">
        <v>2795</v>
      </c>
      <c r="VBJ730" s="424"/>
      <c r="VBK730" s="424"/>
      <c r="VBL730" s="424"/>
      <c r="VBM730" s="423" t="s">
        <v>2795</v>
      </c>
      <c r="VBN730" s="424"/>
      <c r="VBO730" s="424"/>
      <c r="VBP730" s="424"/>
      <c r="VBQ730" s="423" t="s">
        <v>2795</v>
      </c>
      <c r="VBR730" s="424"/>
      <c r="VBS730" s="424"/>
      <c r="VBT730" s="424"/>
      <c r="VBU730" s="423" t="s">
        <v>2795</v>
      </c>
      <c r="VBV730" s="424"/>
      <c r="VBW730" s="424"/>
      <c r="VBX730" s="424"/>
      <c r="VBY730" s="423" t="s">
        <v>2795</v>
      </c>
      <c r="VBZ730" s="424"/>
      <c r="VCA730" s="424"/>
      <c r="VCB730" s="424"/>
      <c r="VCC730" s="423" t="s">
        <v>2795</v>
      </c>
      <c r="VCD730" s="424"/>
      <c r="VCE730" s="424"/>
      <c r="VCF730" s="424"/>
      <c r="VCG730" s="423" t="s">
        <v>2795</v>
      </c>
      <c r="VCH730" s="424"/>
      <c r="VCI730" s="424"/>
      <c r="VCJ730" s="424"/>
      <c r="VCK730" s="423" t="s">
        <v>2795</v>
      </c>
      <c r="VCL730" s="424"/>
      <c r="VCM730" s="424"/>
      <c r="VCN730" s="424"/>
      <c r="VCO730" s="423" t="s">
        <v>2795</v>
      </c>
      <c r="VCP730" s="424"/>
      <c r="VCQ730" s="424"/>
      <c r="VCR730" s="424"/>
      <c r="VCS730" s="423" t="s">
        <v>2795</v>
      </c>
      <c r="VCT730" s="424"/>
      <c r="VCU730" s="424"/>
      <c r="VCV730" s="424"/>
      <c r="VCW730" s="423" t="s">
        <v>2795</v>
      </c>
      <c r="VCX730" s="424"/>
      <c r="VCY730" s="424"/>
      <c r="VCZ730" s="424"/>
      <c r="VDA730" s="423" t="s">
        <v>2795</v>
      </c>
      <c r="VDB730" s="424"/>
      <c r="VDC730" s="424"/>
      <c r="VDD730" s="424"/>
      <c r="VDE730" s="423" t="s">
        <v>2795</v>
      </c>
      <c r="VDF730" s="424"/>
      <c r="VDG730" s="424"/>
      <c r="VDH730" s="424"/>
      <c r="VDI730" s="423" t="s">
        <v>2795</v>
      </c>
      <c r="VDJ730" s="424"/>
      <c r="VDK730" s="424"/>
      <c r="VDL730" s="424"/>
      <c r="VDM730" s="423" t="s">
        <v>2795</v>
      </c>
      <c r="VDN730" s="424"/>
      <c r="VDO730" s="424"/>
      <c r="VDP730" s="424"/>
      <c r="VDQ730" s="423" t="s">
        <v>2795</v>
      </c>
      <c r="VDR730" s="424"/>
      <c r="VDS730" s="424"/>
      <c r="VDT730" s="424"/>
      <c r="VDU730" s="423" t="s">
        <v>2795</v>
      </c>
      <c r="VDV730" s="424"/>
      <c r="VDW730" s="424"/>
      <c r="VDX730" s="424"/>
      <c r="VDY730" s="423" t="s">
        <v>2795</v>
      </c>
      <c r="VDZ730" s="424"/>
      <c r="VEA730" s="424"/>
      <c r="VEB730" s="424"/>
      <c r="VEC730" s="423" t="s">
        <v>2795</v>
      </c>
      <c r="VED730" s="424"/>
      <c r="VEE730" s="424"/>
      <c r="VEF730" s="424"/>
      <c r="VEG730" s="423" t="s">
        <v>2795</v>
      </c>
      <c r="VEH730" s="424"/>
      <c r="VEI730" s="424"/>
      <c r="VEJ730" s="424"/>
      <c r="VEK730" s="423" t="s">
        <v>2795</v>
      </c>
      <c r="VEL730" s="424"/>
      <c r="VEM730" s="424"/>
      <c r="VEN730" s="424"/>
      <c r="VEO730" s="423" t="s">
        <v>2795</v>
      </c>
      <c r="VEP730" s="424"/>
      <c r="VEQ730" s="424"/>
      <c r="VER730" s="424"/>
      <c r="VES730" s="423" t="s">
        <v>2795</v>
      </c>
      <c r="VET730" s="424"/>
      <c r="VEU730" s="424"/>
      <c r="VEV730" s="424"/>
      <c r="VEW730" s="423" t="s">
        <v>2795</v>
      </c>
      <c r="VEX730" s="424"/>
      <c r="VEY730" s="424"/>
      <c r="VEZ730" s="424"/>
      <c r="VFA730" s="423" t="s">
        <v>2795</v>
      </c>
      <c r="VFB730" s="424"/>
      <c r="VFC730" s="424"/>
      <c r="VFD730" s="424"/>
      <c r="VFE730" s="423" t="s">
        <v>2795</v>
      </c>
      <c r="VFF730" s="424"/>
      <c r="VFG730" s="424"/>
      <c r="VFH730" s="424"/>
      <c r="VFI730" s="423" t="s">
        <v>2795</v>
      </c>
      <c r="VFJ730" s="424"/>
      <c r="VFK730" s="424"/>
      <c r="VFL730" s="424"/>
      <c r="VFM730" s="423" t="s">
        <v>2795</v>
      </c>
      <c r="VFN730" s="424"/>
      <c r="VFO730" s="424"/>
      <c r="VFP730" s="424"/>
      <c r="VFQ730" s="423" t="s">
        <v>2795</v>
      </c>
      <c r="VFR730" s="424"/>
      <c r="VFS730" s="424"/>
      <c r="VFT730" s="424"/>
      <c r="VFU730" s="423" t="s">
        <v>2795</v>
      </c>
      <c r="VFV730" s="424"/>
      <c r="VFW730" s="424"/>
      <c r="VFX730" s="424"/>
      <c r="VFY730" s="423" t="s">
        <v>2795</v>
      </c>
      <c r="VFZ730" s="424"/>
      <c r="VGA730" s="424"/>
      <c r="VGB730" s="424"/>
      <c r="VGC730" s="423" t="s">
        <v>2795</v>
      </c>
      <c r="VGD730" s="424"/>
      <c r="VGE730" s="424"/>
      <c r="VGF730" s="424"/>
      <c r="VGG730" s="423" t="s">
        <v>2795</v>
      </c>
      <c r="VGH730" s="424"/>
      <c r="VGI730" s="424"/>
      <c r="VGJ730" s="424"/>
      <c r="VGK730" s="423" t="s">
        <v>2795</v>
      </c>
      <c r="VGL730" s="424"/>
      <c r="VGM730" s="424"/>
      <c r="VGN730" s="424"/>
      <c r="VGO730" s="423" t="s">
        <v>2795</v>
      </c>
      <c r="VGP730" s="424"/>
      <c r="VGQ730" s="424"/>
      <c r="VGR730" s="424"/>
      <c r="VGS730" s="423" t="s">
        <v>2795</v>
      </c>
      <c r="VGT730" s="424"/>
      <c r="VGU730" s="424"/>
      <c r="VGV730" s="424"/>
      <c r="VGW730" s="423" t="s">
        <v>2795</v>
      </c>
      <c r="VGX730" s="424"/>
      <c r="VGY730" s="424"/>
      <c r="VGZ730" s="424"/>
      <c r="VHA730" s="423" t="s">
        <v>2795</v>
      </c>
      <c r="VHB730" s="424"/>
      <c r="VHC730" s="424"/>
      <c r="VHD730" s="424"/>
      <c r="VHE730" s="423" t="s">
        <v>2795</v>
      </c>
      <c r="VHF730" s="424"/>
      <c r="VHG730" s="424"/>
      <c r="VHH730" s="424"/>
      <c r="VHI730" s="423" t="s">
        <v>2795</v>
      </c>
      <c r="VHJ730" s="424"/>
      <c r="VHK730" s="424"/>
      <c r="VHL730" s="424"/>
      <c r="VHM730" s="423" t="s">
        <v>2795</v>
      </c>
      <c r="VHN730" s="424"/>
      <c r="VHO730" s="424"/>
      <c r="VHP730" s="424"/>
      <c r="VHQ730" s="423" t="s">
        <v>2795</v>
      </c>
      <c r="VHR730" s="424"/>
      <c r="VHS730" s="424"/>
      <c r="VHT730" s="424"/>
      <c r="VHU730" s="423" t="s">
        <v>2795</v>
      </c>
      <c r="VHV730" s="424"/>
      <c r="VHW730" s="424"/>
      <c r="VHX730" s="424"/>
      <c r="VHY730" s="423" t="s">
        <v>2795</v>
      </c>
      <c r="VHZ730" s="424"/>
      <c r="VIA730" s="424"/>
      <c r="VIB730" s="424"/>
      <c r="VIC730" s="423" t="s">
        <v>2795</v>
      </c>
      <c r="VID730" s="424"/>
      <c r="VIE730" s="424"/>
      <c r="VIF730" s="424"/>
      <c r="VIG730" s="423" t="s">
        <v>2795</v>
      </c>
      <c r="VIH730" s="424"/>
      <c r="VII730" s="424"/>
      <c r="VIJ730" s="424"/>
      <c r="VIK730" s="423" t="s">
        <v>2795</v>
      </c>
      <c r="VIL730" s="424"/>
      <c r="VIM730" s="424"/>
      <c r="VIN730" s="424"/>
      <c r="VIO730" s="423" t="s">
        <v>2795</v>
      </c>
      <c r="VIP730" s="424"/>
      <c r="VIQ730" s="424"/>
      <c r="VIR730" s="424"/>
      <c r="VIS730" s="423" t="s">
        <v>2795</v>
      </c>
      <c r="VIT730" s="424"/>
      <c r="VIU730" s="424"/>
      <c r="VIV730" s="424"/>
      <c r="VIW730" s="423" t="s">
        <v>2795</v>
      </c>
      <c r="VIX730" s="424"/>
      <c r="VIY730" s="424"/>
      <c r="VIZ730" s="424"/>
      <c r="VJA730" s="423" t="s">
        <v>2795</v>
      </c>
      <c r="VJB730" s="424"/>
      <c r="VJC730" s="424"/>
      <c r="VJD730" s="424"/>
      <c r="VJE730" s="423" t="s">
        <v>2795</v>
      </c>
      <c r="VJF730" s="424"/>
      <c r="VJG730" s="424"/>
      <c r="VJH730" s="424"/>
      <c r="VJI730" s="423" t="s">
        <v>2795</v>
      </c>
      <c r="VJJ730" s="424"/>
      <c r="VJK730" s="424"/>
      <c r="VJL730" s="424"/>
      <c r="VJM730" s="423" t="s">
        <v>2795</v>
      </c>
      <c r="VJN730" s="424"/>
      <c r="VJO730" s="424"/>
      <c r="VJP730" s="424"/>
      <c r="VJQ730" s="423" t="s">
        <v>2795</v>
      </c>
      <c r="VJR730" s="424"/>
      <c r="VJS730" s="424"/>
      <c r="VJT730" s="424"/>
      <c r="VJU730" s="423" t="s">
        <v>2795</v>
      </c>
      <c r="VJV730" s="424"/>
      <c r="VJW730" s="424"/>
      <c r="VJX730" s="424"/>
      <c r="VJY730" s="423" t="s">
        <v>2795</v>
      </c>
      <c r="VJZ730" s="424"/>
      <c r="VKA730" s="424"/>
      <c r="VKB730" s="424"/>
      <c r="VKC730" s="423" t="s">
        <v>2795</v>
      </c>
      <c r="VKD730" s="424"/>
      <c r="VKE730" s="424"/>
      <c r="VKF730" s="424"/>
      <c r="VKG730" s="423" t="s">
        <v>2795</v>
      </c>
      <c r="VKH730" s="424"/>
      <c r="VKI730" s="424"/>
      <c r="VKJ730" s="424"/>
      <c r="VKK730" s="423" t="s">
        <v>2795</v>
      </c>
      <c r="VKL730" s="424"/>
      <c r="VKM730" s="424"/>
      <c r="VKN730" s="424"/>
      <c r="VKO730" s="423" t="s">
        <v>2795</v>
      </c>
      <c r="VKP730" s="424"/>
      <c r="VKQ730" s="424"/>
      <c r="VKR730" s="424"/>
      <c r="VKS730" s="423" t="s">
        <v>2795</v>
      </c>
      <c r="VKT730" s="424"/>
      <c r="VKU730" s="424"/>
      <c r="VKV730" s="424"/>
      <c r="VKW730" s="423" t="s">
        <v>2795</v>
      </c>
      <c r="VKX730" s="424"/>
      <c r="VKY730" s="424"/>
      <c r="VKZ730" s="424"/>
      <c r="VLA730" s="423" t="s">
        <v>2795</v>
      </c>
      <c r="VLB730" s="424"/>
      <c r="VLC730" s="424"/>
      <c r="VLD730" s="424"/>
      <c r="VLE730" s="423" t="s">
        <v>2795</v>
      </c>
      <c r="VLF730" s="424"/>
      <c r="VLG730" s="424"/>
      <c r="VLH730" s="424"/>
      <c r="VLI730" s="423" t="s">
        <v>2795</v>
      </c>
      <c r="VLJ730" s="424"/>
      <c r="VLK730" s="424"/>
      <c r="VLL730" s="424"/>
      <c r="VLM730" s="423" t="s">
        <v>2795</v>
      </c>
      <c r="VLN730" s="424"/>
      <c r="VLO730" s="424"/>
      <c r="VLP730" s="424"/>
      <c r="VLQ730" s="423" t="s">
        <v>2795</v>
      </c>
      <c r="VLR730" s="424"/>
      <c r="VLS730" s="424"/>
      <c r="VLT730" s="424"/>
      <c r="VLU730" s="423" t="s">
        <v>2795</v>
      </c>
      <c r="VLV730" s="424"/>
      <c r="VLW730" s="424"/>
      <c r="VLX730" s="424"/>
      <c r="VLY730" s="423" t="s">
        <v>2795</v>
      </c>
      <c r="VLZ730" s="424"/>
      <c r="VMA730" s="424"/>
      <c r="VMB730" s="424"/>
      <c r="VMC730" s="423" t="s">
        <v>2795</v>
      </c>
      <c r="VMD730" s="424"/>
      <c r="VME730" s="424"/>
      <c r="VMF730" s="424"/>
      <c r="VMG730" s="423" t="s">
        <v>2795</v>
      </c>
      <c r="VMH730" s="424"/>
      <c r="VMI730" s="424"/>
      <c r="VMJ730" s="424"/>
      <c r="VMK730" s="423" t="s">
        <v>2795</v>
      </c>
      <c r="VML730" s="424"/>
      <c r="VMM730" s="424"/>
      <c r="VMN730" s="424"/>
      <c r="VMO730" s="423" t="s">
        <v>2795</v>
      </c>
      <c r="VMP730" s="424"/>
      <c r="VMQ730" s="424"/>
      <c r="VMR730" s="424"/>
      <c r="VMS730" s="423" t="s">
        <v>2795</v>
      </c>
      <c r="VMT730" s="424"/>
      <c r="VMU730" s="424"/>
      <c r="VMV730" s="424"/>
      <c r="VMW730" s="423" t="s">
        <v>2795</v>
      </c>
      <c r="VMX730" s="424"/>
      <c r="VMY730" s="424"/>
      <c r="VMZ730" s="424"/>
      <c r="VNA730" s="423" t="s">
        <v>2795</v>
      </c>
      <c r="VNB730" s="424"/>
      <c r="VNC730" s="424"/>
      <c r="VND730" s="424"/>
      <c r="VNE730" s="423" t="s">
        <v>2795</v>
      </c>
      <c r="VNF730" s="424"/>
      <c r="VNG730" s="424"/>
      <c r="VNH730" s="424"/>
      <c r="VNI730" s="423" t="s">
        <v>2795</v>
      </c>
      <c r="VNJ730" s="424"/>
      <c r="VNK730" s="424"/>
      <c r="VNL730" s="424"/>
      <c r="VNM730" s="423" t="s">
        <v>2795</v>
      </c>
      <c r="VNN730" s="424"/>
      <c r="VNO730" s="424"/>
      <c r="VNP730" s="424"/>
      <c r="VNQ730" s="423" t="s">
        <v>2795</v>
      </c>
      <c r="VNR730" s="424"/>
      <c r="VNS730" s="424"/>
      <c r="VNT730" s="424"/>
      <c r="VNU730" s="423" t="s">
        <v>2795</v>
      </c>
      <c r="VNV730" s="424"/>
      <c r="VNW730" s="424"/>
      <c r="VNX730" s="424"/>
      <c r="VNY730" s="423" t="s">
        <v>2795</v>
      </c>
      <c r="VNZ730" s="424"/>
      <c r="VOA730" s="424"/>
      <c r="VOB730" s="424"/>
      <c r="VOC730" s="423" t="s">
        <v>2795</v>
      </c>
      <c r="VOD730" s="424"/>
      <c r="VOE730" s="424"/>
      <c r="VOF730" s="424"/>
      <c r="VOG730" s="423" t="s">
        <v>2795</v>
      </c>
      <c r="VOH730" s="424"/>
      <c r="VOI730" s="424"/>
      <c r="VOJ730" s="424"/>
      <c r="VOK730" s="423" t="s">
        <v>2795</v>
      </c>
      <c r="VOL730" s="424"/>
      <c r="VOM730" s="424"/>
      <c r="VON730" s="424"/>
      <c r="VOO730" s="423" t="s">
        <v>2795</v>
      </c>
      <c r="VOP730" s="424"/>
      <c r="VOQ730" s="424"/>
      <c r="VOR730" s="424"/>
      <c r="VOS730" s="423" t="s">
        <v>2795</v>
      </c>
      <c r="VOT730" s="424"/>
      <c r="VOU730" s="424"/>
      <c r="VOV730" s="424"/>
      <c r="VOW730" s="423" t="s">
        <v>2795</v>
      </c>
      <c r="VOX730" s="424"/>
      <c r="VOY730" s="424"/>
      <c r="VOZ730" s="424"/>
      <c r="VPA730" s="423" t="s">
        <v>2795</v>
      </c>
      <c r="VPB730" s="424"/>
      <c r="VPC730" s="424"/>
      <c r="VPD730" s="424"/>
      <c r="VPE730" s="423" t="s">
        <v>2795</v>
      </c>
      <c r="VPF730" s="424"/>
      <c r="VPG730" s="424"/>
      <c r="VPH730" s="424"/>
      <c r="VPI730" s="423" t="s">
        <v>2795</v>
      </c>
      <c r="VPJ730" s="424"/>
      <c r="VPK730" s="424"/>
      <c r="VPL730" s="424"/>
      <c r="VPM730" s="423" t="s">
        <v>2795</v>
      </c>
      <c r="VPN730" s="424"/>
      <c r="VPO730" s="424"/>
      <c r="VPP730" s="424"/>
      <c r="VPQ730" s="423" t="s">
        <v>2795</v>
      </c>
      <c r="VPR730" s="424"/>
      <c r="VPS730" s="424"/>
      <c r="VPT730" s="424"/>
      <c r="VPU730" s="423" t="s">
        <v>2795</v>
      </c>
      <c r="VPV730" s="424"/>
      <c r="VPW730" s="424"/>
      <c r="VPX730" s="424"/>
      <c r="VPY730" s="423" t="s">
        <v>2795</v>
      </c>
      <c r="VPZ730" s="424"/>
      <c r="VQA730" s="424"/>
      <c r="VQB730" s="424"/>
      <c r="VQC730" s="423" t="s">
        <v>2795</v>
      </c>
      <c r="VQD730" s="424"/>
      <c r="VQE730" s="424"/>
      <c r="VQF730" s="424"/>
      <c r="VQG730" s="423" t="s">
        <v>2795</v>
      </c>
      <c r="VQH730" s="424"/>
      <c r="VQI730" s="424"/>
      <c r="VQJ730" s="424"/>
      <c r="VQK730" s="423" t="s">
        <v>2795</v>
      </c>
      <c r="VQL730" s="424"/>
      <c r="VQM730" s="424"/>
      <c r="VQN730" s="424"/>
      <c r="VQO730" s="423" t="s">
        <v>2795</v>
      </c>
      <c r="VQP730" s="424"/>
      <c r="VQQ730" s="424"/>
      <c r="VQR730" s="424"/>
      <c r="VQS730" s="423" t="s">
        <v>2795</v>
      </c>
      <c r="VQT730" s="424"/>
      <c r="VQU730" s="424"/>
      <c r="VQV730" s="424"/>
      <c r="VQW730" s="423" t="s">
        <v>2795</v>
      </c>
      <c r="VQX730" s="424"/>
      <c r="VQY730" s="424"/>
      <c r="VQZ730" s="424"/>
      <c r="VRA730" s="423" t="s">
        <v>2795</v>
      </c>
      <c r="VRB730" s="424"/>
      <c r="VRC730" s="424"/>
      <c r="VRD730" s="424"/>
      <c r="VRE730" s="423" t="s">
        <v>2795</v>
      </c>
      <c r="VRF730" s="424"/>
      <c r="VRG730" s="424"/>
      <c r="VRH730" s="424"/>
      <c r="VRI730" s="423" t="s">
        <v>2795</v>
      </c>
      <c r="VRJ730" s="424"/>
      <c r="VRK730" s="424"/>
      <c r="VRL730" s="424"/>
      <c r="VRM730" s="423" t="s">
        <v>2795</v>
      </c>
      <c r="VRN730" s="424"/>
      <c r="VRO730" s="424"/>
      <c r="VRP730" s="424"/>
      <c r="VRQ730" s="423" t="s">
        <v>2795</v>
      </c>
      <c r="VRR730" s="424"/>
      <c r="VRS730" s="424"/>
      <c r="VRT730" s="424"/>
      <c r="VRU730" s="423" t="s">
        <v>2795</v>
      </c>
      <c r="VRV730" s="424"/>
      <c r="VRW730" s="424"/>
      <c r="VRX730" s="424"/>
      <c r="VRY730" s="423" t="s">
        <v>2795</v>
      </c>
      <c r="VRZ730" s="424"/>
      <c r="VSA730" s="424"/>
      <c r="VSB730" s="424"/>
      <c r="VSC730" s="423" t="s">
        <v>2795</v>
      </c>
      <c r="VSD730" s="424"/>
      <c r="VSE730" s="424"/>
      <c r="VSF730" s="424"/>
      <c r="VSG730" s="423" t="s">
        <v>2795</v>
      </c>
      <c r="VSH730" s="424"/>
      <c r="VSI730" s="424"/>
      <c r="VSJ730" s="424"/>
      <c r="VSK730" s="423" t="s">
        <v>2795</v>
      </c>
      <c r="VSL730" s="424"/>
      <c r="VSM730" s="424"/>
      <c r="VSN730" s="424"/>
      <c r="VSO730" s="423" t="s">
        <v>2795</v>
      </c>
      <c r="VSP730" s="424"/>
      <c r="VSQ730" s="424"/>
      <c r="VSR730" s="424"/>
      <c r="VSS730" s="423" t="s">
        <v>2795</v>
      </c>
      <c r="VST730" s="424"/>
      <c r="VSU730" s="424"/>
      <c r="VSV730" s="424"/>
      <c r="VSW730" s="423" t="s">
        <v>2795</v>
      </c>
      <c r="VSX730" s="424"/>
      <c r="VSY730" s="424"/>
      <c r="VSZ730" s="424"/>
      <c r="VTA730" s="423" t="s">
        <v>2795</v>
      </c>
      <c r="VTB730" s="424"/>
      <c r="VTC730" s="424"/>
      <c r="VTD730" s="424"/>
      <c r="VTE730" s="423" t="s">
        <v>2795</v>
      </c>
      <c r="VTF730" s="424"/>
      <c r="VTG730" s="424"/>
      <c r="VTH730" s="424"/>
      <c r="VTI730" s="423" t="s">
        <v>2795</v>
      </c>
      <c r="VTJ730" s="424"/>
      <c r="VTK730" s="424"/>
      <c r="VTL730" s="424"/>
      <c r="VTM730" s="423" t="s">
        <v>2795</v>
      </c>
      <c r="VTN730" s="424"/>
      <c r="VTO730" s="424"/>
      <c r="VTP730" s="424"/>
      <c r="VTQ730" s="423" t="s">
        <v>2795</v>
      </c>
      <c r="VTR730" s="424"/>
      <c r="VTS730" s="424"/>
      <c r="VTT730" s="424"/>
      <c r="VTU730" s="423" t="s">
        <v>2795</v>
      </c>
      <c r="VTV730" s="424"/>
      <c r="VTW730" s="424"/>
      <c r="VTX730" s="424"/>
      <c r="VTY730" s="423" t="s">
        <v>2795</v>
      </c>
      <c r="VTZ730" s="424"/>
      <c r="VUA730" s="424"/>
      <c r="VUB730" s="424"/>
      <c r="VUC730" s="423" t="s">
        <v>2795</v>
      </c>
      <c r="VUD730" s="424"/>
      <c r="VUE730" s="424"/>
      <c r="VUF730" s="424"/>
      <c r="VUG730" s="423" t="s">
        <v>2795</v>
      </c>
      <c r="VUH730" s="424"/>
      <c r="VUI730" s="424"/>
      <c r="VUJ730" s="424"/>
      <c r="VUK730" s="423" t="s">
        <v>2795</v>
      </c>
      <c r="VUL730" s="424"/>
      <c r="VUM730" s="424"/>
      <c r="VUN730" s="424"/>
      <c r="VUO730" s="423" t="s">
        <v>2795</v>
      </c>
      <c r="VUP730" s="424"/>
      <c r="VUQ730" s="424"/>
      <c r="VUR730" s="424"/>
      <c r="VUS730" s="423" t="s">
        <v>2795</v>
      </c>
      <c r="VUT730" s="424"/>
      <c r="VUU730" s="424"/>
      <c r="VUV730" s="424"/>
      <c r="VUW730" s="423" t="s">
        <v>2795</v>
      </c>
      <c r="VUX730" s="424"/>
      <c r="VUY730" s="424"/>
      <c r="VUZ730" s="424"/>
      <c r="VVA730" s="423" t="s">
        <v>2795</v>
      </c>
      <c r="VVB730" s="424"/>
      <c r="VVC730" s="424"/>
      <c r="VVD730" s="424"/>
      <c r="VVE730" s="423" t="s">
        <v>2795</v>
      </c>
      <c r="VVF730" s="424"/>
      <c r="VVG730" s="424"/>
      <c r="VVH730" s="424"/>
      <c r="VVI730" s="423" t="s">
        <v>2795</v>
      </c>
      <c r="VVJ730" s="424"/>
      <c r="VVK730" s="424"/>
      <c r="VVL730" s="424"/>
      <c r="VVM730" s="423" t="s">
        <v>2795</v>
      </c>
      <c r="VVN730" s="424"/>
      <c r="VVO730" s="424"/>
      <c r="VVP730" s="424"/>
      <c r="VVQ730" s="423" t="s">
        <v>2795</v>
      </c>
      <c r="VVR730" s="424"/>
      <c r="VVS730" s="424"/>
      <c r="VVT730" s="424"/>
      <c r="VVU730" s="423" t="s">
        <v>2795</v>
      </c>
      <c r="VVV730" s="424"/>
      <c r="VVW730" s="424"/>
      <c r="VVX730" s="424"/>
      <c r="VVY730" s="423" t="s">
        <v>2795</v>
      </c>
      <c r="VVZ730" s="424"/>
      <c r="VWA730" s="424"/>
      <c r="VWB730" s="424"/>
      <c r="VWC730" s="423" t="s">
        <v>2795</v>
      </c>
      <c r="VWD730" s="424"/>
      <c r="VWE730" s="424"/>
      <c r="VWF730" s="424"/>
      <c r="VWG730" s="423" t="s">
        <v>2795</v>
      </c>
      <c r="VWH730" s="424"/>
      <c r="VWI730" s="424"/>
      <c r="VWJ730" s="424"/>
      <c r="VWK730" s="423" t="s">
        <v>2795</v>
      </c>
      <c r="VWL730" s="424"/>
      <c r="VWM730" s="424"/>
      <c r="VWN730" s="424"/>
      <c r="VWO730" s="423" t="s">
        <v>2795</v>
      </c>
      <c r="VWP730" s="424"/>
      <c r="VWQ730" s="424"/>
      <c r="VWR730" s="424"/>
      <c r="VWS730" s="423" t="s">
        <v>2795</v>
      </c>
      <c r="VWT730" s="424"/>
      <c r="VWU730" s="424"/>
      <c r="VWV730" s="424"/>
      <c r="VWW730" s="423" t="s">
        <v>2795</v>
      </c>
      <c r="VWX730" s="424"/>
      <c r="VWY730" s="424"/>
      <c r="VWZ730" s="424"/>
      <c r="VXA730" s="423" t="s">
        <v>2795</v>
      </c>
      <c r="VXB730" s="424"/>
      <c r="VXC730" s="424"/>
      <c r="VXD730" s="424"/>
      <c r="VXE730" s="423" t="s">
        <v>2795</v>
      </c>
      <c r="VXF730" s="424"/>
      <c r="VXG730" s="424"/>
      <c r="VXH730" s="424"/>
      <c r="VXI730" s="423" t="s">
        <v>2795</v>
      </c>
      <c r="VXJ730" s="424"/>
      <c r="VXK730" s="424"/>
      <c r="VXL730" s="424"/>
      <c r="VXM730" s="423" t="s">
        <v>2795</v>
      </c>
      <c r="VXN730" s="424"/>
      <c r="VXO730" s="424"/>
      <c r="VXP730" s="424"/>
      <c r="VXQ730" s="423" t="s">
        <v>2795</v>
      </c>
      <c r="VXR730" s="424"/>
      <c r="VXS730" s="424"/>
      <c r="VXT730" s="424"/>
      <c r="VXU730" s="423" t="s">
        <v>2795</v>
      </c>
      <c r="VXV730" s="424"/>
      <c r="VXW730" s="424"/>
      <c r="VXX730" s="424"/>
      <c r="VXY730" s="423" t="s">
        <v>2795</v>
      </c>
      <c r="VXZ730" s="424"/>
      <c r="VYA730" s="424"/>
      <c r="VYB730" s="424"/>
      <c r="VYC730" s="423" t="s">
        <v>2795</v>
      </c>
      <c r="VYD730" s="424"/>
      <c r="VYE730" s="424"/>
      <c r="VYF730" s="424"/>
      <c r="VYG730" s="423" t="s">
        <v>2795</v>
      </c>
      <c r="VYH730" s="424"/>
      <c r="VYI730" s="424"/>
      <c r="VYJ730" s="424"/>
      <c r="VYK730" s="423" t="s">
        <v>2795</v>
      </c>
      <c r="VYL730" s="424"/>
      <c r="VYM730" s="424"/>
      <c r="VYN730" s="424"/>
      <c r="VYO730" s="423" t="s">
        <v>2795</v>
      </c>
      <c r="VYP730" s="424"/>
      <c r="VYQ730" s="424"/>
      <c r="VYR730" s="424"/>
      <c r="VYS730" s="423" t="s">
        <v>2795</v>
      </c>
      <c r="VYT730" s="424"/>
      <c r="VYU730" s="424"/>
      <c r="VYV730" s="424"/>
      <c r="VYW730" s="423" t="s">
        <v>2795</v>
      </c>
      <c r="VYX730" s="424"/>
      <c r="VYY730" s="424"/>
      <c r="VYZ730" s="424"/>
      <c r="VZA730" s="423" t="s">
        <v>2795</v>
      </c>
      <c r="VZB730" s="424"/>
      <c r="VZC730" s="424"/>
      <c r="VZD730" s="424"/>
      <c r="VZE730" s="423" t="s">
        <v>2795</v>
      </c>
      <c r="VZF730" s="424"/>
      <c r="VZG730" s="424"/>
      <c r="VZH730" s="424"/>
      <c r="VZI730" s="423" t="s">
        <v>2795</v>
      </c>
      <c r="VZJ730" s="424"/>
      <c r="VZK730" s="424"/>
      <c r="VZL730" s="424"/>
      <c r="VZM730" s="423" t="s">
        <v>2795</v>
      </c>
      <c r="VZN730" s="424"/>
      <c r="VZO730" s="424"/>
      <c r="VZP730" s="424"/>
      <c r="VZQ730" s="423" t="s">
        <v>2795</v>
      </c>
      <c r="VZR730" s="424"/>
      <c r="VZS730" s="424"/>
      <c r="VZT730" s="424"/>
      <c r="VZU730" s="423" t="s">
        <v>2795</v>
      </c>
      <c r="VZV730" s="424"/>
      <c r="VZW730" s="424"/>
      <c r="VZX730" s="424"/>
      <c r="VZY730" s="423" t="s">
        <v>2795</v>
      </c>
      <c r="VZZ730" s="424"/>
      <c r="WAA730" s="424"/>
      <c r="WAB730" s="424"/>
      <c r="WAC730" s="423" t="s">
        <v>2795</v>
      </c>
      <c r="WAD730" s="424"/>
      <c r="WAE730" s="424"/>
      <c r="WAF730" s="424"/>
      <c r="WAG730" s="423" t="s">
        <v>2795</v>
      </c>
      <c r="WAH730" s="424"/>
      <c r="WAI730" s="424"/>
      <c r="WAJ730" s="424"/>
      <c r="WAK730" s="423" t="s">
        <v>2795</v>
      </c>
      <c r="WAL730" s="424"/>
      <c r="WAM730" s="424"/>
      <c r="WAN730" s="424"/>
      <c r="WAO730" s="423" t="s">
        <v>2795</v>
      </c>
      <c r="WAP730" s="424"/>
      <c r="WAQ730" s="424"/>
      <c r="WAR730" s="424"/>
      <c r="WAS730" s="423" t="s">
        <v>2795</v>
      </c>
      <c r="WAT730" s="424"/>
      <c r="WAU730" s="424"/>
      <c r="WAV730" s="424"/>
      <c r="WAW730" s="423" t="s">
        <v>2795</v>
      </c>
      <c r="WAX730" s="424"/>
      <c r="WAY730" s="424"/>
      <c r="WAZ730" s="424"/>
      <c r="WBA730" s="423" t="s">
        <v>2795</v>
      </c>
      <c r="WBB730" s="424"/>
      <c r="WBC730" s="424"/>
      <c r="WBD730" s="424"/>
      <c r="WBE730" s="423" t="s">
        <v>2795</v>
      </c>
      <c r="WBF730" s="424"/>
      <c r="WBG730" s="424"/>
      <c r="WBH730" s="424"/>
      <c r="WBI730" s="423" t="s">
        <v>2795</v>
      </c>
      <c r="WBJ730" s="424"/>
      <c r="WBK730" s="424"/>
      <c r="WBL730" s="424"/>
      <c r="WBM730" s="423" t="s">
        <v>2795</v>
      </c>
      <c r="WBN730" s="424"/>
      <c r="WBO730" s="424"/>
      <c r="WBP730" s="424"/>
      <c r="WBQ730" s="423" t="s">
        <v>2795</v>
      </c>
      <c r="WBR730" s="424"/>
      <c r="WBS730" s="424"/>
      <c r="WBT730" s="424"/>
      <c r="WBU730" s="423" t="s">
        <v>2795</v>
      </c>
      <c r="WBV730" s="424"/>
      <c r="WBW730" s="424"/>
      <c r="WBX730" s="424"/>
      <c r="WBY730" s="423" t="s">
        <v>2795</v>
      </c>
      <c r="WBZ730" s="424"/>
      <c r="WCA730" s="424"/>
      <c r="WCB730" s="424"/>
      <c r="WCC730" s="423" t="s">
        <v>2795</v>
      </c>
      <c r="WCD730" s="424"/>
      <c r="WCE730" s="424"/>
      <c r="WCF730" s="424"/>
      <c r="WCG730" s="423" t="s">
        <v>2795</v>
      </c>
      <c r="WCH730" s="424"/>
      <c r="WCI730" s="424"/>
      <c r="WCJ730" s="424"/>
      <c r="WCK730" s="423" t="s">
        <v>2795</v>
      </c>
      <c r="WCL730" s="424"/>
      <c r="WCM730" s="424"/>
      <c r="WCN730" s="424"/>
      <c r="WCO730" s="423" t="s">
        <v>2795</v>
      </c>
      <c r="WCP730" s="424"/>
      <c r="WCQ730" s="424"/>
      <c r="WCR730" s="424"/>
      <c r="WCS730" s="423" t="s">
        <v>2795</v>
      </c>
      <c r="WCT730" s="424"/>
      <c r="WCU730" s="424"/>
      <c r="WCV730" s="424"/>
      <c r="WCW730" s="423" t="s">
        <v>2795</v>
      </c>
      <c r="WCX730" s="424"/>
      <c r="WCY730" s="424"/>
      <c r="WCZ730" s="424"/>
      <c r="WDA730" s="423" t="s">
        <v>2795</v>
      </c>
      <c r="WDB730" s="424"/>
      <c r="WDC730" s="424"/>
      <c r="WDD730" s="424"/>
      <c r="WDE730" s="423" t="s">
        <v>2795</v>
      </c>
      <c r="WDF730" s="424"/>
      <c r="WDG730" s="424"/>
      <c r="WDH730" s="424"/>
      <c r="WDI730" s="423" t="s">
        <v>2795</v>
      </c>
      <c r="WDJ730" s="424"/>
      <c r="WDK730" s="424"/>
      <c r="WDL730" s="424"/>
      <c r="WDM730" s="423" t="s">
        <v>2795</v>
      </c>
      <c r="WDN730" s="424"/>
      <c r="WDO730" s="424"/>
      <c r="WDP730" s="424"/>
      <c r="WDQ730" s="423" t="s">
        <v>2795</v>
      </c>
      <c r="WDR730" s="424"/>
      <c r="WDS730" s="424"/>
      <c r="WDT730" s="424"/>
      <c r="WDU730" s="423" t="s">
        <v>2795</v>
      </c>
      <c r="WDV730" s="424"/>
      <c r="WDW730" s="424"/>
      <c r="WDX730" s="424"/>
      <c r="WDY730" s="423" t="s">
        <v>2795</v>
      </c>
      <c r="WDZ730" s="424"/>
      <c r="WEA730" s="424"/>
      <c r="WEB730" s="424"/>
      <c r="WEC730" s="423" t="s">
        <v>2795</v>
      </c>
      <c r="WED730" s="424"/>
      <c r="WEE730" s="424"/>
      <c r="WEF730" s="424"/>
      <c r="WEG730" s="423" t="s">
        <v>2795</v>
      </c>
      <c r="WEH730" s="424"/>
      <c r="WEI730" s="424"/>
      <c r="WEJ730" s="424"/>
      <c r="WEK730" s="423" t="s">
        <v>2795</v>
      </c>
      <c r="WEL730" s="424"/>
      <c r="WEM730" s="424"/>
      <c r="WEN730" s="424"/>
      <c r="WEO730" s="423" t="s">
        <v>2795</v>
      </c>
      <c r="WEP730" s="424"/>
      <c r="WEQ730" s="424"/>
      <c r="WER730" s="424"/>
      <c r="WES730" s="423" t="s">
        <v>2795</v>
      </c>
      <c r="WET730" s="424"/>
      <c r="WEU730" s="424"/>
      <c r="WEV730" s="424"/>
      <c r="WEW730" s="423" t="s">
        <v>2795</v>
      </c>
      <c r="WEX730" s="424"/>
      <c r="WEY730" s="424"/>
      <c r="WEZ730" s="424"/>
      <c r="WFA730" s="423" t="s">
        <v>2795</v>
      </c>
      <c r="WFB730" s="424"/>
      <c r="WFC730" s="424"/>
      <c r="WFD730" s="424"/>
      <c r="WFE730" s="423" t="s">
        <v>2795</v>
      </c>
      <c r="WFF730" s="424"/>
      <c r="WFG730" s="424"/>
      <c r="WFH730" s="424"/>
      <c r="WFI730" s="423" t="s">
        <v>2795</v>
      </c>
      <c r="WFJ730" s="424"/>
      <c r="WFK730" s="424"/>
      <c r="WFL730" s="424"/>
      <c r="WFM730" s="423" t="s">
        <v>2795</v>
      </c>
      <c r="WFN730" s="424"/>
      <c r="WFO730" s="424"/>
      <c r="WFP730" s="424"/>
      <c r="WFQ730" s="423" t="s">
        <v>2795</v>
      </c>
      <c r="WFR730" s="424"/>
      <c r="WFS730" s="424"/>
      <c r="WFT730" s="424"/>
      <c r="WFU730" s="423" t="s">
        <v>2795</v>
      </c>
      <c r="WFV730" s="424"/>
      <c r="WFW730" s="424"/>
      <c r="WFX730" s="424"/>
      <c r="WFY730" s="423" t="s">
        <v>2795</v>
      </c>
      <c r="WFZ730" s="424"/>
      <c r="WGA730" s="424"/>
      <c r="WGB730" s="424"/>
      <c r="WGC730" s="423" t="s">
        <v>2795</v>
      </c>
      <c r="WGD730" s="424"/>
      <c r="WGE730" s="424"/>
      <c r="WGF730" s="424"/>
      <c r="WGG730" s="423" t="s">
        <v>2795</v>
      </c>
      <c r="WGH730" s="424"/>
      <c r="WGI730" s="424"/>
      <c r="WGJ730" s="424"/>
      <c r="WGK730" s="423" t="s">
        <v>2795</v>
      </c>
      <c r="WGL730" s="424"/>
      <c r="WGM730" s="424"/>
      <c r="WGN730" s="424"/>
      <c r="WGO730" s="423" t="s">
        <v>2795</v>
      </c>
      <c r="WGP730" s="424"/>
      <c r="WGQ730" s="424"/>
      <c r="WGR730" s="424"/>
      <c r="WGS730" s="423" t="s">
        <v>2795</v>
      </c>
      <c r="WGT730" s="424"/>
      <c r="WGU730" s="424"/>
      <c r="WGV730" s="424"/>
      <c r="WGW730" s="423" t="s">
        <v>2795</v>
      </c>
      <c r="WGX730" s="424"/>
      <c r="WGY730" s="424"/>
      <c r="WGZ730" s="424"/>
      <c r="WHA730" s="423" t="s">
        <v>2795</v>
      </c>
      <c r="WHB730" s="424"/>
      <c r="WHC730" s="424"/>
      <c r="WHD730" s="424"/>
      <c r="WHE730" s="423" t="s">
        <v>2795</v>
      </c>
      <c r="WHF730" s="424"/>
      <c r="WHG730" s="424"/>
      <c r="WHH730" s="424"/>
      <c r="WHI730" s="423" t="s">
        <v>2795</v>
      </c>
      <c r="WHJ730" s="424"/>
      <c r="WHK730" s="424"/>
      <c r="WHL730" s="424"/>
      <c r="WHM730" s="423" t="s">
        <v>2795</v>
      </c>
      <c r="WHN730" s="424"/>
      <c r="WHO730" s="424"/>
      <c r="WHP730" s="424"/>
      <c r="WHQ730" s="423" t="s">
        <v>2795</v>
      </c>
      <c r="WHR730" s="424"/>
      <c r="WHS730" s="424"/>
      <c r="WHT730" s="424"/>
      <c r="WHU730" s="423" t="s">
        <v>2795</v>
      </c>
      <c r="WHV730" s="424"/>
      <c r="WHW730" s="424"/>
      <c r="WHX730" s="424"/>
      <c r="WHY730" s="423" t="s">
        <v>2795</v>
      </c>
      <c r="WHZ730" s="424"/>
      <c r="WIA730" s="424"/>
      <c r="WIB730" s="424"/>
      <c r="WIC730" s="423" t="s">
        <v>2795</v>
      </c>
      <c r="WID730" s="424"/>
      <c r="WIE730" s="424"/>
      <c r="WIF730" s="424"/>
      <c r="WIG730" s="423" t="s">
        <v>2795</v>
      </c>
      <c r="WIH730" s="424"/>
      <c r="WII730" s="424"/>
      <c r="WIJ730" s="424"/>
      <c r="WIK730" s="423" t="s">
        <v>2795</v>
      </c>
      <c r="WIL730" s="424"/>
      <c r="WIM730" s="424"/>
      <c r="WIN730" s="424"/>
      <c r="WIO730" s="423" t="s">
        <v>2795</v>
      </c>
      <c r="WIP730" s="424"/>
      <c r="WIQ730" s="424"/>
      <c r="WIR730" s="424"/>
      <c r="WIS730" s="423" t="s">
        <v>2795</v>
      </c>
      <c r="WIT730" s="424"/>
      <c r="WIU730" s="424"/>
      <c r="WIV730" s="424"/>
      <c r="WIW730" s="423" t="s">
        <v>2795</v>
      </c>
      <c r="WIX730" s="424"/>
      <c r="WIY730" s="424"/>
      <c r="WIZ730" s="424"/>
      <c r="WJA730" s="423" t="s">
        <v>2795</v>
      </c>
      <c r="WJB730" s="424"/>
      <c r="WJC730" s="424"/>
      <c r="WJD730" s="424"/>
      <c r="WJE730" s="423" t="s">
        <v>2795</v>
      </c>
      <c r="WJF730" s="424"/>
      <c r="WJG730" s="424"/>
      <c r="WJH730" s="424"/>
      <c r="WJI730" s="423" t="s">
        <v>2795</v>
      </c>
      <c r="WJJ730" s="424"/>
      <c r="WJK730" s="424"/>
      <c r="WJL730" s="424"/>
      <c r="WJM730" s="423" t="s">
        <v>2795</v>
      </c>
      <c r="WJN730" s="424"/>
      <c r="WJO730" s="424"/>
      <c r="WJP730" s="424"/>
      <c r="WJQ730" s="423" t="s">
        <v>2795</v>
      </c>
      <c r="WJR730" s="424"/>
      <c r="WJS730" s="424"/>
      <c r="WJT730" s="424"/>
      <c r="WJU730" s="423" t="s">
        <v>2795</v>
      </c>
      <c r="WJV730" s="424"/>
      <c r="WJW730" s="424"/>
      <c r="WJX730" s="424"/>
      <c r="WJY730" s="423" t="s">
        <v>2795</v>
      </c>
      <c r="WJZ730" s="424"/>
      <c r="WKA730" s="424"/>
      <c r="WKB730" s="424"/>
      <c r="WKC730" s="423" t="s">
        <v>2795</v>
      </c>
      <c r="WKD730" s="424"/>
      <c r="WKE730" s="424"/>
      <c r="WKF730" s="424"/>
      <c r="WKG730" s="423" t="s">
        <v>2795</v>
      </c>
      <c r="WKH730" s="424"/>
      <c r="WKI730" s="424"/>
      <c r="WKJ730" s="424"/>
      <c r="WKK730" s="423" t="s">
        <v>2795</v>
      </c>
      <c r="WKL730" s="424"/>
      <c r="WKM730" s="424"/>
      <c r="WKN730" s="424"/>
      <c r="WKO730" s="423" t="s">
        <v>2795</v>
      </c>
      <c r="WKP730" s="424"/>
      <c r="WKQ730" s="424"/>
      <c r="WKR730" s="424"/>
      <c r="WKS730" s="423" t="s">
        <v>2795</v>
      </c>
      <c r="WKT730" s="424"/>
      <c r="WKU730" s="424"/>
      <c r="WKV730" s="424"/>
      <c r="WKW730" s="423" t="s">
        <v>2795</v>
      </c>
      <c r="WKX730" s="424"/>
      <c r="WKY730" s="424"/>
      <c r="WKZ730" s="424"/>
      <c r="WLA730" s="423" t="s">
        <v>2795</v>
      </c>
      <c r="WLB730" s="424"/>
      <c r="WLC730" s="424"/>
      <c r="WLD730" s="424"/>
      <c r="WLE730" s="423" t="s">
        <v>2795</v>
      </c>
      <c r="WLF730" s="424"/>
      <c r="WLG730" s="424"/>
      <c r="WLH730" s="424"/>
      <c r="WLI730" s="423" t="s">
        <v>2795</v>
      </c>
      <c r="WLJ730" s="424"/>
      <c r="WLK730" s="424"/>
      <c r="WLL730" s="424"/>
      <c r="WLM730" s="423" t="s">
        <v>2795</v>
      </c>
      <c r="WLN730" s="424"/>
      <c r="WLO730" s="424"/>
      <c r="WLP730" s="424"/>
      <c r="WLQ730" s="423" t="s">
        <v>2795</v>
      </c>
      <c r="WLR730" s="424"/>
      <c r="WLS730" s="424"/>
      <c r="WLT730" s="424"/>
      <c r="WLU730" s="423" t="s">
        <v>2795</v>
      </c>
      <c r="WLV730" s="424"/>
      <c r="WLW730" s="424"/>
      <c r="WLX730" s="424"/>
      <c r="WLY730" s="423" t="s">
        <v>2795</v>
      </c>
      <c r="WLZ730" s="424"/>
      <c r="WMA730" s="424"/>
      <c r="WMB730" s="424"/>
      <c r="WMC730" s="423" t="s">
        <v>2795</v>
      </c>
      <c r="WMD730" s="424"/>
      <c r="WME730" s="424"/>
      <c r="WMF730" s="424"/>
      <c r="WMG730" s="423" t="s">
        <v>2795</v>
      </c>
      <c r="WMH730" s="424"/>
      <c r="WMI730" s="424"/>
      <c r="WMJ730" s="424"/>
      <c r="WMK730" s="423" t="s">
        <v>2795</v>
      </c>
      <c r="WML730" s="424"/>
      <c r="WMM730" s="424"/>
      <c r="WMN730" s="424"/>
      <c r="WMO730" s="423" t="s">
        <v>2795</v>
      </c>
      <c r="WMP730" s="424"/>
      <c r="WMQ730" s="424"/>
      <c r="WMR730" s="424"/>
      <c r="WMS730" s="423" t="s">
        <v>2795</v>
      </c>
      <c r="WMT730" s="424"/>
      <c r="WMU730" s="424"/>
      <c r="WMV730" s="424"/>
      <c r="WMW730" s="423" t="s">
        <v>2795</v>
      </c>
      <c r="WMX730" s="424"/>
      <c r="WMY730" s="424"/>
      <c r="WMZ730" s="424"/>
      <c r="WNA730" s="423" t="s">
        <v>2795</v>
      </c>
      <c r="WNB730" s="424"/>
      <c r="WNC730" s="424"/>
      <c r="WND730" s="424"/>
      <c r="WNE730" s="423" t="s">
        <v>2795</v>
      </c>
      <c r="WNF730" s="424"/>
      <c r="WNG730" s="424"/>
      <c r="WNH730" s="424"/>
      <c r="WNI730" s="423" t="s">
        <v>2795</v>
      </c>
      <c r="WNJ730" s="424"/>
      <c r="WNK730" s="424"/>
      <c r="WNL730" s="424"/>
      <c r="WNM730" s="423" t="s">
        <v>2795</v>
      </c>
      <c r="WNN730" s="424"/>
      <c r="WNO730" s="424"/>
      <c r="WNP730" s="424"/>
      <c r="WNQ730" s="423" t="s">
        <v>2795</v>
      </c>
      <c r="WNR730" s="424"/>
      <c r="WNS730" s="424"/>
      <c r="WNT730" s="424"/>
      <c r="WNU730" s="423" t="s">
        <v>2795</v>
      </c>
      <c r="WNV730" s="424"/>
      <c r="WNW730" s="424"/>
      <c r="WNX730" s="424"/>
      <c r="WNY730" s="423" t="s">
        <v>2795</v>
      </c>
      <c r="WNZ730" s="424"/>
      <c r="WOA730" s="424"/>
      <c r="WOB730" s="424"/>
      <c r="WOC730" s="423" t="s">
        <v>2795</v>
      </c>
      <c r="WOD730" s="424"/>
      <c r="WOE730" s="424"/>
      <c r="WOF730" s="424"/>
      <c r="WOG730" s="423" t="s">
        <v>2795</v>
      </c>
      <c r="WOH730" s="424"/>
      <c r="WOI730" s="424"/>
      <c r="WOJ730" s="424"/>
      <c r="WOK730" s="423" t="s">
        <v>2795</v>
      </c>
      <c r="WOL730" s="424"/>
      <c r="WOM730" s="424"/>
      <c r="WON730" s="424"/>
      <c r="WOO730" s="423" t="s">
        <v>2795</v>
      </c>
      <c r="WOP730" s="424"/>
      <c r="WOQ730" s="424"/>
      <c r="WOR730" s="424"/>
      <c r="WOS730" s="423" t="s">
        <v>2795</v>
      </c>
      <c r="WOT730" s="424"/>
      <c r="WOU730" s="424"/>
      <c r="WOV730" s="424"/>
      <c r="WOW730" s="423" t="s">
        <v>2795</v>
      </c>
      <c r="WOX730" s="424"/>
      <c r="WOY730" s="424"/>
      <c r="WOZ730" s="424"/>
      <c r="WPA730" s="423" t="s">
        <v>2795</v>
      </c>
      <c r="WPB730" s="424"/>
      <c r="WPC730" s="424"/>
      <c r="WPD730" s="424"/>
      <c r="WPE730" s="423" t="s">
        <v>2795</v>
      </c>
      <c r="WPF730" s="424"/>
      <c r="WPG730" s="424"/>
      <c r="WPH730" s="424"/>
      <c r="WPI730" s="423" t="s">
        <v>2795</v>
      </c>
      <c r="WPJ730" s="424"/>
      <c r="WPK730" s="424"/>
      <c r="WPL730" s="424"/>
      <c r="WPM730" s="423" t="s">
        <v>2795</v>
      </c>
      <c r="WPN730" s="424"/>
      <c r="WPO730" s="424"/>
      <c r="WPP730" s="424"/>
      <c r="WPQ730" s="423" t="s">
        <v>2795</v>
      </c>
      <c r="WPR730" s="424"/>
      <c r="WPS730" s="424"/>
      <c r="WPT730" s="424"/>
      <c r="WPU730" s="423" t="s">
        <v>2795</v>
      </c>
      <c r="WPV730" s="424"/>
      <c r="WPW730" s="424"/>
      <c r="WPX730" s="424"/>
      <c r="WPY730" s="423" t="s">
        <v>2795</v>
      </c>
      <c r="WPZ730" s="424"/>
      <c r="WQA730" s="424"/>
      <c r="WQB730" s="424"/>
      <c r="WQC730" s="423" t="s">
        <v>2795</v>
      </c>
      <c r="WQD730" s="424"/>
      <c r="WQE730" s="424"/>
      <c r="WQF730" s="424"/>
      <c r="WQG730" s="423" t="s">
        <v>2795</v>
      </c>
      <c r="WQH730" s="424"/>
      <c r="WQI730" s="424"/>
      <c r="WQJ730" s="424"/>
      <c r="WQK730" s="423" t="s">
        <v>2795</v>
      </c>
      <c r="WQL730" s="424"/>
      <c r="WQM730" s="424"/>
      <c r="WQN730" s="424"/>
      <c r="WQO730" s="423" t="s">
        <v>2795</v>
      </c>
      <c r="WQP730" s="424"/>
      <c r="WQQ730" s="424"/>
      <c r="WQR730" s="424"/>
      <c r="WQS730" s="423" t="s">
        <v>2795</v>
      </c>
      <c r="WQT730" s="424"/>
      <c r="WQU730" s="424"/>
      <c r="WQV730" s="424"/>
      <c r="WQW730" s="423" t="s">
        <v>2795</v>
      </c>
      <c r="WQX730" s="424"/>
      <c r="WQY730" s="424"/>
      <c r="WQZ730" s="424"/>
      <c r="WRA730" s="423" t="s">
        <v>2795</v>
      </c>
      <c r="WRB730" s="424"/>
      <c r="WRC730" s="424"/>
      <c r="WRD730" s="424"/>
      <c r="WRE730" s="423" t="s">
        <v>2795</v>
      </c>
      <c r="WRF730" s="424"/>
      <c r="WRG730" s="424"/>
      <c r="WRH730" s="424"/>
      <c r="WRI730" s="423" t="s">
        <v>2795</v>
      </c>
      <c r="WRJ730" s="424"/>
      <c r="WRK730" s="424"/>
      <c r="WRL730" s="424"/>
      <c r="WRM730" s="423" t="s">
        <v>2795</v>
      </c>
      <c r="WRN730" s="424"/>
      <c r="WRO730" s="424"/>
      <c r="WRP730" s="424"/>
      <c r="WRQ730" s="423" t="s">
        <v>2795</v>
      </c>
      <c r="WRR730" s="424"/>
      <c r="WRS730" s="424"/>
      <c r="WRT730" s="424"/>
      <c r="WRU730" s="423" t="s">
        <v>2795</v>
      </c>
      <c r="WRV730" s="424"/>
      <c r="WRW730" s="424"/>
      <c r="WRX730" s="424"/>
      <c r="WRY730" s="423" t="s">
        <v>2795</v>
      </c>
      <c r="WRZ730" s="424"/>
      <c r="WSA730" s="424"/>
      <c r="WSB730" s="424"/>
      <c r="WSC730" s="423" t="s">
        <v>2795</v>
      </c>
      <c r="WSD730" s="424"/>
      <c r="WSE730" s="424"/>
      <c r="WSF730" s="424"/>
      <c r="WSG730" s="423" t="s">
        <v>2795</v>
      </c>
      <c r="WSH730" s="424"/>
      <c r="WSI730" s="424"/>
      <c r="WSJ730" s="424"/>
      <c r="WSK730" s="423" t="s">
        <v>2795</v>
      </c>
      <c r="WSL730" s="424"/>
      <c r="WSM730" s="424"/>
      <c r="WSN730" s="424"/>
      <c r="WSO730" s="423" t="s">
        <v>2795</v>
      </c>
      <c r="WSP730" s="424"/>
      <c r="WSQ730" s="424"/>
      <c r="WSR730" s="424"/>
      <c r="WSS730" s="423" t="s">
        <v>2795</v>
      </c>
      <c r="WST730" s="424"/>
      <c r="WSU730" s="424"/>
      <c r="WSV730" s="424"/>
      <c r="WSW730" s="423" t="s">
        <v>2795</v>
      </c>
      <c r="WSX730" s="424"/>
      <c r="WSY730" s="424"/>
      <c r="WSZ730" s="424"/>
      <c r="WTA730" s="423" t="s">
        <v>2795</v>
      </c>
      <c r="WTB730" s="424"/>
      <c r="WTC730" s="424"/>
      <c r="WTD730" s="424"/>
      <c r="WTE730" s="423" t="s">
        <v>2795</v>
      </c>
      <c r="WTF730" s="424"/>
      <c r="WTG730" s="424"/>
      <c r="WTH730" s="424"/>
      <c r="WTI730" s="423" t="s">
        <v>2795</v>
      </c>
      <c r="WTJ730" s="424"/>
      <c r="WTK730" s="424"/>
      <c r="WTL730" s="424"/>
      <c r="WTM730" s="423" t="s">
        <v>2795</v>
      </c>
      <c r="WTN730" s="424"/>
      <c r="WTO730" s="424"/>
      <c r="WTP730" s="424"/>
      <c r="WTQ730" s="423" t="s">
        <v>2795</v>
      </c>
      <c r="WTR730" s="424"/>
      <c r="WTS730" s="424"/>
      <c r="WTT730" s="424"/>
      <c r="WTU730" s="423" t="s">
        <v>2795</v>
      </c>
      <c r="WTV730" s="424"/>
      <c r="WTW730" s="424"/>
      <c r="WTX730" s="424"/>
      <c r="WTY730" s="423" t="s">
        <v>2795</v>
      </c>
      <c r="WTZ730" s="424"/>
      <c r="WUA730" s="424"/>
      <c r="WUB730" s="424"/>
      <c r="WUC730" s="423" t="s">
        <v>2795</v>
      </c>
      <c r="WUD730" s="424"/>
      <c r="WUE730" s="424"/>
      <c r="WUF730" s="424"/>
      <c r="WUG730" s="423" t="s">
        <v>2795</v>
      </c>
      <c r="WUH730" s="424"/>
      <c r="WUI730" s="424"/>
      <c r="WUJ730" s="424"/>
      <c r="WUK730" s="423" t="s">
        <v>2795</v>
      </c>
      <c r="WUL730" s="424"/>
      <c r="WUM730" s="424"/>
      <c r="WUN730" s="424"/>
      <c r="WUO730" s="423" t="s">
        <v>2795</v>
      </c>
      <c r="WUP730" s="424"/>
      <c r="WUQ730" s="424"/>
      <c r="WUR730" s="424"/>
      <c r="WUS730" s="423" t="s">
        <v>2795</v>
      </c>
      <c r="WUT730" s="424"/>
      <c r="WUU730" s="424"/>
      <c r="WUV730" s="424"/>
      <c r="WUW730" s="423" t="s">
        <v>2795</v>
      </c>
      <c r="WUX730" s="424"/>
      <c r="WUY730" s="424"/>
      <c r="WUZ730" s="424"/>
      <c r="WVA730" s="423" t="s">
        <v>2795</v>
      </c>
      <c r="WVB730" s="424"/>
      <c r="WVC730" s="424"/>
      <c r="WVD730" s="424"/>
      <c r="WVE730" s="423" t="s">
        <v>2795</v>
      </c>
      <c r="WVF730" s="424"/>
      <c r="WVG730" s="424"/>
      <c r="WVH730" s="424"/>
      <c r="WVI730" s="423" t="s">
        <v>2795</v>
      </c>
      <c r="WVJ730" s="424"/>
      <c r="WVK730" s="424"/>
      <c r="WVL730" s="424"/>
      <c r="WVM730" s="423" t="s">
        <v>2795</v>
      </c>
      <c r="WVN730" s="424"/>
      <c r="WVO730" s="424"/>
      <c r="WVP730" s="424"/>
      <c r="WVQ730" s="423" t="s">
        <v>2795</v>
      </c>
      <c r="WVR730" s="424"/>
      <c r="WVS730" s="424"/>
      <c r="WVT730" s="424"/>
      <c r="WVU730" s="423" t="s">
        <v>2795</v>
      </c>
      <c r="WVV730" s="424"/>
      <c r="WVW730" s="424"/>
      <c r="WVX730" s="424"/>
      <c r="WVY730" s="423" t="s">
        <v>2795</v>
      </c>
      <c r="WVZ730" s="424"/>
      <c r="WWA730" s="424"/>
      <c r="WWB730" s="424"/>
      <c r="WWC730" s="423" t="s">
        <v>2795</v>
      </c>
      <c r="WWD730" s="424"/>
      <c r="WWE730" s="424"/>
      <c r="WWF730" s="424"/>
      <c r="WWG730" s="423" t="s">
        <v>2795</v>
      </c>
      <c r="WWH730" s="424"/>
      <c r="WWI730" s="424"/>
      <c r="WWJ730" s="424"/>
      <c r="WWK730" s="423" t="s">
        <v>2795</v>
      </c>
      <c r="WWL730" s="424"/>
      <c r="WWM730" s="424"/>
      <c r="WWN730" s="424"/>
      <c r="WWO730" s="423" t="s">
        <v>2795</v>
      </c>
      <c r="WWP730" s="424"/>
      <c r="WWQ730" s="424"/>
      <c r="WWR730" s="424"/>
      <c r="WWS730" s="423" t="s">
        <v>2795</v>
      </c>
      <c r="WWT730" s="424"/>
      <c r="WWU730" s="424"/>
      <c r="WWV730" s="424"/>
      <c r="WWW730" s="423" t="s">
        <v>2795</v>
      </c>
      <c r="WWX730" s="424"/>
      <c r="WWY730" s="424"/>
      <c r="WWZ730" s="424"/>
      <c r="WXA730" s="423" t="s">
        <v>2795</v>
      </c>
      <c r="WXB730" s="424"/>
      <c r="WXC730" s="424"/>
      <c r="WXD730" s="424"/>
      <c r="WXE730" s="423" t="s">
        <v>2795</v>
      </c>
      <c r="WXF730" s="424"/>
      <c r="WXG730" s="424"/>
      <c r="WXH730" s="424"/>
      <c r="WXI730" s="423" t="s">
        <v>2795</v>
      </c>
      <c r="WXJ730" s="424"/>
      <c r="WXK730" s="424"/>
      <c r="WXL730" s="424"/>
      <c r="WXM730" s="423" t="s">
        <v>2795</v>
      </c>
      <c r="WXN730" s="424"/>
      <c r="WXO730" s="424"/>
      <c r="WXP730" s="424"/>
      <c r="WXQ730" s="423" t="s">
        <v>2795</v>
      </c>
      <c r="WXR730" s="424"/>
      <c r="WXS730" s="424"/>
      <c r="WXT730" s="424"/>
      <c r="WXU730" s="423" t="s">
        <v>2795</v>
      </c>
      <c r="WXV730" s="424"/>
      <c r="WXW730" s="424"/>
      <c r="WXX730" s="424"/>
      <c r="WXY730" s="423" t="s">
        <v>2795</v>
      </c>
      <c r="WXZ730" s="424"/>
      <c r="WYA730" s="424"/>
      <c r="WYB730" s="424"/>
      <c r="WYC730" s="423" t="s">
        <v>2795</v>
      </c>
      <c r="WYD730" s="424"/>
      <c r="WYE730" s="424"/>
      <c r="WYF730" s="424"/>
      <c r="WYG730" s="423" t="s">
        <v>2795</v>
      </c>
      <c r="WYH730" s="424"/>
      <c r="WYI730" s="424"/>
      <c r="WYJ730" s="424"/>
      <c r="WYK730" s="423" t="s">
        <v>2795</v>
      </c>
      <c r="WYL730" s="424"/>
      <c r="WYM730" s="424"/>
      <c r="WYN730" s="424"/>
      <c r="WYO730" s="423" t="s">
        <v>2795</v>
      </c>
      <c r="WYP730" s="424"/>
      <c r="WYQ730" s="424"/>
      <c r="WYR730" s="424"/>
      <c r="WYS730" s="423" t="s">
        <v>2795</v>
      </c>
      <c r="WYT730" s="424"/>
      <c r="WYU730" s="424"/>
      <c r="WYV730" s="424"/>
      <c r="WYW730" s="423" t="s">
        <v>2795</v>
      </c>
      <c r="WYX730" s="424"/>
      <c r="WYY730" s="424"/>
      <c r="WYZ730" s="424"/>
      <c r="WZA730" s="423" t="s">
        <v>2795</v>
      </c>
      <c r="WZB730" s="424"/>
      <c r="WZC730" s="424"/>
      <c r="WZD730" s="424"/>
      <c r="WZE730" s="423" t="s">
        <v>2795</v>
      </c>
      <c r="WZF730" s="424"/>
      <c r="WZG730" s="424"/>
      <c r="WZH730" s="424"/>
      <c r="WZI730" s="423" t="s">
        <v>2795</v>
      </c>
      <c r="WZJ730" s="424"/>
      <c r="WZK730" s="424"/>
      <c r="WZL730" s="424"/>
      <c r="WZM730" s="423" t="s">
        <v>2795</v>
      </c>
      <c r="WZN730" s="424"/>
      <c r="WZO730" s="424"/>
      <c r="WZP730" s="424"/>
      <c r="WZQ730" s="423" t="s">
        <v>2795</v>
      </c>
      <c r="WZR730" s="424"/>
      <c r="WZS730" s="424"/>
      <c r="WZT730" s="424"/>
      <c r="WZU730" s="423" t="s">
        <v>2795</v>
      </c>
      <c r="WZV730" s="424"/>
      <c r="WZW730" s="424"/>
      <c r="WZX730" s="424"/>
      <c r="WZY730" s="423" t="s">
        <v>2795</v>
      </c>
      <c r="WZZ730" s="424"/>
      <c r="XAA730" s="424"/>
      <c r="XAB730" s="424"/>
      <c r="XAC730" s="423" t="s">
        <v>2795</v>
      </c>
      <c r="XAD730" s="424"/>
      <c r="XAE730" s="424"/>
      <c r="XAF730" s="424"/>
      <c r="XAG730" s="423" t="s">
        <v>2795</v>
      </c>
      <c r="XAH730" s="424"/>
      <c r="XAI730" s="424"/>
      <c r="XAJ730" s="424"/>
      <c r="XAK730" s="423" t="s">
        <v>2795</v>
      </c>
      <c r="XAL730" s="424"/>
      <c r="XAM730" s="424"/>
      <c r="XAN730" s="424"/>
      <c r="XAO730" s="423" t="s">
        <v>2795</v>
      </c>
      <c r="XAP730" s="424"/>
      <c r="XAQ730" s="424"/>
      <c r="XAR730" s="424"/>
      <c r="XAS730" s="423" t="s">
        <v>2795</v>
      </c>
      <c r="XAT730" s="424"/>
      <c r="XAU730" s="424"/>
      <c r="XAV730" s="424"/>
      <c r="XAW730" s="423" t="s">
        <v>2795</v>
      </c>
      <c r="XAX730" s="424"/>
      <c r="XAY730" s="424"/>
      <c r="XAZ730" s="424"/>
      <c r="XBA730" s="423" t="s">
        <v>2795</v>
      </c>
      <c r="XBB730" s="424"/>
      <c r="XBC730" s="424"/>
      <c r="XBD730" s="424"/>
      <c r="XBE730" s="423" t="s">
        <v>2795</v>
      </c>
      <c r="XBF730" s="424"/>
      <c r="XBG730" s="424"/>
      <c r="XBH730" s="424"/>
      <c r="XBI730" s="423" t="s">
        <v>2795</v>
      </c>
      <c r="XBJ730" s="424"/>
      <c r="XBK730" s="424"/>
      <c r="XBL730" s="424"/>
      <c r="XBM730" s="423" t="s">
        <v>2795</v>
      </c>
      <c r="XBN730" s="424"/>
      <c r="XBO730" s="424"/>
      <c r="XBP730" s="424"/>
      <c r="XBQ730" s="423" t="s">
        <v>2795</v>
      </c>
      <c r="XBR730" s="424"/>
      <c r="XBS730" s="424"/>
      <c r="XBT730" s="424"/>
      <c r="XBU730" s="423" t="s">
        <v>2795</v>
      </c>
      <c r="XBV730" s="424"/>
      <c r="XBW730" s="424"/>
      <c r="XBX730" s="424"/>
      <c r="XBY730" s="423" t="s">
        <v>2795</v>
      </c>
      <c r="XBZ730" s="424"/>
      <c r="XCA730" s="424"/>
      <c r="XCB730" s="424"/>
      <c r="XCC730" s="423" t="s">
        <v>2795</v>
      </c>
      <c r="XCD730" s="424"/>
      <c r="XCE730" s="424"/>
      <c r="XCF730" s="424"/>
      <c r="XCG730" s="423" t="s">
        <v>2795</v>
      </c>
      <c r="XCH730" s="424"/>
      <c r="XCI730" s="424"/>
      <c r="XCJ730" s="424"/>
      <c r="XCK730" s="423" t="s">
        <v>2795</v>
      </c>
      <c r="XCL730" s="424"/>
      <c r="XCM730" s="424"/>
      <c r="XCN730" s="424"/>
      <c r="XCO730" s="423" t="s">
        <v>2795</v>
      </c>
      <c r="XCP730" s="424"/>
      <c r="XCQ730" s="424"/>
      <c r="XCR730" s="424"/>
      <c r="XCS730" s="423" t="s">
        <v>2795</v>
      </c>
      <c r="XCT730" s="424"/>
      <c r="XCU730" s="424"/>
      <c r="XCV730" s="424"/>
      <c r="XCW730" s="423" t="s">
        <v>2795</v>
      </c>
      <c r="XCX730" s="424"/>
      <c r="XCY730" s="424"/>
      <c r="XCZ730" s="424"/>
      <c r="XDA730" s="423" t="s">
        <v>2795</v>
      </c>
      <c r="XDB730" s="424"/>
      <c r="XDC730" s="424"/>
      <c r="XDD730" s="424"/>
      <c r="XDE730" s="423" t="s">
        <v>2795</v>
      </c>
      <c r="XDF730" s="424"/>
      <c r="XDG730" s="424"/>
      <c r="XDH730" s="424"/>
      <c r="XDI730" s="423" t="s">
        <v>2795</v>
      </c>
      <c r="XDJ730" s="424"/>
      <c r="XDK730" s="424"/>
      <c r="XDL730" s="424"/>
      <c r="XDM730" s="423" t="s">
        <v>2795</v>
      </c>
      <c r="XDN730" s="424"/>
      <c r="XDO730" s="424"/>
      <c r="XDP730" s="424"/>
      <c r="XDQ730" s="423" t="s">
        <v>2795</v>
      </c>
      <c r="XDR730" s="424"/>
      <c r="XDS730" s="424"/>
      <c r="XDT730" s="424"/>
      <c r="XDU730" s="423" t="s">
        <v>2795</v>
      </c>
      <c r="XDV730" s="424"/>
      <c r="XDW730" s="424"/>
      <c r="XDX730" s="424"/>
      <c r="XDY730" s="423" t="s">
        <v>2795</v>
      </c>
      <c r="XDZ730" s="424"/>
      <c r="XEA730" s="424"/>
      <c r="XEB730" s="424"/>
      <c r="XEC730" s="423" t="s">
        <v>2795</v>
      </c>
      <c r="XED730" s="424"/>
      <c r="XEE730" s="424"/>
      <c r="XEF730" s="424"/>
      <c r="XEG730" s="423" t="s">
        <v>2795</v>
      </c>
      <c r="XEH730" s="424"/>
      <c r="XEI730" s="424"/>
      <c r="XEJ730" s="424"/>
      <c r="XEK730" s="423" t="s">
        <v>2795</v>
      </c>
      <c r="XEL730" s="424"/>
      <c r="XEM730" s="424"/>
      <c r="XEN730" s="424"/>
      <c r="XEO730" s="423" t="s">
        <v>2795</v>
      </c>
      <c r="XEP730" s="424"/>
      <c r="XEQ730" s="424"/>
      <c r="XER730" s="424"/>
      <c r="XES730" s="423" t="s">
        <v>2795</v>
      </c>
      <c r="XET730" s="424"/>
      <c r="XEU730" s="424"/>
      <c r="XEV730" s="424"/>
      <c r="XEW730" s="423" t="s">
        <v>2795</v>
      </c>
      <c r="XEX730" s="424"/>
      <c r="XEY730" s="424"/>
      <c r="XEZ730" s="424"/>
      <c r="XFA730" s="423" t="s">
        <v>2795</v>
      </c>
      <c r="XFB730" s="424"/>
      <c r="XFC730" s="424"/>
      <c r="XFD730" s="424"/>
    </row>
    <row r="731" spans="1:16384" s="8" customFormat="1" ht="20" hidden="1">
      <c r="A731" s="423" t="s">
        <v>2795</v>
      </c>
      <c r="B731" s="424"/>
      <c r="C731" s="424"/>
      <c r="D731" s="424"/>
      <c r="E731" s="423" t="s">
        <v>2795</v>
      </c>
      <c r="F731" s="424"/>
      <c r="G731" s="424"/>
      <c r="H731" s="424"/>
      <c r="I731" s="423" t="s">
        <v>2795</v>
      </c>
      <c r="J731" s="424"/>
      <c r="K731" s="424"/>
      <c r="L731" s="424"/>
      <c r="M731" s="423" t="s">
        <v>2795</v>
      </c>
      <c r="N731" s="424"/>
      <c r="O731" s="424"/>
      <c r="P731" s="424"/>
      <c r="Q731" s="426" t="s">
        <v>2795</v>
      </c>
      <c r="R731" s="427"/>
      <c r="S731" s="427"/>
      <c r="T731" s="427"/>
      <c r="U731" s="423" t="s">
        <v>2795</v>
      </c>
      <c r="V731" s="424"/>
      <c r="W731" s="424"/>
      <c r="X731" s="424"/>
      <c r="Y731" s="423" t="s">
        <v>2795</v>
      </c>
      <c r="Z731" s="424"/>
      <c r="AA731" s="424"/>
      <c r="AB731" s="424"/>
      <c r="AC731" s="423" t="s">
        <v>2795</v>
      </c>
      <c r="AD731" s="424"/>
      <c r="AE731" s="424"/>
      <c r="AF731" s="424"/>
      <c r="AG731" s="423" t="s">
        <v>2795</v>
      </c>
      <c r="AH731" s="424"/>
      <c r="AI731" s="424"/>
      <c r="AJ731" s="424"/>
      <c r="AK731" s="423" t="s">
        <v>2795</v>
      </c>
      <c r="AL731" s="424"/>
      <c r="AM731" s="424"/>
      <c r="AN731" s="424"/>
      <c r="AO731" s="423" t="s">
        <v>2795</v>
      </c>
      <c r="AP731" s="424"/>
      <c r="AQ731" s="424"/>
      <c r="AR731" s="424"/>
      <c r="AS731" s="423" t="s">
        <v>2795</v>
      </c>
      <c r="AT731" s="424"/>
      <c r="AU731" s="424"/>
      <c r="AV731" s="424"/>
      <c r="AW731" s="423" t="s">
        <v>2795</v>
      </c>
      <c r="AX731" s="424"/>
      <c r="AY731" s="424"/>
      <c r="AZ731" s="424"/>
      <c r="BA731" s="423" t="s">
        <v>2795</v>
      </c>
      <c r="BB731" s="424"/>
      <c r="BC731" s="424"/>
      <c r="BD731" s="424"/>
      <c r="BE731" s="423" t="s">
        <v>2795</v>
      </c>
      <c r="BF731" s="424"/>
      <c r="BG731" s="424"/>
      <c r="BH731" s="424"/>
      <c r="BI731" s="423" t="s">
        <v>2795</v>
      </c>
      <c r="BJ731" s="424"/>
      <c r="BK731" s="424"/>
      <c r="BL731" s="424"/>
      <c r="BM731" s="423" t="s">
        <v>2795</v>
      </c>
      <c r="BN731" s="424"/>
      <c r="BO731" s="424"/>
      <c r="BP731" s="424"/>
      <c r="BQ731" s="423" t="s">
        <v>2795</v>
      </c>
      <c r="BR731" s="424"/>
      <c r="BS731" s="424"/>
      <c r="BT731" s="424"/>
      <c r="BU731" s="423" t="s">
        <v>2795</v>
      </c>
      <c r="BV731" s="424"/>
      <c r="BW731" s="424"/>
      <c r="BX731" s="424"/>
      <c r="BY731" s="423" t="s">
        <v>2795</v>
      </c>
      <c r="BZ731" s="424"/>
      <c r="CA731" s="424"/>
      <c r="CB731" s="424"/>
      <c r="CC731" s="423" t="s">
        <v>2795</v>
      </c>
      <c r="CD731" s="424"/>
      <c r="CE731" s="424"/>
      <c r="CF731" s="424"/>
      <c r="CG731" s="423" t="s">
        <v>2795</v>
      </c>
      <c r="CH731" s="424"/>
      <c r="CI731" s="424"/>
      <c r="CJ731" s="424"/>
      <c r="CK731" s="423" t="s">
        <v>2795</v>
      </c>
      <c r="CL731" s="424"/>
      <c r="CM731" s="424"/>
      <c r="CN731" s="424"/>
      <c r="CO731" s="423" t="s">
        <v>2795</v>
      </c>
      <c r="CP731" s="424"/>
      <c r="CQ731" s="424"/>
      <c r="CR731" s="424"/>
      <c r="CS731" s="423" t="s">
        <v>2795</v>
      </c>
      <c r="CT731" s="424"/>
      <c r="CU731" s="424"/>
      <c r="CV731" s="424"/>
      <c r="CW731" s="423" t="s">
        <v>2795</v>
      </c>
      <c r="CX731" s="424"/>
      <c r="CY731" s="424"/>
      <c r="CZ731" s="424"/>
      <c r="DA731" s="423" t="s">
        <v>2795</v>
      </c>
      <c r="DB731" s="424"/>
      <c r="DC731" s="424"/>
      <c r="DD731" s="424"/>
      <c r="DE731" s="423" t="s">
        <v>2795</v>
      </c>
      <c r="DF731" s="424"/>
      <c r="DG731" s="424"/>
      <c r="DH731" s="424"/>
      <c r="DI731" s="423" t="s">
        <v>2795</v>
      </c>
      <c r="DJ731" s="424"/>
      <c r="DK731" s="424"/>
      <c r="DL731" s="424"/>
      <c r="DM731" s="423" t="s">
        <v>2795</v>
      </c>
      <c r="DN731" s="424"/>
      <c r="DO731" s="424"/>
      <c r="DP731" s="424"/>
      <c r="DQ731" s="423" t="s">
        <v>2795</v>
      </c>
      <c r="DR731" s="424"/>
      <c r="DS731" s="424"/>
      <c r="DT731" s="424"/>
      <c r="DU731" s="423" t="s">
        <v>2795</v>
      </c>
      <c r="DV731" s="424"/>
      <c r="DW731" s="424"/>
      <c r="DX731" s="424"/>
      <c r="DY731" s="423" t="s">
        <v>2795</v>
      </c>
      <c r="DZ731" s="424"/>
      <c r="EA731" s="424"/>
      <c r="EB731" s="424"/>
      <c r="EC731" s="423" t="s">
        <v>2795</v>
      </c>
      <c r="ED731" s="424"/>
      <c r="EE731" s="424"/>
      <c r="EF731" s="424"/>
      <c r="EG731" s="423" t="s">
        <v>2795</v>
      </c>
      <c r="EH731" s="424"/>
      <c r="EI731" s="424"/>
      <c r="EJ731" s="424"/>
      <c r="EK731" s="423" t="s">
        <v>2795</v>
      </c>
      <c r="EL731" s="424"/>
      <c r="EM731" s="424"/>
      <c r="EN731" s="424"/>
      <c r="EO731" s="423" t="s">
        <v>2795</v>
      </c>
      <c r="EP731" s="424"/>
      <c r="EQ731" s="424"/>
      <c r="ER731" s="424"/>
      <c r="ES731" s="423" t="s">
        <v>2795</v>
      </c>
      <c r="ET731" s="424"/>
      <c r="EU731" s="424"/>
      <c r="EV731" s="424"/>
      <c r="EW731" s="423" t="s">
        <v>2795</v>
      </c>
      <c r="EX731" s="424"/>
      <c r="EY731" s="424"/>
      <c r="EZ731" s="424"/>
      <c r="FA731" s="423" t="s">
        <v>2795</v>
      </c>
      <c r="FB731" s="424"/>
      <c r="FC731" s="424"/>
      <c r="FD731" s="424"/>
      <c r="FE731" s="423" t="s">
        <v>2795</v>
      </c>
      <c r="FF731" s="424"/>
      <c r="FG731" s="424"/>
      <c r="FH731" s="424"/>
      <c r="FI731" s="423" t="s">
        <v>2795</v>
      </c>
      <c r="FJ731" s="424"/>
      <c r="FK731" s="424"/>
      <c r="FL731" s="424"/>
      <c r="FM731" s="423" t="s">
        <v>2795</v>
      </c>
      <c r="FN731" s="424"/>
      <c r="FO731" s="424"/>
      <c r="FP731" s="424"/>
      <c r="FQ731" s="423" t="s">
        <v>2795</v>
      </c>
      <c r="FR731" s="424"/>
      <c r="FS731" s="424"/>
      <c r="FT731" s="424"/>
      <c r="FU731" s="423" t="s">
        <v>2795</v>
      </c>
      <c r="FV731" s="424"/>
      <c r="FW731" s="424"/>
      <c r="FX731" s="424"/>
      <c r="FY731" s="423" t="s">
        <v>2795</v>
      </c>
      <c r="FZ731" s="424"/>
      <c r="GA731" s="424"/>
      <c r="GB731" s="424"/>
      <c r="GC731" s="423" t="s">
        <v>2795</v>
      </c>
      <c r="GD731" s="424"/>
      <c r="GE731" s="424"/>
      <c r="GF731" s="424"/>
      <c r="GG731" s="423" t="s">
        <v>2795</v>
      </c>
      <c r="GH731" s="424"/>
      <c r="GI731" s="424"/>
      <c r="GJ731" s="424"/>
      <c r="GK731" s="423" t="s">
        <v>2795</v>
      </c>
      <c r="GL731" s="424"/>
      <c r="GM731" s="424"/>
      <c r="GN731" s="424"/>
      <c r="GO731" s="423" t="s">
        <v>2795</v>
      </c>
      <c r="GP731" s="424"/>
      <c r="GQ731" s="424"/>
      <c r="GR731" s="424"/>
      <c r="GS731" s="423" t="s">
        <v>2795</v>
      </c>
      <c r="GT731" s="424"/>
      <c r="GU731" s="424"/>
      <c r="GV731" s="424"/>
      <c r="GW731" s="423" t="s">
        <v>2795</v>
      </c>
      <c r="GX731" s="424"/>
      <c r="GY731" s="424"/>
      <c r="GZ731" s="424"/>
      <c r="HA731" s="423" t="s">
        <v>2795</v>
      </c>
      <c r="HB731" s="424"/>
      <c r="HC731" s="424"/>
      <c r="HD731" s="424"/>
      <c r="HE731" s="423" t="s">
        <v>2795</v>
      </c>
      <c r="HF731" s="424"/>
      <c r="HG731" s="424"/>
      <c r="HH731" s="424"/>
      <c r="HI731" s="423" t="s">
        <v>2795</v>
      </c>
      <c r="HJ731" s="424"/>
      <c r="HK731" s="424"/>
      <c r="HL731" s="424"/>
      <c r="HM731" s="423" t="s">
        <v>2795</v>
      </c>
      <c r="HN731" s="424"/>
      <c r="HO731" s="424"/>
      <c r="HP731" s="424"/>
      <c r="HQ731" s="423" t="s">
        <v>2795</v>
      </c>
      <c r="HR731" s="424"/>
      <c r="HS731" s="424"/>
      <c r="HT731" s="424"/>
      <c r="HU731" s="423" t="s">
        <v>2795</v>
      </c>
      <c r="HV731" s="424"/>
      <c r="HW731" s="424"/>
      <c r="HX731" s="424"/>
      <c r="HY731" s="423" t="s">
        <v>2795</v>
      </c>
      <c r="HZ731" s="424"/>
      <c r="IA731" s="424"/>
      <c r="IB731" s="424"/>
      <c r="IC731" s="423" t="s">
        <v>2795</v>
      </c>
      <c r="ID731" s="424"/>
      <c r="IE731" s="424"/>
      <c r="IF731" s="424"/>
      <c r="IG731" s="423" t="s">
        <v>2795</v>
      </c>
      <c r="IH731" s="424"/>
      <c r="II731" s="424"/>
      <c r="IJ731" s="424"/>
      <c r="IK731" s="423" t="s">
        <v>2795</v>
      </c>
      <c r="IL731" s="424"/>
      <c r="IM731" s="424"/>
      <c r="IN731" s="424"/>
      <c r="IO731" s="423" t="s">
        <v>2795</v>
      </c>
      <c r="IP731" s="424"/>
      <c r="IQ731" s="424"/>
      <c r="IR731" s="424"/>
      <c r="IS731" s="423" t="s">
        <v>2795</v>
      </c>
      <c r="IT731" s="424"/>
      <c r="IU731" s="424"/>
      <c r="IV731" s="424"/>
      <c r="IW731" s="423" t="s">
        <v>2795</v>
      </c>
      <c r="IX731" s="424"/>
      <c r="IY731" s="424"/>
      <c r="IZ731" s="424"/>
      <c r="JA731" s="423" t="s">
        <v>2795</v>
      </c>
      <c r="JB731" s="424"/>
      <c r="JC731" s="424"/>
      <c r="JD731" s="424"/>
      <c r="JE731" s="423" t="s">
        <v>2795</v>
      </c>
      <c r="JF731" s="424"/>
      <c r="JG731" s="424"/>
      <c r="JH731" s="424"/>
      <c r="JI731" s="423" t="s">
        <v>2795</v>
      </c>
      <c r="JJ731" s="424"/>
      <c r="JK731" s="424"/>
      <c r="JL731" s="424"/>
      <c r="JM731" s="423" t="s">
        <v>2795</v>
      </c>
      <c r="JN731" s="424"/>
      <c r="JO731" s="424"/>
      <c r="JP731" s="424"/>
      <c r="JQ731" s="423" t="s">
        <v>2795</v>
      </c>
      <c r="JR731" s="424"/>
      <c r="JS731" s="424"/>
      <c r="JT731" s="424"/>
      <c r="JU731" s="423" t="s">
        <v>2795</v>
      </c>
      <c r="JV731" s="424"/>
      <c r="JW731" s="424"/>
      <c r="JX731" s="424"/>
      <c r="JY731" s="423" t="s">
        <v>2795</v>
      </c>
      <c r="JZ731" s="424"/>
      <c r="KA731" s="424"/>
      <c r="KB731" s="424"/>
      <c r="KC731" s="423" t="s">
        <v>2795</v>
      </c>
      <c r="KD731" s="424"/>
      <c r="KE731" s="424"/>
      <c r="KF731" s="424"/>
      <c r="KG731" s="423" t="s">
        <v>2795</v>
      </c>
      <c r="KH731" s="424"/>
      <c r="KI731" s="424"/>
      <c r="KJ731" s="424"/>
      <c r="KK731" s="423" t="s">
        <v>2795</v>
      </c>
      <c r="KL731" s="424"/>
      <c r="KM731" s="424"/>
      <c r="KN731" s="424"/>
      <c r="KO731" s="423" t="s">
        <v>2795</v>
      </c>
      <c r="KP731" s="424"/>
      <c r="KQ731" s="424"/>
      <c r="KR731" s="424"/>
      <c r="KS731" s="423" t="s">
        <v>2795</v>
      </c>
      <c r="KT731" s="424"/>
      <c r="KU731" s="424"/>
      <c r="KV731" s="424"/>
      <c r="KW731" s="423" t="s">
        <v>2795</v>
      </c>
      <c r="KX731" s="424"/>
      <c r="KY731" s="424"/>
      <c r="KZ731" s="424"/>
      <c r="LA731" s="423" t="s">
        <v>2795</v>
      </c>
      <c r="LB731" s="424"/>
      <c r="LC731" s="424"/>
      <c r="LD731" s="424"/>
      <c r="LE731" s="423" t="s">
        <v>2795</v>
      </c>
      <c r="LF731" s="424"/>
      <c r="LG731" s="424"/>
      <c r="LH731" s="424"/>
      <c r="LI731" s="423" t="s">
        <v>2795</v>
      </c>
      <c r="LJ731" s="424"/>
      <c r="LK731" s="424"/>
      <c r="LL731" s="424"/>
      <c r="LM731" s="423" t="s">
        <v>2795</v>
      </c>
      <c r="LN731" s="424"/>
      <c r="LO731" s="424"/>
      <c r="LP731" s="424"/>
      <c r="LQ731" s="423" t="s">
        <v>2795</v>
      </c>
      <c r="LR731" s="424"/>
      <c r="LS731" s="424"/>
      <c r="LT731" s="424"/>
      <c r="LU731" s="423" t="s">
        <v>2795</v>
      </c>
      <c r="LV731" s="424"/>
      <c r="LW731" s="424"/>
      <c r="LX731" s="424"/>
      <c r="LY731" s="423" t="s">
        <v>2795</v>
      </c>
      <c r="LZ731" s="424"/>
      <c r="MA731" s="424"/>
      <c r="MB731" s="424"/>
      <c r="MC731" s="423" t="s">
        <v>2795</v>
      </c>
      <c r="MD731" s="424"/>
      <c r="ME731" s="424"/>
      <c r="MF731" s="424"/>
      <c r="MG731" s="423" t="s">
        <v>2795</v>
      </c>
      <c r="MH731" s="424"/>
      <c r="MI731" s="424"/>
      <c r="MJ731" s="424"/>
      <c r="MK731" s="423" t="s">
        <v>2795</v>
      </c>
      <c r="ML731" s="424"/>
      <c r="MM731" s="424"/>
      <c r="MN731" s="424"/>
      <c r="MO731" s="423" t="s">
        <v>2795</v>
      </c>
      <c r="MP731" s="424"/>
      <c r="MQ731" s="424"/>
      <c r="MR731" s="424"/>
      <c r="MS731" s="423" t="s">
        <v>2795</v>
      </c>
      <c r="MT731" s="424"/>
      <c r="MU731" s="424"/>
      <c r="MV731" s="424"/>
      <c r="MW731" s="423" t="s">
        <v>2795</v>
      </c>
      <c r="MX731" s="424"/>
      <c r="MY731" s="424"/>
      <c r="MZ731" s="424"/>
      <c r="NA731" s="423" t="s">
        <v>2795</v>
      </c>
      <c r="NB731" s="424"/>
      <c r="NC731" s="424"/>
      <c r="ND731" s="424"/>
      <c r="NE731" s="423" t="s">
        <v>2795</v>
      </c>
      <c r="NF731" s="424"/>
      <c r="NG731" s="424"/>
      <c r="NH731" s="424"/>
      <c r="NI731" s="423" t="s">
        <v>2795</v>
      </c>
      <c r="NJ731" s="424"/>
      <c r="NK731" s="424"/>
      <c r="NL731" s="424"/>
      <c r="NM731" s="423" t="s">
        <v>2795</v>
      </c>
      <c r="NN731" s="424"/>
      <c r="NO731" s="424"/>
      <c r="NP731" s="424"/>
      <c r="NQ731" s="423" t="s">
        <v>2795</v>
      </c>
      <c r="NR731" s="424"/>
      <c r="NS731" s="424"/>
      <c r="NT731" s="424"/>
      <c r="NU731" s="423" t="s">
        <v>2795</v>
      </c>
      <c r="NV731" s="424"/>
      <c r="NW731" s="424"/>
      <c r="NX731" s="424"/>
      <c r="NY731" s="423" t="s">
        <v>2795</v>
      </c>
      <c r="NZ731" s="424"/>
      <c r="OA731" s="424"/>
      <c r="OB731" s="424"/>
      <c r="OC731" s="423" t="s">
        <v>2795</v>
      </c>
      <c r="OD731" s="424"/>
      <c r="OE731" s="424"/>
      <c r="OF731" s="424"/>
      <c r="OG731" s="423" t="s">
        <v>2795</v>
      </c>
      <c r="OH731" s="424"/>
      <c r="OI731" s="424"/>
      <c r="OJ731" s="424"/>
      <c r="OK731" s="423" t="s">
        <v>2795</v>
      </c>
      <c r="OL731" s="424"/>
      <c r="OM731" s="424"/>
      <c r="ON731" s="424"/>
      <c r="OO731" s="423" t="s">
        <v>2795</v>
      </c>
      <c r="OP731" s="424"/>
      <c r="OQ731" s="424"/>
      <c r="OR731" s="424"/>
      <c r="OS731" s="423" t="s">
        <v>2795</v>
      </c>
      <c r="OT731" s="424"/>
      <c r="OU731" s="424"/>
      <c r="OV731" s="424"/>
      <c r="OW731" s="423" t="s">
        <v>2795</v>
      </c>
      <c r="OX731" s="424"/>
      <c r="OY731" s="424"/>
      <c r="OZ731" s="424"/>
      <c r="PA731" s="423" t="s">
        <v>2795</v>
      </c>
      <c r="PB731" s="424"/>
      <c r="PC731" s="424"/>
      <c r="PD731" s="424"/>
      <c r="PE731" s="423" t="s">
        <v>2795</v>
      </c>
      <c r="PF731" s="424"/>
      <c r="PG731" s="424"/>
      <c r="PH731" s="424"/>
      <c r="PI731" s="423" t="s">
        <v>2795</v>
      </c>
      <c r="PJ731" s="424"/>
      <c r="PK731" s="424"/>
      <c r="PL731" s="424"/>
      <c r="PM731" s="423" t="s">
        <v>2795</v>
      </c>
      <c r="PN731" s="424"/>
      <c r="PO731" s="424"/>
      <c r="PP731" s="424"/>
      <c r="PQ731" s="423" t="s">
        <v>2795</v>
      </c>
      <c r="PR731" s="424"/>
      <c r="PS731" s="424"/>
      <c r="PT731" s="424"/>
      <c r="PU731" s="423" t="s">
        <v>2795</v>
      </c>
      <c r="PV731" s="424"/>
      <c r="PW731" s="424"/>
      <c r="PX731" s="424"/>
      <c r="PY731" s="423" t="s">
        <v>2795</v>
      </c>
      <c r="PZ731" s="424"/>
      <c r="QA731" s="424"/>
      <c r="QB731" s="424"/>
      <c r="QC731" s="423" t="s">
        <v>2795</v>
      </c>
      <c r="QD731" s="424"/>
      <c r="QE731" s="424"/>
      <c r="QF731" s="424"/>
      <c r="QG731" s="423" t="s">
        <v>2795</v>
      </c>
      <c r="QH731" s="424"/>
      <c r="QI731" s="424"/>
      <c r="QJ731" s="424"/>
      <c r="QK731" s="423" t="s">
        <v>2795</v>
      </c>
      <c r="QL731" s="424"/>
      <c r="QM731" s="424"/>
      <c r="QN731" s="424"/>
      <c r="QO731" s="423" t="s">
        <v>2795</v>
      </c>
      <c r="QP731" s="424"/>
      <c r="QQ731" s="424"/>
      <c r="QR731" s="424"/>
      <c r="QS731" s="423" t="s">
        <v>2795</v>
      </c>
      <c r="QT731" s="424"/>
      <c r="QU731" s="424"/>
      <c r="QV731" s="424"/>
      <c r="QW731" s="423" t="s">
        <v>2795</v>
      </c>
      <c r="QX731" s="424"/>
      <c r="QY731" s="424"/>
      <c r="QZ731" s="424"/>
      <c r="RA731" s="423" t="s">
        <v>2795</v>
      </c>
      <c r="RB731" s="424"/>
      <c r="RC731" s="424"/>
      <c r="RD731" s="424"/>
      <c r="RE731" s="423" t="s">
        <v>2795</v>
      </c>
      <c r="RF731" s="424"/>
      <c r="RG731" s="424"/>
      <c r="RH731" s="424"/>
      <c r="RI731" s="423" t="s">
        <v>2795</v>
      </c>
      <c r="RJ731" s="424"/>
      <c r="RK731" s="424"/>
      <c r="RL731" s="424"/>
      <c r="RM731" s="423" t="s">
        <v>2795</v>
      </c>
      <c r="RN731" s="424"/>
      <c r="RO731" s="424"/>
      <c r="RP731" s="424"/>
      <c r="RQ731" s="423" t="s">
        <v>2795</v>
      </c>
      <c r="RR731" s="424"/>
      <c r="RS731" s="424"/>
      <c r="RT731" s="424"/>
      <c r="RU731" s="423" t="s">
        <v>2795</v>
      </c>
      <c r="RV731" s="424"/>
      <c r="RW731" s="424"/>
      <c r="RX731" s="424"/>
      <c r="RY731" s="423" t="s">
        <v>2795</v>
      </c>
      <c r="RZ731" s="424"/>
      <c r="SA731" s="424"/>
      <c r="SB731" s="424"/>
      <c r="SC731" s="423" t="s">
        <v>2795</v>
      </c>
      <c r="SD731" s="424"/>
      <c r="SE731" s="424"/>
      <c r="SF731" s="424"/>
      <c r="SG731" s="423" t="s">
        <v>2795</v>
      </c>
      <c r="SH731" s="424"/>
      <c r="SI731" s="424"/>
      <c r="SJ731" s="424"/>
      <c r="SK731" s="423" t="s">
        <v>2795</v>
      </c>
      <c r="SL731" s="424"/>
      <c r="SM731" s="424"/>
      <c r="SN731" s="424"/>
      <c r="SO731" s="423" t="s">
        <v>2795</v>
      </c>
      <c r="SP731" s="424"/>
      <c r="SQ731" s="424"/>
      <c r="SR731" s="424"/>
      <c r="SS731" s="423" t="s">
        <v>2795</v>
      </c>
      <c r="ST731" s="424"/>
      <c r="SU731" s="424"/>
      <c r="SV731" s="424"/>
      <c r="SW731" s="423" t="s">
        <v>2795</v>
      </c>
      <c r="SX731" s="424"/>
      <c r="SY731" s="424"/>
      <c r="SZ731" s="424"/>
      <c r="TA731" s="423" t="s">
        <v>2795</v>
      </c>
      <c r="TB731" s="424"/>
      <c r="TC731" s="424"/>
      <c r="TD731" s="424"/>
      <c r="TE731" s="423" t="s">
        <v>2795</v>
      </c>
      <c r="TF731" s="424"/>
      <c r="TG731" s="424"/>
      <c r="TH731" s="424"/>
      <c r="TI731" s="423" t="s">
        <v>2795</v>
      </c>
      <c r="TJ731" s="424"/>
      <c r="TK731" s="424"/>
      <c r="TL731" s="424"/>
      <c r="TM731" s="423" t="s">
        <v>2795</v>
      </c>
      <c r="TN731" s="424"/>
      <c r="TO731" s="424"/>
      <c r="TP731" s="424"/>
      <c r="TQ731" s="423" t="s">
        <v>2795</v>
      </c>
      <c r="TR731" s="424"/>
      <c r="TS731" s="424"/>
      <c r="TT731" s="424"/>
      <c r="TU731" s="423" t="s">
        <v>2795</v>
      </c>
      <c r="TV731" s="424"/>
      <c r="TW731" s="424"/>
      <c r="TX731" s="424"/>
      <c r="TY731" s="423" t="s">
        <v>2795</v>
      </c>
      <c r="TZ731" s="424"/>
      <c r="UA731" s="424"/>
      <c r="UB731" s="424"/>
      <c r="UC731" s="423" t="s">
        <v>2795</v>
      </c>
      <c r="UD731" s="424"/>
      <c r="UE731" s="424"/>
      <c r="UF731" s="424"/>
      <c r="UG731" s="423" t="s">
        <v>2795</v>
      </c>
      <c r="UH731" s="424"/>
      <c r="UI731" s="424"/>
      <c r="UJ731" s="424"/>
      <c r="UK731" s="423" t="s">
        <v>2795</v>
      </c>
      <c r="UL731" s="424"/>
      <c r="UM731" s="424"/>
      <c r="UN731" s="424"/>
      <c r="UO731" s="423" t="s">
        <v>2795</v>
      </c>
      <c r="UP731" s="424"/>
      <c r="UQ731" s="424"/>
      <c r="UR731" s="424"/>
      <c r="US731" s="423" t="s">
        <v>2795</v>
      </c>
      <c r="UT731" s="424"/>
      <c r="UU731" s="424"/>
      <c r="UV731" s="424"/>
      <c r="UW731" s="423" t="s">
        <v>2795</v>
      </c>
      <c r="UX731" s="424"/>
      <c r="UY731" s="424"/>
      <c r="UZ731" s="424"/>
      <c r="VA731" s="423" t="s">
        <v>2795</v>
      </c>
      <c r="VB731" s="424"/>
      <c r="VC731" s="424"/>
      <c r="VD731" s="424"/>
      <c r="VE731" s="423" t="s">
        <v>2795</v>
      </c>
      <c r="VF731" s="424"/>
      <c r="VG731" s="424"/>
      <c r="VH731" s="424"/>
      <c r="VI731" s="423" t="s">
        <v>2795</v>
      </c>
      <c r="VJ731" s="424"/>
      <c r="VK731" s="424"/>
      <c r="VL731" s="424"/>
      <c r="VM731" s="423" t="s">
        <v>2795</v>
      </c>
      <c r="VN731" s="424"/>
      <c r="VO731" s="424"/>
      <c r="VP731" s="424"/>
      <c r="VQ731" s="423" t="s">
        <v>2795</v>
      </c>
      <c r="VR731" s="424"/>
      <c r="VS731" s="424"/>
      <c r="VT731" s="424"/>
      <c r="VU731" s="423" t="s">
        <v>2795</v>
      </c>
      <c r="VV731" s="424"/>
      <c r="VW731" s="424"/>
      <c r="VX731" s="424"/>
      <c r="VY731" s="423" t="s">
        <v>2795</v>
      </c>
      <c r="VZ731" s="424"/>
      <c r="WA731" s="424"/>
      <c r="WB731" s="424"/>
      <c r="WC731" s="423" t="s">
        <v>2795</v>
      </c>
      <c r="WD731" s="424"/>
      <c r="WE731" s="424"/>
      <c r="WF731" s="424"/>
      <c r="WG731" s="423" t="s">
        <v>2795</v>
      </c>
      <c r="WH731" s="424"/>
      <c r="WI731" s="424"/>
      <c r="WJ731" s="424"/>
      <c r="WK731" s="423" t="s">
        <v>2795</v>
      </c>
      <c r="WL731" s="424"/>
      <c r="WM731" s="424"/>
      <c r="WN731" s="424"/>
      <c r="WO731" s="423" t="s">
        <v>2795</v>
      </c>
      <c r="WP731" s="424"/>
      <c r="WQ731" s="424"/>
      <c r="WR731" s="424"/>
      <c r="WS731" s="423" t="s">
        <v>2795</v>
      </c>
      <c r="WT731" s="424"/>
      <c r="WU731" s="424"/>
      <c r="WV731" s="424"/>
      <c r="WW731" s="423" t="s">
        <v>2795</v>
      </c>
      <c r="WX731" s="424"/>
      <c r="WY731" s="424"/>
      <c r="WZ731" s="424"/>
      <c r="XA731" s="423" t="s">
        <v>2795</v>
      </c>
      <c r="XB731" s="424"/>
      <c r="XC731" s="424"/>
      <c r="XD731" s="424"/>
      <c r="XE731" s="423" t="s">
        <v>2795</v>
      </c>
      <c r="XF731" s="424"/>
      <c r="XG731" s="424"/>
      <c r="XH731" s="424"/>
      <c r="XI731" s="423" t="s">
        <v>2795</v>
      </c>
      <c r="XJ731" s="424"/>
      <c r="XK731" s="424"/>
      <c r="XL731" s="424"/>
      <c r="XM731" s="423" t="s">
        <v>2795</v>
      </c>
      <c r="XN731" s="424"/>
      <c r="XO731" s="424"/>
      <c r="XP731" s="424"/>
      <c r="XQ731" s="423" t="s">
        <v>2795</v>
      </c>
      <c r="XR731" s="424"/>
      <c r="XS731" s="424"/>
      <c r="XT731" s="424"/>
      <c r="XU731" s="423" t="s">
        <v>2795</v>
      </c>
      <c r="XV731" s="424"/>
      <c r="XW731" s="424"/>
      <c r="XX731" s="424"/>
      <c r="XY731" s="423" t="s">
        <v>2795</v>
      </c>
      <c r="XZ731" s="424"/>
      <c r="YA731" s="424"/>
      <c r="YB731" s="424"/>
      <c r="YC731" s="423" t="s">
        <v>2795</v>
      </c>
      <c r="YD731" s="424"/>
      <c r="YE731" s="424"/>
      <c r="YF731" s="424"/>
      <c r="YG731" s="423" t="s">
        <v>2795</v>
      </c>
      <c r="YH731" s="424"/>
      <c r="YI731" s="424"/>
      <c r="YJ731" s="424"/>
      <c r="YK731" s="423" t="s">
        <v>2795</v>
      </c>
      <c r="YL731" s="424"/>
      <c r="YM731" s="424"/>
      <c r="YN731" s="424"/>
      <c r="YO731" s="423" t="s">
        <v>2795</v>
      </c>
      <c r="YP731" s="424"/>
      <c r="YQ731" s="424"/>
      <c r="YR731" s="424"/>
      <c r="YS731" s="423" t="s">
        <v>2795</v>
      </c>
      <c r="YT731" s="424"/>
      <c r="YU731" s="424"/>
      <c r="YV731" s="424"/>
      <c r="YW731" s="423" t="s">
        <v>2795</v>
      </c>
      <c r="YX731" s="424"/>
      <c r="YY731" s="424"/>
      <c r="YZ731" s="424"/>
      <c r="ZA731" s="423" t="s">
        <v>2795</v>
      </c>
      <c r="ZB731" s="424"/>
      <c r="ZC731" s="424"/>
      <c r="ZD731" s="424"/>
      <c r="ZE731" s="423" t="s">
        <v>2795</v>
      </c>
      <c r="ZF731" s="424"/>
      <c r="ZG731" s="424"/>
      <c r="ZH731" s="424"/>
      <c r="ZI731" s="423" t="s">
        <v>2795</v>
      </c>
      <c r="ZJ731" s="424"/>
      <c r="ZK731" s="424"/>
      <c r="ZL731" s="424"/>
      <c r="ZM731" s="423" t="s">
        <v>2795</v>
      </c>
      <c r="ZN731" s="424"/>
      <c r="ZO731" s="424"/>
      <c r="ZP731" s="424"/>
      <c r="ZQ731" s="423" t="s">
        <v>2795</v>
      </c>
      <c r="ZR731" s="424"/>
      <c r="ZS731" s="424"/>
      <c r="ZT731" s="424"/>
      <c r="ZU731" s="423" t="s">
        <v>2795</v>
      </c>
      <c r="ZV731" s="424"/>
      <c r="ZW731" s="424"/>
      <c r="ZX731" s="424"/>
      <c r="ZY731" s="423" t="s">
        <v>2795</v>
      </c>
      <c r="ZZ731" s="424"/>
      <c r="AAA731" s="424"/>
      <c r="AAB731" s="424"/>
      <c r="AAC731" s="423" t="s">
        <v>2795</v>
      </c>
      <c r="AAD731" s="424"/>
      <c r="AAE731" s="424"/>
      <c r="AAF731" s="424"/>
      <c r="AAG731" s="423" t="s">
        <v>2795</v>
      </c>
      <c r="AAH731" s="424"/>
      <c r="AAI731" s="424"/>
      <c r="AAJ731" s="424"/>
      <c r="AAK731" s="423" t="s">
        <v>2795</v>
      </c>
      <c r="AAL731" s="424"/>
      <c r="AAM731" s="424"/>
      <c r="AAN731" s="424"/>
      <c r="AAO731" s="423" t="s">
        <v>2795</v>
      </c>
      <c r="AAP731" s="424"/>
      <c r="AAQ731" s="424"/>
      <c r="AAR731" s="424"/>
      <c r="AAS731" s="423" t="s">
        <v>2795</v>
      </c>
      <c r="AAT731" s="424"/>
      <c r="AAU731" s="424"/>
      <c r="AAV731" s="424"/>
      <c r="AAW731" s="423" t="s">
        <v>2795</v>
      </c>
      <c r="AAX731" s="424"/>
      <c r="AAY731" s="424"/>
      <c r="AAZ731" s="424"/>
      <c r="ABA731" s="423" t="s">
        <v>2795</v>
      </c>
      <c r="ABB731" s="424"/>
      <c r="ABC731" s="424"/>
      <c r="ABD731" s="424"/>
      <c r="ABE731" s="423" t="s">
        <v>2795</v>
      </c>
      <c r="ABF731" s="424"/>
      <c r="ABG731" s="424"/>
      <c r="ABH731" s="424"/>
      <c r="ABI731" s="423" t="s">
        <v>2795</v>
      </c>
      <c r="ABJ731" s="424"/>
      <c r="ABK731" s="424"/>
      <c r="ABL731" s="424"/>
      <c r="ABM731" s="423" t="s">
        <v>2795</v>
      </c>
      <c r="ABN731" s="424"/>
      <c r="ABO731" s="424"/>
      <c r="ABP731" s="424"/>
      <c r="ABQ731" s="423" t="s">
        <v>2795</v>
      </c>
      <c r="ABR731" s="424"/>
      <c r="ABS731" s="424"/>
      <c r="ABT731" s="424"/>
      <c r="ABU731" s="423" t="s">
        <v>2795</v>
      </c>
      <c r="ABV731" s="424"/>
      <c r="ABW731" s="424"/>
      <c r="ABX731" s="424"/>
      <c r="ABY731" s="423" t="s">
        <v>2795</v>
      </c>
      <c r="ABZ731" s="424"/>
      <c r="ACA731" s="424"/>
      <c r="ACB731" s="424"/>
      <c r="ACC731" s="423" t="s">
        <v>2795</v>
      </c>
      <c r="ACD731" s="424"/>
      <c r="ACE731" s="424"/>
      <c r="ACF731" s="424"/>
      <c r="ACG731" s="423" t="s">
        <v>2795</v>
      </c>
      <c r="ACH731" s="424"/>
      <c r="ACI731" s="424"/>
      <c r="ACJ731" s="424"/>
      <c r="ACK731" s="423" t="s">
        <v>2795</v>
      </c>
      <c r="ACL731" s="424"/>
      <c r="ACM731" s="424"/>
      <c r="ACN731" s="424"/>
      <c r="ACO731" s="423" t="s">
        <v>2795</v>
      </c>
      <c r="ACP731" s="424"/>
      <c r="ACQ731" s="424"/>
      <c r="ACR731" s="424"/>
      <c r="ACS731" s="423" t="s">
        <v>2795</v>
      </c>
      <c r="ACT731" s="424"/>
      <c r="ACU731" s="424"/>
      <c r="ACV731" s="424"/>
      <c r="ACW731" s="423" t="s">
        <v>2795</v>
      </c>
      <c r="ACX731" s="424"/>
      <c r="ACY731" s="424"/>
      <c r="ACZ731" s="424"/>
      <c r="ADA731" s="423" t="s">
        <v>2795</v>
      </c>
      <c r="ADB731" s="424"/>
      <c r="ADC731" s="424"/>
      <c r="ADD731" s="424"/>
      <c r="ADE731" s="423" t="s">
        <v>2795</v>
      </c>
      <c r="ADF731" s="424"/>
      <c r="ADG731" s="424"/>
      <c r="ADH731" s="424"/>
      <c r="ADI731" s="423" t="s">
        <v>2795</v>
      </c>
      <c r="ADJ731" s="424"/>
      <c r="ADK731" s="424"/>
      <c r="ADL731" s="424"/>
      <c r="ADM731" s="423" t="s">
        <v>2795</v>
      </c>
      <c r="ADN731" s="424"/>
      <c r="ADO731" s="424"/>
      <c r="ADP731" s="424"/>
      <c r="ADQ731" s="423" t="s">
        <v>2795</v>
      </c>
      <c r="ADR731" s="424"/>
      <c r="ADS731" s="424"/>
      <c r="ADT731" s="424"/>
      <c r="ADU731" s="423" t="s">
        <v>2795</v>
      </c>
      <c r="ADV731" s="424"/>
      <c r="ADW731" s="424"/>
      <c r="ADX731" s="424"/>
      <c r="ADY731" s="423" t="s">
        <v>2795</v>
      </c>
      <c r="ADZ731" s="424"/>
      <c r="AEA731" s="424"/>
      <c r="AEB731" s="424"/>
      <c r="AEC731" s="423" t="s">
        <v>2795</v>
      </c>
      <c r="AED731" s="424"/>
      <c r="AEE731" s="424"/>
      <c r="AEF731" s="424"/>
      <c r="AEG731" s="423" t="s">
        <v>2795</v>
      </c>
      <c r="AEH731" s="424"/>
      <c r="AEI731" s="424"/>
      <c r="AEJ731" s="424"/>
      <c r="AEK731" s="423" t="s">
        <v>2795</v>
      </c>
      <c r="AEL731" s="424"/>
      <c r="AEM731" s="424"/>
      <c r="AEN731" s="424"/>
      <c r="AEO731" s="423" t="s">
        <v>2795</v>
      </c>
      <c r="AEP731" s="424"/>
      <c r="AEQ731" s="424"/>
      <c r="AER731" s="424"/>
      <c r="AES731" s="423" t="s">
        <v>2795</v>
      </c>
      <c r="AET731" s="424"/>
      <c r="AEU731" s="424"/>
      <c r="AEV731" s="424"/>
      <c r="AEW731" s="423" t="s">
        <v>2795</v>
      </c>
      <c r="AEX731" s="424"/>
      <c r="AEY731" s="424"/>
      <c r="AEZ731" s="424"/>
      <c r="AFA731" s="423" t="s">
        <v>2795</v>
      </c>
      <c r="AFB731" s="424"/>
      <c r="AFC731" s="424"/>
      <c r="AFD731" s="424"/>
      <c r="AFE731" s="423" t="s">
        <v>2795</v>
      </c>
      <c r="AFF731" s="424"/>
      <c r="AFG731" s="424"/>
      <c r="AFH731" s="424"/>
      <c r="AFI731" s="423" t="s">
        <v>2795</v>
      </c>
      <c r="AFJ731" s="424"/>
      <c r="AFK731" s="424"/>
      <c r="AFL731" s="424"/>
      <c r="AFM731" s="423" t="s">
        <v>2795</v>
      </c>
      <c r="AFN731" s="424"/>
      <c r="AFO731" s="424"/>
      <c r="AFP731" s="424"/>
      <c r="AFQ731" s="423" t="s">
        <v>2795</v>
      </c>
      <c r="AFR731" s="424"/>
      <c r="AFS731" s="424"/>
      <c r="AFT731" s="424"/>
      <c r="AFU731" s="423" t="s">
        <v>2795</v>
      </c>
      <c r="AFV731" s="424"/>
      <c r="AFW731" s="424"/>
      <c r="AFX731" s="424"/>
      <c r="AFY731" s="423" t="s">
        <v>2795</v>
      </c>
      <c r="AFZ731" s="424"/>
      <c r="AGA731" s="424"/>
      <c r="AGB731" s="424"/>
      <c r="AGC731" s="423" t="s">
        <v>2795</v>
      </c>
      <c r="AGD731" s="424"/>
      <c r="AGE731" s="424"/>
      <c r="AGF731" s="424"/>
      <c r="AGG731" s="423" t="s">
        <v>2795</v>
      </c>
      <c r="AGH731" s="424"/>
      <c r="AGI731" s="424"/>
      <c r="AGJ731" s="424"/>
      <c r="AGK731" s="423" t="s">
        <v>2795</v>
      </c>
      <c r="AGL731" s="424"/>
      <c r="AGM731" s="424"/>
      <c r="AGN731" s="424"/>
      <c r="AGO731" s="423" t="s">
        <v>2795</v>
      </c>
      <c r="AGP731" s="424"/>
      <c r="AGQ731" s="424"/>
      <c r="AGR731" s="424"/>
      <c r="AGS731" s="423" t="s">
        <v>2795</v>
      </c>
      <c r="AGT731" s="424"/>
      <c r="AGU731" s="424"/>
      <c r="AGV731" s="424"/>
      <c r="AGW731" s="423" t="s">
        <v>2795</v>
      </c>
      <c r="AGX731" s="424"/>
      <c r="AGY731" s="424"/>
      <c r="AGZ731" s="424"/>
      <c r="AHA731" s="423" t="s">
        <v>2795</v>
      </c>
      <c r="AHB731" s="424"/>
      <c r="AHC731" s="424"/>
      <c r="AHD731" s="424"/>
      <c r="AHE731" s="423" t="s">
        <v>2795</v>
      </c>
      <c r="AHF731" s="424"/>
      <c r="AHG731" s="424"/>
      <c r="AHH731" s="424"/>
      <c r="AHI731" s="423" t="s">
        <v>2795</v>
      </c>
      <c r="AHJ731" s="424"/>
      <c r="AHK731" s="424"/>
      <c r="AHL731" s="424"/>
      <c r="AHM731" s="423" t="s">
        <v>2795</v>
      </c>
      <c r="AHN731" s="424"/>
      <c r="AHO731" s="424"/>
      <c r="AHP731" s="424"/>
      <c r="AHQ731" s="423" t="s">
        <v>2795</v>
      </c>
      <c r="AHR731" s="424"/>
      <c r="AHS731" s="424"/>
      <c r="AHT731" s="424"/>
      <c r="AHU731" s="423" t="s">
        <v>2795</v>
      </c>
      <c r="AHV731" s="424"/>
      <c r="AHW731" s="424"/>
      <c r="AHX731" s="424"/>
      <c r="AHY731" s="423" t="s">
        <v>2795</v>
      </c>
      <c r="AHZ731" s="424"/>
      <c r="AIA731" s="424"/>
      <c r="AIB731" s="424"/>
      <c r="AIC731" s="423" t="s">
        <v>2795</v>
      </c>
      <c r="AID731" s="424"/>
      <c r="AIE731" s="424"/>
      <c r="AIF731" s="424"/>
      <c r="AIG731" s="423" t="s">
        <v>2795</v>
      </c>
      <c r="AIH731" s="424"/>
      <c r="AII731" s="424"/>
      <c r="AIJ731" s="424"/>
      <c r="AIK731" s="423" t="s">
        <v>2795</v>
      </c>
      <c r="AIL731" s="424"/>
      <c r="AIM731" s="424"/>
      <c r="AIN731" s="424"/>
      <c r="AIO731" s="423" t="s">
        <v>2795</v>
      </c>
      <c r="AIP731" s="424"/>
      <c r="AIQ731" s="424"/>
      <c r="AIR731" s="424"/>
      <c r="AIS731" s="423" t="s">
        <v>2795</v>
      </c>
      <c r="AIT731" s="424"/>
      <c r="AIU731" s="424"/>
      <c r="AIV731" s="424"/>
      <c r="AIW731" s="423" t="s">
        <v>2795</v>
      </c>
      <c r="AIX731" s="424"/>
      <c r="AIY731" s="424"/>
      <c r="AIZ731" s="424"/>
      <c r="AJA731" s="423" t="s">
        <v>2795</v>
      </c>
      <c r="AJB731" s="424"/>
      <c r="AJC731" s="424"/>
      <c r="AJD731" s="424"/>
      <c r="AJE731" s="423" t="s">
        <v>2795</v>
      </c>
      <c r="AJF731" s="424"/>
      <c r="AJG731" s="424"/>
      <c r="AJH731" s="424"/>
      <c r="AJI731" s="423" t="s">
        <v>2795</v>
      </c>
      <c r="AJJ731" s="424"/>
      <c r="AJK731" s="424"/>
      <c r="AJL731" s="424"/>
      <c r="AJM731" s="423" t="s">
        <v>2795</v>
      </c>
      <c r="AJN731" s="424"/>
      <c r="AJO731" s="424"/>
      <c r="AJP731" s="424"/>
      <c r="AJQ731" s="423" t="s">
        <v>2795</v>
      </c>
      <c r="AJR731" s="424"/>
      <c r="AJS731" s="424"/>
      <c r="AJT731" s="424"/>
      <c r="AJU731" s="423" t="s">
        <v>2795</v>
      </c>
      <c r="AJV731" s="424"/>
      <c r="AJW731" s="424"/>
      <c r="AJX731" s="424"/>
      <c r="AJY731" s="423" t="s">
        <v>2795</v>
      </c>
      <c r="AJZ731" s="424"/>
      <c r="AKA731" s="424"/>
      <c r="AKB731" s="424"/>
      <c r="AKC731" s="423" t="s">
        <v>2795</v>
      </c>
      <c r="AKD731" s="424"/>
      <c r="AKE731" s="424"/>
      <c r="AKF731" s="424"/>
      <c r="AKG731" s="423" t="s">
        <v>2795</v>
      </c>
      <c r="AKH731" s="424"/>
      <c r="AKI731" s="424"/>
      <c r="AKJ731" s="424"/>
      <c r="AKK731" s="423" t="s">
        <v>2795</v>
      </c>
      <c r="AKL731" s="424"/>
      <c r="AKM731" s="424"/>
      <c r="AKN731" s="424"/>
      <c r="AKO731" s="423" t="s">
        <v>2795</v>
      </c>
      <c r="AKP731" s="424"/>
      <c r="AKQ731" s="424"/>
      <c r="AKR731" s="424"/>
      <c r="AKS731" s="423" t="s">
        <v>2795</v>
      </c>
      <c r="AKT731" s="424"/>
      <c r="AKU731" s="424"/>
      <c r="AKV731" s="424"/>
      <c r="AKW731" s="423" t="s">
        <v>2795</v>
      </c>
      <c r="AKX731" s="424"/>
      <c r="AKY731" s="424"/>
      <c r="AKZ731" s="424"/>
      <c r="ALA731" s="423" t="s">
        <v>2795</v>
      </c>
      <c r="ALB731" s="424"/>
      <c r="ALC731" s="424"/>
      <c r="ALD731" s="424"/>
      <c r="ALE731" s="423" t="s">
        <v>2795</v>
      </c>
      <c r="ALF731" s="424"/>
      <c r="ALG731" s="424"/>
      <c r="ALH731" s="424"/>
      <c r="ALI731" s="423" t="s">
        <v>2795</v>
      </c>
      <c r="ALJ731" s="424"/>
      <c r="ALK731" s="424"/>
      <c r="ALL731" s="424"/>
      <c r="ALM731" s="423" t="s">
        <v>2795</v>
      </c>
      <c r="ALN731" s="424"/>
      <c r="ALO731" s="424"/>
      <c r="ALP731" s="424"/>
      <c r="ALQ731" s="423" t="s">
        <v>2795</v>
      </c>
      <c r="ALR731" s="424"/>
      <c r="ALS731" s="424"/>
      <c r="ALT731" s="424"/>
      <c r="ALU731" s="423" t="s">
        <v>2795</v>
      </c>
      <c r="ALV731" s="424"/>
      <c r="ALW731" s="424"/>
      <c r="ALX731" s="424"/>
      <c r="ALY731" s="423" t="s">
        <v>2795</v>
      </c>
      <c r="ALZ731" s="424"/>
      <c r="AMA731" s="424"/>
      <c r="AMB731" s="424"/>
      <c r="AMC731" s="423" t="s">
        <v>2795</v>
      </c>
      <c r="AMD731" s="424"/>
      <c r="AME731" s="424"/>
      <c r="AMF731" s="424"/>
      <c r="AMG731" s="423" t="s">
        <v>2795</v>
      </c>
      <c r="AMH731" s="424"/>
      <c r="AMI731" s="424"/>
      <c r="AMJ731" s="424"/>
      <c r="AMK731" s="423" t="s">
        <v>2795</v>
      </c>
      <c r="AML731" s="424"/>
      <c r="AMM731" s="424"/>
      <c r="AMN731" s="424"/>
      <c r="AMO731" s="423" t="s">
        <v>2795</v>
      </c>
      <c r="AMP731" s="424"/>
      <c r="AMQ731" s="424"/>
      <c r="AMR731" s="424"/>
      <c r="AMS731" s="423" t="s">
        <v>2795</v>
      </c>
      <c r="AMT731" s="424"/>
      <c r="AMU731" s="424"/>
      <c r="AMV731" s="424"/>
      <c r="AMW731" s="423" t="s">
        <v>2795</v>
      </c>
      <c r="AMX731" s="424"/>
      <c r="AMY731" s="424"/>
      <c r="AMZ731" s="424"/>
      <c r="ANA731" s="423" t="s">
        <v>2795</v>
      </c>
      <c r="ANB731" s="424"/>
      <c r="ANC731" s="424"/>
      <c r="AND731" s="424"/>
      <c r="ANE731" s="423" t="s">
        <v>2795</v>
      </c>
      <c r="ANF731" s="424"/>
      <c r="ANG731" s="424"/>
      <c r="ANH731" s="424"/>
      <c r="ANI731" s="423" t="s">
        <v>2795</v>
      </c>
      <c r="ANJ731" s="424"/>
      <c r="ANK731" s="424"/>
      <c r="ANL731" s="424"/>
      <c r="ANM731" s="423" t="s">
        <v>2795</v>
      </c>
      <c r="ANN731" s="424"/>
      <c r="ANO731" s="424"/>
      <c r="ANP731" s="424"/>
      <c r="ANQ731" s="423" t="s">
        <v>2795</v>
      </c>
      <c r="ANR731" s="424"/>
      <c r="ANS731" s="424"/>
      <c r="ANT731" s="424"/>
      <c r="ANU731" s="423" t="s">
        <v>2795</v>
      </c>
      <c r="ANV731" s="424"/>
      <c r="ANW731" s="424"/>
      <c r="ANX731" s="424"/>
      <c r="ANY731" s="423" t="s">
        <v>2795</v>
      </c>
      <c r="ANZ731" s="424"/>
      <c r="AOA731" s="424"/>
      <c r="AOB731" s="424"/>
      <c r="AOC731" s="423" t="s">
        <v>2795</v>
      </c>
      <c r="AOD731" s="424"/>
      <c r="AOE731" s="424"/>
      <c r="AOF731" s="424"/>
      <c r="AOG731" s="423" t="s">
        <v>2795</v>
      </c>
      <c r="AOH731" s="424"/>
      <c r="AOI731" s="424"/>
      <c r="AOJ731" s="424"/>
      <c r="AOK731" s="423" t="s">
        <v>2795</v>
      </c>
      <c r="AOL731" s="424"/>
      <c r="AOM731" s="424"/>
      <c r="AON731" s="424"/>
      <c r="AOO731" s="423" t="s">
        <v>2795</v>
      </c>
      <c r="AOP731" s="424"/>
      <c r="AOQ731" s="424"/>
      <c r="AOR731" s="424"/>
      <c r="AOS731" s="423" t="s">
        <v>2795</v>
      </c>
      <c r="AOT731" s="424"/>
      <c r="AOU731" s="424"/>
      <c r="AOV731" s="424"/>
      <c r="AOW731" s="423" t="s">
        <v>2795</v>
      </c>
      <c r="AOX731" s="424"/>
      <c r="AOY731" s="424"/>
      <c r="AOZ731" s="424"/>
      <c r="APA731" s="423" t="s">
        <v>2795</v>
      </c>
      <c r="APB731" s="424"/>
      <c r="APC731" s="424"/>
      <c r="APD731" s="424"/>
      <c r="APE731" s="423" t="s">
        <v>2795</v>
      </c>
      <c r="APF731" s="424"/>
      <c r="APG731" s="424"/>
      <c r="APH731" s="424"/>
      <c r="API731" s="423" t="s">
        <v>2795</v>
      </c>
      <c r="APJ731" s="424"/>
      <c r="APK731" s="424"/>
      <c r="APL731" s="424"/>
      <c r="APM731" s="423" t="s">
        <v>2795</v>
      </c>
      <c r="APN731" s="424"/>
      <c r="APO731" s="424"/>
      <c r="APP731" s="424"/>
      <c r="APQ731" s="423" t="s">
        <v>2795</v>
      </c>
      <c r="APR731" s="424"/>
      <c r="APS731" s="424"/>
      <c r="APT731" s="424"/>
      <c r="APU731" s="423" t="s">
        <v>2795</v>
      </c>
      <c r="APV731" s="424"/>
      <c r="APW731" s="424"/>
      <c r="APX731" s="424"/>
      <c r="APY731" s="423" t="s">
        <v>2795</v>
      </c>
      <c r="APZ731" s="424"/>
      <c r="AQA731" s="424"/>
      <c r="AQB731" s="424"/>
      <c r="AQC731" s="423" t="s">
        <v>2795</v>
      </c>
      <c r="AQD731" s="424"/>
      <c r="AQE731" s="424"/>
      <c r="AQF731" s="424"/>
      <c r="AQG731" s="423" t="s">
        <v>2795</v>
      </c>
      <c r="AQH731" s="424"/>
      <c r="AQI731" s="424"/>
      <c r="AQJ731" s="424"/>
      <c r="AQK731" s="423" t="s">
        <v>2795</v>
      </c>
      <c r="AQL731" s="424"/>
      <c r="AQM731" s="424"/>
      <c r="AQN731" s="424"/>
      <c r="AQO731" s="423" t="s">
        <v>2795</v>
      </c>
      <c r="AQP731" s="424"/>
      <c r="AQQ731" s="424"/>
      <c r="AQR731" s="424"/>
      <c r="AQS731" s="423" t="s">
        <v>2795</v>
      </c>
      <c r="AQT731" s="424"/>
      <c r="AQU731" s="424"/>
      <c r="AQV731" s="424"/>
      <c r="AQW731" s="423" t="s">
        <v>2795</v>
      </c>
      <c r="AQX731" s="424"/>
      <c r="AQY731" s="424"/>
      <c r="AQZ731" s="424"/>
      <c r="ARA731" s="423" t="s">
        <v>2795</v>
      </c>
      <c r="ARB731" s="424"/>
      <c r="ARC731" s="424"/>
      <c r="ARD731" s="424"/>
      <c r="ARE731" s="423" t="s">
        <v>2795</v>
      </c>
      <c r="ARF731" s="424"/>
      <c r="ARG731" s="424"/>
      <c r="ARH731" s="424"/>
      <c r="ARI731" s="423" t="s">
        <v>2795</v>
      </c>
      <c r="ARJ731" s="424"/>
      <c r="ARK731" s="424"/>
      <c r="ARL731" s="424"/>
      <c r="ARM731" s="423" t="s">
        <v>2795</v>
      </c>
      <c r="ARN731" s="424"/>
      <c r="ARO731" s="424"/>
      <c r="ARP731" s="424"/>
      <c r="ARQ731" s="423" t="s">
        <v>2795</v>
      </c>
      <c r="ARR731" s="424"/>
      <c r="ARS731" s="424"/>
      <c r="ART731" s="424"/>
      <c r="ARU731" s="423" t="s">
        <v>2795</v>
      </c>
      <c r="ARV731" s="424"/>
      <c r="ARW731" s="424"/>
      <c r="ARX731" s="424"/>
      <c r="ARY731" s="423" t="s">
        <v>2795</v>
      </c>
      <c r="ARZ731" s="424"/>
      <c r="ASA731" s="424"/>
      <c r="ASB731" s="424"/>
      <c r="ASC731" s="423" t="s">
        <v>2795</v>
      </c>
      <c r="ASD731" s="424"/>
      <c r="ASE731" s="424"/>
      <c r="ASF731" s="424"/>
      <c r="ASG731" s="423" t="s">
        <v>2795</v>
      </c>
      <c r="ASH731" s="424"/>
      <c r="ASI731" s="424"/>
      <c r="ASJ731" s="424"/>
      <c r="ASK731" s="423" t="s">
        <v>2795</v>
      </c>
      <c r="ASL731" s="424"/>
      <c r="ASM731" s="424"/>
      <c r="ASN731" s="424"/>
      <c r="ASO731" s="423" t="s">
        <v>2795</v>
      </c>
      <c r="ASP731" s="424"/>
      <c r="ASQ731" s="424"/>
      <c r="ASR731" s="424"/>
      <c r="ASS731" s="423" t="s">
        <v>2795</v>
      </c>
      <c r="AST731" s="424"/>
      <c r="ASU731" s="424"/>
      <c r="ASV731" s="424"/>
      <c r="ASW731" s="423" t="s">
        <v>2795</v>
      </c>
      <c r="ASX731" s="424"/>
      <c r="ASY731" s="424"/>
      <c r="ASZ731" s="424"/>
      <c r="ATA731" s="423" t="s">
        <v>2795</v>
      </c>
      <c r="ATB731" s="424"/>
      <c r="ATC731" s="424"/>
      <c r="ATD731" s="424"/>
      <c r="ATE731" s="423" t="s">
        <v>2795</v>
      </c>
      <c r="ATF731" s="424"/>
      <c r="ATG731" s="424"/>
      <c r="ATH731" s="424"/>
      <c r="ATI731" s="423" t="s">
        <v>2795</v>
      </c>
      <c r="ATJ731" s="424"/>
      <c r="ATK731" s="424"/>
      <c r="ATL731" s="424"/>
      <c r="ATM731" s="423" t="s">
        <v>2795</v>
      </c>
      <c r="ATN731" s="424"/>
      <c r="ATO731" s="424"/>
      <c r="ATP731" s="424"/>
      <c r="ATQ731" s="423" t="s">
        <v>2795</v>
      </c>
      <c r="ATR731" s="424"/>
      <c r="ATS731" s="424"/>
      <c r="ATT731" s="424"/>
      <c r="ATU731" s="423" t="s">
        <v>2795</v>
      </c>
      <c r="ATV731" s="424"/>
      <c r="ATW731" s="424"/>
      <c r="ATX731" s="424"/>
      <c r="ATY731" s="423" t="s">
        <v>2795</v>
      </c>
      <c r="ATZ731" s="424"/>
      <c r="AUA731" s="424"/>
      <c r="AUB731" s="424"/>
      <c r="AUC731" s="423" t="s">
        <v>2795</v>
      </c>
      <c r="AUD731" s="424"/>
      <c r="AUE731" s="424"/>
      <c r="AUF731" s="424"/>
      <c r="AUG731" s="423" t="s">
        <v>2795</v>
      </c>
      <c r="AUH731" s="424"/>
      <c r="AUI731" s="424"/>
      <c r="AUJ731" s="424"/>
      <c r="AUK731" s="423" t="s">
        <v>2795</v>
      </c>
      <c r="AUL731" s="424"/>
      <c r="AUM731" s="424"/>
      <c r="AUN731" s="424"/>
      <c r="AUO731" s="423" t="s">
        <v>2795</v>
      </c>
      <c r="AUP731" s="424"/>
      <c r="AUQ731" s="424"/>
      <c r="AUR731" s="424"/>
      <c r="AUS731" s="423" t="s">
        <v>2795</v>
      </c>
      <c r="AUT731" s="424"/>
      <c r="AUU731" s="424"/>
      <c r="AUV731" s="424"/>
      <c r="AUW731" s="423" t="s">
        <v>2795</v>
      </c>
      <c r="AUX731" s="424"/>
      <c r="AUY731" s="424"/>
      <c r="AUZ731" s="424"/>
      <c r="AVA731" s="423" t="s">
        <v>2795</v>
      </c>
      <c r="AVB731" s="424"/>
      <c r="AVC731" s="424"/>
      <c r="AVD731" s="424"/>
      <c r="AVE731" s="423" t="s">
        <v>2795</v>
      </c>
      <c r="AVF731" s="424"/>
      <c r="AVG731" s="424"/>
      <c r="AVH731" s="424"/>
      <c r="AVI731" s="423" t="s">
        <v>2795</v>
      </c>
      <c r="AVJ731" s="424"/>
      <c r="AVK731" s="424"/>
      <c r="AVL731" s="424"/>
      <c r="AVM731" s="423" t="s">
        <v>2795</v>
      </c>
      <c r="AVN731" s="424"/>
      <c r="AVO731" s="424"/>
      <c r="AVP731" s="424"/>
      <c r="AVQ731" s="423" t="s">
        <v>2795</v>
      </c>
      <c r="AVR731" s="424"/>
      <c r="AVS731" s="424"/>
      <c r="AVT731" s="424"/>
      <c r="AVU731" s="423" t="s">
        <v>2795</v>
      </c>
      <c r="AVV731" s="424"/>
      <c r="AVW731" s="424"/>
      <c r="AVX731" s="424"/>
      <c r="AVY731" s="423" t="s">
        <v>2795</v>
      </c>
      <c r="AVZ731" s="424"/>
      <c r="AWA731" s="424"/>
      <c r="AWB731" s="424"/>
      <c r="AWC731" s="423" t="s">
        <v>2795</v>
      </c>
      <c r="AWD731" s="424"/>
      <c r="AWE731" s="424"/>
      <c r="AWF731" s="424"/>
      <c r="AWG731" s="423" t="s">
        <v>2795</v>
      </c>
      <c r="AWH731" s="424"/>
      <c r="AWI731" s="424"/>
      <c r="AWJ731" s="424"/>
      <c r="AWK731" s="423" t="s">
        <v>2795</v>
      </c>
      <c r="AWL731" s="424"/>
      <c r="AWM731" s="424"/>
      <c r="AWN731" s="424"/>
      <c r="AWO731" s="423" t="s">
        <v>2795</v>
      </c>
      <c r="AWP731" s="424"/>
      <c r="AWQ731" s="424"/>
      <c r="AWR731" s="424"/>
      <c r="AWS731" s="423" t="s">
        <v>2795</v>
      </c>
      <c r="AWT731" s="424"/>
      <c r="AWU731" s="424"/>
      <c r="AWV731" s="424"/>
      <c r="AWW731" s="423" t="s">
        <v>2795</v>
      </c>
      <c r="AWX731" s="424"/>
      <c r="AWY731" s="424"/>
      <c r="AWZ731" s="424"/>
      <c r="AXA731" s="423" t="s">
        <v>2795</v>
      </c>
      <c r="AXB731" s="424"/>
      <c r="AXC731" s="424"/>
      <c r="AXD731" s="424"/>
      <c r="AXE731" s="423" t="s">
        <v>2795</v>
      </c>
      <c r="AXF731" s="424"/>
      <c r="AXG731" s="424"/>
      <c r="AXH731" s="424"/>
      <c r="AXI731" s="423" t="s">
        <v>2795</v>
      </c>
      <c r="AXJ731" s="424"/>
      <c r="AXK731" s="424"/>
      <c r="AXL731" s="424"/>
      <c r="AXM731" s="423" t="s">
        <v>2795</v>
      </c>
      <c r="AXN731" s="424"/>
      <c r="AXO731" s="424"/>
      <c r="AXP731" s="424"/>
      <c r="AXQ731" s="423" t="s">
        <v>2795</v>
      </c>
      <c r="AXR731" s="424"/>
      <c r="AXS731" s="424"/>
      <c r="AXT731" s="424"/>
      <c r="AXU731" s="423" t="s">
        <v>2795</v>
      </c>
      <c r="AXV731" s="424"/>
      <c r="AXW731" s="424"/>
      <c r="AXX731" s="424"/>
      <c r="AXY731" s="423" t="s">
        <v>2795</v>
      </c>
      <c r="AXZ731" s="424"/>
      <c r="AYA731" s="424"/>
      <c r="AYB731" s="424"/>
      <c r="AYC731" s="423" t="s">
        <v>2795</v>
      </c>
      <c r="AYD731" s="424"/>
      <c r="AYE731" s="424"/>
      <c r="AYF731" s="424"/>
      <c r="AYG731" s="423" t="s">
        <v>2795</v>
      </c>
      <c r="AYH731" s="424"/>
      <c r="AYI731" s="424"/>
      <c r="AYJ731" s="424"/>
      <c r="AYK731" s="423" t="s">
        <v>2795</v>
      </c>
      <c r="AYL731" s="424"/>
      <c r="AYM731" s="424"/>
      <c r="AYN731" s="424"/>
      <c r="AYO731" s="423" t="s">
        <v>2795</v>
      </c>
      <c r="AYP731" s="424"/>
      <c r="AYQ731" s="424"/>
      <c r="AYR731" s="424"/>
      <c r="AYS731" s="423" t="s">
        <v>2795</v>
      </c>
      <c r="AYT731" s="424"/>
      <c r="AYU731" s="424"/>
      <c r="AYV731" s="424"/>
      <c r="AYW731" s="423" t="s">
        <v>2795</v>
      </c>
      <c r="AYX731" s="424"/>
      <c r="AYY731" s="424"/>
      <c r="AYZ731" s="424"/>
      <c r="AZA731" s="423" t="s">
        <v>2795</v>
      </c>
      <c r="AZB731" s="424"/>
      <c r="AZC731" s="424"/>
      <c r="AZD731" s="424"/>
      <c r="AZE731" s="423" t="s">
        <v>2795</v>
      </c>
      <c r="AZF731" s="424"/>
      <c r="AZG731" s="424"/>
      <c r="AZH731" s="424"/>
      <c r="AZI731" s="423" t="s">
        <v>2795</v>
      </c>
      <c r="AZJ731" s="424"/>
      <c r="AZK731" s="424"/>
      <c r="AZL731" s="424"/>
      <c r="AZM731" s="423" t="s">
        <v>2795</v>
      </c>
      <c r="AZN731" s="424"/>
      <c r="AZO731" s="424"/>
      <c r="AZP731" s="424"/>
      <c r="AZQ731" s="423" t="s">
        <v>2795</v>
      </c>
      <c r="AZR731" s="424"/>
      <c r="AZS731" s="424"/>
      <c r="AZT731" s="424"/>
      <c r="AZU731" s="423" t="s">
        <v>2795</v>
      </c>
      <c r="AZV731" s="424"/>
      <c r="AZW731" s="424"/>
      <c r="AZX731" s="424"/>
      <c r="AZY731" s="423" t="s">
        <v>2795</v>
      </c>
      <c r="AZZ731" s="424"/>
      <c r="BAA731" s="424"/>
      <c r="BAB731" s="424"/>
      <c r="BAC731" s="423" t="s">
        <v>2795</v>
      </c>
      <c r="BAD731" s="424"/>
      <c r="BAE731" s="424"/>
      <c r="BAF731" s="424"/>
      <c r="BAG731" s="423" t="s">
        <v>2795</v>
      </c>
      <c r="BAH731" s="424"/>
      <c r="BAI731" s="424"/>
      <c r="BAJ731" s="424"/>
      <c r="BAK731" s="423" t="s">
        <v>2795</v>
      </c>
      <c r="BAL731" s="424"/>
      <c r="BAM731" s="424"/>
      <c r="BAN731" s="424"/>
      <c r="BAO731" s="423" t="s">
        <v>2795</v>
      </c>
      <c r="BAP731" s="424"/>
      <c r="BAQ731" s="424"/>
      <c r="BAR731" s="424"/>
      <c r="BAS731" s="423" t="s">
        <v>2795</v>
      </c>
      <c r="BAT731" s="424"/>
      <c r="BAU731" s="424"/>
      <c r="BAV731" s="424"/>
      <c r="BAW731" s="423" t="s">
        <v>2795</v>
      </c>
      <c r="BAX731" s="424"/>
      <c r="BAY731" s="424"/>
      <c r="BAZ731" s="424"/>
      <c r="BBA731" s="423" t="s">
        <v>2795</v>
      </c>
      <c r="BBB731" s="424"/>
      <c r="BBC731" s="424"/>
      <c r="BBD731" s="424"/>
      <c r="BBE731" s="423" t="s">
        <v>2795</v>
      </c>
      <c r="BBF731" s="424"/>
      <c r="BBG731" s="424"/>
      <c r="BBH731" s="424"/>
      <c r="BBI731" s="423" t="s">
        <v>2795</v>
      </c>
      <c r="BBJ731" s="424"/>
      <c r="BBK731" s="424"/>
      <c r="BBL731" s="424"/>
      <c r="BBM731" s="423" t="s">
        <v>2795</v>
      </c>
      <c r="BBN731" s="424"/>
      <c r="BBO731" s="424"/>
      <c r="BBP731" s="424"/>
      <c r="BBQ731" s="423" t="s">
        <v>2795</v>
      </c>
      <c r="BBR731" s="424"/>
      <c r="BBS731" s="424"/>
      <c r="BBT731" s="424"/>
      <c r="BBU731" s="423" t="s">
        <v>2795</v>
      </c>
      <c r="BBV731" s="424"/>
      <c r="BBW731" s="424"/>
      <c r="BBX731" s="424"/>
      <c r="BBY731" s="423" t="s">
        <v>2795</v>
      </c>
      <c r="BBZ731" s="424"/>
      <c r="BCA731" s="424"/>
      <c r="BCB731" s="424"/>
      <c r="BCC731" s="423" t="s">
        <v>2795</v>
      </c>
      <c r="BCD731" s="424"/>
      <c r="BCE731" s="424"/>
      <c r="BCF731" s="424"/>
      <c r="BCG731" s="423" t="s">
        <v>2795</v>
      </c>
      <c r="BCH731" s="424"/>
      <c r="BCI731" s="424"/>
      <c r="BCJ731" s="424"/>
      <c r="BCK731" s="423" t="s">
        <v>2795</v>
      </c>
      <c r="BCL731" s="424"/>
      <c r="BCM731" s="424"/>
      <c r="BCN731" s="424"/>
      <c r="BCO731" s="423" t="s">
        <v>2795</v>
      </c>
      <c r="BCP731" s="424"/>
      <c r="BCQ731" s="424"/>
      <c r="BCR731" s="424"/>
      <c r="BCS731" s="423" t="s">
        <v>2795</v>
      </c>
      <c r="BCT731" s="424"/>
      <c r="BCU731" s="424"/>
      <c r="BCV731" s="424"/>
      <c r="BCW731" s="423" t="s">
        <v>2795</v>
      </c>
      <c r="BCX731" s="424"/>
      <c r="BCY731" s="424"/>
      <c r="BCZ731" s="424"/>
      <c r="BDA731" s="423" t="s">
        <v>2795</v>
      </c>
      <c r="BDB731" s="424"/>
      <c r="BDC731" s="424"/>
      <c r="BDD731" s="424"/>
      <c r="BDE731" s="423" t="s">
        <v>2795</v>
      </c>
      <c r="BDF731" s="424"/>
      <c r="BDG731" s="424"/>
      <c r="BDH731" s="424"/>
      <c r="BDI731" s="423" t="s">
        <v>2795</v>
      </c>
      <c r="BDJ731" s="424"/>
      <c r="BDK731" s="424"/>
      <c r="BDL731" s="424"/>
      <c r="BDM731" s="423" t="s">
        <v>2795</v>
      </c>
      <c r="BDN731" s="424"/>
      <c r="BDO731" s="424"/>
      <c r="BDP731" s="424"/>
      <c r="BDQ731" s="423" t="s">
        <v>2795</v>
      </c>
      <c r="BDR731" s="424"/>
      <c r="BDS731" s="424"/>
      <c r="BDT731" s="424"/>
      <c r="BDU731" s="423" t="s">
        <v>2795</v>
      </c>
      <c r="BDV731" s="424"/>
      <c r="BDW731" s="424"/>
      <c r="BDX731" s="424"/>
      <c r="BDY731" s="423" t="s">
        <v>2795</v>
      </c>
      <c r="BDZ731" s="424"/>
      <c r="BEA731" s="424"/>
      <c r="BEB731" s="424"/>
      <c r="BEC731" s="423" t="s">
        <v>2795</v>
      </c>
      <c r="BED731" s="424"/>
      <c r="BEE731" s="424"/>
      <c r="BEF731" s="424"/>
      <c r="BEG731" s="423" t="s">
        <v>2795</v>
      </c>
      <c r="BEH731" s="424"/>
      <c r="BEI731" s="424"/>
      <c r="BEJ731" s="424"/>
      <c r="BEK731" s="423" t="s">
        <v>2795</v>
      </c>
      <c r="BEL731" s="424"/>
      <c r="BEM731" s="424"/>
      <c r="BEN731" s="424"/>
      <c r="BEO731" s="423" t="s">
        <v>2795</v>
      </c>
      <c r="BEP731" s="424"/>
      <c r="BEQ731" s="424"/>
      <c r="BER731" s="424"/>
      <c r="BES731" s="423" t="s">
        <v>2795</v>
      </c>
      <c r="BET731" s="424"/>
      <c r="BEU731" s="424"/>
      <c r="BEV731" s="424"/>
      <c r="BEW731" s="423" t="s">
        <v>2795</v>
      </c>
      <c r="BEX731" s="424"/>
      <c r="BEY731" s="424"/>
      <c r="BEZ731" s="424"/>
      <c r="BFA731" s="423" t="s">
        <v>2795</v>
      </c>
      <c r="BFB731" s="424"/>
      <c r="BFC731" s="424"/>
      <c r="BFD731" s="424"/>
      <c r="BFE731" s="423" t="s">
        <v>2795</v>
      </c>
      <c r="BFF731" s="424"/>
      <c r="BFG731" s="424"/>
      <c r="BFH731" s="424"/>
      <c r="BFI731" s="423" t="s">
        <v>2795</v>
      </c>
      <c r="BFJ731" s="424"/>
      <c r="BFK731" s="424"/>
      <c r="BFL731" s="424"/>
      <c r="BFM731" s="423" t="s">
        <v>2795</v>
      </c>
      <c r="BFN731" s="424"/>
      <c r="BFO731" s="424"/>
      <c r="BFP731" s="424"/>
      <c r="BFQ731" s="423" t="s">
        <v>2795</v>
      </c>
      <c r="BFR731" s="424"/>
      <c r="BFS731" s="424"/>
      <c r="BFT731" s="424"/>
      <c r="BFU731" s="423" t="s">
        <v>2795</v>
      </c>
      <c r="BFV731" s="424"/>
      <c r="BFW731" s="424"/>
      <c r="BFX731" s="424"/>
      <c r="BFY731" s="423" t="s">
        <v>2795</v>
      </c>
      <c r="BFZ731" s="424"/>
      <c r="BGA731" s="424"/>
      <c r="BGB731" s="424"/>
      <c r="BGC731" s="423" t="s">
        <v>2795</v>
      </c>
      <c r="BGD731" s="424"/>
      <c r="BGE731" s="424"/>
      <c r="BGF731" s="424"/>
      <c r="BGG731" s="423" t="s">
        <v>2795</v>
      </c>
      <c r="BGH731" s="424"/>
      <c r="BGI731" s="424"/>
      <c r="BGJ731" s="424"/>
      <c r="BGK731" s="423" t="s">
        <v>2795</v>
      </c>
      <c r="BGL731" s="424"/>
      <c r="BGM731" s="424"/>
      <c r="BGN731" s="424"/>
      <c r="BGO731" s="423" t="s">
        <v>2795</v>
      </c>
      <c r="BGP731" s="424"/>
      <c r="BGQ731" s="424"/>
      <c r="BGR731" s="424"/>
      <c r="BGS731" s="423" t="s">
        <v>2795</v>
      </c>
      <c r="BGT731" s="424"/>
      <c r="BGU731" s="424"/>
      <c r="BGV731" s="424"/>
      <c r="BGW731" s="423" t="s">
        <v>2795</v>
      </c>
      <c r="BGX731" s="424"/>
      <c r="BGY731" s="424"/>
      <c r="BGZ731" s="424"/>
      <c r="BHA731" s="423" t="s">
        <v>2795</v>
      </c>
      <c r="BHB731" s="424"/>
      <c r="BHC731" s="424"/>
      <c r="BHD731" s="424"/>
      <c r="BHE731" s="423" t="s">
        <v>2795</v>
      </c>
      <c r="BHF731" s="424"/>
      <c r="BHG731" s="424"/>
      <c r="BHH731" s="424"/>
      <c r="BHI731" s="423" t="s">
        <v>2795</v>
      </c>
      <c r="BHJ731" s="424"/>
      <c r="BHK731" s="424"/>
      <c r="BHL731" s="424"/>
      <c r="BHM731" s="423" t="s">
        <v>2795</v>
      </c>
      <c r="BHN731" s="424"/>
      <c r="BHO731" s="424"/>
      <c r="BHP731" s="424"/>
      <c r="BHQ731" s="423" t="s">
        <v>2795</v>
      </c>
      <c r="BHR731" s="424"/>
      <c r="BHS731" s="424"/>
      <c r="BHT731" s="424"/>
      <c r="BHU731" s="423" t="s">
        <v>2795</v>
      </c>
      <c r="BHV731" s="424"/>
      <c r="BHW731" s="424"/>
      <c r="BHX731" s="424"/>
      <c r="BHY731" s="423" t="s">
        <v>2795</v>
      </c>
      <c r="BHZ731" s="424"/>
      <c r="BIA731" s="424"/>
      <c r="BIB731" s="424"/>
      <c r="BIC731" s="423" t="s">
        <v>2795</v>
      </c>
      <c r="BID731" s="424"/>
      <c r="BIE731" s="424"/>
      <c r="BIF731" s="424"/>
      <c r="BIG731" s="423" t="s">
        <v>2795</v>
      </c>
      <c r="BIH731" s="424"/>
      <c r="BII731" s="424"/>
      <c r="BIJ731" s="424"/>
      <c r="BIK731" s="423" t="s">
        <v>2795</v>
      </c>
      <c r="BIL731" s="424"/>
      <c r="BIM731" s="424"/>
      <c r="BIN731" s="424"/>
      <c r="BIO731" s="423" t="s">
        <v>2795</v>
      </c>
      <c r="BIP731" s="424"/>
      <c r="BIQ731" s="424"/>
      <c r="BIR731" s="424"/>
      <c r="BIS731" s="423" t="s">
        <v>2795</v>
      </c>
      <c r="BIT731" s="424"/>
      <c r="BIU731" s="424"/>
      <c r="BIV731" s="424"/>
      <c r="BIW731" s="423" t="s">
        <v>2795</v>
      </c>
      <c r="BIX731" s="424"/>
      <c r="BIY731" s="424"/>
      <c r="BIZ731" s="424"/>
      <c r="BJA731" s="423" t="s">
        <v>2795</v>
      </c>
      <c r="BJB731" s="424"/>
      <c r="BJC731" s="424"/>
      <c r="BJD731" s="424"/>
      <c r="BJE731" s="423" t="s">
        <v>2795</v>
      </c>
      <c r="BJF731" s="424"/>
      <c r="BJG731" s="424"/>
      <c r="BJH731" s="424"/>
      <c r="BJI731" s="423" t="s">
        <v>2795</v>
      </c>
      <c r="BJJ731" s="424"/>
      <c r="BJK731" s="424"/>
      <c r="BJL731" s="424"/>
      <c r="BJM731" s="423" t="s">
        <v>2795</v>
      </c>
      <c r="BJN731" s="424"/>
      <c r="BJO731" s="424"/>
      <c r="BJP731" s="424"/>
      <c r="BJQ731" s="423" t="s">
        <v>2795</v>
      </c>
      <c r="BJR731" s="424"/>
      <c r="BJS731" s="424"/>
      <c r="BJT731" s="424"/>
      <c r="BJU731" s="423" t="s">
        <v>2795</v>
      </c>
      <c r="BJV731" s="424"/>
      <c r="BJW731" s="424"/>
      <c r="BJX731" s="424"/>
      <c r="BJY731" s="423" t="s">
        <v>2795</v>
      </c>
      <c r="BJZ731" s="424"/>
      <c r="BKA731" s="424"/>
      <c r="BKB731" s="424"/>
      <c r="BKC731" s="423" t="s">
        <v>2795</v>
      </c>
      <c r="BKD731" s="424"/>
      <c r="BKE731" s="424"/>
      <c r="BKF731" s="424"/>
      <c r="BKG731" s="423" t="s">
        <v>2795</v>
      </c>
      <c r="BKH731" s="424"/>
      <c r="BKI731" s="424"/>
      <c r="BKJ731" s="424"/>
      <c r="BKK731" s="423" t="s">
        <v>2795</v>
      </c>
      <c r="BKL731" s="424"/>
      <c r="BKM731" s="424"/>
      <c r="BKN731" s="424"/>
      <c r="BKO731" s="423" t="s">
        <v>2795</v>
      </c>
      <c r="BKP731" s="424"/>
      <c r="BKQ731" s="424"/>
      <c r="BKR731" s="424"/>
      <c r="BKS731" s="423" t="s">
        <v>2795</v>
      </c>
      <c r="BKT731" s="424"/>
      <c r="BKU731" s="424"/>
      <c r="BKV731" s="424"/>
      <c r="BKW731" s="423" t="s">
        <v>2795</v>
      </c>
      <c r="BKX731" s="424"/>
      <c r="BKY731" s="424"/>
      <c r="BKZ731" s="424"/>
      <c r="BLA731" s="423" t="s">
        <v>2795</v>
      </c>
      <c r="BLB731" s="424"/>
      <c r="BLC731" s="424"/>
      <c r="BLD731" s="424"/>
      <c r="BLE731" s="423" t="s">
        <v>2795</v>
      </c>
      <c r="BLF731" s="424"/>
      <c r="BLG731" s="424"/>
      <c r="BLH731" s="424"/>
      <c r="BLI731" s="423" t="s">
        <v>2795</v>
      </c>
      <c r="BLJ731" s="424"/>
      <c r="BLK731" s="424"/>
      <c r="BLL731" s="424"/>
      <c r="BLM731" s="423" t="s">
        <v>2795</v>
      </c>
      <c r="BLN731" s="424"/>
      <c r="BLO731" s="424"/>
      <c r="BLP731" s="424"/>
      <c r="BLQ731" s="423" t="s">
        <v>2795</v>
      </c>
      <c r="BLR731" s="424"/>
      <c r="BLS731" s="424"/>
      <c r="BLT731" s="424"/>
      <c r="BLU731" s="423" t="s">
        <v>2795</v>
      </c>
      <c r="BLV731" s="424"/>
      <c r="BLW731" s="424"/>
      <c r="BLX731" s="424"/>
      <c r="BLY731" s="423" t="s">
        <v>2795</v>
      </c>
      <c r="BLZ731" s="424"/>
      <c r="BMA731" s="424"/>
      <c r="BMB731" s="424"/>
      <c r="BMC731" s="423" t="s">
        <v>2795</v>
      </c>
      <c r="BMD731" s="424"/>
      <c r="BME731" s="424"/>
      <c r="BMF731" s="424"/>
      <c r="BMG731" s="423" t="s">
        <v>2795</v>
      </c>
      <c r="BMH731" s="424"/>
      <c r="BMI731" s="424"/>
      <c r="BMJ731" s="424"/>
      <c r="BMK731" s="423" t="s">
        <v>2795</v>
      </c>
      <c r="BML731" s="424"/>
      <c r="BMM731" s="424"/>
      <c r="BMN731" s="424"/>
      <c r="BMO731" s="423" t="s">
        <v>2795</v>
      </c>
      <c r="BMP731" s="424"/>
      <c r="BMQ731" s="424"/>
      <c r="BMR731" s="424"/>
      <c r="BMS731" s="423" t="s">
        <v>2795</v>
      </c>
      <c r="BMT731" s="424"/>
      <c r="BMU731" s="424"/>
      <c r="BMV731" s="424"/>
      <c r="BMW731" s="423" t="s">
        <v>2795</v>
      </c>
      <c r="BMX731" s="424"/>
      <c r="BMY731" s="424"/>
      <c r="BMZ731" s="424"/>
      <c r="BNA731" s="423" t="s">
        <v>2795</v>
      </c>
      <c r="BNB731" s="424"/>
      <c r="BNC731" s="424"/>
      <c r="BND731" s="424"/>
      <c r="BNE731" s="423" t="s">
        <v>2795</v>
      </c>
      <c r="BNF731" s="424"/>
      <c r="BNG731" s="424"/>
      <c r="BNH731" s="424"/>
      <c r="BNI731" s="423" t="s">
        <v>2795</v>
      </c>
      <c r="BNJ731" s="424"/>
      <c r="BNK731" s="424"/>
      <c r="BNL731" s="424"/>
      <c r="BNM731" s="423" t="s">
        <v>2795</v>
      </c>
      <c r="BNN731" s="424"/>
      <c r="BNO731" s="424"/>
      <c r="BNP731" s="424"/>
      <c r="BNQ731" s="423" t="s">
        <v>2795</v>
      </c>
      <c r="BNR731" s="424"/>
      <c r="BNS731" s="424"/>
      <c r="BNT731" s="424"/>
      <c r="BNU731" s="423" t="s">
        <v>2795</v>
      </c>
      <c r="BNV731" s="424"/>
      <c r="BNW731" s="424"/>
      <c r="BNX731" s="424"/>
      <c r="BNY731" s="423" t="s">
        <v>2795</v>
      </c>
      <c r="BNZ731" s="424"/>
      <c r="BOA731" s="424"/>
      <c r="BOB731" s="424"/>
      <c r="BOC731" s="423" t="s">
        <v>2795</v>
      </c>
      <c r="BOD731" s="424"/>
      <c r="BOE731" s="424"/>
      <c r="BOF731" s="424"/>
      <c r="BOG731" s="423" t="s">
        <v>2795</v>
      </c>
      <c r="BOH731" s="424"/>
      <c r="BOI731" s="424"/>
      <c r="BOJ731" s="424"/>
      <c r="BOK731" s="423" t="s">
        <v>2795</v>
      </c>
      <c r="BOL731" s="424"/>
      <c r="BOM731" s="424"/>
      <c r="BON731" s="424"/>
      <c r="BOO731" s="423" t="s">
        <v>2795</v>
      </c>
      <c r="BOP731" s="424"/>
      <c r="BOQ731" s="424"/>
      <c r="BOR731" s="424"/>
      <c r="BOS731" s="423" t="s">
        <v>2795</v>
      </c>
      <c r="BOT731" s="424"/>
      <c r="BOU731" s="424"/>
      <c r="BOV731" s="424"/>
      <c r="BOW731" s="423" t="s">
        <v>2795</v>
      </c>
      <c r="BOX731" s="424"/>
      <c r="BOY731" s="424"/>
      <c r="BOZ731" s="424"/>
      <c r="BPA731" s="423" t="s">
        <v>2795</v>
      </c>
      <c r="BPB731" s="424"/>
      <c r="BPC731" s="424"/>
      <c r="BPD731" s="424"/>
      <c r="BPE731" s="423" t="s">
        <v>2795</v>
      </c>
      <c r="BPF731" s="424"/>
      <c r="BPG731" s="424"/>
      <c r="BPH731" s="424"/>
      <c r="BPI731" s="423" t="s">
        <v>2795</v>
      </c>
      <c r="BPJ731" s="424"/>
      <c r="BPK731" s="424"/>
      <c r="BPL731" s="424"/>
      <c r="BPM731" s="423" t="s">
        <v>2795</v>
      </c>
      <c r="BPN731" s="424"/>
      <c r="BPO731" s="424"/>
      <c r="BPP731" s="424"/>
      <c r="BPQ731" s="423" t="s">
        <v>2795</v>
      </c>
      <c r="BPR731" s="424"/>
      <c r="BPS731" s="424"/>
      <c r="BPT731" s="424"/>
      <c r="BPU731" s="423" t="s">
        <v>2795</v>
      </c>
      <c r="BPV731" s="424"/>
      <c r="BPW731" s="424"/>
      <c r="BPX731" s="424"/>
      <c r="BPY731" s="423" t="s">
        <v>2795</v>
      </c>
      <c r="BPZ731" s="424"/>
      <c r="BQA731" s="424"/>
      <c r="BQB731" s="424"/>
      <c r="BQC731" s="423" t="s">
        <v>2795</v>
      </c>
      <c r="BQD731" s="424"/>
      <c r="BQE731" s="424"/>
      <c r="BQF731" s="424"/>
      <c r="BQG731" s="423" t="s">
        <v>2795</v>
      </c>
      <c r="BQH731" s="424"/>
      <c r="BQI731" s="424"/>
      <c r="BQJ731" s="424"/>
      <c r="BQK731" s="423" t="s">
        <v>2795</v>
      </c>
      <c r="BQL731" s="424"/>
      <c r="BQM731" s="424"/>
      <c r="BQN731" s="424"/>
      <c r="BQO731" s="423" t="s">
        <v>2795</v>
      </c>
      <c r="BQP731" s="424"/>
      <c r="BQQ731" s="424"/>
      <c r="BQR731" s="424"/>
      <c r="BQS731" s="423" t="s">
        <v>2795</v>
      </c>
      <c r="BQT731" s="424"/>
      <c r="BQU731" s="424"/>
      <c r="BQV731" s="424"/>
      <c r="BQW731" s="423" t="s">
        <v>2795</v>
      </c>
      <c r="BQX731" s="424"/>
      <c r="BQY731" s="424"/>
      <c r="BQZ731" s="424"/>
      <c r="BRA731" s="423" t="s">
        <v>2795</v>
      </c>
      <c r="BRB731" s="424"/>
      <c r="BRC731" s="424"/>
      <c r="BRD731" s="424"/>
      <c r="BRE731" s="423" t="s">
        <v>2795</v>
      </c>
      <c r="BRF731" s="424"/>
      <c r="BRG731" s="424"/>
      <c r="BRH731" s="424"/>
      <c r="BRI731" s="423" t="s">
        <v>2795</v>
      </c>
      <c r="BRJ731" s="424"/>
      <c r="BRK731" s="424"/>
      <c r="BRL731" s="424"/>
      <c r="BRM731" s="423" t="s">
        <v>2795</v>
      </c>
      <c r="BRN731" s="424"/>
      <c r="BRO731" s="424"/>
      <c r="BRP731" s="424"/>
      <c r="BRQ731" s="423" t="s">
        <v>2795</v>
      </c>
      <c r="BRR731" s="424"/>
      <c r="BRS731" s="424"/>
      <c r="BRT731" s="424"/>
      <c r="BRU731" s="423" t="s">
        <v>2795</v>
      </c>
      <c r="BRV731" s="424"/>
      <c r="BRW731" s="424"/>
      <c r="BRX731" s="424"/>
      <c r="BRY731" s="423" t="s">
        <v>2795</v>
      </c>
      <c r="BRZ731" s="424"/>
      <c r="BSA731" s="424"/>
      <c r="BSB731" s="424"/>
      <c r="BSC731" s="423" t="s">
        <v>2795</v>
      </c>
      <c r="BSD731" s="424"/>
      <c r="BSE731" s="424"/>
      <c r="BSF731" s="424"/>
      <c r="BSG731" s="423" t="s">
        <v>2795</v>
      </c>
      <c r="BSH731" s="424"/>
      <c r="BSI731" s="424"/>
      <c r="BSJ731" s="424"/>
      <c r="BSK731" s="423" t="s">
        <v>2795</v>
      </c>
      <c r="BSL731" s="424"/>
      <c r="BSM731" s="424"/>
      <c r="BSN731" s="424"/>
      <c r="BSO731" s="423" t="s">
        <v>2795</v>
      </c>
      <c r="BSP731" s="424"/>
      <c r="BSQ731" s="424"/>
      <c r="BSR731" s="424"/>
      <c r="BSS731" s="423" t="s">
        <v>2795</v>
      </c>
      <c r="BST731" s="424"/>
      <c r="BSU731" s="424"/>
      <c r="BSV731" s="424"/>
      <c r="BSW731" s="423" t="s">
        <v>2795</v>
      </c>
      <c r="BSX731" s="424"/>
      <c r="BSY731" s="424"/>
      <c r="BSZ731" s="424"/>
      <c r="BTA731" s="423" t="s">
        <v>2795</v>
      </c>
      <c r="BTB731" s="424"/>
      <c r="BTC731" s="424"/>
      <c r="BTD731" s="424"/>
      <c r="BTE731" s="423" t="s">
        <v>2795</v>
      </c>
      <c r="BTF731" s="424"/>
      <c r="BTG731" s="424"/>
      <c r="BTH731" s="424"/>
      <c r="BTI731" s="423" t="s">
        <v>2795</v>
      </c>
      <c r="BTJ731" s="424"/>
      <c r="BTK731" s="424"/>
      <c r="BTL731" s="424"/>
      <c r="BTM731" s="423" t="s">
        <v>2795</v>
      </c>
      <c r="BTN731" s="424"/>
      <c r="BTO731" s="424"/>
      <c r="BTP731" s="424"/>
      <c r="BTQ731" s="423" t="s">
        <v>2795</v>
      </c>
      <c r="BTR731" s="424"/>
      <c r="BTS731" s="424"/>
      <c r="BTT731" s="424"/>
      <c r="BTU731" s="423" t="s">
        <v>2795</v>
      </c>
      <c r="BTV731" s="424"/>
      <c r="BTW731" s="424"/>
      <c r="BTX731" s="424"/>
      <c r="BTY731" s="423" t="s">
        <v>2795</v>
      </c>
      <c r="BTZ731" s="424"/>
      <c r="BUA731" s="424"/>
      <c r="BUB731" s="424"/>
      <c r="BUC731" s="423" t="s">
        <v>2795</v>
      </c>
      <c r="BUD731" s="424"/>
      <c r="BUE731" s="424"/>
      <c r="BUF731" s="424"/>
      <c r="BUG731" s="423" t="s">
        <v>2795</v>
      </c>
      <c r="BUH731" s="424"/>
      <c r="BUI731" s="424"/>
      <c r="BUJ731" s="424"/>
      <c r="BUK731" s="423" t="s">
        <v>2795</v>
      </c>
      <c r="BUL731" s="424"/>
      <c r="BUM731" s="424"/>
      <c r="BUN731" s="424"/>
      <c r="BUO731" s="423" t="s">
        <v>2795</v>
      </c>
      <c r="BUP731" s="424"/>
      <c r="BUQ731" s="424"/>
      <c r="BUR731" s="424"/>
      <c r="BUS731" s="423" t="s">
        <v>2795</v>
      </c>
      <c r="BUT731" s="424"/>
      <c r="BUU731" s="424"/>
      <c r="BUV731" s="424"/>
      <c r="BUW731" s="423" t="s">
        <v>2795</v>
      </c>
      <c r="BUX731" s="424"/>
      <c r="BUY731" s="424"/>
      <c r="BUZ731" s="424"/>
      <c r="BVA731" s="423" t="s">
        <v>2795</v>
      </c>
      <c r="BVB731" s="424"/>
      <c r="BVC731" s="424"/>
      <c r="BVD731" s="424"/>
      <c r="BVE731" s="423" t="s">
        <v>2795</v>
      </c>
      <c r="BVF731" s="424"/>
      <c r="BVG731" s="424"/>
      <c r="BVH731" s="424"/>
      <c r="BVI731" s="423" t="s">
        <v>2795</v>
      </c>
      <c r="BVJ731" s="424"/>
      <c r="BVK731" s="424"/>
      <c r="BVL731" s="424"/>
      <c r="BVM731" s="423" t="s">
        <v>2795</v>
      </c>
      <c r="BVN731" s="424"/>
      <c r="BVO731" s="424"/>
      <c r="BVP731" s="424"/>
      <c r="BVQ731" s="423" t="s">
        <v>2795</v>
      </c>
      <c r="BVR731" s="424"/>
      <c r="BVS731" s="424"/>
      <c r="BVT731" s="424"/>
      <c r="BVU731" s="423" t="s">
        <v>2795</v>
      </c>
      <c r="BVV731" s="424"/>
      <c r="BVW731" s="424"/>
      <c r="BVX731" s="424"/>
      <c r="BVY731" s="423" t="s">
        <v>2795</v>
      </c>
      <c r="BVZ731" s="424"/>
      <c r="BWA731" s="424"/>
      <c r="BWB731" s="424"/>
      <c r="BWC731" s="423" t="s">
        <v>2795</v>
      </c>
      <c r="BWD731" s="424"/>
      <c r="BWE731" s="424"/>
      <c r="BWF731" s="424"/>
      <c r="BWG731" s="423" t="s">
        <v>2795</v>
      </c>
      <c r="BWH731" s="424"/>
      <c r="BWI731" s="424"/>
      <c r="BWJ731" s="424"/>
      <c r="BWK731" s="423" t="s">
        <v>2795</v>
      </c>
      <c r="BWL731" s="424"/>
      <c r="BWM731" s="424"/>
      <c r="BWN731" s="424"/>
      <c r="BWO731" s="423" t="s">
        <v>2795</v>
      </c>
      <c r="BWP731" s="424"/>
      <c r="BWQ731" s="424"/>
      <c r="BWR731" s="424"/>
      <c r="BWS731" s="423" t="s">
        <v>2795</v>
      </c>
      <c r="BWT731" s="424"/>
      <c r="BWU731" s="424"/>
      <c r="BWV731" s="424"/>
      <c r="BWW731" s="423" t="s">
        <v>2795</v>
      </c>
      <c r="BWX731" s="424"/>
      <c r="BWY731" s="424"/>
      <c r="BWZ731" s="424"/>
      <c r="BXA731" s="423" t="s">
        <v>2795</v>
      </c>
      <c r="BXB731" s="424"/>
      <c r="BXC731" s="424"/>
      <c r="BXD731" s="424"/>
      <c r="BXE731" s="423" t="s">
        <v>2795</v>
      </c>
      <c r="BXF731" s="424"/>
      <c r="BXG731" s="424"/>
      <c r="BXH731" s="424"/>
      <c r="BXI731" s="423" t="s">
        <v>2795</v>
      </c>
      <c r="BXJ731" s="424"/>
      <c r="BXK731" s="424"/>
      <c r="BXL731" s="424"/>
      <c r="BXM731" s="423" t="s">
        <v>2795</v>
      </c>
      <c r="BXN731" s="424"/>
      <c r="BXO731" s="424"/>
      <c r="BXP731" s="424"/>
      <c r="BXQ731" s="423" t="s">
        <v>2795</v>
      </c>
      <c r="BXR731" s="424"/>
      <c r="BXS731" s="424"/>
      <c r="BXT731" s="424"/>
      <c r="BXU731" s="423" t="s">
        <v>2795</v>
      </c>
      <c r="BXV731" s="424"/>
      <c r="BXW731" s="424"/>
      <c r="BXX731" s="424"/>
      <c r="BXY731" s="423" t="s">
        <v>2795</v>
      </c>
      <c r="BXZ731" s="424"/>
      <c r="BYA731" s="424"/>
      <c r="BYB731" s="424"/>
      <c r="BYC731" s="423" t="s">
        <v>2795</v>
      </c>
      <c r="BYD731" s="424"/>
      <c r="BYE731" s="424"/>
      <c r="BYF731" s="424"/>
      <c r="BYG731" s="423" t="s">
        <v>2795</v>
      </c>
      <c r="BYH731" s="424"/>
      <c r="BYI731" s="424"/>
      <c r="BYJ731" s="424"/>
      <c r="BYK731" s="423" t="s">
        <v>2795</v>
      </c>
      <c r="BYL731" s="424"/>
      <c r="BYM731" s="424"/>
      <c r="BYN731" s="424"/>
      <c r="BYO731" s="423" t="s">
        <v>2795</v>
      </c>
      <c r="BYP731" s="424"/>
      <c r="BYQ731" s="424"/>
      <c r="BYR731" s="424"/>
      <c r="BYS731" s="423" t="s">
        <v>2795</v>
      </c>
      <c r="BYT731" s="424"/>
      <c r="BYU731" s="424"/>
      <c r="BYV731" s="424"/>
      <c r="BYW731" s="423" t="s">
        <v>2795</v>
      </c>
      <c r="BYX731" s="424"/>
      <c r="BYY731" s="424"/>
      <c r="BYZ731" s="424"/>
      <c r="BZA731" s="423" t="s">
        <v>2795</v>
      </c>
      <c r="BZB731" s="424"/>
      <c r="BZC731" s="424"/>
      <c r="BZD731" s="424"/>
      <c r="BZE731" s="423" t="s">
        <v>2795</v>
      </c>
      <c r="BZF731" s="424"/>
      <c r="BZG731" s="424"/>
      <c r="BZH731" s="424"/>
      <c r="BZI731" s="423" t="s">
        <v>2795</v>
      </c>
      <c r="BZJ731" s="424"/>
      <c r="BZK731" s="424"/>
      <c r="BZL731" s="424"/>
      <c r="BZM731" s="423" t="s">
        <v>2795</v>
      </c>
      <c r="BZN731" s="424"/>
      <c r="BZO731" s="424"/>
      <c r="BZP731" s="424"/>
      <c r="BZQ731" s="423" t="s">
        <v>2795</v>
      </c>
      <c r="BZR731" s="424"/>
      <c r="BZS731" s="424"/>
      <c r="BZT731" s="424"/>
      <c r="BZU731" s="423" t="s">
        <v>2795</v>
      </c>
      <c r="BZV731" s="424"/>
      <c r="BZW731" s="424"/>
      <c r="BZX731" s="424"/>
      <c r="BZY731" s="423" t="s">
        <v>2795</v>
      </c>
      <c r="BZZ731" s="424"/>
      <c r="CAA731" s="424"/>
      <c r="CAB731" s="424"/>
      <c r="CAC731" s="423" t="s">
        <v>2795</v>
      </c>
      <c r="CAD731" s="424"/>
      <c r="CAE731" s="424"/>
      <c r="CAF731" s="424"/>
      <c r="CAG731" s="423" t="s">
        <v>2795</v>
      </c>
      <c r="CAH731" s="424"/>
      <c r="CAI731" s="424"/>
      <c r="CAJ731" s="424"/>
      <c r="CAK731" s="423" t="s">
        <v>2795</v>
      </c>
      <c r="CAL731" s="424"/>
      <c r="CAM731" s="424"/>
      <c r="CAN731" s="424"/>
      <c r="CAO731" s="423" t="s">
        <v>2795</v>
      </c>
      <c r="CAP731" s="424"/>
      <c r="CAQ731" s="424"/>
      <c r="CAR731" s="424"/>
      <c r="CAS731" s="423" t="s">
        <v>2795</v>
      </c>
      <c r="CAT731" s="424"/>
      <c r="CAU731" s="424"/>
      <c r="CAV731" s="424"/>
      <c r="CAW731" s="423" t="s">
        <v>2795</v>
      </c>
      <c r="CAX731" s="424"/>
      <c r="CAY731" s="424"/>
      <c r="CAZ731" s="424"/>
      <c r="CBA731" s="423" t="s">
        <v>2795</v>
      </c>
      <c r="CBB731" s="424"/>
      <c r="CBC731" s="424"/>
      <c r="CBD731" s="424"/>
      <c r="CBE731" s="423" t="s">
        <v>2795</v>
      </c>
      <c r="CBF731" s="424"/>
      <c r="CBG731" s="424"/>
      <c r="CBH731" s="424"/>
      <c r="CBI731" s="423" t="s">
        <v>2795</v>
      </c>
      <c r="CBJ731" s="424"/>
      <c r="CBK731" s="424"/>
      <c r="CBL731" s="424"/>
      <c r="CBM731" s="423" t="s">
        <v>2795</v>
      </c>
      <c r="CBN731" s="424"/>
      <c r="CBO731" s="424"/>
      <c r="CBP731" s="424"/>
      <c r="CBQ731" s="423" t="s">
        <v>2795</v>
      </c>
      <c r="CBR731" s="424"/>
      <c r="CBS731" s="424"/>
      <c r="CBT731" s="424"/>
      <c r="CBU731" s="423" t="s">
        <v>2795</v>
      </c>
      <c r="CBV731" s="424"/>
      <c r="CBW731" s="424"/>
      <c r="CBX731" s="424"/>
      <c r="CBY731" s="423" t="s">
        <v>2795</v>
      </c>
      <c r="CBZ731" s="424"/>
      <c r="CCA731" s="424"/>
      <c r="CCB731" s="424"/>
      <c r="CCC731" s="423" t="s">
        <v>2795</v>
      </c>
      <c r="CCD731" s="424"/>
      <c r="CCE731" s="424"/>
      <c r="CCF731" s="424"/>
      <c r="CCG731" s="423" t="s">
        <v>2795</v>
      </c>
      <c r="CCH731" s="424"/>
      <c r="CCI731" s="424"/>
      <c r="CCJ731" s="424"/>
      <c r="CCK731" s="423" t="s">
        <v>2795</v>
      </c>
      <c r="CCL731" s="424"/>
      <c r="CCM731" s="424"/>
      <c r="CCN731" s="424"/>
      <c r="CCO731" s="423" t="s">
        <v>2795</v>
      </c>
      <c r="CCP731" s="424"/>
      <c r="CCQ731" s="424"/>
      <c r="CCR731" s="424"/>
      <c r="CCS731" s="423" t="s">
        <v>2795</v>
      </c>
      <c r="CCT731" s="424"/>
      <c r="CCU731" s="424"/>
      <c r="CCV731" s="424"/>
      <c r="CCW731" s="423" t="s">
        <v>2795</v>
      </c>
      <c r="CCX731" s="424"/>
      <c r="CCY731" s="424"/>
      <c r="CCZ731" s="424"/>
      <c r="CDA731" s="423" t="s">
        <v>2795</v>
      </c>
      <c r="CDB731" s="424"/>
      <c r="CDC731" s="424"/>
      <c r="CDD731" s="424"/>
      <c r="CDE731" s="423" t="s">
        <v>2795</v>
      </c>
      <c r="CDF731" s="424"/>
      <c r="CDG731" s="424"/>
      <c r="CDH731" s="424"/>
      <c r="CDI731" s="423" t="s">
        <v>2795</v>
      </c>
      <c r="CDJ731" s="424"/>
      <c r="CDK731" s="424"/>
      <c r="CDL731" s="424"/>
      <c r="CDM731" s="423" t="s">
        <v>2795</v>
      </c>
      <c r="CDN731" s="424"/>
      <c r="CDO731" s="424"/>
      <c r="CDP731" s="424"/>
      <c r="CDQ731" s="423" t="s">
        <v>2795</v>
      </c>
      <c r="CDR731" s="424"/>
      <c r="CDS731" s="424"/>
      <c r="CDT731" s="424"/>
      <c r="CDU731" s="423" t="s">
        <v>2795</v>
      </c>
      <c r="CDV731" s="424"/>
      <c r="CDW731" s="424"/>
      <c r="CDX731" s="424"/>
      <c r="CDY731" s="423" t="s">
        <v>2795</v>
      </c>
      <c r="CDZ731" s="424"/>
      <c r="CEA731" s="424"/>
      <c r="CEB731" s="424"/>
      <c r="CEC731" s="423" t="s">
        <v>2795</v>
      </c>
      <c r="CED731" s="424"/>
      <c r="CEE731" s="424"/>
      <c r="CEF731" s="424"/>
      <c r="CEG731" s="423" t="s">
        <v>2795</v>
      </c>
      <c r="CEH731" s="424"/>
      <c r="CEI731" s="424"/>
      <c r="CEJ731" s="424"/>
      <c r="CEK731" s="423" t="s">
        <v>2795</v>
      </c>
      <c r="CEL731" s="424"/>
      <c r="CEM731" s="424"/>
      <c r="CEN731" s="424"/>
      <c r="CEO731" s="423" t="s">
        <v>2795</v>
      </c>
      <c r="CEP731" s="424"/>
      <c r="CEQ731" s="424"/>
      <c r="CER731" s="424"/>
      <c r="CES731" s="423" t="s">
        <v>2795</v>
      </c>
      <c r="CET731" s="424"/>
      <c r="CEU731" s="424"/>
      <c r="CEV731" s="424"/>
      <c r="CEW731" s="423" t="s">
        <v>2795</v>
      </c>
      <c r="CEX731" s="424"/>
      <c r="CEY731" s="424"/>
      <c r="CEZ731" s="424"/>
      <c r="CFA731" s="423" t="s">
        <v>2795</v>
      </c>
      <c r="CFB731" s="424"/>
      <c r="CFC731" s="424"/>
      <c r="CFD731" s="424"/>
      <c r="CFE731" s="423" t="s">
        <v>2795</v>
      </c>
      <c r="CFF731" s="424"/>
      <c r="CFG731" s="424"/>
      <c r="CFH731" s="424"/>
      <c r="CFI731" s="423" t="s">
        <v>2795</v>
      </c>
      <c r="CFJ731" s="424"/>
      <c r="CFK731" s="424"/>
      <c r="CFL731" s="424"/>
      <c r="CFM731" s="423" t="s">
        <v>2795</v>
      </c>
      <c r="CFN731" s="424"/>
      <c r="CFO731" s="424"/>
      <c r="CFP731" s="424"/>
      <c r="CFQ731" s="423" t="s">
        <v>2795</v>
      </c>
      <c r="CFR731" s="424"/>
      <c r="CFS731" s="424"/>
      <c r="CFT731" s="424"/>
      <c r="CFU731" s="423" t="s">
        <v>2795</v>
      </c>
      <c r="CFV731" s="424"/>
      <c r="CFW731" s="424"/>
      <c r="CFX731" s="424"/>
      <c r="CFY731" s="423" t="s">
        <v>2795</v>
      </c>
      <c r="CFZ731" s="424"/>
      <c r="CGA731" s="424"/>
      <c r="CGB731" s="424"/>
      <c r="CGC731" s="423" t="s">
        <v>2795</v>
      </c>
      <c r="CGD731" s="424"/>
      <c r="CGE731" s="424"/>
      <c r="CGF731" s="424"/>
      <c r="CGG731" s="423" t="s">
        <v>2795</v>
      </c>
      <c r="CGH731" s="424"/>
      <c r="CGI731" s="424"/>
      <c r="CGJ731" s="424"/>
      <c r="CGK731" s="423" t="s">
        <v>2795</v>
      </c>
      <c r="CGL731" s="424"/>
      <c r="CGM731" s="424"/>
      <c r="CGN731" s="424"/>
      <c r="CGO731" s="423" t="s">
        <v>2795</v>
      </c>
      <c r="CGP731" s="424"/>
      <c r="CGQ731" s="424"/>
      <c r="CGR731" s="424"/>
      <c r="CGS731" s="423" t="s">
        <v>2795</v>
      </c>
      <c r="CGT731" s="424"/>
      <c r="CGU731" s="424"/>
      <c r="CGV731" s="424"/>
      <c r="CGW731" s="423" t="s">
        <v>2795</v>
      </c>
      <c r="CGX731" s="424"/>
      <c r="CGY731" s="424"/>
      <c r="CGZ731" s="424"/>
      <c r="CHA731" s="423" t="s">
        <v>2795</v>
      </c>
      <c r="CHB731" s="424"/>
      <c r="CHC731" s="424"/>
      <c r="CHD731" s="424"/>
      <c r="CHE731" s="423" t="s">
        <v>2795</v>
      </c>
      <c r="CHF731" s="424"/>
      <c r="CHG731" s="424"/>
      <c r="CHH731" s="424"/>
      <c r="CHI731" s="423" t="s">
        <v>2795</v>
      </c>
      <c r="CHJ731" s="424"/>
      <c r="CHK731" s="424"/>
      <c r="CHL731" s="424"/>
      <c r="CHM731" s="423" t="s">
        <v>2795</v>
      </c>
      <c r="CHN731" s="424"/>
      <c r="CHO731" s="424"/>
      <c r="CHP731" s="424"/>
      <c r="CHQ731" s="423" t="s">
        <v>2795</v>
      </c>
      <c r="CHR731" s="424"/>
      <c r="CHS731" s="424"/>
      <c r="CHT731" s="424"/>
      <c r="CHU731" s="423" t="s">
        <v>2795</v>
      </c>
      <c r="CHV731" s="424"/>
      <c r="CHW731" s="424"/>
      <c r="CHX731" s="424"/>
      <c r="CHY731" s="423" t="s">
        <v>2795</v>
      </c>
      <c r="CHZ731" s="424"/>
      <c r="CIA731" s="424"/>
      <c r="CIB731" s="424"/>
      <c r="CIC731" s="423" t="s">
        <v>2795</v>
      </c>
      <c r="CID731" s="424"/>
      <c r="CIE731" s="424"/>
      <c r="CIF731" s="424"/>
      <c r="CIG731" s="423" t="s">
        <v>2795</v>
      </c>
      <c r="CIH731" s="424"/>
      <c r="CII731" s="424"/>
      <c r="CIJ731" s="424"/>
      <c r="CIK731" s="423" t="s">
        <v>2795</v>
      </c>
      <c r="CIL731" s="424"/>
      <c r="CIM731" s="424"/>
      <c r="CIN731" s="424"/>
      <c r="CIO731" s="423" t="s">
        <v>2795</v>
      </c>
      <c r="CIP731" s="424"/>
      <c r="CIQ731" s="424"/>
      <c r="CIR731" s="424"/>
      <c r="CIS731" s="423" t="s">
        <v>2795</v>
      </c>
      <c r="CIT731" s="424"/>
      <c r="CIU731" s="424"/>
      <c r="CIV731" s="424"/>
      <c r="CIW731" s="423" t="s">
        <v>2795</v>
      </c>
      <c r="CIX731" s="424"/>
      <c r="CIY731" s="424"/>
      <c r="CIZ731" s="424"/>
      <c r="CJA731" s="423" t="s">
        <v>2795</v>
      </c>
      <c r="CJB731" s="424"/>
      <c r="CJC731" s="424"/>
      <c r="CJD731" s="424"/>
      <c r="CJE731" s="423" t="s">
        <v>2795</v>
      </c>
      <c r="CJF731" s="424"/>
      <c r="CJG731" s="424"/>
      <c r="CJH731" s="424"/>
      <c r="CJI731" s="423" t="s">
        <v>2795</v>
      </c>
      <c r="CJJ731" s="424"/>
      <c r="CJK731" s="424"/>
      <c r="CJL731" s="424"/>
      <c r="CJM731" s="423" t="s">
        <v>2795</v>
      </c>
      <c r="CJN731" s="424"/>
      <c r="CJO731" s="424"/>
      <c r="CJP731" s="424"/>
      <c r="CJQ731" s="423" t="s">
        <v>2795</v>
      </c>
      <c r="CJR731" s="424"/>
      <c r="CJS731" s="424"/>
      <c r="CJT731" s="424"/>
      <c r="CJU731" s="423" t="s">
        <v>2795</v>
      </c>
      <c r="CJV731" s="424"/>
      <c r="CJW731" s="424"/>
      <c r="CJX731" s="424"/>
      <c r="CJY731" s="423" t="s">
        <v>2795</v>
      </c>
      <c r="CJZ731" s="424"/>
      <c r="CKA731" s="424"/>
      <c r="CKB731" s="424"/>
      <c r="CKC731" s="423" t="s">
        <v>2795</v>
      </c>
      <c r="CKD731" s="424"/>
      <c r="CKE731" s="424"/>
      <c r="CKF731" s="424"/>
      <c r="CKG731" s="423" t="s">
        <v>2795</v>
      </c>
      <c r="CKH731" s="424"/>
      <c r="CKI731" s="424"/>
      <c r="CKJ731" s="424"/>
      <c r="CKK731" s="423" t="s">
        <v>2795</v>
      </c>
      <c r="CKL731" s="424"/>
      <c r="CKM731" s="424"/>
      <c r="CKN731" s="424"/>
      <c r="CKO731" s="423" t="s">
        <v>2795</v>
      </c>
      <c r="CKP731" s="424"/>
      <c r="CKQ731" s="424"/>
      <c r="CKR731" s="424"/>
      <c r="CKS731" s="423" t="s">
        <v>2795</v>
      </c>
      <c r="CKT731" s="424"/>
      <c r="CKU731" s="424"/>
      <c r="CKV731" s="424"/>
      <c r="CKW731" s="423" t="s">
        <v>2795</v>
      </c>
      <c r="CKX731" s="424"/>
      <c r="CKY731" s="424"/>
      <c r="CKZ731" s="424"/>
      <c r="CLA731" s="423" t="s">
        <v>2795</v>
      </c>
      <c r="CLB731" s="424"/>
      <c r="CLC731" s="424"/>
      <c r="CLD731" s="424"/>
      <c r="CLE731" s="423" t="s">
        <v>2795</v>
      </c>
      <c r="CLF731" s="424"/>
      <c r="CLG731" s="424"/>
      <c r="CLH731" s="424"/>
      <c r="CLI731" s="423" t="s">
        <v>2795</v>
      </c>
      <c r="CLJ731" s="424"/>
      <c r="CLK731" s="424"/>
      <c r="CLL731" s="424"/>
      <c r="CLM731" s="423" t="s">
        <v>2795</v>
      </c>
      <c r="CLN731" s="424"/>
      <c r="CLO731" s="424"/>
      <c r="CLP731" s="424"/>
      <c r="CLQ731" s="423" t="s">
        <v>2795</v>
      </c>
      <c r="CLR731" s="424"/>
      <c r="CLS731" s="424"/>
      <c r="CLT731" s="424"/>
      <c r="CLU731" s="423" t="s">
        <v>2795</v>
      </c>
      <c r="CLV731" s="424"/>
      <c r="CLW731" s="424"/>
      <c r="CLX731" s="424"/>
      <c r="CLY731" s="423" t="s">
        <v>2795</v>
      </c>
      <c r="CLZ731" s="424"/>
      <c r="CMA731" s="424"/>
      <c r="CMB731" s="424"/>
      <c r="CMC731" s="423" t="s">
        <v>2795</v>
      </c>
      <c r="CMD731" s="424"/>
      <c r="CME731" s="424"/>
      <c r="CMF731" s="424"/>
      <c r="CMG731" s="423" t="s">
        <v>2795</v>
      </c>
      <c r="CMH731" s="424"/>
      <c r="CMI731" s="424"/>
      <c r="CMJ731" s="424"/>
      <c r="CMK731" s="423" t="s">
        <v>2795</v>
      </c>
      <c r="CML731" s="424"/>
      <c r="CMM731" s="424"/>
      <c r="CMN731" s="424"/>
      <c r="CMO731" s="423" t="s">
        <v>2795</v>
      </c>
      <c r="CMP731" s="424"/>
      <c r="CMQ731" s="424"/>
      <c r="CMR731" s="424"/>
      <c r="CMS731" s="423" t="s">
        <v>2795</v>
      </c>
      <c r="CMT731" s="424"/>
      <c r="CMU731" s="424"/>
      <c r="CMV731" s="424"/>
      <c r="CMW731" s="423" t="s">
        <v>2795</v>
      </c>
      <c r="CMX731" s="424"/>
      <c r="CMY731" s="424"/>
      <c r="CMZ731" s="424"/>
      <c r="CNA731" s="423" t="s">
        <v>2795</v>
      </c>
      <c r="CNB731" s="424"/>
      <c r="CNC731" s="424"/>
      <c r="CND731" s="424"/>
      <c r="CNE731" s="423" t="s">
        <v>2795</v>
      </c>
      <c r="CNF731" s="424"/>
      <c r="CNG731" s="424"/>
      <c r="CNH731" s="424"/>
      <c r="CNI731" s="423" t="s">
        <v>2795</v>
      </c>
      <c r="CNJ731" s="424"/>
      <c r="CNK731" s="424"/>
      <c r="CNL731" s="424"/>
      <c r="CNM731" s="423" t="s">
        <v>2795</v>
      </c>
      <c r="CNN731" s="424"/>
      <c r="CNO731" s="424"/>
      <c r="CNP731" s="424"/>
      <c r="CNQ731" s="423" t="s">
        <v>2795</v>
      </c>
      <c r="CNR731" s="424"/>
      <c r="CNS731" s="424"/>
      <c r="CNT731" s="424"/>
      <c r="CNU731" s="423" t="s">
        <v>2795</v>
      </c>
      <c r="CNV731" s="424"/>
      <c r="CNW731" s="424"/>
      <c r="CNX731" s="424"/>
      <c r="CNY731" s="423" t="s">
        <v>2795</v>
      </c>
      <c r="CNZ731" s="424"/>
      <c r="COA731" s="424"/>
      <c r="COB731" s="424"/>
      <c r="COC731" s="423" t="s">
        <v>2795</v>
      </c>
      <c r="COD731" s="424"/>
      <c r="COE731" s="424"/>
      <c r="COF731" s="424"/>
      <c r="COG731" s="423" t="s">
        <v>2795</v>
      </c>
      <c r="COH731" s="424"/>
      <c r="COI731" s="424"/>
      <c r="COJ731" s="424"/>
      <c r="COK731" s="423" t="s">
        <v>2795</v>
      </c>
      <c r="COL731" s="424"/>
      <c r="COM731" s="424"/>
      <c r="CON731" s="424"/>
      <c r="COO731" s="423" t="s">
        <v>2795</v>
      </c>
      <c r="COP731" s="424"/>
      <c r="COQ731" s="424"/>
      <c r="COR731" s="424"/>
      <c r="COS731" s="423" t="s">
        <v>2795</v>
      </c>
      <c r="COT731" s="424"/>
      <c r="COU731" s="424"/>
      <c r="COV731" s="424"/>
      <c r="COW731" s="423" t="s">
        <v>2795</v>
      </c>
      <c r="COX731" s="424"/>
      <c r="COY731" s="424"/>
      <c r="COZ731" s="424"/>
      <c r="CPA731" s="423" t="s">
        <v>2795</v>
      </c>
      <c r="CPB731" s="424"/>
      <c r="CPC731" s="424"/>
      <c r="CPD731" s="424"/>
      <c r="CPE731" s="423" t="s">
        <v>2795</v>
      </c>
      <c r="CPF731" s="424"/>
      <c r="CPG731" s="424"/>
      <c r="CPH731" s="424"/>
      <c r="CPI731" s="423" t="s">
        <v>2795</v>
      </c>
      <c r="CPJ731" s="424"/>
      <c r="CPK731" s="424"/>
      <c r="CPL731" s="424"/>
      <c r="CPM731" s="423" t="s">
        <v>2795</v>
      </c>
      <c r="CPN731" s="424"/>
      <c r="CPO731" s="424"/>
      <c r="CPP731" s="424"/>
      <c r="CPQ731" s="423" t="s">
        <v>2795</v>
      </c>
      <c r="CPR731" s="424"/>
      <c r="CPS731" s="424"/>
      <c r="CPT731" s="424"/>
      <c r="CPU731" s="423" t="s">
        <v>2795</v>
      </c>
      <c r="CPV731" s="424"/>
      <c r="CPW731" s="424"/>
      <c r="CPX731" s="424"/>
      <c r="CPY731" s="423" t="s">
        <v>2795</v>
      </c>
      <c r="CPZ731" s="424"/>
      <c r="CQA731" s="424"/>
      <c r="CQB731" s="424"/>
      <c r="CQC731" s="423" t="s">
        <v>2795</v>
      </c>
      <c r="CQD731" s="424"/>
      <c r="CQE731" s="424"/>
      <c r="CQF731" s="424"/>
      <c r="CQG731" s="423" t="s">
        <v>2795</v>
      </c>
      <c r="CQH731" s="424"/>
      <c r="CQI731" s="424"/>
      <c r="CQJ731" s="424"/>
      <c r="CQK731" s="423" t="s">
        <v>2795</v>
      </c>
      <c r="CQL731" s="424"/>
      <c r="CQM731" s="424"/>
      <c r="CQN731" s="424"/>
      <c r="CQO731" s="423" t="s">
        <v>2795</v>
      </c>
      <c r="CQP731" s="424"/>
      <c r="CQQ731" s="424"/>
      <c r="CQR731" s="424"/>
      <c r="CQS731" s="423" t="s">
        <v>2795</v>
      </c>
      <c r="CQT731" s="424"/>
      <c r="CQU731" s="424"/>
      <c r="CQV731" s="424"/>
      <c r="CQW731" s="423" t="s">
        <v>2795</v>
      </c>
      <c r="CQX731" s="424"/>
      <c r="CQY731" s="424"/>
      <c r="CQZ731" s="424"/>
      <c r="CRA731" s="423" t="s">
        <v>2795</v>
      </c>
      <c r="CRB731" s="424"/>
      <c r="CRC731" s="424"/>
      <c r="CRD731" s="424"/>
      <c r="CRE731" s="423" t="s">
        <v>2795</v>
      </c>
      <c r="CRF731" s="424"/>
      <c r="CRG731" s="424"/>
      <c r="CRH731" s="424"/>
      <c r="CRI731" s="423" t="s">
        <v>2795</v>
      </c>
      <c r="CRJ731" s="424"/>
      <c r="CRK731" s="424"/>
      <c r="CRL731" s="424"/>
      <c r="CRM731" s="423" t="s">
        <v>2795</v>
      </c>
      <c r="CRN731" s="424"/>
      <c r="CRO731" s="424"/>
      <c r="CRP731" s="424"/>
      <c r="CRQ731" s="423" t="s">
        <v>2795</v>
      </c>
      <c r="CRR731" s="424"/>
      <c r="CRS731" s="424"/>
      <c r="CRT731" s="424"/>
      <c r="CRU731" s="423" t="s">
        <v>2795</v>
      </c>
      <c r="CRV731" s="424"/>
      <c r="CRW731" s="424"/>
      <c r="CRX731" s="424"/>
      <c r="CRY731" s="423" t="s">
        <v>2795</v>
      </c>
      <c r="CRZ731" s="424"/>
      <c r="CSA731" s="424"/>
      <c r="CSB731" s="424"/>
      <c r="CSC731" s="423" t="s">
        <v>2795</v>
      </c>
      <c r="CSD731" s="424"/>
      <c r="CSE731" s="424"/>
      <c r="CSF731" s="424"/>
      <c r="CSG731" s="423" t="s">
        <v>2795</v>
      </c>
      <c r="CSH731" s="424"/>
      <c r="CSI731" s="424"/>
      <c r="CSJ731" s="424"/>
      <c r="CSK731" s="423" t="s">
        <v>2795</v>
      </c>
      <c r="CSL731" s="424"/>
      <c r="CSM731" s="424"/>
      <c r="CSN731" s="424"/>
      <c r="CSO731" s="423" t="s">
        <v>2795</v>
      </c>
      <c r="CSP731" s="424"/>
      <c r="CSQ731" s="424"/>
      <c r="CSR731" s="424"/>
      <c r="CSS731" s="423" t="s">
        <v>2795</v>
      </c>
      <c r="CST731" s="424"/>
      <c r="CSU731" s="424"/>
      <c r="CSV731" s="424"/>
      <c r="CSW731" s="423" t="s">
        <v>2795</v>
      </c>
      <c r="CSX731" s="424"/>
      <c r="CSY731" s="424"/>
      <c r="CSZ731" s="424"/>
      <c r="CTA731" s="423" t="s">
        <v>2795</v>
      </c>
      <c r="CTB731" s="424"/>
      <c r="CTC731" s="424"/>
      <c r="CTD731" s="424"/>
      <c r="CTE731" s="423" t="s">
        <v>2795</v>
      </c>
      <c r="CTF731" s="424"/>
      <c r="CTG731" s="424"/>
      <c r="CTH731" s="424"/>
      <c r="CTI731" s="423" t="s">
        <v>2795</v>
      </c>
      <c r="CTJ731" s="424"/>
      <c r="CTK731" s="424"/>
      <c r="CTL731" s="424"/>
      <c r="CTM731" s="423" t="s">
        <v>2795</v>
      </c>
      <c r="CTN731" s="424"/>
      <c r="CTO731" s="424"/>
      <c r="CTP731" s="424"/>
      <c r="CTQ731" s="423" t="s">
        <v>2795</v>
      </c>
      <c r="CTR731" s="424"/>
      <c r="CTS731" s="424"/>
      <c r="CTT731" s="424"/>
      <c r="CTU731" s="423" t="s">
        <v>2795</v>
      </c>
      <c r="CTV731" s="424"/>
      <c r="CTW731" s="424"/>
      <c r="CTX731" s="424"/>
      <c r="CTY731" s="423" t="s">
        <v>2795</v>
      </c>
      <c r="CTZ731" s="424"/>
      <c r="CUA731" s="424"/>
      <c r="CUB731" s="424"/>
      <c r="CUC731" s="423" t="s">
        <v>2795</v>
      </c>
      <c r="CUD731" s="424"/>
      <c r="CUE731" s="424"/>
      <c r="CUF731" s="424"/>
      <c r="CUG731" s="423" t="s">
        <v>2795</v>
      </c>
      <c r="CUH731" s="424"/>
      <c r="CUI731" s="424"/>
      <c r="CUJ731" s="424"/>
      <c r="CUK731" s="423" t="s">
        <v>2795</v>
      </c>
      <c r="CUL731" s="424"/>
      <c r="CUM731" s="424"/>
      <c r="CUN731" s="424"/>
      <c r="CUO731" s="423" t="s">
        <v>2795</v>
      </c>
      <c r="CUP731" s="424"/>
      <c r="CUQ731" s="424"/>
      <c r="CUR731" s="424"/>
      <c r="CUS731" s="423" t="s">
        <v>2795</v>
      </c>
      <c r="CUT731" s="424"/>
      <c r="CUU731" s="424"/>
      <c r="CUV731" s="424"/>
      <c r="CUW731" s="423" t="s">
        <v>2795</v>
      </c>
      <c r="CUX731" s="424"/>
      <c r="CUY731" s="424"/>
      <c r="CUZ731" s="424"/>
      <c r="CVA731" s="423" t="s">
        <v>2795</v>
      </c>
      <c r="CVB731" s="424"/>
      <c r="CVC731" s="424"/>
      <c r="CVD731" s="424"/>
      <c r="CVE731" s="423" t="s">
        <v>2795</v>
      </c>
      <c r="CVF731" s="424"/>
      <c r="CVG731" s="424"/>
      <c r="CVH731" s="424"/>
      <c r="CVI731" s="423" t="s">
        <v>2795</v>
      </c>
      <c r="CVJ731" s="424"/>
      <c r="CVK731" s="424"/>
      <c r="CVL731" s="424"/>
      <c r="CVM731" s="423" t="s">
        <v>2795</v>
      </c>
      <c r="CVN731" s="424"/>
      <c r="CVO731" s="424"/>
      <c r="CVP731" s="424"/>
      <c r="CVQ731" s="423" t="s">
        <v>2795</v>
      </c>
      <c r="CVR731" s="424"/>
      <c r="CVS731" s="424"/>
      <c r="CVT731" s="424"/>
      <c r="CVU731" s="423" t="s">
        <v>2795</v>
      </c>
      <c r="CVV731" s="424"/>
      <c r="CVW731" s="424"/>
      <c r="CVX731" s="424"/>
      <c r="CVY731" s="423" t="s">
        <v>2795</v>
      </c>
      <c r="CVZ731" s="424"/>
      <c r="CWA731" s="424"/>
      <c r="CWB731" s="424"/>
      <c r="CWC731" s="423" t="s">
        <v>2795</v>
      </c>
      <c r="CWD731" s="424"/>
      <c r="CWE731" s="424"/>
      <c r="CWF731" s="424"/>
      <c r="CWG731" s="423" t="s">
        <v>2795</v>
      </c>
      <c r="CWH731" s="424"/>
      <c r="CWI731" s="424"/>
      <c r="CWJ731" s="424"/>
      <c r="CWK731" s="423" t="s">
        <v>2795</v>
      </c>
      <c r="CWL731" s="424"/>
      <c r="CWM731" s="424"/>
      <c r="CWN731" s="424"/>
      <c r="CWO731" s="423" t="s">
        <v>2795</v>
      </c>
      <c r="CWP731" s="424"/>
      <c r="CWQ731" s="424"/>
      <c r="CWR731" s="424"/>
      <c r="CWS731" s="423" t="s">
        <v>2795</v>
      </c>
      <c r="CWT731" s="424"/>
      <c r="CWU731" s="424"/>
      <c r="CWV731" s="424"/>
      <c r="CWW731" s="423" t="s">
        <v>2795</v>
      </c>
      <c r="CWX731" s="424"/>
      <c r="CWY731" s="424"/>
      <c r="CWZ731" s="424"/>
      <c r="CXA731" s="423" t="s">
        <v>2795</v>
      </c>
      <c r="CXB731" s="424"/>
      <c r="CXC731" s="424"/>
      <c r="CXD731" s="424"/>
      <c r="CXE731" s="423" t="s">
        <v>2795</v>
      </c>
      <c r="CXF731" s="424"/>
      <c r="CXG731" s="424"/>
      <c r="CXH731" s="424"/>
      <c r="CXI731" s="423" t="s">
        <v>2795</v>
      </c>
      <c r="CXJ731" s="424"/>
      <c r="CXK731" s="424"/>
      <c r="CXL731" s="424"/>
      <c r="CXM731" s="423" t="s">
        <v>2795</v>
      </c>
      <c r="CXN731" s="424"/>
      <c r="CXO731" s="424"/>
      <c r="CXP731" s="424"/>
      <c r="CXQ731" s="423" t="s">
        <v>2795</v>
      </c>
      <c r="CXR731" s="424"/>
      <c r="CXS731" s="424"/>
      <c r="CXT731" s="424"/>
      <c r="CXU731" s="423" t="s">
        <v>2795</v>
      </c>
      <c r="CXV731" s="424"/>
      <c r="CXW731" s="424"/>
      <c r="CXX731" s="424"/>
      <c r="CXY731" s="423" t="s">
        <v>2795</v>
      </c>
      <c r="CXZ731" s="424"/>
      <c r="CYA731" s="424"/>
      <c r="CYB731" s="424"/>
      <c r="CYC731" s="423" t="s">
        <v>2795</v>
      </c>
      <c r="CYD731" s="424"/>
      <c r="CYE731" s="424"/>
      <c r="CYF731" s="424"/>
      <c r="CYG731" s="423" t="s">
        <v>2795</v>
      </c>
      <c r="CYH731" s="424"/>
      <c r="CYI731" s="424"/>
      <c r="CYJ731" s="424"/>
      <c r="CYK731" s="423" t="s">
        <v>2795</v>
      </c>
      <c r="CYL731" s="424"/>
      <c r="CYM731" s="424"/>
      <c r="CYN731" s="424"/>
      <c r="CYO731" s="423" t="s">
        <v>2795</v>
      </c>
      <c r="CYP731" s="424"/>
      <c r="CYQ731" s="424"/>
      <c r="CYR731" s="424"/>
      <c r="CYS731" s="423" t="s">
        <v>2795</v>
      </c>
      <c r="CYT731" s="424"/>
      <c r="CYU731" s="424"/>
      <c r="CYV731" s="424"/>
      <c r="CYW731" s="423" t="s">
        <v>2795</v>
      </c>
      <c r="CYX731" s="424"/>
      <c r="CYY731" s="424"/>
      <c r="CYZ731" s="424"/>
      <c r="CZA731" s="423" t="s">
        <v>2795</v>
      </c>
      <c r="CZB731" s="424"/>
      <c r="CZC731" s="424"/>
      <c r="CZD731" s="424"/>
      <c r="CZE731" s="423" t="s">
        <v>2795</v>
      </c>
      <c r="CZF731" s="424"/>
      <c r="CZG731" s="424"/>
      <c r="CZH731" s="424"/>
      <c r="CZI731" s="423" t="s">
        <v>2795</v>
      </c>
      <c r="CZJ731" s="424"/>
      <c r="CZK731" s="424"/>
      <c r="CZL731" s="424"/>
      <c r="CZM731" s="423" t="s">
        <v>2795</v>
      </c>
      <c r="CZN731" s="424"/>
      <c r="CZO731" s="424"/>
      <c r="CZP731" s="424"/>
      <c r="CZQ731" s="423" t="s">
        <v>2795</v>
      </c>
      <c r="CZR731" s="424"/>
      <c r="CZS731" s="424"/>
      <c r="CZT731" s="424"/>
      <c r="CZU731" s="423" t="s">
        <v>2795</v>
      </c>
      <c r="CZV731" s="424"/>
      <c r="CZW731" s="424"/>
      <c r="CZX731" s="424"/>
      <c r="CZY731" s="423" t="s">
        <v>2795</v>
      </c>
      <c r="CZZ731" s="424"/>
      <c r="DAA731" s="424"/>
      <c r="DAB731" s="424"/>
      <c r="DAC731" s="423" t="s">
        <v>2795</v>
      </c>
      <c r="DAD731" s="424"/>
      <c r="DAE731" s="424"/>
      <c r="DAF731" s="424"/>
      <c r="DAG731" s="423" t="s">
        <v>2795</v>
      </c>
      <c r="DAH731" s="424"/>
      <c r="DAI731" s="424"/>
      <c r="DAJ731" s="424"/>
      <c r="DAK731" s="423" t="s">
        <v>2795</v>
      </c>
      <c r="DAL731" s="424"/>
      <c r="DAM731" s="424"/>
      <c r="DAN731" s="424"/>
      <c r="DAO731" s="423" t="s">
        <v>2795</v>
      </c>
      <c r="DAP731" s="424"/>
      <c r="DAQ731" s="424"/>
      <c r="DAR731" s="424"/>
      <c r="DAS731" s="423" t="s">
        <v>2795</v>
      </c>
      <c r="DAT731" s="424"/>
      <c r="DAU731" s="424"/>
      <c r="DAV731" s="424"/>
      <c r="DAW731" s="423" t="s">
        <v>2795</v>
      </c>
      <c r="DAX731" s="424"/>
      <c r="DAY731" s="424"/>
      <c r="DAZ731" s="424"/>
      <c r="DBA731" s="423" t="s">
        <v>2795</v>
      </c>
      <c r="DBB731" s="424"/>
      <c r="DBC731" s="424"/>
      <c r="DBD731" s="424"/>
      <c r="DBE731" s="423" t="s">
        <v>2795</v>
      </c>
      <c r="DBF731" s="424"/>
      <c r="DBG731" s="424"/>
      <c r="DBH731" s="424"/>
      <c r="DBI731" s="423" t="s">
        <v>2795</v>
      </c>
      <c r="DBJ731" s="424"/>
      <c r="DBK731" s="424"/>
      <c r="DBL731" s="424"/>
      <c r="DBM731" s="423" t="s">
        <v>2795</v>
      </c>
      <c r="DBN731" s="424"/>
      <c r="DBO731" s="424"/>
      <c r="DBP731" s="424"/>
      <c r="DBQ731" s="423" t="s">
        <v>2795</v>
      </c>
      <c r="DBR731" s="424"/>
      <c r="DBS731" s="424"/>
      <c r="DBT731" s="424"/>
      <c r="DBU731" s="423" t="s">
        <v>2795</v>
      </c>
      <c r="DBV731" s="424"/>
      <c r="DBW731" s="424"/>
      <c r="DBX731" s="424"/>
      <c r="DBY731" s="423" t="s">
        <v>2795</v>
      </c>
      <c r="DBZ731" s="424"/>
      <c r="DCA731" s="424"/>
      <c r="DCB731" s="424"/>
      <c r="DCC731" s="423" t="s">
        <v>2795</v>
      </c>
      <c r="DCD731" s="424"/>
      <c r="DCE731" s="424"/>
      <c r="DCF731" s="424"/>
      <c r="DCG731" s="423" t="s">
        <v>2795</v>
      </c>
      <c r="DCH731" s="424"/>
      <c r="DCI731" s="424"/>
      <c r="DCJ731" s="424"/>
      <c r="DCK731" s="423" t="s">
        <v>2795</v>
      </c>
      <c r="DCL731" s="424"/>
      <c r="DCM731" s="424"/>
      <c r="DCN731" s="424"/>
      <c r="DCO731" s="423" t="s">
        <v>2795</v>
      </c>
      <c r="DCP731" s="424"/>
      <c r="DCQ731" s="424"/>
      <c r="DCR731" s="424"/>
      <c r="DCS731" s="423" t="s">
        <v>2795</v>
      </c>
      <c r="DCT731" s="424"/>
      <c r="DCU731" s="424"/>
      <c r="DCV731" s="424"/>
      <c r="DCW731" s="423" t="s">
        <v>2795</v>
      </c>
      <c r="DCX731" s="424"/>
      <c r="DCY731" s="424"/>
      <c r="DCZ731" s="424"/>
      <c r="DDA731" s="423" t="s">
        <v>2795</v>
      </c>
      <c r="DDB731" s="424"/>
      <c r="DDC731" s="424"/>
      <c r="DDD731" s="424"/>
      <c r="DDE731" s="423" t="s">
        <v>2795</v>
      </c>
      <c r="DDF731" s="424"/>
      <c r="DDG731" s="424"/>
      <c r="DDH731" s="424"/>
      <c r="DDI731" s="423" t="s">
        <v>2795</v>
      </c>
      <c r="DDJ731" s="424"/>
      <c r="DDK731" s="424"/>
      <c r="DDL731" s="424"/>
      <c r="DDM731" s="423" t="s">
        <v>2795</v>
      </c>
      <c r="DDN731" s="424"/>
      <c r="DDO731" s="424"/>
      <c r="DDP731" s="424"/>
      <c r="DDQ731" s="423" t="s">
        <v>2795</v>
      </c>
      <c r="DDR731" s="424"/>
      <c r="DDS731" s="424"/>
      <c r="DDT731" s="424"/>
      <c r="DDU731" s="423" t="s">
        <v>2795</v>
      </c>
      <c r="DDV731" s="424"/>
      <c r="DDW731" s="424"/>
      <c r="DDX731" s="424"/>
      <c r="DDY731" s="423" t="s">
        <v>2795</v>
      </c>
      <c r="DDZ731" s="424"/>
      <c r="DEA731" s="424"/>
      <c r="DEB731" s="424"/>
      <c r="DEC731" s="423" t="s">
        <v>2795</v>
      </c>
      <c r="DED731" s="424"/>
      <c r="DEE731" s="424"/>
      <c r="DEF731" s="424"/>
      <c r="DEG731" s="423" t="s">
        <v>2795</v>
      </c>
      <c r="DEH731" s="424"/>
      <c r="DEI731" s="424"/>
      <c r="DEJ731" s="424"/>
      <c r="DEK731" s="423" t="s">
        <v>2795</v>
      </c>
      <c r="DEL731" s="424"/>
      <c r="DEM731" s="424"/>
      <c r="DEN731" s="424"/>
      <c r="DEO731" s="423" t="s">
        <v>2795</v>
      </c>
      <c r="DEP731" s="424"/>
      <c r="DEQ731" s="424"/>
      <c r="DER731" s="424"/>
      <c r="DES731" s="423" t="s">
        <v>2795</v>
      </c>
      <c r="DET731" s="424"/>
      <c r="DEU731" s="424"/>
      <c r="DEV731" s="424"/>
      <c r="DEW731" s="423" t="s">
        <v>2795</v>
      </c>
      <c r="DEX731" s="424"/>
      <c r="DEY731" s="424"/>
      <c r="DEZ731" s="424"/>
      <c r="DFA731" s="423" t="s">
        <v>2795</v>
      </c>
      <c r="DFB731" s="424"/>
      <c r="DFC731" s="424"/>
      <c r="DFD731" s="424"/>
      <c r="DFE731" s="423" t="s">
        <v>2795</v>
      </c>
      <c r="DFF731" s="424"/>
      <c r="DFG731" s="424"/>
      <c r="DFH731" s="424"/>
      <c r="DFI731" s="423" t="s">
        <v>2795</v>
      </c>
      <c r="DFJ731" s="424"/>
      <c r="DFK731" s="424"/>
      <c r="DFL731" s="424"/>
      <c r="DFM731" s="423" t="s">
        <v>2795</v>
      </c>
      <c r="DFN731" s="424"/>
      <c r="DFO731" s="424"/>
      <c r="DFP731" s="424"/>
      <c r="DFQ731" s="423" t="s">
        <v>2795</v>
      </c>
      <c r="DFR731" s="424"/>
      <c r="DFS731" s="424"/>
      <c r="DFT731" s="424"/>
      <c r="DFU731" s="423" t="s">
        <v>2795</v>
      </c>
      <c r="DFV731" s="424"/>
      <c r="DFW731" s="424"/>
      <c r="DFX731" s="424"/>
      <c r="DFY731" s="423" t="s">
        <v>2795</v>
      </c>
      <c r="DFZ731" s="424"/>
      <c r="DGA731" s="424"/>
      <c r="DGB731" s="424"/>
      <c r="DGC731" s="423" t="s">
        <v>2795</v>
      </c>
      <c r="DGD731" s="424"/>
      <c r="DGE731" s="424"/>
      <c r="DGF731" s="424"/>
      <c r="DGG731" s="423" t="s">
        <v>2795</v>
      </c>
      <c r="DGH731" s="424"/>
      <c r="DGI731" s="424"/>
      <c r="DGJ731" s="424"/>
      <c r="DGK731" s="423" t="s">
        <v>2795</v>
      </c>
      <c r="DGL731" s="424"/>
      <c r="DGM731" s="424"/>
      <c r="DGN731" s="424"/>
      <c r="DGO731" s="423" t="s">
        <v>2795</v>
      </c>
      <c r="DGP731" s="424"/>
      <c r="DGQ731" s="424"/>
      <c r="DGR731" s="424"/>
      <c r="DGS731" s="423" t="s">
        <v>2795</v>
      </c>
      <c r="DGT731" s="424"/>
      <c r="DGU731" s="424"/>
      <c r="DGV731" s="424"/>
      <c r="DGW731" s="423" t="s">
        <v>2795</v>
      </c>
      <c r="DGX731" s="424"/>
      <c r="DGY731" s="424"/>
      <c r="DGZ731" s="424"/>
      <c r="DHA731" s="423" t="s">
        <v>2795</v>
      </c>
      <c r="DHB731" s="424"/>
      <c r="DHC731" s="424"/>
      <c r="DHD731" s="424"/>
      <c r="DHE731" s="423" t="s">
        <v>2795</v>
      </c>
      <c r="DHF731" s="424"/>
      <c r="DHG731" s="424"/>
      <c r="DHH731" s="424"/>
      <c r="DHI731" s="423" t="s">
        <v>2795</v>
      </c>
      <c r="DHJ731" s="424"/>
      <c r="DHK731" s="424"/>
      <c r="DHL731" s="424"/>
      <c r="DHM731" s="423" t="s">
        <v>2795</v>
      </c>
      <c r="DHN731" s="424"/>
      <c r="DHO731" s="424"/>
      <c r="DHP731" s="424"/>
      <c r="DHQ731" s="423" t="s">
        <v>2795</v>
      </c>
      <c r="DHR731" s="424"/>
      <c r="DHS731" s="424"/>
      <c r="DHT731" s="424"/>
      <c r="DHU731" s="423" t="s">
        <v>2795</v>
      </c>
      <c r="DHV731" s="424"/>
      <c r="DHW731" s="424"/>
      <c r="DHX731" s="424"/>
      <c r="DHY731" s="423" t="s">
        <v>2795</v>
      </c>
      <c r="DHZ731" s="424"/>
      <c r="DIA731" s="424"/>
      <c r="DIB731" s="424"/>
      <c r="DIC731" s="423" t="s">
        <v>2795</v>
      </c>
      <c r="DID731" s="424"/>
      <c r="DIE731" s="424"/>
      <c r="DIF731" s="424"/>
      <c r="DIG731" s="423" t="s">
        <v>2795</v>
      </c>
      <c r="DIH731" s="424"/>
      <c r="DII731" s="424"/>
      <c r="DIJ731" s="424"/>
      <c r="DIK731" s="423" t="s">
        <v>2795</v>
      </c>
      <c r="DIL731" s="424"/>
      <c r="DIM731" s="424"/>
      <c r="DIN731" s="424"/>
      <c r="DIO731" s="423" t="s">
        <v>2795</v>
      </c>
      <c r="DIP731" s="424"/>
      <c r="DIQ731" s="424"/>
      <c r="DIR731" s="424"/>
      <c r="DIS731" s="423" t="s">
        <v>2795</v>
      </c>
      <c r="DIT731" s="424"/>
      <c r="DIU731" s="424"/>
      <c r="DIV731" s="424"/>
      <c r="DIW731" s="423" t="s">
        <v>2795</v>
      </c>
      <c r="DIX731" s="424"/>
      <c r="DIY731" s="424"/>
      <c r="DIZ731" s="424"/>
      <c r="DJA731" s="423" t="s">
        <v>2795</v>
      </c>
      <c r="DJB731" s="424"/>
      <c r="DJC731" s="424"/>
      <c r="DJD731" s="424"/>
      <c r="DJE731" s="423" t="s">
        <v>2795</v>
      </c>
      <c r="DJF731" s="424"/>
      <c r="DJG731" s="424"/>
      <c r="DJH731" s="424"/>
      <c r="DJI731" s="423" t="s">
        <v>2795</v>
      </c>
      <c r="DJJ731" s="424"/>
      <c r="DJK731" s="424"/>
      <c r="DJL731" s="424"/>
      <c r="DJM731" s="423" t="s">
        <v>2795</v>
      </c>
      <c r="DJN731" s="424"/>
      <c r="DJO731" s="424"/>
      <c r="DJP731" s="424"/>
      <c r="DJQ731" s="423" t="s">
        <v>2795</v>
      </c>
      <c r="DJR731" s="424"/>
      <c r="DJS731" s="424"/>
      <c r="DJT731" s="424"/>
      <c r="DJU731" s="423" t="s">
        <v>2795</v>
      </c>
      <c r="DJV731" s="424"/>
      <c r="DJW731" s="424"/>
      <c r="DJX731" s="424"/>
      <c r="DJY731" s="423" t="s">
        <v>2795</v>
      </c>
      <c r="DJZ731" s="424"/>
      <c r="DKA731" s="424"/>
      <c r="DKB731" s="424"/>
      <c r="DKC731" s="423" t="s">
        <v>2795</v>
      </c>
      <c r="DKD731" s="424"/>
      <c r="DKE731" s="424"/>
      <c r="DKF731" s="424"/>
      <c r="DKG731" s="423" t="s">
        <v>2795</v>
      </c>
      <c r="DKH731" s="424"/>
      <c r="DKI731" s="424"/>
      <c r="DKJ731" s="424"/>
      <c r="DKK731" s="423" t="s">
        <v>2795</v>
      </c>
      <c r="DKL731" s="424"/>
      <c r="DKM731" s="424"/>
      <c r="DKN731" s="424"/>
      <c r="DKO731" s="423" t="s">
        <v>2795</v>
      </c>
      <c r="DKP731" s="424"/>
      <c r="DKQ731" s="424"/>
      <c r="DKR731" s="424"/>
      <c r="DKS731" s="423" t="s">
        <v>2795</v>
      </c>
      <c r="DKT731" s="424"/>
      <c r="DKU731" s="424"/>
      <c r="DKV731" s="424"/>
      <c r="DKW731" s="423" t="s">
        <v>2795</v>
      </c>
      <c r="DKX731" s="424"/>
      <c r="DKY731" s="424"/>
      <c r="DKZ731" s="424"/>
      <c r="DLA731" s="423" t="s">
        <v>2795</v>
      </c>
      <c r="DLB731" s="424"/>
      <c r="DLC731" s="424"/>
      <c r="DLD731" s="424"/>
      <c r="DLE731" s="423" t="s">
        <v>2795</v>
      </c>
      <c r="DLF731" s="424"/>
      <c r="DLG731" s="424"/>
      <c r="DLH731" s="424"/>
      <c r="DLI731" s="423" t="s">
        <v>2795</v>
      </c>
      <c r="DLJ731" s="424"/>
      <c r="DLK731" s="424"/>
      <c r="DLL731" s="424"/>
      <c r="DLM731" s="423" t="s">
        <v>2795</v>
      </c>
      <c r="DLN731" s="424"/>
      <c r="DLO731" s="424"/>
      <c r="DLP731" s="424"/>
      <c r="DLQ731" s="423" t="s">
        <v>2795</v>
      </c>
      <c r="DLR731" s="424"/>
      <c r="DLS731" s="424"/>
      <c r="DLT731" s="424"/>
      <c r="DLU731" s="423" t="s">
        <v>2795</v>
      </c>
      <c r="DLV731" s="424"/>
      <c r="DLW731" s="424"/>
      <c r="DLX731" s="424"/>
      <c r="DLY731" s="423" t="s">
        <v>2795</v>
      </c>
      <c r="DLZ731" s="424"/>
      <c r="DMA731" s="424"/>
      <c r="DMB731" s="424"/>
      <c r="DMC731" s="423" t="s">
        <v>2795</v>
      </c>
      <c r="DMD731" s="424"/>
      <c r="DME731" s="424"/>
      <c r="DMF731" s="424"/>
      <c r="DMG731" s="423" t="s">
        <v>2795</v>
      </c>
      <c r="DMH731" s="424"/>
      <c r="DMI731" s="424"/>
      <c r="DMJ731" s="424"/>
      <c r="DMK731" s="423" t="s">
        <v>2795</v>
      </c>
      <c r="DML731" s="424"/>
      <c r="DMM731" s="424"/>
      <c r="DMN731" s="424"/>
      <c r="DMO731" s="423" t="s">
        <v>2795</v>
      </c>
      <c r="DMP731" s="424"/>
      <c r="DMQ731" s="424"/>
      <c r="DMR731" s="424"/>
      <c r="DMS731" s="423" t="s">
        <v>2795</v>
      </c>
      <c r="DMT731" s="424"/>
      <c r="DMU731" s="424"/>
      <c r="DMV731" s="424"/>
      <c r="DMW731" s="423" t="s">
        <v>2795</v>
      </c>
      <c r="DMX731" s="424"/>
      <c r="DMY731" s="424"/>
      <c r="DMZ731" s="424"/>
      <c r="DNA731" s="423" t="s">
        <v>2795</v>
      </c>
      <c r="DNB731" s="424"/>
      <c r="DNC731" s="424"/>
      <c r="DND731" s="424"/>
      <c r="DNE731" s="423" t="s">
        <v>2795</v>
      </c>
      <c r="DNF731" s="424"/>
      <c r="DNG731" s="424"/>
      <c r="DNH731" s="424"/>
      <c r="DNI731" s="423" t="s">
        <v>2795</v>
      </c>
      <c r="DNJ731" s="424"/>
      <c r="DNK731" s="424"/>
      <c r="DNL731" s="424"/>
      <c r="DNM731" s="423" t="s">
        <v>2795</v>
      </c>
      <c r="DNN731" s="424"/>
      <c r="DNO731" s="424"/>
      <c r="DNP731" s="424"/>
      <c r="DNQ731" s="423" t="s">
        <v>2795</v>
      </c>
      <c r="DNR731" s="424"/>
      <c r="DNS731" s="424"/>
      <c r="DNT731" s="424"/>
      <c r="DNU731" s="423" t="s">
        <v>2795</v>
      </c>
      <c r="DNV731" s="424"/>
      <c r="DNW731" s="424"/>
      <c r="DNX731" s="424"/>
      <c r="DNY731" s="423" t="s">
        <v>2795</v>
      </c>
      <c r="DNZ731" s="424"/>
      <c r="DOA731" s="424"/>
      <c r="DOB731" s="424"/>
      <c r="DOC731" s="423" t="s">
        <v>2795</v>
      </c>
      <c r="DOD731" s="424"/>
      <c r="DOE731" s="424"/>
      <c r="DOF731" s="424"/>
      <c r="DOG731" s="423" t="s">
        <v>2795</v>
      </c>
      <c r="DOH731" s="424"/>
      <c r="DOI731" s="424"/>
      <c r="DOJ731" s="424"/>
      <c r="DOK731" s="423" t="s">
        <v>2795</v>
      </c>
      <c r="DOL731" s="424"/>
      <c r="DOM731" s="424"/>
      <c r="DON731" s="424"/>
      <c r="DOO731" s="423" t="s">
        <v>2795</v>
      </c>
      <c r="DOP731" s="424"/>
      <c r="DOQ731" s="424"/>
      <c r="DOR731" s="424"/>
      <c r="DOS731" s="423" t="s">
        <v>2795</v>
      </c>
      <c r="DOT731" s="424"/>
      <c r="DOU731" s="424"/>
      <c r="DOV731" s="424"/>
      <c r="DOW731" s="423" t="s">
        <v>2795</v>
      </c>
      <c r="DOX731" s="424"/>
      <c r="DOY731" s="424"/>
      <c r="DOZ731" s="424"/>
      <c r="DPA731" s="423" t="s">
        <v>2795</v>
      </c>
      <c r="DPB731" s="424"/>
      <c r="DPC731" s="424"/>
      <c r="DPD731" s="424"/>
      <c r="DPE731" s="423" t="s">
        <v>2795</v>
      </c>
      <c r="DPF731" s="424"/>
      <c r="DPG731" s="424"/>
      <c r="DPH731" s="424"/>
      <c r="DPI731" s="423" t="s">
        <v>2795</v>
      </c>
      <c r="DPJ731" s="424"/>
      <c r="DPK731" s="424"/>
      <c r="DPL731" s="424"/>
      <c r="DPM731" s="423" t="s">
        <v>2795</v>
      </c>
      <c r="DPN731" s="424"/>
      <c r="DPO731" s="424"/>
      <c r="DPP731" s="424"/>
      <c r="DPQ731" s="423" t="s">
        <v>2795</v>
      </c>
      <c r="DPR731" s="424"/>
      <c r="DPS731" s="424"/>
      <c r="DPT731" s="424"/>
      <c r="DPU731" s="423" t="s">
        <v>2795</v>
      </c>
      <c r="DPV731" s="424"/>
      <c r="DPW731" s="424"/>
      <c r="DPX731" s="424"/>
      <c r="DPY731" s="423" t="s">
        <v>2795</v>
      </c>
      <c r="DPZ731" s="424"/>
      <c r="DQA731" s="424"/>
      <c r="DQB731" s="424"/>
      <c r="DQC731" s="423" t="s">
        <v>2795</v>
      </c>
      <c r="DQD731" s="424"/>
      <c r="DQE731" s="424"/>
      <c r="DQF731" s="424"/>
      <c r="DQG731" s="423" t="s">
        <v>2795</v>
      </c>
      <c r="DQH731" s="424"/>
      <c r="DQI731" s="424"/>
      <c r="DQJ731" s="424"/>
      <c r="DQK731" s="423" t="s">
        <v>2795</v>
      </c>
      <c r="DQL731" s="424"/>
      <c r="DQM731" s="424"/>
      <c r="DQN731" s="424"/>
      <c r="DQO731" s="423" t="s">
        <v>2795</v>
      </c>
      <c r="DQP731" s="424"/>
      <c r="DQQ731" s="424"/>
      <c r="DQR731" s="424"/>
      <c r="DQS731" s="423" t="s">
        <v>2795</v>
      </c>
      <c r="DQT731" s="424"/>
      <c r="DQU731" s="424"/>
      <c r="DQV731" s="424"/>
      <c r="DQW731" s="423" t="s">
        <v>2795</v>
      </c>
      <c r="DQX731" s="424"/>
      <c r="DQY731" s="424"/>
      <c r="DQZ731" s="424"/>
      <c r="DRA731" s="423" t="s">
        <v>2795</v>
      </c>
      <c r="DRB731" s="424"/>
      <c r="DRC731" s="424"/>
      <c r="DRD731" s="424"/>
      <c r="DRE731" s="423" t="s">
        <v>2795</v>
      </c>
      <c r="DRF731" s="424"/>
      <c r="DRG731" s="424"/>
      <c r="DRH731" s="424"/>
      <c r="DRI731" s="423" t="s">
        <v>2795</v>
      </c>
      <c r="DRJ731" s="424"/>
      <c r="DRK731" s="424"/>
      <c r="DRL731" s="424"/>
      <c r="DRM731" s="423" t="s">
        <v>2795</v>
      </c>
      <c r="DRN731" s="424"/>
      <c r="DRO731" s="424"/>
      <c r="DRP731" s="424"/>
      <c r="DRQ731" s="423" t="s">
        <v>2795</v>
      </c>
      <c r="DRR731" s="424"/>
      <c r="DRS731" s="424"/>
      <c r="DRT731" s="424"/>
      <c r="DRU731" s="423" t="s">
        <v>2795</v>
      </c>
      <c r="DRV731" s="424"/>
      <c r="DRW731" s="424"/>
      <c r="DRX731" s="424"/>
      <c r="DRY731" s="423" t="s">
        <v>2795</v>
      </c>
      <c r="DRZ731" s="424"/>
      <c r="DSA731" s="424"/>
      <c r="DSB731" s="424"/>
      <c r="DSC731" s="423" t="s">
        <v>2795</v>
      </c>
      <c r="DSD731" s="424"/>
      <c r="DSE731" s="424"/>
      <c r="DSF731" s="424"/>
      <c r="DSG731" s="423" t="s">
        <v>2795</v>
      </c>
      <c r="DSH731" s="424"/>
      <c r="DSI731" s="424"/>
      <c r="DSJ731" s="424"/>
      <c r="DSK731" s="423" t="s">
        <v>2795</v>
      </c>
      <c r="DSL731" s="424"/>
      <c r="DSM731" s="424"/>
      <c r="DSN731" s="424"/>
      <c r="DSO731" s="423" t="s">
        <v>2795</v>
      </c>
      <c r="DSP731" s="424"/>
      <c r="DSQ731" s="424"/>
      <c r="DSR731" s="424"/>
      <c r="DSS731" s="423" t="s">
        <v>2795</v>
      </c>
      <c r="DST731" s="424"/>
      <c r="DSU731" s="424"/>
      <c r="DSV731" s="424"/>
      <c r="DSW731" s="423" t="s">
        <v>2795</v>
      </c>
      <c r="DSX731" s="424"/>
      <c r="DSY731" s="424"/>
      <c r="DSZ731" s="424"/>
      <c r="DTA731" s="423" t="s">
        <v>2795</v>
      </c>
      <c r="DTB731" s="424"/>
      <c r="DTC731" s="424"/>
      <c r="DTD731" s="424"/>
      <c r="DTE731" s="423" t="s">
        <v>2795</v>
      </c>
      <c r="DTF731" s="424"/>
      <c r="DTG731" s="424"/>
      <c r="DTH731" s="424"/>
      <c r="DTI731" s="423" t="s">
        <v>2795</v>
      </c>
      <c r="DTJ731" s="424"/>
      <c r="DTK731" s="424"/>
      <c r="DTL731" s="424"/>
      <c r="DTM731" s="423" t="s">
        <v>2795</v>
      </c>
      <c r="DTN731" s="424"/>
      <c r="DTO731" s="424"/>
      <c r="DTP731" s="424"/>
      <c r="DTQ731" s="423" t="s">
        <v>2795</v>
      </c>
      <c r="DTR731" s="424"/>
      <c r="DTS731" s="424"/>
      <c r="DTT731" s="424"/>
      <c r="DTU731" s="423" t="s">
        <v>2795</v>
      </c>
      <c r="DTV731" s="424"/>
      <c r="DTW731" s="424"/>
      <c r="DTX731" s="424"/>
      <c r="DTY731" s="423" t="s">
        <v>2795</v>
      </c>
      <c r="DTZ731" s="424"/>
      <c r="DUA731" s="424"/>
      <c r="DUB731" s="424"/>
      <c r="DUC731" s="423" t="s">
        <v>2795</v>
      </c>
      <c r="DUD731" s="424"/>
      <c r="DUE731" s="424"/>
      <c r="DUF731" s="424"/>
      <c r="DUG731" s="423" t="s">
        <v>2795</v>
      </c>
      <c r="DUH731" s="424"/>
      <c r="DUI731" s="424"/>
      <c r="DUJ731" s="424"/>
      <c r="DUK731" s="423" t="s">
        <v>2795</v>
      </c>
      <c r="DUL731" s="424"/>
      <c r="DUM731" s="424"/>
      <c r="DUN731" s="424"/>
      <c r="DUO731" s="423" t="s">
        <v>2795</v>
      </c>
      <c r="DUP731" s="424"/>
      <c r="DUQ731" s="424"/>
      <c r="DUR731" s="424"/>
      <c r="DUS731" s="423" t="s">
        <v>2795</v>
      </c>
      <c r="DUT731" s="424"/>
      <c r="DUU731" s="424"/>
      <c r="DUV731" s="424"/>
      <c r="DUW731" s="423" t="s">
        <v>2795</v>
      </c>
      <c r="DUX731" s="424"/>
      <c r="DUY731" s="424"/>
      <c r="DUZ731" s="424"/>
      <c r="DVA731" s="423" t="s">
        <v>2795</v>
      </c>
      <c r="DVB731" s="424"/>
      <c r="DVC731" s="424"/>
      <c r="DVD731" s="424"/>
      <c r="DVE731" s="423" t="s">
        <v>2795</v>
      </c>
      <c r="DVF731" s="424"/>
      <c r="DVG731" s="424"/>
      <c r="DVH731" s="424"/>
      <c r="DVI731" s="423" t="s">
        <v>2795</v>
      </c>
      <c r="DVJ731" s="424"/>
      <c r="DVK731" s="424"/>
      <c r="DVL731" s="424"/>
      <c r="DVM731" s="423" t="s">
        <v>2795</v>
      </c>
      <c r="DVN731" s="424"/>
      <c r="DVO731" s="424"/>
      <c r="DVP731" s="424"/>
      <c r="DVQ731" s="423" t="s">
        <v>2795</v>
      </c>
      <c r="DVR731" s="424"/>
      <c r="DVS731" s="424"/>
      <c r="DVT731" s="424"/>
      <c r="DVU731" s="423" t="s">
        <v>2795</v>
      </c>
      <c r="DVV731" s="424"/>
      <c r="DVW731" s="424"/>
      <c r="DVX731" s="424"/>
      <c r="DVY731" s="423" t="s">
        <v>2795</v>
      </c>
      <c r="DVZ731" s="424"/>
      <c r="DWA731" s="424"/>
      <c r="DWB731" s="424"/>
      <c r="DWC731" s="423" t="s">
        <v>2795</v>
      </c>
      <c r="DWD731" s="424"/>
      <c r="DWE731" s="424"/>
      <c r="DWF731" s="424"/>
      <c r="DWG731" s="423" t="s">
        <v>2795</v>
      </c>
      <c r="DWH731" s="424"/>
      <c r="DWI731" s="424"/>
      <c r="DWJ731" s="424"/>
      <c r="DWK731" s="423" t="s">
        <v>2795</v>
      </c>
      <c r="DWL731" s="424"/>
      <c r="DWM731" s="424"/>
      <c r="DWN731" s="424"/>
      <c r="DWO731" s="423" t="s">
        <v>2795</v>
      </c>
      <c r="DWP731" s="424"/>
      <c r="DWQ731" s="424"/>
      <c r="DWR731" s="424"/>
      <c r="DWS731" s="423" t="s">
        <v>2795</v>
      </c>
      <c r="DWT731" s="424"/>
      <c r="DWU731" s="424"/>
      <c r="DWV731" s="424"/>
      <c r="DWW731" s="423" t="s">
        <v>2795</v>
      </c>
      <c r="DWX731" s="424"/>
      <c r="DWY731" s="424"/>
      <c r="DWZ731" s="424"/>
      <c r="DXA731" s="423" t="s">
        <v>2795</v>
      </c>
      <c r="DXB731" s="424"/>
      <c r="DXC731" s="424"/>
      <c r="DXD731" s="424"/>
      <c r="DXE731" s="423" t="s">
        <v>2795</v>
      </c>
      <c r="DXF731" s="424"/>
      <c r="DXG731" s="424"/>
      <c r="DXH731" s="424"/>
      <c r="DXI731" s="423" t="s">
        <v>2795</v>
      </c>
      <c r="DXJ731" s="424"/>
      <c r="DXK731" s="424"/>
      <c r="DXL731" s="424"/>
      <c r="DXM731" s="423" t="s">
        <v>2795</v>
      </c>
      <c r="DXN731" s="424"/>
      <c r="DXO731" s="424"/>
      <c r="DXP731" s="424"/>
      <c r="DXQ731" s="423" t="s">
        <v>2795</v>
      </c>
      <c r="DXR731" s="424"/>
      <c r="DXS731" s="424"/>
      <c r="DXT731" s="424"/>
      <c r="DXU731" s="423" t="s">
        <v>2795</v>
      </c>
      <c r="DXV731" s="424"/>
      <c r="DXW731" s="424"/>
      <c r="DXX731" s="424"/>
      <c r="DXY731" s="423" t="s">
        <v>2795</v>
      </c>
      <c r="DXZ731" s="424"/>
      <c r="DYA731" s="424"/>
      <c r="DYB731" s="424"/>
      <c r="DYC731" s="423" t="s">
        <v>2795</v>
      </c>
      <c r="DYD731" s="424"/>
      <c r="DYE731" s="424"/>
      <c r="DYF731" s="424"/>
      <c r="DYG731" s="423" t="s">
        <v>2795</v>
      </c>
      <c r="DYH731" s="424"/>
      <c r="DYI731" s="424"/>
      <c r="DYJ731" s="424"/>
      <c r="DYK731" s="423" t="s">
        <v>2795</v>
      </c>
      <c r="DYL731" s="424"/>
      <c r="DYM731" s="424"/>
      <c r="DYN731" s="424"/>
      <c r="DYO731" s="423" t="s">
        <v>2795</v>
      </c>
      <c r="DYP731" s="424"/>
      <c r="DYQ731" s="424"/>
      <c r="DYR731" s="424"/>
      <c r="DYS731" s="423" t="s">
        <v>2795</v>
      </c>
      <c r="DYT731" s="424"/>
      <c r="DYU731" s="424"/>
      <c r="DYV731" s="424"/>
      <c r="DYW731" s="423" t="s">
        <v>2795</v>
      </c>
      <c r="DYX731" s="424"/>
      <c r="DYY731" s="424"/>
      <c r="DYZ731" s="424"/>
      <c r="DZA731" s="423" t="s">
        <v>2795</v>
      </c>
      <c r="DZB731" s="424"/>
      <c r="DZC731" s="424"/>
      <c r="DZD731" s="424"/>
      <c r="DZE731" s="423" t="s">
        <v>2795</v>
      </c>
      <c r="DZF731" s="424"/>
      <c r="DZG731" s="424"/>
      <c r="DZH731" s="424"/>
      <c r="DZI731" s="423" t="s">
        <v>2795</v>
      </c>
      <c r="DZJ731" s="424"/>
      <c r="DZK731" s="424"/>
      <c r="DZL731" s="424"/>
      <c r="DZM731" s="423" t="s">
        <v>2795</v>
      </c>
      <c r="DZN731" s="424"/>
      <c r="DZO731" s="424"/>
      <c r="DZP731" s="424"/>
      <c r="DZQ731" s="423" t="s">
        <v>2795</v>
      </c>
      <c r="DZR731" s="424"/>
      <c r="DZS731" s="424"/>
      <c r="DZT731" s="424"/>
      <c r="DZU731" s="423" t="s">
        <v>2795</v>
      </c>
      <c r="DZV731" s="424"/>
      <c r="DZW731" s="424"/>
      <c r="DZX731" s="424"/>
      <c r="DZY731" s="423" t="s">
        <v>2795</v>
      </c>
      <c r="DZZ731" s="424"/>
      <c r="EAA731" s="424"/>
      <c r="EAB731" s="424"/>
      <c r="EAC731" s="423" t="s">
        <v>2795</v>
      </c>
      <c r="EAD731" s="424"/>
      <c r="EAE731" s="424"/>
      <c r="EAF731" s="424"/>
      <c r="EAG731" s="423" t="s">
        <v>2795</v>
      </c>
      <c r="EAH731" s="424"/>
      <c r="EAI731" s="424"/>
      <c r="EAJ731" s="424"/>
      <c r="EAK731" s="423" t="s">
        <v>2795</v>
      </c>
      <c r="EAL731" s="424"/>
      <c r="EAM731" s="424"/>
      <c r="EAN731" s="424"/>
      <c r="EAO731" s="423" t="s">
        <v>2795</v>
      </c>
      <c r="EAP731" s="424"/>
      <c r="EAQ731" s="424"/>
      <c r="EAR731" s="424"/>
      <c r="EAS731" s="423" t="s">
        <v>2795</v>
      </c>
      <c r="EAT731" s="424"/>
      <c r="EAU731" s="424"/>
      <c r="EAV731" s="424"/>
      <c r="EAW731" s="423" t="s">
        <v>2795</v>
      </c>
      <c r="EAX731" s="424"/>
      <c r="EAY731" s="424"/>
      <c r="EAZ731" s="424"/>
      <c r="EBA731" s="423" t="s">
        <v>2795</v>
      </c>
      <c r="EBB731" s="424"/>
      <c r="EBC731" s="424"/>
      <c r="EBD731" s="424"/>
      <c r="EBE731" s="423" t="s">
        <v>2795</v>
      </c>
      <c r="EBF731" s="424"/>
      <c r="EBG731" s="424"/>
      <c r="EBH731" s="424"/>
      <c r="EBI731" s="423" t="s">
        <v>2795</v>
      </c>
      <c r="EBJ731" s="424"/>
      <c r="EBK731" s="424"/>
      <c r="EBL731" s="424"/>
      <c r="EBM731" s="423" t="s">
        <v>2795</v>
      </c>
      <c r="EBN731" s="424"/>
      <c r="EBO731" s="424"/>
      <c r="EBP731" s="424"/>
      <c r="EBQ731" s="423" t="s">
        <v>2795</v>
      </c>
      <c r="EBR731" s="424"/>
      <c r="EBS731" s="424"/>
      <c r="EBT731" s="424"/>
      <c r="EBU731" s="423" t="s">
        <v>2795</v>
      </c>
      <c r="EBV731" s="424"/>
      <c r="EBW731" s="424"/>
      <c r="EBX731" s="424"/>
      <c r="EBY731" s="423" t="s">
        <v>2795</v>
      </c>
      <c r="EBZ731" s="424"/>
      <c r="ECA731" s="424"/>
      <c r="ECB731" s="424"/>
      <c r="ECC731" s="423" t="s">
        <v>2795</v>
      </c>
      <c r="ECD731" s="424"/>
      <c r="ECE731" s="424"/>
      <c r="ECF731" s="424"/>
      <c r="ECG731" s="423" t="s">
        <v>2795</v>
      </c>
      <c r="ECH731" s="424"/>
      <c r="ECI731" s="424"/>
      <c r="ECJ731" s="424"/>
      <c r="ECK731" s="423" t="s">
        <v>2795</v>
      </c>
      <c r="ECL731" s="424"/>
      <c r="ECM731" s="424"/>
      <c r="ECN731" s="424"/>
      <c r="ECO731" s="423" t="s">
        <v>2795</v>
      </c>
      <c r="ECP731" s="424"/>
      <c r="ECQ731" s="424"/>
      <c r="ECR731" s="424"/>
      <c r="ECS731" s="423" t="s">
        <v>2795</v>
      </c>
      <c r="ECT731" s="424"/>
      <c r="ECU731" s="424"/>
      <c r="ECV731" s="424"/>
      <c r="ECW731" s="423" t="s">
        <v>2795</v>
      </c>
      <c r="ECX731" s="424"/>
      <c r="ECY731" s="424"/>
      <c r="ECZ731" s="424"/>
      <c r="EDA731" s="423" t="s">
        <v>2795</v>
      </c>
      <c r="EDB731" s="424"/>
      <c r="EDC731" s="424"/>
      <c r="EDD731" s="424"/>
      <c r="EDE731" s="423" t="s">
        <v>2795</v>
      </c>
      <c r="EDF731" s="424"/>
      <c r="EDG731" s="424"/>
      <c r="EDH731" s="424"/>
      <c r="EDI731" s="423" t="s">
        <v>2795</v>
      </c>
      <c r="EDJ731" s="424"/>
      <c r="EDK731" s="424"/>
      <c r="EDL731" s="424"/>
      <c r="EDM731" s="423" t="s">
        <v>2795</v>
      </c>
      <c r="EDN731" s="424"/>
      <c r="EDO731" s="424"/>
      <c r="EDP731" s="424"/>
      <c r="EDQ731" s="423" t="s">
        <v>2795</v>
      </c>
      <c r="EDR731" s="424"/>
      <c r="EDS731" s="424"/>
      <c r="EDT731" s="424"/>
      <c r="EDU731" s="423" t="s">
        <v>2795</v>
      </c>
      <c r="EDV731" s="424"/>
      <c r="EDW731" s="424"/>
      <c r="EDX731" s="424"/>
      <c r="EDY731" s="423" t="s">
        <v>2795</v>
      </c>
      <c r="EDZ731" s="424"/>
      <c r="EEA731" s="424"/>
      <c r="EEB731" s="424"/>
      <c r="EEC731" s="423" t="s">
        <v>2795</v>
      </c>
      <c r="EED731" s="424"/>
      <c r="EEE731" s="424"/>
      <c r="EEF731" s="424"/>
      <c r="EEG731" s="423" t="s">
        <v>2795</v>
      </c>
      <c r="EEH731" s="424"/>
      <c r="EEI731" s="424"/>
      <c r="EEJ731" s="424"/>
      <c r="EEK731" s="423" t="s">
        <v>2795</v>
      </c>
      <c r="EEL731" s="424"/>
      <c r="EEM731" s="424"/>
      <c r="EEN731" s="424"/>
      <c r="EEO731" s="423" t="s">
        <v>2795</v>
      </c>
      <c r="EEP731" s="424"/>
      <c r="EEQ731" s="424"/>
      <c r="EER731" s="424"/>
      <c r="EES731" s="423" t="s">
        <v>2795</v>
      </c>
      <c r="EET731" s="424"/>
      <c r="EEU731" s="424"/>
      <c r="EEV731" s="424"/>
      <c r="EEW731" s="423" t="s">
        <v>2795</v>
      </c>
      <c r="EEX731" s="424"/>
      <c r="EEY731" s="424"/>
      <c r="EEZ731" s="424"/>
      <c r="EFA731" s="423" t="s">
        <v>2795</v>
      </c>
      <c r="EFB731" s="424"/>
      <c r="EFC731" s="424"/>
      <c r="EFD731" s="424"/>
      <c r="EFE731" s="423" t="s">
        <v>2795</v>
      </c>
      <c r="EFF731" s="424"/>
      <c r="EFG731" s="424"/>
      <c r="EFH731" s="424"/>
      <c r="EFI731" s="423" t="s">
        <v>2795</v>
      </c>
      <c r="EFJ731" s="424"/>
      <c r="EFK731" s="424"/>
      <c r="EFL731" s="424"/>
      <c r="EFM731" s="423" t="s">
        <v>2795</v>
      </c>
      <c r="EFN731" s="424"/>
      <c r="EFO731" s="424"/>
      <c r="EFP731" s="424"/>
      <c r="EFQ731" s="423" t="s">
        <v>2795</v>
      </c>
      <c r="EFR731" s="424"/>
      <c r="EFS731" s="424"/>
      <c r="EFT731" s="424"/>
      <c r="EFU731" s="423" t="s">
        <v>2795</v>
      </c>
      <c r="EFV731" s="424"/>
      <c r="EFW731" s="424"/>
      <c r="EFX731" s="424"/>
      <c r="EFY731" s="423" t="s">
        <v>2795</v>
      </c>
      <c r="EFZ731" s="424"/>
      <c r="EGA731" s="424"/>
      <c r="EGB731" s="424"/>
      <c r="EGC731" s="423" t="s">
        <v>2795</v>
      </c>
      <c r="EGD731" s="424"/>
      <c r="EGE731" s="424"/>
      <c r="EGF731" s="424"/>
      <c r="EGG731" s="423" t="s">
        <v>2795</v>
      </c>
      <c r="EGH731" s="424"/>
      <c r="EGI731" s="424"/>
      <c r="EGJ731" s="424"/>
      <c r="EGK731" s="423" t="s">
        <v>2795</v>
      </c>
      <c r="EGL731" s="424"/>
      <c r="EGM731" s="424"/>
      <c r="EGN731" s="424"/>
      <c r="EGO731" s="423" t="s">
        <v>2795</v>
      </c>
      <c r="EGP731" s="424"/>
      <c r="EGQ731" s="424"/>
      <c r="EGR731" s="424"/>
      <c r="EGS731" s="423" t="s">
        <v>2795</v>
      </c>
      <c r="EGT731" s="424"/>
      <c r="EGU731" s="424"/>
      <c r="EGV731" s="424"/>
      <c r="EGW731" s="423" t="s">
        <v>2795</v>
      </c>
      <c r="EGX731" s="424"/>
      <c r="EGY731" s="424"/>
      <c r="EGZ731" s="424"/>
      <c r="EHA731" s="423" t="s">
        <v>2795</v>
      </c>
      <c r="EHB731" s="424"/>
      <c r="EHC731" s="424"/>
      <c r="EHD731" s="424"/>
      <c r="EHE731" s="423" t="s">
        <v>2795</v>
      </c>
      <c r="EHF731" s="424"/>
      <c r="EHG731" s="424"/>
      <c r="EHH731" s="424"/>
      <c r="EHI731" s="423" t="s">
        <v>2795</v>
      </c>
      <c r="EHJ731" s="424"/>
      <c r="EHK731" s="424"/>
      <c r="EHL731" s="424"/>
      <c r="EHM731" s="423" t="s">
        <v>2795</v>
      </c>
      <c r="EHN731" s="424"/>
      <c r="EHO731" s="424"/>
      <c r="EHP731" s="424"/>
      <c r="EHQ731" s="423" t="s">
        <v>2795</v>
      </c>
      <c r="EHR731" s="424"/>
      <c r="EHS731" s="424"/>
      <c r="EHT731" s="424"/>
      <c r="EHU731" s="423" t="s">
        <v>2795</v>
      </c>
      <c r="EHV731" s="424"/>
      <c r="EHW731" s="424"/>
      <c r="EHX731" s="424"/>
      <c r="EHY731" s="423" t="s">
        <v>2795</v>
      </c>
      <c r="EHZ731" s="424"/>
      <c r="EIA731" s="424"/>
      <c r="EIB731" s="424"/>
      <c r="EIC731" s="423" t="s">
        <v>2795</v>
      </c>
      <c r="EID731" s="424"/>
      <c r="EIE731" s="424"/>
      <c r="EIF731" s="424"/>
      <c r="EIG731" s="423" t="s">
        <v>2795</v>
      </c>
      <c r="EIH731" s="424"/>
      <c r="EII731" s="424"/>
      <c r="EIJ731" s="424"/>
      <c r="EIK731" s="423" t="s">
        <v>2795</v>
      </c>
      <c r="EIL731" s="424"/>
      <c r="EIM731" s="424"/>
      <c r="EIN731" s="424"/>
      <c r="EIO731" s="423" t="s">
        <v>2795</v>
      </c>
      <c r="EIP731" s="424"/>
      <c r="EIQ731" s="424"/>
      <c r="EIR731" s="424"/>
      <c r="EIS731" s="423" t="s">
        <v>2795</v>
      </c>
      <c r="EIT731" s="424"/>
      <c r="EIU731" s="424"/>
      <c r="EIV731" s="424"/>
      <c r="EIW731" s="423" t="s">
        <v>2795</v>
      </c>
      <c r="EIX731" s="424"/>
      <c r="EIY731" s="424"/>
      <c r="EIZ731" s="424"/>
      <c r="EJA731" s="423" t="s">
        <v>2795</v>
      </c>
      <c r="EJB731" s="424"/>
      <c r="EJC731" s="424"/>
      <c r="EJD731" s="424"/>
      <c r="EJE731" s="423" t="s">
        <v>2795</v>
      </c>
      <c r="EJF731" s="424"/>
      <c r="EJG731" s="424"/>
      <c r="EJH731" s="424"/>
      <c r="EJI731" s="423" t="s">
        <v>2795</v>
      </c>
      <c r="EJJ731" s="424"/>
      <c r="EJK731" s="424"/>
      <c r="EJL731" s="424"/>
      <c r="EJM731" s="423" t="s">
        <v>2795</v>
      </c>
      <c r="EJN731" s="424"/>
      <c r="EJO731" s="424"/>
      <c r="EJP731" s="424"/>
      <c r="EJQ731" s="423" t="s">
        <v>2795</v>
      </c>
      <c r="EJR731" s="424"/>
      <c r="EJS731" s="424"/>
      <c r="EJT731" s="424"/>
      <c r="EJU731" s="423" t="s">
        <v>2795</v>
      </c>
      <c r="EJV731" s="424"/>
      <c r="EJW731" s="424"/>
      <c r="EJX731" s="424"/>
      <c r="EJY731" s="423" t="s">
        <v>2795</v>
      </c>
      <c r="EJZ731" s="424"/>
      <c r="EKA731" s="424"/>
      <c r="EKB731" s="424"/>
      <c r="EKC731" s="423" t="s">
        <v>2795</v>
      </c>
      <c r="EKD731" s="424"/>
      <c r="EKE731" s="424"/>
      <c r="EKF731" s="424"/>
      <c r="EKG731" s="423" t="s">
        <v>2795</v>
      </c>
      <c r="EKH731" s="424"/>
      <c r="EKI731" s="424"/>
      <c r="EKJ731" s="424"/>
      <c r="EKK731" s="423" t="s">
        <v>2795</v>
      </c>
      <c r="EKL731" s="424"/>
      <c r="EKM731" s="424"/>
      <c r="EKN731" s="424"/>
      <c r="EKO731" s="423" t="s">
        <v>2795</v>
      </c>
      <c r="EKP731" s="424"/>
      <c r="EKQ731" s="424"/>
      <c r="EKR731" s="424"/>
      <c r="EKS731" s="423" t="s">
        <v>2795</v>
      </c>
      <c r="EKT731" s="424"/>
      <c r="EKU731" s="424"/>
      <c r="EKV731" s="424"/>
      <c r="EKW731" s="423" t="s">
        <v>2795</v>
      </c>
      <c r="EKX731" s="424"/>
      <c r="EKY731" s="424"/>
      <c r="EKZ731" s="424"/>
      <c r="ELA731" s="423" t="s">
        <v>2795</v>
      </c>
      <c r="ELB731" s="424"/>
      <c r="ELC731" s="424"/>
      <c r="ELD731" s="424"/>
      <c r="ELE731" s="423" t="s">
        <v>2795</v>
      </c>
      <c r="ELF731" s="424"/>
      <c r="ELG731" s="424"/>
      <c r="ELH731" s="424"/>
      <c r="ELI731" s="423" t="s">
        <v>2795</v>
      </c>
      <c r="ELJ731" s="424"/>
      <c r="ELK731" s="424"/>
      <c r="ELL731" s="424"/>
      <c r="ELM731" s="423" t="s">
        <v>2795</v>
      </c>
      <c r="ELN731" s="424"/>
      <c r="ELO731" s="424"/>
      <c r="ELP731" s="424"/>
      <c r="ELQ731" s="423" t="s">
        <v>2795</v>
      </c>
      <c r="ELR731" s="424"/>
      <c r="ELS731" s="424"/>
      <c r="ELT731" s="424"/>
      <c r="ELU731" s="423" t="s">
        <v>2795</v>
      </c>
      <c r="ELV731" s="424"/>
      <c r="ELW731" s="424"/>
      <c r="ELX731" s="424"/>
      <c r="ELY731" s="423" t="s">
        <v>2795</v>
      </c>
      <c r="ELZ731" s="424"/>
      <c r="EMA731" s="424"/>
      <c r="EMB731" s="424"/>
      <c r="EMC731" s="423" t="s">
        <v>2795</v>
      </c>
      <c r="EMD731" s="424"/>
      <c r="EME731" s="424"/>
      <c r="EMF731" s="424"/>
      <c r="EMG731" s="423" t="s">
        <v>2795</v>
      </c>
      <c r="EMH731" s="424"/>
      <c r="EMI731" s="424"/>
      <c r="EMJ731" s="424"/>
      <c r="EMK731" s="423" t="s">
        <v>2795</v>
      </c>
      <c r="EML731" s="424"/>
      <c r="EMM731" s="424"/>
      <c r="EMN731" s="424"/>
      <c r="EMO731" s="423" t="s">
        <v>2795</v>
      </c>
      <c r="EMP731" s="424"/>
      <c r="EMQ731" s="424"/>
      <c r="EMR731" s="424"/>
      <c r="EMS731" s="423" t="s">
        <v>2795</v>
      </c>
      <c r="EMT731" s="424"/>
      <c r="EMU731" s="424"/>
      <c r="EMV731" s="424"/>
      <c r="EMW731" s="423" t="s">
        <v>2795</v>
      </c>
      <c r="EMX731" s="424"/>
      <c r="EMY731" s="424"/>
      <c r="EMZ731" s="424"/>
      <c r="ENA731" s="423" t="s">
        <v>2795</v>
      </c>
      <c r="ENB731" s="424"/>
      <c r="ENC731" s="424"/>
      <c r="END731" s="424"/>
      <c r="ENE731" s="423" t="s">
        <v>2795</v>
      </c>
      <c r="ENF731" s="424"/>
      <c r="ENG731" s="424"/>
      <c r="ENH731" s="424"/>
      <c r="ENI731" s="423" t="s">
        <v>2795</v>
      </c>
      <c r="ENJ731" s="424"/>
      <c r="ENK731" s="424"/>
      <c r="ENL731" s="424"/>
      <c r="ENM731" s="423" t="s">
        <v>2795</v>
      </c>
      <c r="ENN731" s="424"/>
      <c r="ENO731" s="424"/>
      <c r="ENP731" s="424"/>
      <c r="ENQ731" s="423" t="s">
        <v>2795</v>
      </c>
      <c r="ENR731" s="424"/>
      <c r="ENS731" s="424"/>
      <c r="ENT731" s="424"/>
      <c r="ENU731" s="423" t="s">
        <v>2795</v>
      </c>
      <c r="ENV731" s="424"/>
      <c r="ENW731" s="424"/>
      <c r="ENX731" s="424"/>
      <c r="ENY731" s="423" t="s">
        <v>2795</v>
      </c>
      <c r="ENZ731" s="424"/>
      <c r="EOA731" s="424"/>
      <c r="EOB731" s="424"/>
      <c r="EOC731" s="423" t="s">
        <v>2795</v>
      </c>
      <c r="EOD731" s="424"/>
      <c r="EOE731" s="424"/>
      <c r="EOF731" s="424"/>
      <c r="EOG731" s="423" t="s">
        <v>2795</v>
      </c>
      <c r="EOH731" s="424"/>
      <c r="EOI731" s="424"/>
      <c r="EOJ731" s="424"/>
      <c r="EOK731" s="423" t="s">
        <v>2795</v>
      </c>
      <c r="EOL731" s="424"/>
      <c r="EOM731" s="424"/>
      <c r="EON731" s="424"/>
      <c r="EOO731" s="423" t="s">
        <v>2795</v>
      </c>
      <c r="EOP731" s="424"/>
      <c r="EOQ731" s="424"/>
      <c r="EOR731" s="424"/>
      <c r="EOS731" s="423" t="s">
        <v>2795</v>
      </c>
      <c r="EOT731" s="424"/>
      <c r="EOU731" s="424"/>
      <c r="EOV731" s="424"/>
      <c r="EOW731" s="423" t="s">
        <v>2795</v>
      </c>
      <c r="EOX731" s="424"/>
      <c r="EOY731" s="424"/>
      <c r="EOZ731" s="424"/>
      <c r="EPA731" s="423" t="s">
        <v>2795</v>
      </c>
      <c r="EPB731" s="424"/>
      <c r="EPC731" s="424"/>
      <c r="EPD731" s="424"/>
      <c r="EPE731" s="423" t="s">
        <v>2795</v>
      </c>
      <c r="EPF731" s="424"/>
      <c r="EPG731" s="424"/>
      <c r="EPH731" s="424"/>
      <c r="EPI731" s="423" t="s">
        <v>2795</v>
      </c>
      <c r="EPJ731" s="424"/>
      <c r="EPK731" s="424"/>
      <c r="EPL731" s="424"/>
      <c r="EPM731" s="423" t="s">
        <v>2795</v>
      </c>
      <c r="EPN731" s="424"/>
      <c r="EPO731" s="424"/>
      <c r="EPP731" s="424"/>
      <c r="EPQ731" s="423" t="s">
        <v>2795</v>
      </c>
      <c r="EPR731" s="424"/>
      <c r="EPS731" s="424"/>
      <c r="EPT731" s="424"/>
      <c r="EPU731" s="423" t="s">
        <v>2795</v>
      </c>
      <c r="EPV731" s="424"/>
      <c r="EPW731" s="424"/>
      <c r="EPX731" s="424"/>
      <c r="EPY731" s="423" t="s">
        <v>2795</v>
      </c>
      <c r="EPZ731" s="424"/>
      <c r="EQA731" s="424"/>
      <c r="EQB731" s="424"/>
      <c r="EQC731" s="423" t="s">
        <v>2795</v>
      </c>
      <c r="EQD731" s="424"/>
      <c r="EQE731" s="424"/>
      <c r="EQF731" s="424"/>
      <c r="EQG731" s="423" t="s">
        <v>2795</v>
      </c>
      <c r="EQH731" s="424"/>
      <c r="EQI731" s="424"/>
      <c r="EQJ731" s="424"/>
      <c r="EQK731" s="423" t="s">
        <v>2795</v>
      </c>
      <c r="EQL731" s="424"/>
      <c r="EQM731" s="424"/>
      <c r="EQN731" s="424"/>
      <c r="EQO731" s="423" t="s">
        <v>2795</v>
      </c>
      <c r="EQP731" s="424"/>
      <c r="EQQ731" s="424"/>
      <c r="EQR731" s="424"/>
      <c r="EQS731" s="423" t="s">
        <v>2795</v>
      </c>
      <c r="EQT731" s="424"/>
      <c r="EQU731" s="424"/>
      <c r="EQV731" s="424"/>
      <c r="EQW731" s="423" t="s">
        <v>2795</v>
      </c>
      <c r="EQX731" s="424"/>
      <c r="EQY731" s="424"/>
      <c r="EQZ731" s="424"/>
      <c r="ERA731" s="423" t="s">
        <v>2795</v>
      </c>
      <c r="ERB731" s="424"/>
      <c r="ERC731" s="424"/>
      <c r="ERD731" s="424"/>
      <c r="ERE731" s="423" t="s">
        <v>2795</v>
      </c>
      <c r="ERF731" s="424"/>
      <c r="ERG731" s="424"/>
      <c r="ERH731" s="424"/>
      <c r="ERI731" s="423" t="s">
        <v>2795</v>
      </c>
      <c r="ERJ731" s="424"/>
      <c r="ERK731" s="424"/>
      <c r="ERL731" s="424"/>
      <c r="ERM731" s="423" t="s">
        <v>2795</v>
      </c>
      <c r="ERN731" s="424"/>
      <c r="ERO731" s="424"/>
      <c r="ERP731" s="424"/>
      <c r="ERQ731" s="423" t="s">
        <v>2795</v>
      </c>
      <c r="ERR731" s="424"/>
      <c r="ERS731" s="424"/>
      <c r="ERT731" s="424"/>
      <c r="ERU731" s="423" t="s">
        <v>2795</v>
      </c>
      <c r="ERV731" s="424"/>
      <c r="ERW731" s="424"/>
      <c r="ERX731" s="424"/>
      <c r="ERY731" s="423" t="s">
        <v>2795</v>
      </c>
      <c r="ERZ731" s="424"/>
      <c r="ESA731" s="424"/>
      <c r="ESB731" s="424"/>
      <c r="ESC731" s="423" t="s">
        <v>2795</v>
      </c>
      <c r="ESD731" s="424"/>
      <c r="ESE731" s="424"/>
      <c r="ESF731" s="424"/>
      <c r="ESG731" s="423" t="s">
        <v>2795</v>
      </c>
      <c r="ESH731" s="424"/>
      <c r="ESI731" s="424"/>
      <c r="ESJ731" s="424"/>
      <c r="ESK731" s="423" t="s">
        <v>2795</v>
      </c>
      <c r="ESL731" s="424"/>
      <c r="ESM731" s="424"/>
      <c r="ESN731" s="424"/>
      <c r="ESO731" s="423" t="s">
        <v>2795</v>
      </c>
      <c r="ESP731" s="424"/>
      <c r="ESQ731" s="424"/>
      <c r="ESR731" s="424"/>
      <c r="ESS731" s="423" t="s">
        <v>2795</v>
      </c>
      <c r="EST731" s="424"/>
      <c r="ESU731" s="424"/>
      <c r="ESV731" s="424"/>
      <c r="ESW731" s="423" t="s">
        <v>2795</v>
      </c>
      <c r="ESX731" s="424"/>
      <c r="ESY731" s="424"/>
      <c r="ESZ731" s="424"/>
      <c r="ETA731" s="423" t="s">
        <v>2795</v>
      </c>
      <c r="ETB731" s="424"/>
      <c r="ETC731" s="424"/>
      <c r="ETD731" s="424"/>
      <c r="ETE731" s="423" t="s">
        <v>2795</v>
      </c>
      <c r="ETF731" s="424"/>
      <c r="ETG731" s="424"/>
      <c r="ETH731" s="424"/>
      <c r="ETI731" s="423" t="s">
        <v>2795</v>
      </c>
      <c r="ETJ731" s="424"/>
      <c r="ETK731" s="424"/>
      <c r="ETL731" s="424"/>
      <c r="ETM731" s="423" t="s">
        <v>2795</v>
      </c>
      <c r="ETN731" s="424"/>
      <c r="ETO731" s="424"/>
      <c r="ETP731" s="424"/>
      <c r="ETQ731" s="423" t="s">
        <v>2795</v>
      </c>
      <c r="ETR731" s="424"/>
      <c r="ETS731" s="424"/>
      <c r="ETT731" s="424"/>
      <c r="ETU731" s="423" t="s">
        <v>2795</v>
      </c>
      <c r="ETV731" s="424"/>
      <c r="ETW731" s="424"/>
      <c r="ETX731" s="424"/>
      <c r="ETY731" s="423" t="s">
        <v>2795</v>
      </c>
      <c r="ETZ731" s="424"/>
      <c r="EUA731" s="424"/>
      <c r="EUB731" s="424"/>
      <c r="EUC731" s="423" t="s">
        <v>2795</v>
      </c>
      <c r="EUD731" s="424"/>
      <c r="EUE731" s="424"/>
      <c r="EUF731" s="424"/>
      <c r="EUG731" s="423" t="s">
        <v>2795</v>
      </c>
      <c r="EUH731" s="424"/>
      <c r="EUI731" s="424"/>
      <c r="EUJ731" s="424"/>
      <c r="EUK731" s="423" t="s">
        <v>2795</v>
      </c>
      <c r="EUL731" s="424"/>
      <c r="EUM731" s="424"/>
      <c r="EUN731" s="424"/>
      <c r="EUO731" s="423" t="s">
        <v>2795</v>
      </c>
      <c r="EUP731" s="424"/>
      <c r="EUQ731" s="424"/>
      <c r="EUR731" s="424"/>
      <c r="EUS731" s="423" t="s">
        <v>2795</v>
      </c>
      <c r="EUT731" s="424"/>
      <c r="EUU731" s="424"/>
      <c r="EUV731" s="424"/>
      <c r="EUW731" s="423" t="s">
        <v>2795</v>
      </c>
      <c r="EUX731" s="424"/>
      <c r="EUY731" s="424"/>
      <c r="EUZ731" s="424"/>
      <c r="EVA731" s="423" t="s">
        <v>2795</v>
      </c>
      <c r="EVB731" s="424"/>
      <c r="EVC731" s="424"/>
      <c r="EVD731" s="424"/>
      <c r="EVE731" s="423" t="s">
        <v>2795</v>
      </c>
      <c r="EVF731" s="424"/>
      <c r="EVG731" s="424"/>
      <c r="EVH731" s="424"/>
      <c r="EVI731" s="423" t="s">
        <v>2795</v>
      </c>
      <c r="EVJ731" s="424"/>
      <c r="EVK731" s="424"/>
      <c r="EVL731" s="424"/>
      <c r="EVM731" s="423" t="s">
        <v>2795</v>
      </c>
      <c r="EVN731" s="424"/>
      <c r="EVO731" s="424"/>
      <c r="EVP731" s="424"/>
      <c r="EVQ731" s="423" t="s">
        <v>2795</v>
      </c>
      <c r="EVR731" s="424"/>
      <c r="EVS731" s="424"/>
      <c r="EVT731" s="424"/>
      <c r="EVU731" s="423" t="s">
        <v>2795</v>
      </c>
      <c r="EVV731" s="424"/>
      <c r="EVW731" s="424"/>
      <c r="EVX731" s="424"/>
      <c r="EVY731" s="423" t="s">
        <v>2795</v>
      </c>
      <c r="EVZ731" s="424"/>
      <c r="EWA731" s="424"/>
      <c r="EWB731" s="424"/>
      <c r="EWC731" s="423" t="s">
        <v>2795</v>
      </c>
      <c r="EWD731" s="424"/>
      <c r="EWE731" s="424"/>
      <c r="EWF731" s="424"/>
      <c r="EWG731" s="423" t="s">
        <v>2795</v>
      </c>
      <c r="EWH731" s="424"/>
      <c r="EWI731" s="424"/>
      <c r="EWJ731" s="424"/>
      <c r="EWK731" s="423" t="s">
        <v>2795</v>
      </c>
      <c r="EWL731" s="424"/>
      <c r="EWM731" s="424"/>
      <c r="EWN731" s="424"/>
      <c r="EWO731" s="423" t="s">
        <v>2795</v>
      </c>
      <c r="EWP731" s="424"/>
      <c r="EWQ731" s="424"/>
      <c r="EWR731" s="424"/>
      <c r="EWS731" s="423" t="s">
        <v>2795</v>
      </c>
      <c r="EWT731" s="424"/>
      <c r="EWU731" s="424"/>
      <c r="EWV731" s="424"/>
      <c r="EWW731" s="423" t="s">
        <v>2795</v>
      </c>
      <c r="EWX731" s="424"/>
      <c r="EWY731" s="424"/>
      <c r="EWZ731" s="424"/>
      <c r="EXA731" s="423" t="s">
        <v>2795</v>
      </c>
      <c r="EXB731" s="424"/>
      <c r="EXC731" s="424"/>
      <c r="EXD731" s="424"/>
      <c r="EXE731" s="423" t="s">
        <v>2795</v>
      </c>
      <c r="EXF731" s="424"/>
      <c r="EXG731" s="424"/>
      <c r="EXH731" s="424"/>
      <c r="EXI731" s="423" t="s">
        <v>2795</v>
      </c>
      <c r="EXJ731" s="424"/>
      <c r="EXK731" s="424"/>
      <c r="EXL731" s="424"/>
      <c r="EXM731" s="423" t="s">
        <v>2795</v>
      </c>
      <c r="EXN731" s="424"/>
      <c r="EXO731" s="424"/>
      <c r="EXP731" s="424"/>
      <c r="EXQ731" s="423" t="s">
        <v>2795</v>
      </c>
      <c r="EXR731" s="424"/>
      <c r="EXS731" s="424"/>
      <c r="EXT731" s="424"/>
      <c r="EXU731" s="423" t="s">
        <v>2795</v>
      </c>
      <c r="EXV731" s="424"/>
      <c r="EXW731" s="424"/>
      <c r="EXX731" s="424"/>
      <c r="EXY731" s="423" t="s">
        <v>2795</v>
      </c>
      <c r="EXZ731" s="424"/>
      <c r="EYA731" s="424"/>
      <c r="EYB731" s="424"/>
      <c r="EYC731" s="423" t="s">
        <v>2795</v>
      </c>
      <c r="EYD731" s="424"/>
      <c r="EYE731" s="424"/>
      <c r="EYF731" s="424"/>
      <c r="EYG731" s="423" t="s">
        <v>2795</v>
      </c>
      <c r="EYH731" s="424"/>
      <c r="EYI731" s="424"/>
      <c r="EYJ731" s="424"/>
      <c r="EYK731" s="423" t="s">
        <v>2795</v>
      </c>
      <c r="EYL731" s="424"/>
      <c r="EYM731" s="424"/>
      <c r="EYN731" s="424"/>
      <c r="EYO731" s="423" t="s">
        <v>2795</v>
      </c>
      <c r="EYP731" s="424"/>
      <c r="EYQ731" s="424"/>
      <c r="EYR731" s="424"/>
      <c r="EYS731" s="423" t="s">
        <v>2795</v>
      </c>
      <c r="EYT731" s="424"/>
      <c r="EYU731" s="424"/>
      <c r="EYV731" s="424"/>
      <c r="EYW731" s="423" t="s">
        <v>2795</v>
      </c>
      <c r="EYX731" s="424"/>
      <c r="EYY731" s="424"/>
      <c r="EYZ731" s="424"/>
      <c r="EZA731" s="423" t="s">
        <v>2795</v>
      </c>
      <c r="EZB731" s="424"/>
      <c r="EZC731" s="424"/>
      <c r="EZD731" s="424"/>
      <c r="EZE731" s="423" t="s">
        <v>2795</v>
      </c>
      <c r="EZF731" s="424"/>
      <c r="EZG731" s="424"/>
      <c r="EZH731" s="424"/>
      <c r="EZI731" s="423" t="s">
        <v>2795</v>
      </c>
      <c r="EZJ731" s="424"/>
      <c r="EZK731" s="424"/>
      <c r="EZL731" s="424"/>
      <c r="EZM731" s="423" t="s">
        <v>2795</v>
      </c>
      <c r="EZN731" s="424"/>
      <c r="EZO731" s="424"/>
      <c r="EZP731" s="424"/>
      <c r="EZQ731" s="423" t="s">
        <v>2795</v>
      </c>
      <c r="EZR731" s="424"/>
      <c r="EZS731" s="424"/>
      <c r="EZT731" s="424"/>
      <c r="EZU731" s="423" t="s">
        <v>2795</v>
      </c>
      <c r="EZV731" s="424"/>
      <c r="EZW731" s="424"/>
      <c r="EZX731" s="424"/>
      <c r="EZY731" s="423" t="s">
        <v>2795</v>
      </c>
      <c r="EZZ731" s="424"/>
      <c r="FAA731" s="424"/>
      <c r="FAB731" s="424"/>
      <c r="FAC731" s="423" t="s">
        <v>2795</v>
      </c>
      <c r="FAD731" s="424"/>
      <c r="FAE731" s="424"/>
      <c r="FAF731" s="424"/>
      <c r="FAG731" s="423" t="s">
        <v>2795</v>
      </c>
      <c r="FAH731" s="424"/>
      <c r="FAI731" s="424"/>
      <c r="FAJ731" s="424"/>
      <c r="FAK731" s="423" t="s">
        <v>2795</v>
      </c>
      <c r="FAL731" s="424"/>
      <c r="FAM731" s="424"/>
      <c r="FAN731" s="424"/>
      <c r="FAO731" s="423" t="s">
        <v>2795</v>
      </c>
      <c r="FAP731" s="424"/>
      <c r="FAQ731" s="424"/>
      <c r="FAR731" s="424"/>
      <c r="FAS731" s="423" t="s">
        <v>2795</v>
      </c>
      <c r="FAT731" s="424"/>
      <c r="FAU731" s="424"/>
      <c r="FAV731" s="424"/>
      <c r="FAW731" s="423" t="s">
        <v>2795</v>
      </c>
      <c r="FAX731" s="424"/>
      <c r="FAY731" s="424"/>
      <c r="FAZ731" s="424"/>
      <c r="FBA731" s="423" t="s">
        <v>2795</v>
      </c>
      <c r="FBB731" s="424"/>
      <c r="FBC731" s="424"/>
      <c r="FBD731" s="424"/>
      <c r="FBE731" s="423" t="s">
        <v>2795</v>
      </c>
      <c r="FBF731" s="424"/>
      <c r="FBG731" s="424"/>
      <c r="FBH731" s="424"/>
      <c r="FBI731" s="423" t="s">
        <v>2795</v>
      </c>
      <c r="FBJ731" s="424"/>
      <c r="FBK731" s="424"/>
      <c r="FBL731" s="424"/>
      <c r="FBM731" s="423" t="s">
        <v>2795</v>
      </c>
      <c r="FBN731" s="424"/>
      <c r="FBO731" s="424"/>
      <c r="FBP731" s="424"/>
      <c r="FBQ731" s="423" t="s">
        <v>2795</v>
      </c>
      <c r="FBR731" s="424"/>
      <c r="FBS731" s="424"/>
      <c r="FBT731" s="424"/>
      <c r="FBU731" s="423" t="s">
        <v>2795</v>
      </c>
      <c r="FBV731" s="424"/>
      <c r="FBW731" s="424"/>
      <c r="FBX731" s="424"/>
      <c r="FBY731" s="423" t="s">
        <v>2795</v>
      </c>
      <c r="FBZ731" s="424"/>
      <c r="FCA731" s="424"/>
      <c r="FCB731" s="424"/>
      <c r="FCC731" s="423" t="s">
        <v>2795</v>
      </c>
      <c r="FCD731" s="424"/>
      <c r="FCE731" s="424"/>
      <c r="FCF731" s="424"/>
      <c r="FCG731" s="423" t="s">
        <v>2795</v>
      </c>
      <c r="FCH731" s="424"/>
      <c r="FCI731" s="424"/>
      <c r="FCJ731" s="424"/>
      <c r="FCK731" s="423" t="s">
        <v>2795</v>
      </c>
      <c r="FCL731" s="424"/>
      <c r="FCM731" s="424"/>
      <c r="FCN731" s="424"/>
      <c r="FCO731" s="423" t="s">
        <v>2795</v>
      </c>
      <c r="FCP731" s="424"/>
      <c r="FCQ731" s="424"/>
      <c r="FCR731" s="424"/>
      <c r="FCS731" s="423" t="s">
        <v>2795</v>
      </c>
      <c r="FCT731" s="424"/>
      <c r="FCU731" s="424"/>
      <c r="FCV731" s="424"/>
      <c r="FCW731" s="423" t="s">
        <v>2795</v>
      </c>
      <c r="FCX731" s="424"/>
      <c r="FCY731" s="424"/>
      <c r="FCZ731" s="424"/>
      <c r="FDA731" s="423" t="s">
        <v>2795</v>
      </c>
      <c r="FDB731" s="424"/>
      <c r="FDC731" s="424"/>
      <c r="FDD731" s="424"/>
      <c r="FDE731" s="423" t="s">
        <v>2795</v>
      </c>
      <c r="FDF731" s="424"/>
      <c r="FDG731" s="424"/>
      <c r="FDH731" s="424"/>
      <c r="FDI731" s="423" t="s">
        <v>2795</v>
      </c>
      <c r="FDJ731" s="424"/>
      <c r="FDK731" s="424"/>
      <c r="FDL731" s="424"/>
      <c r="FDM731" s="423" t="s">
        <v>2795</v>
      </c>
      <c r="FDN731" s="424"/>
      <c r="FDO731" s="424"/>
      <c r="FDP731" s="424"/>
      <c r="FDQ731" s="423" t="s">
        <v>2795</v>
      </c>
      <c r="FDR731" s="424"/>
      <c r="FDS731" s="424"/>
      <c r="FDT731" s="424"/>
      <c r="FDU731" s="423" t="s">
        <v>2795</v>
      </c>
      <c r="FDV731" s="424"/>
      <c r="FDW731" s="424"/>
      <c r="FDX731" s="424"/>
      <c r="FDY731" s="423" t="s">
        <v>2795</v>
      </c>
      <c r="FDZ731" s="424"/>
      <c r="FEA731" s="424"/>
      <c r="FEB731" s="424"/>
      <c r="FEC731" s="423" t="s">
        <v>2795</v>
      </c>
      <c r="FED731" s="424"/>
      <c r="FEE731" s="424"/>
      <c r="FEF731" s="424"/>
      <c r="FEG731" s="423" t="s">
        <v>2795</v>
      </c>
      <c r="FEH731" s="424"/>
      <c r="FEI731" s="424"/>
      <c r="FEJ731" s="424"/>
      <c r="FEK731" s="423" t="s">
        <v>2795</v>
      </c>
      <c r="FEL731" s="424"/>
      <c r="FEM731" s="424"/>
      <c r="FEN731" s="424"/>
      <c r="FEO731" s="423" t="s">
        <v>2795</v>
      </c>
      <c r="FEP731" s="424"/>
      <c r="FEQ731" s="424"/>
      <c r="FER731" s="424"/>
      <c r="FES731" s="423" t="s">
        <v>2795</v>
      </c>
      <c r="FET731" s="424"/>
      <c r="FEU731" s="424"/>
      <c r="FEV731" s="424"/>
      <c r="FEW731" s="423" t="s">
        <v>2795</v>
      </c>
      <c r="FEX731" s="424"/>
      <c r="FEY731" s="424"/>
      <c r="FEZ731" s="424"/>
      <c r="FFA731" s="423" t="s">
        <v>2795</v>
      </c>
      <c r="FFB731" s="424"/>
      <c r="FFC731" s="424"/>
      <c r="FFD731" s="424"/>
      <c r="FFE731" s="423" t="s">
        <v>2795</v>
      </c>
      <c r="FFF731" s="424"/>
      <c r="FFG731" s="424"/>
      <c r="FFH731" s="424"/>
      <c r="FFI731" s="423" t="s">
        <v>2795</v>
      </c>
      <c r="FFJ731" s="424"/>
      <c r="FFK731" s="424"/>
      <c r="FFL731" s="424"/>
      <c r="FFM731" s="423" t="s">
        <v>2795</v>
      </c>
      <c r="FFN731" s="424"/>
      <c r="FFO731" s="424"/>
      <c r="FFP731" s="424"/>
      <c r="FFQ731" s="423" t="s">
        <v>2795</v>
      </c>
      <c r="FFR731" s="424"/>
      <c r="FFS731" s="424"/>
      <c r="FFT731" s="424"/>
      <c r="FFU731" s="423" t="s">
        <v>2795</v>
      </c>
      <c r="FFV731" s="424"/>
      <c r="FFW731" s="424"/>
      <c r="FFX731" s="424"/>
      <c r="FFY731" s="423" t="s">
        <v>2795</v>
      </c>
      <c r="FFZ731" s="424"/>
      <c r="FGA731" s="424"/>
      <c r="FGB731" s="424"/>
      <c r="FGC731" s="423" t="s">
        <v>2795</v>
      </c>
      <c r="FGD731" s="424"/>
      <c r="FGE731" s="424"/>
      <c r="FGF731" s="424"/>
      <c r="FGG731" s="423" t="s">
        <v>2795</v>
      </c>
      <c r="FGH731" s="424"/>
      <c r="FGI731" s="424"/>
      <c r="FGJ731" s="424"/>
      <c r="FGK731" s="423" t="s">
        <v>2795</v>
      </c>
      <c r="FGL731" s="424"/>
      <c r="FGM731" s="424"/>
      <c r="FGN731" s="424"/>
      <c r="FGO731" s="423" t="s">
        <v>2795</v>
      </c>
      <c r="FGP731" s="424"/>
      <c r="FGQ731" s="424"/>
      <c r="FGR731" s="424"/>
      <c r="FGS731" s="423" t="s">
        <v>2795</v>
      </c>
      <c r="FGT731" s="424"/>
      <c r="FGU731" s="424"/>
      <c r="FGV731" s="424"/>
      <c r="FGW731" s="423" t="s">
        <v>2795</v>
      </c>
      <c r="FGX731" s="424"/>
      <c r="FGY731" s="424"/>
      <c r="FGZ731" s="424"/>
      <c r="FHA731" s="423" t="s">
        <v>2795</v>
      </c>
      <c r="FHB731" s="424"/>
      <c r="FHC731" s="424"/>
      <c r="FHD731" s="424"/>
      <c r="FHE731" s="423" t="s">
        <v>2795</v>
      </c>
      <c r="FHF731" s="424"/>
      <c r="FHG731" s="424"/>
      <c r="FHH731" s="424"/>
      <c r="FHI731" s="423" t="s">
        <v>2795</v>
      </c>
      <c r="FHJ731" s="424"/>
      <c r="FHK731" s="424"/>
      <c r="FHL731" s="424"/>
      <c r="FHM731" s="423" t="s">
        <v>2795</v>
      </c>
      <c r="FHN731" s="424"/>
      <c r="FHO731" s="424"/>
      <c r="FHP731" s="424"/>
      <c r="FHQ731" s="423" t="s">
        <v>2795</v>
      </c>
      <c r="FHR731" s="424"/>
      <c r="FHS731" s="424"/>
      <c r="FHT731" s="424"/>
      <c r="FHU731" s="423" t="s">
        <v>2795</v>
      </c>
      <c r="FHV731" s="424"/>
      <c r="FHW731" s="424"/>
      <c r="FHX731" s="424"/>
      <c r="FHY731" s="423" t="s">
        <v>2795</v>
      </c>
      <c r="FHZ731" s="424"/>
      <c r="FIA731" s="424"/>
      <c r="FIB731" s="424"/>
      <c r="FIC731" s="423" t="s">
        <v>2795</v>
      </c>
      <c r="FID731" s="424"/>
      <c r="FIE731" s="424"/>
      <c r="FIF731" s="424"/>
      <c r="FIG731" s="423" t="s">
        <v>2795</v>
      </c>
      <c r="FIH731" s="424"/>
      <c r="FII731" s="424"/>
      <c r="FIJ731" s="424"/>
      <c r="FIK731" s="423" t="s">
        <v>2795</v>
      </c>
      <c r="FIL731" s="424"/>
      <c r="FIM731" s="424"/>
      <c r="FIN731" s="424"/>
      <c r="FIO731" s="423" t="s">
        <v>2795</v>
      </c>
      <c r="FIP731" s="424"/>
      <c r="FIQ731" s="424"/>
      <c r="FIR731" s="424"/>
      <c r="FIS731" s="423" t="s">
        <v>2795</v>
      </c>
      <c r="FIT731" s="424"/>
      <c r="FIU731" s="424"/>
      <c r="FIV731" s="424"/>
      <c r="FIW731" s="423" t="s">
        <v>2795</v>
      </c>
      <c r="FIX731" s="424"/>
      <c r="FIY731" s="424"/>
      <c r="FIZ731" s="424"/>
      <c r="FJA731" s="423" t="s">
        <v>2795</v>
      </c>
      <c r="FJB731" s="424"/>
      <c r="FJC731" s="424"/>
      <c r="FJD731" s="424"/>
      <c r="FJE731" s="423" t="s">
        <v>2795</v>
      </c>
      <c r="FJF731" s="424"/>
      <c r="FJG731" s="424"/>
      <c r="FJH731" s="424"/>
      <c r="FJI731" s="423" t="s">
        <v>2795</v>
      </c>
      <c r="FJJ731" s="424"/>
      <c r="FJK731" s="424"/>
      <c r="FJL731" s="424"/>
      <c r="FJM731" s="423" t="s">
        <v>2795</v>
      </c>
      <c r="FJN731" s="424"/>
      <c r="FJO731" s="424"/>
      <c r="FJP731" s="424"/>
      <c r="FJQ731" s="423" t="s">
        <v>2795</v>
      </c>
      <c r="FJR731" s="424"/>
      <c r="FJS731" s="424"/>
      <c r="FJT731" s="424"/>
      <c r="FJU731" s="423" t="s">
        <v>2795</v>
      </c>
      <c r="FJV731" s="424"/>
      <c r="FJW731" s="424"/>
      <c r="FJX731" s="424"/>
      <c r="FJY731" s="423" t="s">
        <v>2795</v>
      </c>
      <c r="FJZ731" s="424"/>
      <c r="FKA731" s="424"/>
      <c r="FKB731" s="424"/>
      <c r="FKC731" s="423" t="s">
        <v>2795</v>
      </c>
      <c r="FKD731" s="424"/>
      <c r="FKE731" s="424"/>
      <c r="FKF731" s="424"/>
      <c r="FKG731" s="423" t="s">
        <v>2795</v>
      </c>
      <c r="FKH731" s="424"/>
      <c r="FKI731" s="424"/>
      <c r="FKJ731" s="424"/>
      <c r="FKK731" s="423" t="s">
        <v>2795</v>
      </c>
      <c r="FKL731" s="424"/>
      <c r="FKM731" s="424"/>
      <c r="FKN731" s="424"/>
      <c r="FKO731" s="423" t="s">
        <v>2795</v>
      </c>
      <c r="FKP731" s="424"/>
      <c r="FKQ731" s="424"/>
      <c r="FKR731" s="424"/>
      <c r="FKS731" s="423" t="s">
        <v>2795</v>
      </c>
      <c r="FKT731" s="424"/>
      <c r="FKU731" s="424"/>
      <c r="FKV731" s="424"/>
      <c r="FKW731" s="423" t="s">
        <v>2795</v>
      </c>
      <c r="FKX731" s="424"/>
      <c r="FKY731" s="424"/>
      <c r="FKZ731" s="424"/>
      <c r="FLA731" s="423" t="s">
        <v>2795</v>
      </c>
      <c r="FLB731" s="424"/>
      <c r="FLC731" s="424"/>
      <c r="FLD731" s="424"/>
      <c r="FLE731" s="423" t="s">
        <v>2795</v>
      </c>
      <c r="FLF731" s="424"/>
      <c r="FLG731" s="424"/>
      <c r="FLH731" s="424"/>
      <c r="FLI731" s="423" t="s">
        <v>2795</v>
      </c>
      <c r="FLJ731" s="424"/>
      <c r="FLK731" s="424"/>
      <c r="FLL731" s="424"/>
      <c r="FLM731" s="423" t="s">
        <v>2795</v>
      </c>
      <c r="FLN731" s="424"/>
      <c r="FLO731" s="424"/>
      <c r="FLP731" s="424"/>
      <c r="FLQ731" s="423" t="s">
        <v>2795</v>
      </c>
      <c r="FLR731" s="424"/>
      <c r="FLS731" s="424"/>
      <c r="FLT731" s="424"/>
      <c r="FLU731" s="423" t="s">
        <v>2795</v>
      </c>
      <c r="FLV731" s="424"/>
      <c r="FLW731" s="424"/>
      <c r="FLX731" s="424"/>
      <c r="FLY731" s="423" t="s">
        <v>2795</v>
      </c>
      <c r="FLZ731" s="424"/>
      <c r="FMA731" s="424"/>
      <c r="FMB731" s="424"/>
      <c r="FMC731" s="423" t="s">
        <v>2795</v>
      </c>
      <c r="FMD731" s="424"/>
      <c r="FME731" s="424"/>
      <c r="FMF731" s="424"/>
      <c r="FMG731" s="423" t="s">
        <v>2795</v>
      </c>
      <c r="FMH731" s="424"/>
      <c r="FMI731" s="424"/>
      <c r="FMJ731" s="424"/>
      <c r="FMK731" s="423" t="s">
        <v>2795</v>
      </c>
      <c r="FML731" s="424"/>
      <c r="FMM731" s="424"/>
      <c r="FMN731" s="424"/>
      <c r="FMO731" s="423" t="s">
        <v>2795</v>
      </c>
      <c r="FMP731" s="424"/>
      <c r="FMQ731" s="424"/>
      <c r="FMR731" s="424"/>
      <c r="FMS731" s="423" t="s">
        <v>2795</v>
      </c>
      <c r="FMT731" s="424"/>
      <c r="FMU731" s="424"/>
      <c r="FMV731" s="424"/>
      <c r="FMW731" s="423" t="s">
        <v>2795</v>
      </c>
      <c r="FMX731" s="424"/>
      <c r="FMY731" s="424"/>
      <c r="FMZ731" s="424"/>
      <c r="FNA731" s="423" t="s">
        <v>2795</v>
      </c>
      <c r="FNB731" s="424"/>
      <c r="FNC731" s="424"/>
      <c r="FND731" s="424"/>
      <c r="FNE731" s="423" t="s">
        <v>2795</v>
      </c>
      <c r="FNF731" s="424"/>
      <c r="FNG731" s="424"/>
      <c r="FNH731" s="424"/>
      <c r="FNI731" s="423" t="s">
        <v>2795</v>
      </c>
      <c r="FNJ731" s="424"/>
      <c r="FNK731" s="424"/>
      <c r="FNL731" s="424"/>
      <c r="FNM731" s="423" t="s">
        <v>2795</v>
      </c>
      <c r="FNN731" s="424"/>
      <c r="FNO731" s="424"/>
      <c r="FNP731" s="424"/>
      <c r="FNQ731" s="423" t="s">
        <v>2795</v>
      </c>
      <c r="FNR731" s="424"/>
      <c r="FNS731" s="424"/>
      <c r="FNT731" s="424"/>
      <c r="FNU731" s="423" t="s">
        <v>2795</v>
      </c>
      <c r="FNV731" s="424"/>
      <c r="FNW731" s="424"/>
      <c r="FNX731" s="424"/>
      <c r="FNY731" s="423" t="s">
        <v>2795</v>
      </c>
      <c r="FNZ731" s="424"/>
      <c r="FOA731" s="424"/>
      <c r="FOB731" s="424"/>
      <c r="FOC731" s="423" t="s">
        <v>2795</v>
      </c>
      <c r="FOD731" s="424"/>
      <c r="FOE731" s="424"/>
      <c r="FOF731" s="424"/>
      <c r="FOG731" s="423" t="s">
        <v>2795</v>
      </c>
      <c r="FOH731" s="424"/>
      <c r="FOI731" s="424"/>
      <c r="FOJ731" s="424"/>
      <c r="FOK731" s="423" t="s">
        <v>2795</v>
      </c>
      <c r="FOL731" s="424"/>
      <c r="FOM731" s="424"/>
      <c r="FON731" s="424"/>
      <c r="FOO731" s="423" t="s">
        <v>2795</v>
      </c>
      <c r="FOP731" s="424"/>
      <c r="FOQ731" s="424"/>
      <c r="FOR731" s="424"/>
      <c r="FOS731" s="423" t="s">
        <v>2795</v>
      </c>
      <c r="FOT731" s="424"/>
      <c r="FOU731" s="424"/>
      <c r="FOV731" s="424"/>
      <c r="FOW731" s="423" t="s">
        <v>2795</v>
      </c>
      <c r="FOX731" s="424"/>
      <c r="FOY731" s="424"/>
      <c r="FOZ731" s="424"/>
      <c r="FPA731" s="423" t="s">
        <v>2795</v>
      </c>
      <c r="FPB731" s="424"/>
      <c r="FPC731" s="424"/>
      <c r="FPD731" s="424"/>
      <c r="FPE731" s="423" t="s">
        <v>2795</v>
      </c>
      <c r="FPF731" s="424"/>
      <c r="FPG731" s="424"/>
      <c r="FPH731" s="424"/>
      <c r="FPI731" s="423" t="s">
        <v>2795</v>
      </c>
      <c r="FPJ731" s="424"/>
      <c r="FPK731" s="424"/>
      <c r="FPL731" s="424"/>
      <c r="FPM731" s="423" t="s">
        <v>2795</v>
      </c>
      <c r="FPN731" s="424"/>
      <c r="FPO731" s="424"/>
      <c r="FPP731" s="424"/>
      <c r="FPQ731" s="423" t="s">
        <v>2795</v>
      </c>
      <c r="FPR731" s="424"/>
      <c r="FPS731" s="424"/>
      <c r="FPT731" s="424"/>
      <c r="FPU731" s="423" t="s">
        <v>2795</v>
      </c>
      <c r="FPV731" s="424"/>
      <c r="FPW731" s="424"/>
      <c r="FPX731" s="424"/>
      <c r="FPY731" s="423" t="s">
        <v>2795</v>
      </c>
      <c r="FPZ731" s="424"/>
      <c r="FQA731" s="424"/>
      <c r="FQB731" s="424"/>
      <c r="FQC731" s="423" t="s">
        <v>2795</v>
      </c>
      <c r="FQD731" s="424"/>
      <c r="FQE731" s="424"/>
      <c r="FQF731" s="424"/>
      <c r="FQG731" s="423" t="s">
        <v>2795</v>
      </c>
      <c r="FQH731" s="424"/>
      <c r="FQI731" s="424"/>
      <c r="FQJ731" s="424"/>
      <c r="FQK731" s="423" t="s">
        <v>2795</v>
      </c>
      <c r="FQL731" s="424"/>
      <c r="FQM731" s="424"/>
      <c r="FQN731" s="424"/>
      <c r="FQO731" s="423" t="s">
        <v>2795</v>
      </c>
      <c r="FQP731" s="424"/>
      <c r="FQQ731" s="424"/>
      <c r="FQR731" s="424"/>
      <c r="FQS731" s="423" t="s">
        <v>2795</v>
      </c>
      <c r="FQT731" s="424"/>
      <c r="FQU731" s="424"/>
      <c r="FQV731" s="424"/>
      <c r="FQW731" s="423" t="s">
        <v>2795</v>
      </c>
      <c r="FQX731" s="424"/>
      <c r="FQY731" s="424"/>
      <c r="FQZ731" s="424"/>
      <c r="FRA731" s="423" t="s">
        <v>2795</v>
      </c>
      <c r="FRB731" s="424"/>
      <c r="FRC731" s="424"/>
      <c r="FRD731" s="424"/>
      <c r="FRE731" s="423" t="s">
        <v>2795</v>
      </c>
      <c r="FRF731" s="424"/>
      <c r="FRG731" s="424"/>
      <c r="FRH731" s="424"/>
      <c r="FRI731" s="423" t="s">
        <v>2795</v>
      </c>
      <c r="FRJ731" s="424"/>
      <c r="FRK731" s="424"/>
      <c r="FRL731" s="424"/>
      <c r="FRM731" s="423" t="s">
        <v>2795</v>
      </c>
      <c r="FRN731" s="424"/>
      <c r="FRO731" s="424"/>
      <c r="FRP731" s="424"/>
      <c r="FRQ731" s="423" t="s">
        <v>2795</v>
      </c>
      <c r="FRR731" s="424"/>
      <c r="FRS731" s="424"/>
      <c r="FRT731" s="424"/>
      <c r="FRU731" s="423" t="s">
        <v>2795</v>
      </c>
      <c r="FRV731" s="424"/>
      <c r="FRW731" s="424"/>
      <c r="FRX731" s="424"/>
      <c r="FRY731" s="423" t="s">
        <v>2795</v>
      </c>
      <c r="FRZ731" s="424"/>
      <c r="FSA731" s="424"/>
      <c r="FSB731" s="424"/>
      <c r="FSC731" s="423" t="s">
        <v>2795</v>
      </c>
      <c r="FSD731" s="424"/>
      <c r="FSE731" s="424"/>
      <c r="FSF731" s="424"/>
      <c r="FSG731" s="423" t="s">
        <v>2795</v>
      </c>
      <c r="FSH731" s="424"/>
      <c r="FSI731" s="424"/>
      <c r="FSJ731" s="424"/>
      <c r="FSK731" s="423" t="s">
        <v>2795</v>
      </c>
      <c r="FSL731" s="424"/>
      <c r="FSM731" s="424"/>
      <c r="FSN731" s="424"/>
      <c r="FSO731" s="423" t="s">
        <v>2795</v>
      </c>
      <c r="FSP731" s="424"/>
      <c r="FSQ731" s="424"/>
      <c r="FSR731" s="424"/>
      <c r="FSS731" s="423" t="s">
        <v>2795</v>
      </c>
      <c r="FST731" s="424"/>
      <c r="FSU731" s="424"/>
      <c r="FSV731" s="424"/>
      <c r="FSW731" s="423" t="s">
        <v>2795</v>
      </c>
      <c r="FSX731" s="424"/>
      <c r="FSY731" s="424"/>
      <c r="FSZ731" s="424"/>
      <c r="FTA731" s="423" t="s">
        <v>2795</v>
      </c>
      <c r="FTB731" s="424"/>
      <c r="FTC731" s="424"/>
      <c r="FTD731" s="424"/>
      <c r="FTE731" s="423" t="s">
        <v>2795</v>
      </c>
      <c r="FTF731" s="424"/>
      <c r="FTG731" s="424"/>
      <c r="FTH731" s="424"/>
      <c r="FTI731" s="423" t="s">
        <v>2795</v>
      </c>
      <c r="FTJ731" s="424"/>
      <c r="FTK731" s="424"/>
      <c r="FTL731" s="424"/>
      <c r="FTM731" s="423" t="s">
        <v>2795</v>
      </c>
      <c r="FTN731" s="424"/>
      <c r="FTO731" s="424"/>
      <c r="FTP731" s="424"/>
      <c r="FTQ731" s="423" t="s">
        <v>2795</v>
      </c>
      <c r="FTR731" s="424"/>
      <c r="FTS731" s="424"/>
      <c r="FTT731" s="424"/>
      <c r="FTU731" s="423" t="s">
        <v>2795</v>
      </c>
      <c r="FTV731" s="424"/>
      <c r="FTW731" s="424"/>
      <c r="FTX731" s="424"/>
      <c r="FTY731" s="423" t="s">
        <v>2795</v>
      </c>
      <c r="FTZ731" s="424"/>
      <c r="FUA731" s="424"/>
      <c r="FUB731" s="424"/>
      <c r="FUC731" s="423" t="s">
        <v>2795</v>
      </c>
      <c r="FUD731" s="424"/>
      <c r="FUE731" s="424"/>
      <c r="FUF731" s="424"/>
      <c r="FUG731" s="423" t="s">
        <v>2795</v>
      </c>
      <c r="FUH731" s="424"/>
      <c r="FUI731" s="424"/>
      <c r="FUJ731" s="424"/>
      <c r="FUK731" s="423" t="s">
        <v>2795</v>
      </c>
      <c r="FUL731" s="424"/>
      <c r="FUM731" s="424"/>
      <c r="FUN731" s="424"/>
      <c r="FUO731" s="423" t="s">
        <v>2795</v>
      </c>
      <c r="FUP731" s="424"/>
      <c r="FUQ731" s="424"/>
      <c r="FUR731" s="424"/>
      <c r="FUS731" s="423" t="s">
        <v>2795</v>
      </c>
      <c r="FUT731" s="424"/>
      <c r="FUU731" s="424"/>
      <c r="FUV731" s="424"/>
      <c r="FUW731" s="423" t="s">
        <v>2795</v>
      </c>
      <c r="FUX731" s="424"/>
      <c r="FUY731" s="424"/>
      <c r="FUZ731" s="424"/>
      <c r="FVA731" s="423" t="s">
        <v>2795</v>
      </c>
      <c r="FVB731" s="424"/>
      <c r="FVC731" s="424"/>
      <c r="FVD731" s="424"/>
      <c r="FVE731" s="423" t="s">
        <v>2795</v>
      </c>
      <c r="FVF731" s="424"/>
      <c r="FVG731" s="424"/>
      <c r="FVH731" s="424"/>
      <c r="FVI731" s="423" t="s">
        <v>2795</v>
      </c>
      <c r="FVJ731" s="424"/>
      <c r="FVK731" s="424"/>
      <c r="FVL731" s="424"/>
      <c r="FVM731" s="423" t="s">
        <v>2795</v>
      </c>
      <c r="FVN731" s="424"/>
      <c r="FVO731" s="424"/>
      <c r="FVP731" s="424"/>
      <c r="FVQ731" s="423" t="s">
        <v>2795</v>
      </c>
      <c r="FVR731" s="424"/>
      <c r="FVS731" s="424"/>
      <c r="FVT731" s="424"/>
      <c r="FVU731" s="423" t="s">
        <v>2795</v>
      </c>
      <c r="FVV731" s="424"/>
      <c r="FVW731" s="424"/>
      <c r="FVX731" s="424"/>
      <c r="FVY731" s="423" t="s">
        <v>2795</v>
      </c>
      <c r="FVZ731" s="424"/>
      <c r="FWA731" s="424"/>
      <c r="FWB731" s="424"/>
      <c r="FWC731" s="423" t="s">
        <v>2795</v>
      </c>
      <c r="FWD731" s="424"/>
      <c r="FWE731" s="424"/>
      <c r="FWF731" s="424"/>
      <c r="FWG731" s="423" t="s">
        <v>2795</v>
      </c>
      <c r="FWH731" s="424"/>
      <c r="FWI731" s="424"/>
      <c r="FWJ731" s="424"/>
      <c r="FWK731" s="423" t="s">
        <v>2795</v>
      </c>
      <c r="FWL731" s="424"/>
      <c r="FWM731" s="424"/>
      <c r="FWN731" s="424"/>
      <c r="FWO731" s="423" t="s">
        <v>2795</v>
      </c>
      <c r="FWP731" s="424"/>
      <c r="FWQ731" s="424"/>
      <c r="FWR731" s="424"/>
      <c r="FWS731" s="423" t="s">
        <v>2795</v>
      </c>
      <c r="FWT731" s="424"/>
      <c r="FWU731" s="424"/>
      <c r="FWV731" s="424"/>
      <c r="FWW731" s="423" t="s">
        <v>2795</v>
      </c>
      <c r="FWX731" s="424"/>
      <c r="FWY731" s="424"/>
      <c r="FWZ731" s="424"/>
      <c r="FXA731" s="423" t="s">
        <v>2795</v>
      </c>
      <c r="FXB731" s="424"/>
      <c r="FXC731" s="424"/>
      <c r="FXD731" s="424"/>
      <c r="FXE731" s="423" t="s">
        <v>2795</v>
      </c>
      <c r="FXF731" s="424"/>
      <c r="FXG731" s="424"/>
      <c r="FXH731" s="424"/>
      <c r="FXI731" s="423" t="s">
        <v>2795</v>
      </c>
      <c r="FXJ731" s="424"/>
      <c r="FXK731" s="424"/>
      <c r="FXL731" s="424"/>
      <c r="FXM731" s="423" t="s">
        <v>2795</v>
      </c>
      <c r="FXN731" s="424"/>
      <c r="FXO731" s="424"/>
      <c r="FXP731" s="424"/>
      <c r="FXQ731" s="423" t="s">
        <v>2795</v>
      </c>
      <c r="FXR731" s="424"/>
      <c r="FXS731" s="424"/>
      <c r="FXT731" s="424"/>
      <c r="FXU731" s="423" t="s">
        <v>2795</v>
      </c>
      <c r="FXV731" s="424"/>
      <c r="FXW731" s="424"/>
      <c r="FXX731" s="424"/>
      <c r="FXY731" s="423" t="s">
        <v>2795</v>
      </c>
      <c r="FXZ731" s="424"/>
      <c r="FYA731" s="424"/>
      <c r="FYB731" s="424"/>
      <c r="FYC731" s="423" t="s">
        <v>2795</v>
      </c>
      <c r="FYD731" s="424"/>
      <c r="FYE731" s="424"/>
      <c r="FYF731" s="424"/>
      <c r="FYG731" s="423" t="s">
        <v>2795</v>
      </c>
      <c r="FYH731" s="424"/>
      <c r="FYI731" s="424"/>
      <c r="FYJ731" s="424"/>
      <c r="FYK731" s="423" t="s">
        <v>2795</v>
      </c>
      <c r="FYL731" s="424"/>
      <c r="FYM731" s="424"/>
      <c r="FYN731" s="424"/>
      <c r="FYO731" s="423" t="s">
        <v>2795</v>
      </c>
      <c r="FYP731" s="424"/>
      <c r="FYQ731" s="424"/>
      <c r="FYR731" s="424"/>
      <c r="FYS731" s="423" t="s">
        <v>2795</v>
      </c>
      <c r="FYT731" s="424"/>
      <c r="FYU731" s="424"/>
      <c r="FYV731" s="424"/>
      <c r="FYW731" s="423" t="s">
        <v>2795</v>
      </c>
      <c r="FYX731" s="424"/>
      <c r="FYY731" s="424"/>
      <c r="FYZ731" s="424"/>
      <c r="FZA731" s="423" t="s">
        <v>2795</v>
      </c>
      <c r="FZB731" s="424"/>
      <c r="FZC731" s="424"/>
      <c r="FZD731" s="424"/>
      <c r="FZE731" s="423" t="s">
        <v>2795</v>
      </c>
      <c r="FZF731" s="424"/>
      <c r="FZG731" s="424"/>
      <c r="FZH731" s="424"/>
      <c r="FZI731" s="423" t="s">
        <v>2795</v>
      </c>
      <c r="FZJ731" s="424"/>
      <c r="FZK731" s="424"/>
      <c r="FZL731" s="424"/>
      <c r="FZM731" s="423" t="s">
        <v>2795</v>
      </c>
      <c r="FZN731" s="424"/>
      <c r="FZO731" s="424"/>
      <c r="FZP731" s="424"/>
      <c r="FZQ731" s="423" t="s">
        <v>2795</v>
      </c>
      <c r="FZR731" s="424"/>
      <c r="FZS731" s="424"/>
      <c r="FZT731" s="424"/>
      <c r="FZU731" s="423" t="s">
        <v>2795</v>
      </c>
      <c r="FZV731" s="424"/>
      <c r="FZW731" s="424"/>
      <c r="FZX731" s="424"/>
      <c r="FZY731" s="423" t="s">
        <v>2795</v>
      </c>
      <c r="FZZ731" s="424"/>
      <c r="GAA731" s="424"/>
      <c r="GAB731" s="424"/>
      <c r="GAC731" s="423" t="s">
        <v>2795</v>
      </c>
      <c r="GAD731" s="424"/>
      <c r="GAE731" s="424"/>
      <c r="GAF731" s="424"/>
      <c r="GAG731" s="423" t="s">
        <v>2795</v>
      </c>
      <c r="GAH731" s="424"/>
      <c r="GAI731" s="424"/>
      <c r="GAJ731" s="424"/>
      <c r="GAK731" s="423" t="s">
        <v>2795</v>
      </c>
      <c r="GAL731" s="424"/>
      <c r="GAM731" s="424"/>
      <c r="GAN731" s="424"/>
      <c r="GAO731" s="423" t="s">
        <v>2795</v>
      </c>
      <c r="GAP731" s="424"/>
      <c r="GAQ731" s="424"/>
      <c r="GAR731" s="424"/>
      <c r="GAS731" s="423" t="s">
        <v>2795</v>
      </c>
      <c r="GAT731" s="424"/>
      <c r="GAU731" s="424"/>
      <c r="GAV731" s="424"/>
      <c r="GAW731" s="423" t="s">
        <v>2795</v>
      </c>
      <c r="GAX731" s="424"/>
      <c r="GAY731" s="424"/>
      <c r="GAZ731" s="424"/>
      <c r="GBA731" s="423" t="s">
        <v>2795</v>
      </c>
      <c r="GBB731" s="424"/>
      <c r="GBC731" s="424"/>
      <c r="GBD731" s="424"/>
      <c r="GBE731" s="423" t="s">
        <v>2795</v>
      </c>
      <c r="GBF731" s="424"/>
      <c r="GBG731" s="424"/>
      <c r="GBH731" s="424"/>
      <c r="GBI731" s="423" t="s">
        <v>2795</v>
      </c>
      <c r="GBJ731" s="424"/>
      <c r="GBK731" s="424"/>
      <c r="GBL731" s="424"/>
      <c r="GBM731" s="423" t="s">
        <v>2795</v>
      </c>
      <c r="GBN731" s="424"/>
      <c r="GBO731" s="424"/>
      <c r="GBP731" s="424"/>
      <c r="GBQ731" s="423" t="s">
        <v>2795</v>
      </c>
      <c r="GBR731" s="424"/>
      <c r="GBS731" s="424"/>
      <c r="GBT731" s="424"/>
      <c r="GBU731" s="423" t="s">
        <v>2795</v>
      </c>
      <c r="GBV731" s="424"/>
      <c r="GBW731" s="424"/>
      <c r="GBX731" s="424"/>
      <c r="GBY731" s="423" t="s">
        <v>2795</v>
      </c>
      <c r="GBZ731" s="424"/>
      <c r="GCA731" s="424"/>
      <c r="GCB731" s="424"/>
      <c r="GCC731" s="423" t="s">
        <v>2795</v>
      </c>
      <c r="GCD731" s="424"/>
      <c r="GCE731" s="424"/>
      <c r="GCF731" s="424"/>
      <c r="GCG731" s="423" t="s">
        <v>2795</v>
      </c>
      <c r="GCH731" s="424"/>
      <c r="GCI731" s="424"/>
      <c r="GCJ731" s="424"/>
      <c r="GCK731" s="423" t="s">
        <v>2795</v>
      </c>
      <c r="GCL731" s="424"/>
      <c r="GCM731" s="424"/>
      <c r="GCN731" s="424"/>
      <c r="GCO731" s="423" t="s">
        <v>2795</v>
      </c>
      <c r="GCP731" s="424"/>
      <c r="GCQ731" s="424"/>
      <c r="GCR731" s="424"/>
      <c r="GCS731" s="423" t="s">
        <v>2795</v>
      </c>
      <c r="GCT731" s="424"/>
      <c r="GCU731" s="424"/>
      <c r="GCV731" s="424"/>
      <c r="GCW731" s="423" t="s">
        <v>2795</v>
      </c>
      <c r="GCX731" s="424"/>
      <c r="GCY731" s="424"/>
      <c r="GCZ731" s="424"/>
      <c r="GDA731" s="423" t="s">
        <v>2795</v>
      </c>
      <c r="GDB731" s="424"/>
      <c r="GDC731" s="424"/>
      <c r="GDD731" s="424"/>
      <c r="GDE731" s="423" t="s">
        <v>2795</v>
      </c>
      <c r="GDF731" s="424"/>
      <c r="GDG731" s="424"/>
      <c r="GDH731" s="424"/>
      <c r="GDI731" s="423" t="s">
        <v>2795</v>
      </c>
      <c r="GDJ731" s="424"/>
      <c r="GDK731" s="424"/>
      <c r="GDL731" s="424"/>
      <c r="GDM731" s="423" t="s">
        <v>2795</v>
      </c>
      <c r="GDN731" s="424"/>
      <c r="GDO731" s="424"/>
      <c r="GDP731" s="424"/>
      <c r="GDQ731" s="423" t="s">
        <v>2795</v>
      </c>
      <c r="GDR731" s="424"/>
      <c r="GDS731" s="424"/>
      <c r="GDT731" s="424"/>
      <c r="GDU731" s="423" t="s">
        <v>2795</v>
      </c>
      <c r="GDV731" s="424"/>
      <c r="GDW731" s="424"/>
      <c r="GDX731" s="424"/>
      <c r="GDY731" s="423" t="s">
        <v>2795</v>
      </c>
      <c r="GDZ731" s="424"/>
      <c r="GEA731" s="424"/>
      <c r="GEB731" s="424"/>
      <c r="GEC731" s="423" t="s">
        <v>2795</v>
      </c>
      <c r="GED731" s="424"/>
      <c r="GEE731" s="424"/>
      <c r="GEF731" s="424"/>
      <c r="GEG731" s="423" t="s">
        <v>2795</v>
      </c>
      <c r="GEH731" s="424"/>
      <c r="GEI731" s="424"/>
      <c r="GEJ731" s="424"/>
      <c r="GEK731" s="423" t="s">
        <v>2795</v>
      </c>
      <c r="GEL731" s="424"/>
      <c r="GEM731" s="424"/>
      <c r="GEN731" s="424"/>
      <c r="GEO731" s="423" t="s">
        <v>2795</v>
      </c>
      <c r="GEP731" s="424"/>
      <c r="GEQ731" s="424"/>
      <c r="GER731" s="424"/>
      <c r="GES731" s="423" t="s">
        <v>2795</v>
      </c>
      <c r="GET731" s="424"/>
      <c r="GEU731" s="424"/>
      <c r="GEV731" s="424"/>
      <c r="GEW731" s="423" t="s">
        <v>2795</v>
      </c>
      <c r="GEX731" s="424"/>
      <c r="GEY731" s="424"/>
      <c r="GEZ731" s="424"/>
      <c r="GFA731" s="423" t="s">
        <v>2795</v>
      </c>
      <c r="GFB731" s="424"/>
      <c r="GFC731" s="424"/>
      <c r="GFD731" s="424"/>
      <c r="GFE731" s="423" t="s">
        <v>2795</v>
      </c>
      <c r="GFF731" s="424"/>
      <c r="GFG731" s="424"/>
      <c r="GFH731" s="424"/>
      <c r="GFI731" s="423" t="s">
        <v>2795</v>
      </c>
      <c r="GFJ731" s="424"/>
      <c r="GFK731" s="424"/>
      <c r="GFL731" s="424"/>
      <c r="GFM731" s="423" t="s">
        <v>2795</v>
      </c>
      <c r="GFN731" s="424"/>
      <c r="GFO731" s="424"/>
      <c r="GFP731" s="424"/>
      <c r="GFQ731" s="423" t="s">
        <v>2795</v>
      </c>
      <c r="GFR731" s="424"/>
      <c r="GFS731" s="424"/>
      <c r="GFT731" s="424"/>
      <c r="GFU731" s="423" t="s">
        <v>2795</v>
      </c>
      <c r="GFV731" s="424"/>
      <c r="GFW731" s="424"/>
      <c r="GFX731" s="424"/>
      <c r="GFY731" s="423" t="s">
        <v>2795</v>
      </c>
      <c r="GFZ731" s="424"/>
      <c r="GGA731" s="424"/>
      <c r="GGB731" s="424"/>
      <c r="GGC731" s="423" t="s">
        <v>2795</v>
      </c>
      <c r="GGD731" s="424"/>
      <c r="GGE731" s="424"/>
      <c r="GGF731" s="424"/>
      <c r="GGG731" s="423" t="s">
        <v>2795</v>
      </c>
      <c r="GGH731" s="424"/>
      <c r="GGI731" s="424"/>
      <c r="GGJ731" s="424"/>
      <c r="GGK731" s="423" t="s">
        <v>2795</v>
      </c>
      <c r="GGL731" s="424"/>
      <c r="GGM731" s="424"/>
      <c r="GGN731" s="424"/>
      <c r="GGO731" s="423" t="s">
        <v>2795</v>
      </c>
      <c r="GGP731" s="424"/>
      <c r="GGQ731" s="424"/>
      <c r="GGR731" s="424"/>
      <c r="GGS731" s="423" t="s">
        <v>2795</v>
      </c>
      <c r="GGT731" s="424"/>
      <c r="GGU731" s="424"/>
      <c r="GGV731" s="424"/>
      <c r="GGW731" s="423" t="s">
        <v>2795</v>
      </c>
      <c r="GGX731" s="424"/>
      <c r="GGY731" s="424"/>
      <c r="GGZ731" s="424"/>
      <c r="GHA731" s="423" t="s">
        <v>2795</v>
      </c>
      <c r="GHB731" s="424"/>
      <c r="GHC731" s="424"/>
      <c r="GHD731" s="424"/>
      <c r="GHE731" s="423" t="s">
        <v>2795</v>
      </c>
      <c r="GHF731" s="424"/>
      <c r="GHG731" s="424"/>
      <c r="GHH731" s="424"/>
      <c r="GHI731" s="423" t="s">
        <v>2795</v>
      </c>
      <c r="GHJ731" s="424"/>
      <c r="GHK731" s="424"/>
      <c r="GHL731" s="424"/>
      <c r="GHM731" s="423" t="s">
        <v>2795</v>
      </c>
      <c r="GHN731" s="424"/>
      <c r="GHO731" s="424"/>
      <c r="GHP731" s="424"/>
      <c r="GHQ731" s="423" t="s">
        <v>2795</v>
      </c>
      <c r="GHR731" s="424"/>
      <c r="GHS731" s="424"/>
      <c r="GHT731" s="424"/>
      <c r="GHU731" s="423" t="s">
        <v>2795</v>
      </c>
      <c r="GHV731" s="424"/>
      <c r="GHW731" s="424"/>
      <c r="GHX731" s="424"/>
      <c r="GHY731" s="423" t="s">
        <v>2795</v>
      </c>
      <c r="GHZ731" s="424"/>
      <c r="GIA731" s="424"/>
      <c r="GIB731" s="424"/>
      <c r="GIC731" s="423" t="s">
        <v>2795</v>
      </c>
      <c r="GID731" s="424"/>
      <c r="GIE731" s="424"/>
      <c r="GIF731" s="424"/>
      <c r="GIG731" s="423" t="s">
        <v>2795</v>
      </c>
      <c r="GIH731" s="424"/>
      <c r="GII731" s="424"/>
      <c r="GIJ731" s="424"/>
      <c r="GIK731" s="423" t="s">
        <v>2795</v>
      </c>
      <c r="GIL731" s="424"/>
      <c r="GIM731" s="424"/>
      <c r="GIN731" s="424"/>
      <c r="GIO731" s="423" t="s">
        <v>2795</v>
      </c>
      <c r="GIP731" s="424"/>
      <c r="GIQ731" s="424"/>
      <c r="GIR731" s="424"/>
      <c r="GIS731" s="423" t="s">
        <v>2795</v>
      </c>
      <c r="GIT731" s="424"/>
      <c r="GIU731" s="424"/>
      <c r="GIV731" s="424"/>
      <c r="GIW731" s="423" t="s">
        <v>2795</v>
      </c>
      <c r="GIX731" s="424"/>
      <c r="GIY731" s="424"/>
      <c r="GIZ731" s="424"/>
      <c r="GJA731" s="423" t="s">
        <v>2795</v>
      </c>
      <c r="GJB731" s="424"/>
      <c r="GJC731" s="424"/>
      <c r="GJD731" s="424"/>
      <c r="GJE731" s="423" t="s">
        <v>2795</v>
      </c>
      <c r="GJF731" s="424"/>
      <c r="GJG731" s="424"/>
      <c r="GJH731" s="424"/>
      <c r="GJI731" s="423" t="s">
        <v>2795</v>
      </c>
      <c r="GJJ731" s="424"/>
      <c r="GJK731" s="424"/>
      <c r="GJL731" s="424"/>
      <c r="GJM731" s="423" t="s">
        <v>2795</v>
      </c>
      <c r="GJN731" s="424"/>
      <c r="GJO731" s="424"/>
      <c r="GJP731" s="424"/>
      <c r="GJQ731" s="423" t="s">
        <v>2795</v>
      </c>
      <c r="GJR731" s="424"/>
      <c r="GJS731" s="424"/>
      <c r="GJT731" s="424"/>
      <c r="GJU731" s="423" t="s">
        <v>2795</v>
      </c>
      <c r="GJV731" s="424"/>
      <c r="GJW731" s="424"/>
      <c r="GJX731" s="424"/>
      <c r="GJY731" s="423" t="s">
        <v>2795</v>
      </c>
      <c r="GJZ731" s="424"/>
      <c r="GKA731" s="424"/>
      <c r="GKB731" s="424"/>
      <c r="GKC731" s="423" t="s">
        <v>2795</v>
      </c>
      <c r="GKD731" s="424"/>
      <c r="GKE731" s="424"/>
      <c r="GKF731" s="424"/>
      <c r="GKG731" s="423" t="s">
        <v>2795</v>
      </c>
      <c r="GKH731" s="424"/>
      <c r="GKI731" s="424"/>
      <c r="GKJ731" s="424"/>
      <c r="GKK731" s="423" t="s">
        <v>2795</v>
      </c>
      <c r="GKL731" s="424"/>
      <c r="GKM731" s="424"/>
      <c r="GKN731" s="424"/>
      <c r="GKO731" s="423" t="s">
        <v>2795</v>
      </c>
      <c r="GKP731" s="424"/>
      <c r="GKQ731" s="424"/>
      <c r="GKR731" s="424"/>
      <c r="GKS731" s="423" t="s">
        <v>2795</v>
      </c>
      <c r="GKT731" s="424"/>
      <c r="GKU731" s="424"/>
      <c r="GKV731" s="424"/>
      <c r="GKW731" s="423" t="s">
        <v>2795</v>
      </c>
      <c r="GKX731" s="424"/>
      <c r="GKY731" s="424"/>
      <c r="GKZ731" s="424"/>
      <c r="GLA731" s="423" t="s">
        <v>2795</v>
      </c>
      <c r="GLB731" s="424"/>
      <c r="GLC731" s="424"/>
      <c r="GLD731" s="424"/>
      <c r="GLE731" s="423" t="s">
        <v>2795</v>
      </c>
      <c r="GLF731" s="424"/>
      <c r="GLG731" s="424"/>
      <c r="GLH731" s="424"/>
      <c r="GLI731" s="423" t="s">
        <v>2795</v>
      </c>
      <c r="GLJ731" s="424"/>
      <c r="GLK731" s="424"/>
      <c r="GLL731" s="424"/>
      <c r="GLM731" s="423" t="s">
        <v>2795</v>
      </c>
      <c r="GLN731" s="424"/>
      <c r="GLO731" s="424"/>
      <c r="GLP731" s="424"/>
      <c r="GLQ731" s="423" t="s">
        <v>2795</v>
      </c>
      <c r="GLR731" s="424"/>
      <c r="GLS731" s="424"/>
      <c r="GLT731" s="424"/>
      <c r="GLU731" s="423" t="s">
        <v>2795</v>
      </c>
      <c r="GLV731" s="424"/>
      <c r="GLW731" s="424"/>
      <c r="GLX731" s="424"/>
      <c r="GLY731" s="423" t="s">
        <v>2795</v>
      </c>
      <c r="GLZ731" s="424"/>
      <c r="GMA731" s="424"/>
      <c r="GMB731" s="424"/>
      <c r="GMC731" s="423" t="s">
        <v>2795</v>
      </c>
      <c r="GMD731" s="424"/>
      <c r="GME731" s="424"/>
      <c r="GMF731" s="424"/>
      <c r="GMG731" s="423" t="s">
        <v>2795</v>
      </c>
      <c r="GMH731" s="424"/>
      <c r="GMI731" s="424"/>
      <c r="GMJ731" s="424"/>
      <c r="GMK731" s="423" t="s">
        <v>2795</v>
      </c>
      <c r="GML731" s="424"/>
      <c r="GMM731" s="424"/>
      <c r="GMN731" s="424"/>
      <c r="GMO731" s="423" t="s">
        <v>2795</v>
      </c>
      <c r="GMP731" s="424"/>
      <c r="GMQ731" s="424"/>
      <c r="GMR731" s="424"/>
      <c r="GMS731" s="423" t="s">
        <v>2795</v>
      </c>
      <c r="GMT731" s="424"/>
      <c r="GMU731" s="424"/>
      <c r="GMV731" s="424"/>
      <c r="GMW731" s="423" t="s">
        <v>2795</v>
      </c>
      <c r="GMX731" s="424"/>
      <c r="GMY731" s="424"/>
      <c r="GMZ731" s="424"/>
      <c r="GNA731" s="423" t="s">
        <v>2795</v>
      </c>
      <c r="GNB731" s="424"/>
      <c r="GNC731" s="424"/>
      <c r="GND731" s="424"/>
      <c r="GNE731" s="423" t="s">
        <v>2795</v>
      </c>
      <c r="GNF731" s="424"/>
      <c r="GNG731" s="424"/>
      <c r="GNH731" s="424"/>
      <c r="GNI731" s="423" t="s">
        <v>2795</v>
      </c>
      <c r="GNJ731" s="424"/>
      <c r="GNK731" s="424"/>
      <c r="GNL731" s="424"/>
      <c r="GNM731" s="423" t="s">
        <v>2795</v>
      </c>
      <c r="GNN731" s="424"/>
      <c r="GNO731" s="424"/>
      <c r="GNP731" s="424"/>
      <c r="GNQ731" s="423" t="s">
        <v>2795</v>
      </c>
      <c r="GNR731" s="424"/>
      <c r="GNS731" s="424"/>
      <c r="GNT731" s="424"/>
      <c r="GNU731" s="423" t="s">
        <v>2795</v>
      </c>
      <c r="GNV731" s="424"/>
      <c r="GNW731" s="424"/>
      <c r="GNX731" s="424"/>
      <c r="GNY731" s="423" t="s">
        <v>2795</v>
      </c>
      <c r="GNZ731" s="424"/>
      <c r="GOA731" s="424"/>
      <c r="GOB731" s="424"/>
      <c r="GOC731" s="423" t="s">
        <v>2795</v>
      </c>
      <c r="GOD731" s="424"/>
      <c r="GOE731" s="424"/>
      <c r="GOF731" s="424"/>
      <c r="GOG731" s="423" t="s">
        <v>2795</v>
      </c>
      <c r="GOH731" s="424"/>
      <c r="GOI731" s="424"/>
      <c r="GOJ731" s="424"/>
      <c r="GOK731" s="423" t="s">
        <v>2795</v>
      </c>
      <c r="GOL731" s="424"/>
      <c r="GOM731" s="424"/>
      <c r="GON731" s="424"/>
      <c r="GOO731" s="423" t="s">
        <v>2795</v>
      </c>
      <c r="GOP731" s="424"/>
      <c r="GOQ731" s="424"/>
      <c r="GOR731" s="424"/>
      <c r="GOS731" s="423" t="s">
        <v>2795</v>
      </c>
      <c r="GOT731" s="424"/>
      <c r="GOU731" s="424"/>
      <c r="GOV731" s="424"/>
      <c r="GOW731" s="423" t="s">
        <v>2795</v>
      </c>
      <c r="GOX731" s="424"/>
      <c r="GOY731" s="424"/>
      <c r="GOZ731" s="424"/>
      <c r="GPA731" s="423" t="s">
        <v>2795</v>
      </c>
      <c r="GPB731" s="424"/>
      <c r="GPC731" s="424"/>
      <c r="GPD731" s="424"/>
      <c r="GPE731" s="423" t="s">
        <v>2795</v>
      </c>
      <c r="GPF731" s="424"/>
      <c r="GPG731" s="424"/>
      <c r="GPH731" s="424"/>
      <c r="GPI731" s="423" t="s">
        <v>2795</v>
      </c>
      <c r="GPJ731" s="424"/>
      <c r="GPK731" s="424"/>
      <c r="GPL731" s="424"/>
      <c r="GPM731" s="423" t="s">
        <v>2795</v>
      </c>
      <c r="GPN731" s="424"/>
      <c r="GPO731" s="424"/>
      <c r="GPP731" s="424"/>
      <c r="GPQ731" s="423" t="s">
        <v>2795</v>
      </c>
      <c r="GPR731" s="424"/>
      <c r="GPS731" s="424"/>
      <c r="GPT731" s="424"/>
      <c r="GPU731" s="423" t="s">
        <v>2795</v>
      </c>
      <c r="GPV731" s="424"/>
      <c r="GPW731" s="424"/>
      <c r="GPX731" s="424"/>
      <c r="GPY731" s="423" t="s">
        <v>2795</v>
      </c>
      <c r="GPZ731" s="424"/>
      <c r="GQA731" s="424"/>
      <c r="GQB731" s="424"/>
      <c r="GQC731" s="423" t="s">
        <v>2795</v>
      </c>
      <c r="GQD731" s="424"/>
      <c r="GQE731" s="424"/>
      <c r="GQF731" s="424"/>
      <c r="GQG731" s="423" t="s">
        <v>2795</v>
      </c>
      <c r="GQH731" s="424"/>
      <c r="GQI731" s="424"/>
      <c r="GQJ731" s="424"/>
      <c r="GQK731" s="423" t="s">
        <v>2795</v>
      </c>
      <c r="GQL731" s="424"/>
      <c r="GQM731" s="424"/>
      <c r="GQN731" s="424"/>
      <c r="GQO731" s="423" t="s">
        <v>2795</v>
      </c>
      <c r="GQP731" s="424"/>
      <c r="GQQ731" s="424"/>
      <c r="GQR731" s="424"/>
      <c r="GQS731" s="423" t="s">
        <v>2795</v>
      </c>
      <c r="GQT731" s="424"/>
      <c r="GQU731" s="424"/>
      <c r="GQV731" s="424"/>
      <c r="GQW731" s="423" t="s">
        <v>2795</v>
      </c>
      <c r="GQX731" s="424"/>
      <c r="GQY731" s="424"/>
      <c r="GQZ731" s="424"/>
      <c r="GRA731" s="423" t="s">
        <v>2795</v>
      </c>
      <c r="GRB731" s="424"/>
      <c r="GRC731" s="424"/>
      <c r="GRD731" s="424"/>
      <c r="GRE731" s="423" t="s">
        <v>2795</v>
      </c>
      <c r="GRF731" s="424"/>
      <c r="GRG731" s="424"/>
      <c r="GRH731" s="424"/>
      <c r="GRI731" s="423" t="s">
        <v>2795</v>
      </c>
      <c r="GRJ731" s="424"/>
      <c r="GRK731" s="424"/>
      <c r="GRL731" s="424"/>
      <c r="GRM731" s="423" t="s">
        <v>2795</v>
      </c>
      <c r="GRN731" s="424"/>
      <c r="GRO731" s="424"/>
      <c r="GRP731" s="424"/>
      <c r="GRQ731" s="423" t="s">
        <v>2795</v>
      </c>
      <c r="GRR731" s="424"/>
      <c r="GRS731" s="424"/>
      <c r="GRT731" s="424"/>
      <c r="GRU731" s="423" t="s">
        <v>2795</v>
      </c>
      <c r="GRV731" s="424"/>
      <c r="GRW731" s="424"/>
      <c r="GRX731" s="424"/>
      <c r="GRY731" s="423" t="s">
        <v>2795</v>
      </c>
      <c r="GRZ731" s="424"/>
      <c r="GSA731" s="424"/>
      <c r="GSB731" s="424"/>
      <c r="GSC731" s="423" t="s">
        <v>2795</v>
      </c>
      <c r="GSD731" s="424"/>
      <c r="GSE731" s="424"/>
      <c r="GSF731" s="424"/>
      <c r="GSG731" s="423" t="s">
        <v>2795</v>
      </c>
      <c r="GSH731" s="424"/>
      <c r="GSI731" s="424"/>
      <c r="GSJ731" s="424"/>
      <c r="GSK731" s="423" t="s">
        <v>2795</v>
      </c>
      <c r="GSL731" s="424"/>
      <c r="GSM731" s="424"/>
      <c r="GSN731" s="424"/>
      <c r="GSO731" s="423" t="s">
        <v>2795</v>
      </c>
      <c r="GSP731" s="424"/>
      <c r="GSQ731" s="424"/>
      <c r="GSR731" s="424"/>
      <c r="GSS731" s="423" t="s">
        <v>2795</v>
      </c>
      <c r="GST731" s="424"/>
      <c r="GSU731" s="424"/>
      <c r="GSV731" s="424"/>
      <c r="GSW731" s="423" t="s">
        <v>2795</v>
      </c>
      <c r="GSX731" s="424"/>
      <c r="GSY731" s="424"/>
      <c r="GSZ731" s="424"/>
      <c r="GTA731" s="423" t="s">
        <v>2795</v>
      </c>
      <c r="GTB731" s="424"/>
      <c r="GTC731" s="424"/>
      <c r="GTD731" s="424"/>
      <c r="GTE731" s="423" t="s">
        <v>2795</v>
      </c>
      <c r="GTF731" s="424"/>
      <c r="GTG731" s="424"/>
      <c r="GTH731" s="424"/>
      <c r="GTI731" s="423" t="s">
        <v>2795</v>
      </c>
      <c r="GTJ731" s="424"/>
      <c r="GTK731" s="424"/>
      <c r="GTL731" s="424"/>
      <c r="GTM731" s="423" t="s">
        <v>2795</v>
      </c>
      <c r="GTN731" s="424"/>
      <c r="GTO731" s="424"/>
      <c r="GTP731" s="424"/>
      <c r="GTQ731" s="423" t="s">
        <v>2795</v>
      </c>
      <c r="GTR731" s="424"/>
      <c r="GTS731" s="424"/>
      <c r="GTT731" s="424"/>
      <c r="GTU731" s="423" t="s">
        <v>2795</v>
      </c>
      <c r="GTV731" s="424"/>
      <c r="GTW731" s="424"/>
      <c r="GTX731" s="424"/>
      <c r="GTY731" s="423" t="s">
        <v>2795</v>
      </c>
      <c r="GTZ731" s="424"/>
      <c r="GUA731" s="424"/>
      <c r="GUB731" s="424"/>
      <c r="GUC731" s="423" t="s">
        <v>2795</v>
      </c>
      <c r="GUD731" s="424"/>
      <c r="GUE731" s="424"/>
      <c r="GUF731" s="424"/>
      <c r="GUG731" s="423" t="s">
        <v>2795</v>
      </c>
      <c r="GUH731" s="424"/>
      <c r="GUI731" s="424"/>
      <c r="GUJ731" s="424"/>
      <c r="GUK731" s="423" t="s">
        <v>2795</v>
      </c>
      <c r="GUL731" s="424"/>
      <c r="GUM731" s="424"/>
      <c r="GUN731" s="424"/>
      <c r="GUO731" s="423" t="s">
        <v>2795</v>
      </c>
      <c r="GUP731" s="424"/>
      <c r="GUQ731" s="424"/>
      <c r="GUR731" s="424"/>
      <c r="GUS731" s="423" t="s">
        <v>2795</v>
      </c>
      <c r="GUT731" s="424"/>
      <c r="GUU731" s="424"/>
      <c r="GUV731" s="424"/>
      <c r="GUW731" s="423" t="s">
        <v>2795</v>
      </c>
      <c r="GUX731" s="424"/>
      <c r="GUY731" s="424"/>
      <c r="GUZ731" s="424"/>
      <c r="GVA731" s="423" t="s">
        <v>2795</v>
      </c>
      <c r="GVB731" s="424"/>
      <c r="GVC731" s="424"/>
      <c r="GVD731" s="424"/>
      <c r="GVE731" s="423" t="s">
        <v>2795</v>
      </c>
      <c r="GVF731" s="424"/>
      <c r="GVG731" s="424"/>
      <c r="GVH731" s="424"/>
      <c r="GVI731" s="423" t="s">
        <v>2795</v>
      </c>
      <c r="GVJ731" s="424"/>
      <c r="GVK731" s="424"/>
      <c r="GVL731" s="424"/>
      <c r="GVM731" s="423" t="s">
        <v>2795</v>
      </c>
      <c r="GVN731" s="424"/>
      <c r="GVO731" s="424"/>
      <c r="GVP731" s="424"/>
      <c r="GVQ731" s="423" t="s">
        <v>2795</v>
      </c>
      <c r="GVR731" s="424"/>
      <c r="GVS731" s="424"/>
      <c r="GVT731" s="424"/>
      <c r="GVU731" s="423" t="s">
        <v>2795</v>
      </c>
      <c r="GVV731" s="424"/>
      <c r="GVW731" s="424"/>
      <c r="GVX731" s="424"/>
      <c r="GVY731" s="423" t="s">
        <v>2795</v>
      </c>
      <c r="GVZ731" s="424"/>
      <c r="GWA731" s="424"/>
      <c r="GWB731" s="424"/>
      <c r="GWC731" s="423" t="s">
        <v>2795</v>
      </c>
      <c r="GWD731" s="424"/>
      <c r="GWE731" s="424"/>
      <c r="GWF731" s="424"/>
      <c r="GWG731" s="423" t="s">
        <v>2795</v>
      </c>
      <c r="GWH731" s="424"/>
      <c r="GWI731" s="424"/>
      <c r="GWJ731" s="424"/>
      <c r="GWK731" s="423" t="s">
        <v>2795</v>
      </c>
      <c r="GWL731" s="424"/>
      <c r="GWM731" s="424"/>
      <c r="GWN731" s="424"/>
      <c r="GWO731" s="423" t="s">
        <v>2795</v>
      </c>
      <c r="GWP731" s="424"/>
      <c r="GWQ731" s="424"/>
      <c r="GWR731" s="424"/>
      <c r="GWS731" s="423" t="s">
        <v>2795</v>
      </c>
      <c r="GWT731" s="424"/>
      <c r="GWU731" s="424"/>
      <c r="GWV731" s="424"/>
      <c r="GWW731" s="423" t="s">
        <v>2795</v>
      </c>
      <c r="GWX731" s="424"/>
      <c r="GWY731" s="424"/>
      <c r="GWZ731" s="424"/>
      <c r="GXA731" s="423" t="s">
        <v>2795</v>
      </c>
      <c r="GXB731" s="424"/>
      <c r="GXC731" s="424"/>
      <c r="GXD731" s="424"/>
      <c r="GXE731" s="423" t="s">
        <v>2795</v>
      </c>
      <c r="GXF731" s="424"/>
      <c r="GXG731" s="424"/>
      <c r="GXH731" s="424"/>
      <c r="GXI731" s="423" t="s">
        <v>2795</v>
      </c>
      <c r="GXJ731" s="424"/>
      <c r="GXK731" s="424"/>
      <c r="GXL731" s="424"/>
      <c r="GXM731" s="423" t="s">
        <v>2795</v>
      </c>
      <c r="GXN731" s="424"/>
      <c r="GXO731" s="424"/>
      <c r="GXP731" s="424"/>
      <c r="GXQ731" s="423" t="s">
        <v>2795</v>
      </c>
      <c r="GXR731" s="424"/>
      <c r="GXS731" s="424"/>
      <c r="GXT731" s="424"/>
      <c r="GXU731" s="423" t="s">
        <v>2795</v>
      </c>
      <c r="GXV731" s="424"/>
      <c r="GXW731" s="424"/>
      <c r="GXX731" s="424"/>
      <c r="GXY731" s="423" t="s">
        <v>2795</v>
      </c>
      <c r="GXZ731" s="424"/>
      <c r="GYA731" s="424"/>
      <c r="GYB731" s="424"/>
      <c r="GYC731" s="423" t="s">
        <v>2795</v>
      </c>
      <c r="GYD731" s="424"/>
      <c r="GYE731" s="424"/>
      <c r="GYF731" s="424"/>
      <c r="GYG731" s="423" t="s">
        <v>2795</v>
      </c>
      <c r="GYH731" s="424"/>
      <c r="GYI731" s="424"/>
      <c r="GYJ731" s="424"/>
      <c r="GYK731" s="423" t="s">
        <v>2795</v>
      </c>
      <c r="GYL731" s="424"/>
      <c r="GYM731" s="424"/>
      <c r="GYN731" s="424"/>
      <c r="GYO731" s="423" t="s">
        <v>2795</v>
      </c>
      <c r="GYP731" s="424"/>
      <c r="GYQ731" s="424"/>
      <c r="GYR731" s="424"/>
      <c r="GYS731" s="423" t="s">
        <v>2795</v>
      </c>
      <c r="GYT731" s="424"/>
      <c r="GYU731" s="424"/>
      <c r="GYV731" s="424"/>
      <c r="GYW731" s="423" t="s">
        <v>2795</v>
      </c>
      <c r="GYX731" s="424"/>
      <c r="GYY731" s="424"/>
      <c r="GYZ731" s="424"/>
      <c r="GZA731" s="423" t="s">
        <v>2795</v>
      </c>
      <c r="GZB731" s="424"/>
      <c r="GZC731" s="424"/>
      <c r="GZD731" s="424"/>
      <c r="GZE731" s="423" t="s">
        <v>2795</v>
      </c>
      <c r="GZF731" s="424"/>
      <c r="GZG731" s="424"/>
      <c r="GZH731" s="424"/>
      <c r="GZI731" s="423" t="s">
        <v>2795</v>
      </c>
      <c r="GZJ731" s="424"/>
      <c r="GZK731" s="424"/>
      <c r="GZL731" s="424"/>
      <c r="GZM731" s="423" t="s">
        <v>2795</v>
      </c>
      <c r="GZN731" s="424"/>
      <c r="GZO731" s="424"/>
      <c r="GZP731" s="424"/>
      <c r="GZQ731" s="423" t="s">
        <v>2795</v>
      </c>
      <c r="GZR731" s="424"/>
      <c r="GZS731" s="424"/>
      <c r="GZT731" s="424"/>
      <c r="GZU731" s="423" t="s">
        <v>2795</v>
      </c>
      <c r="GZV731" s="424"/>
      <c r="GZW731" s="424"/>
      <c r="GZX731" s="424"/>
      <c r="GZY731" s="423" t="s">
        <v>2795</v>
      </c>
      <c r="GZZ731" s="424"/>
      <c r="HAA731" s="424"/>
      <c r="HAB731" s="424"/>
      <c r="HAC731" s="423" t="s">
        <v>2795</v>
      </c>
      <c r="HAD731" s="424"/>
      <c r="HAE731" s="424"/>
      <c r="HAF731" s="424"/>
      <c r="HAG731" s="423" t="s">
        <v>2795</v>
      </c>
      <c r="HAH731" s="424"/>
      <c r="HAI731" s="424"/>
      <c r="HAJ731" s="424"/>
      <c r="HAK731" s="423" t="s">
        <v>2795</v>
      </c>
      <c r="HAL731" s="424"/>
      <c r="HAM731" s="424"/>
      <c r="HAN731" s="424"/>
      <c r="HAO731" s="423" t="s">
        <v>2795</v>
      </c>
      <c r="HAP731" s="424"/>
      <c r="HAQ731" s="424"/>
      <c r="HAR731" s="424"/>
      <c r="HAS731" s="423" t="s">
        <v>2795</v>
      </c>
      <c r="HAT731" s="424"/>
      <c r="HAU731" s="424"/>
      <c r="HAV731" s="424"/>
      <c r="HAW731" s="423" t="s">
        <v>2795</v>
      </c>
      <c r="HAX731" s="424"/>
      <c r="HAY731" s="424"/>
      <c r="HAZ731" s="424"/>
      <c r="HBA731" s="423" t="s">
        <v>2795</v>
      </c>
      <c r="HBB731" s="424"/>
      <c r="HBC731" s="424"/>
      <c r="HBD731" s="424"/>
      <c r="HBE731" s="423" t="s">
        <v>2795</v>
      </c>
      <c r="HBF731" s="424"/>
      <c r="HBG731" s="424"/>
      <c r="HBH731" s="424"/>
      <c r="HBI731" s="423" t="s">
        <v>2795</v>
      </c>
      <c r="HBJ731" s="424"/>
      <c r="HBK731" s="424"/>
      <c r="HBL731" s="424"/>
      <c r="HBM731" s="423" t="s">
        <v>2795</v>
      </c>
      <c r="HBN731" s="424"/>
      <c r="HBO731" s="424"/>
      <c r="HBP731" s="424"/>
      <c r="HBQ731" s="423" t="s">
        <v>2795</v>
      </c>
      <c r="HBR731" s="424"/>
      <c r="HBS731" s="424"/>
      <c r="HBT731" s="424"/>
      <c r="HBU731" s="423" t="s">
        <v>2795</v>
      </c>
      <c r="HBV731" s="424"/>
      <c r="HBW731" s="424"/>
      <c r="HBX731" s="424"/>
      <c r="HBY731" s="423" t="s">
        <v>2795</v>
      </c>
      <c r="HBZ731" s="424"/>
      <c r="HCA731" s="424"/>
      <c r="HCB731" s="424"/>
      <c r="HCC731" s="423" t="s">
        <v>2795</v>
      </c>
      <c r="HCD731" s="424"/>
      <c r="HCE731" s="424"/>
      <c r="HCF731" s="424"/>
      <c r="HCG731" s="423" t="s">
        <v>2795</v>
      </c>
      <c r="HCH731" s="424"/>
      <c r="HCI731" s="424"/>
      <c r="HCJ731" s="424"/>
      <c r="HCK731" s="423" t="s">
        <v>2795</v>
      </c>
      <c r="HCL731" s="424"/>
      <c r="HCM731" s="424"/>
      <c r="HCN731" s="424"/>
      <c r="HCO731" s="423" t="s">
        <v>2795</v>
      </c>
      <c r="HCP731" s="424"/>
      <c r="HCQ731" s="424"/>
      <c r="HCR731" s="424"/>
      <c r="HCS731" s="423" t="s">
        <v>2795</v>
      </c>
      <c r="HCT731" s="424"/>
      <c r="HCU731" s="424"/>
      <c r="HCV731" s="424"/>
      <c r="HCW731" s="423" t="s">
        <v>2795</v>
      </c>
      <c r="HCX731" s="424"/>
      <c r="HCY731" s="424"/>
      <c r="HCZ731" s="424"/>
      <c r="HDA731" s="423" t="s">
        <v>2795</v>
      </c>
      <c r="HDB731" s="424"/>
      <c r="HDC731" s="424"/>
      <c r="HDD731" s="424"/>
      <c r="HDE731" s="423" t="s">
        <v>2795</v>
      </c>
      <c r="HDF731" s="424"/>
      <c r="HDG731" s="424"/>
      <c r="HDH731" s="424"/>
      <c r="HDI731" s="423" t="s">
        <v>2795</v>
      </c>
      <c r="HDJ731" s="424"/>
      <c r="HDK731" s="424"/>
      <c r="HDL731" s="424"/>
      <c r="HDM731" s="423" t="s">
        <v>2795</v>
      </c>
      <c r="HDN731" s="424"/>
      <c r="HDO731" s="424"/>
      <c r="HDP731" s="424"/>
      <c r="HDQ731" s="423" t="s">
        <v>2795</v>
      </c>
      <c r="HDR731" s="424"/>
      <c r="HDS731" s="424"/>
      <c r="HDT731" s="424"/>
      <c r="HDU731" s="423" t="s">
        <v>2795</v>
      </c>
      <c r="HDV731" s="424"/>
      <c r="HDW731" s="424"/>
      <c r="HDX731" s="424"/>
      <c r="HDY731" s="423" t="s">
        <v>2795</v>
      </c>
      <c r="HDZ731" s="424"/>
      <c r="HEA731" s="424"/>
      <c r="HEB731" s="424"/>
      <c r="HEC731" s="423" t="s">
        <v>2795</v>
      </c>
      <c r="HED731" s="424"/>
      <c r="HEE731" s="424"/>
      <c r="HEF731" s="424"/>
      <c r="HEG731" s="423" t="s">
        <v>2795</v>
      </c>
      <c r="HEH731" s="424"/>
      <c r="HEI731" s="424"/>
      <c r="HEJ731" s="424"/>
      <c r="HEK731" s="423" t="s">
        <v>2795</v>
      </c>
      <c r="HEL731" s="424"/>
      <c r="HEM731" s="424"/>
      <c r="HEN731" s="424"/>
      <c r="HEO731" s="423" t="s">
        <v>2795</v>
      </c>
      <c r="HEP731" s="424"/>
      <c r="HEQ731" s="424"/>
      <c r="HER731" s="424"/>
      <c r="HES731" s="423" t="s">
        <v>2795</v>
      </c>
      <c r="HET731" s="424"/>
      <c r="HEU731" s="424"/>
      <c r="HEV731" s="424"/>
      <c r="HEW731" s="423" t="s">
        <v>2795</v>
      </c>
      <c r="HEX731" s="424"/>
      <c r="HEY731" s="424"/>
      <c r="HEZ731" s="424"/>
      <c r="HFA731" s="423" t="s">
        <v>2795</v>
      </c>
      <c r="HFB731" s="424"/>
      <c r="HFC731" s="424"/>
      <c r="HFD731" s="424"/>
      <c r="HFE731" s="423" t="s">
        <v>2795</v>
      </c>
      <c r="HFF731" s="424"/>
      <c r="HFG731" s="424"/>
      <c r="HFH731" s="424"/>
      <c r="HFI731" s="423" t="s">
        <v>2795</v>
      </c>
      <c r="HFJ731" s="424"/>
      <c r="HFK731" s="424"/>
      <c r="HFL731" s="424"/>
      <c r="HFM731" s="423" t="s">
        <v>2795</v>
      </c>
      <c r="HFN731" s="424"/>
      <c r="HFO731" s="424"/>
      <c r="HFP731" s="424"/>
      <c r="HFQ731" s="423" t="s">
        <v>2795</v>
      </c>
      <c r="HFR731" s="424"/>
      <c r="HFS731" s="424"/>
      <c r="HFT731" s="424"/>
      <c r="HFU731" s="423" t="s">
        <v>2795</v>
      </c>
      <c r="HFV731" s="424"/>
      <c r="HFW731" s="424"/>
      <c r="HFX731" s="424"/>
      <c r="HFY731" s="423" t="s">
        <v>2795</v>
      </c>
      <c r="HFZ731" s="424"/>
      <c r="HGA731" s="424"/>
      <c r="HGB731" s="424"/>
      <c r="HGC731" s="423" t="s">
        <v>2795</v>
      </c>
      <c r="HGD731" s="424"/>
      <c r="HGE731" s="424"/>
      <c r="HGF731" s="424"/>
      <c r="HGG731" s="423" t="s">
        <v>2795</v>
      </c>
      <c r="HGH731" s="424"/>
      <c r="HGI731" s="424"/>
      <c r="HGJ731" s="424"/>
      <c r="HGK731" s="423" t="s">
        <v>2795</v>
      </c>
      <c r="HGL731" s="424"/>
      <c r="HGM731" s="424"/>
      <c r="HGN731" s="424"/>
      <c r="HGO731" s="423" t="s">
        <v>2795</v>
      </c>
      <c r="HGP731" s="424"/>
      <c r="HGQ731" s="424"/>
      <c r="HGR731" s="424"/>
      <c r="HGS731" s="423" t="s">
        <v>2795</v>
      </c>
      <c r="HGT731" s="424"/>
      <c r="HGU731" s="424"/>
      <c r="HGV731" s="424"/>
      <c r="HGW731" s="423" t="s">
        <v>2795</v>
      </c>
      <c r="HGX731" s="424"/>
      <c r="HGY731" s="424"/>
      <c r="HGZ731" s="424"/>
      <c r="HHA731" s="423" t="s">
        <v>2795</v>
      </c>
      <c r="HHB731" s="424"/>
      <c r="HHC731" s="424"/>
      <c r="HHD731" s="424"/>
      <c r="HHE731" s="423" t="s">
        <v>2795</v>
      </c>
      <c r="HHF731" s="424"/>
      <c r="HHG731" s="424"/>
      <c r="HHH731" s="424"/>
      <c r="HHI731" s="423" t="s">
        <v>2795</v>
      </c>
      <c r="HHJ731" s="424"/>
      <c r="HHK731" s="424"/>
      <c r="HHL731" s="424"/>
      <c r="HHM731" s="423" t="s">
        <v>2795</v>
      </c>
      <c r="HHN731" s="424"/>
      <c r="HHO731" s="424"/>
      <c r="HHP731" s="424"/>
      <c r="HHQ731" s="423" t="s">
        <v>2795</v>
      </c>
      <c r="HHR731" s="424"/>
      <c r="HHS731" s="424"/>
      <c r="HHT731" s="424"/>
      <c r="HHU731" s="423" t="s">
        <v>2795</v>
      </c>
      <c r="HHV731" s="424"/>
      <c r="HHW731" s="424"/>
      <c r="HHX731" s="424"/>
      <c r="HHY731" s="423" t="s">
        <v>2795</v>
      </c>
      <c r="HHZ731" s="424"/>
      <c r="HIA731" s="424"/>
      <c r="HIB731" s="424"/>
      <c r="HIC731" s="423" t="s">
        <v>2795</v>
      </c>
      <c r="HID731" s="424"/>
      <c r="HIE731" s="424"/>
      <c r="HIF731" s="424"/>
      <c r="HIG731" s="423" t="s">
        <v>2795</v>
      </c>
      <c r="HIH731" s="424"/>
      <c r="HII731" s="424"/>
      <c r="HIJ731" s="424"/>
      <c r="HIK731" s="423" t="s">
        <v>2795</v>
      </c>
      <c r="HIL731" s="424"/>
      <c r="HIM731" s="424"/>
      <c r="HIN731" s="424"/>
      <c r="HIO731" s="423" t="s">
        <v>2795</v>
      </c>
      <c r="HIP731" s="424"/>
      <c r="HIQ731" s="424"/>
      <c r="HIR731" s="424"/>
      <c r="HIS731" s="423" t="s">
        <v>2795</v>
      </c>
      <c r="HIT731" s="424"/>
      <c r="HIU731" s="424"/>
      <c r="HIV731" s="424"/>
      <c r="HIW731" s="423" t="s">
        <v>2795</v>
      </c>
      <c r="HIX731" s="424"/>
      <c r="HIY731" s="424"/>
      <c r="HIZ731" s="424"/>
      <c r="HJA731" s="423" t="s">
        <v>2795</v>
      </c>
      <c r="HJB731" s="424"/>
      <c r="HJC731" s="424"/>
      <c r="HJD731" s="424"/>
      <c r="HJE731" s="423" t="s">
        <v>2795</v>
      </c>
      <c r="HJF731" s="424"/>
      <c r="HJG731" s="424"/>
      <c r="HJH731" s="424"/>
      <c r="HJI731" s="423" t="s">
        <v>2795</v>
      </c>
      <c r="HJJ731" s="424"/>
      <c r="HJK731" s="424"/>
      <c r="HJL731" s="424"/>
      <c r="HJM731" s="423" t="s">
        <v>2795</v>
      </c>
      <c r="HJN731" s="424"/>
      <c r="HJO731" s="424"/>
      <c r="HJP731" s="424"/>
      <c r="HJQ731" s="423" t="s">
        <v>2795</v>
      </c>
      <c r="HJR731" s="424"/>
      <c r="HJS731" s="424"/>
      <c r="HJT731" s="424"/>
      <c r="HJU731" s="423" t="s">
        <v>2795</v>
      </c>
      <c r="HJV731" s="424"/>
      <c r="HJW731" s="424"/>
      <c r="HJX731" s="424"/>
      <c r="HJY731" s="423" t="s">
        <v>2795</v>
      </c>
      <c r="HJZ731" s="424"/>
      <c r="HKA731" s="424"/>
      <c r="HKB731" s="424"/>
      <c r="HKC731" s="423" t="s">
        <v>2795</v>
      </c>
      <c r="HKD731" s="424"/>
      <c r="HKE731" s="424"/>
      <c r="HKF731" s="424"/>
      <c r="HKG731" s="423" t="s">
        <v>2795</v>
      </c>
      <c r="HKH731" s="424"/>
      <c r="HKI731" s="424"/>
      <c r="HKJ731" s="424"/>
      <c r="HKK731" s="423" t="s">
        <v>2795</v>
      </c>
      <c r="HKL731" s="424"/>
      <c r="HKM731" s="424"/>
      <c r="HKN731" s="424"/>
      <c r="HKO731" s="423" t="s">
        <v>2795</v>
      </c>
      <c r="HKP731" s="424"/>
      <c r="HKQ731" s="424"/>
      <c r="HKR731" s="424"/>
      <c r="HKS731" s="423" t="s">
        <v>2795</v>
      </c>
      <c r="HKT731" s="424"/>
      <c r="HKU731" s="424"/>
      <c r="HKV731" s="424"/>
      <c r="HKW731" s="423" t="s">
        <v>2795</v>
      </c>
      <c r="HKX731" s="424"/>
      <c r="HKY731" s="424"/>
      <c r="HKZ731" s="424"/>
      <c r="HLA731" s="423" t="s">
        <v>2795</v>
      </c>
      <c r="HLB731" s="424"/>
      <c r="HLC731" s="424"/>
      <c r="HLD731" s="424"/>
      <c r="HLE731" s="423" t="s">
        <v>2795</v>
      </c>
      <c r="HLF731" s="424"/>
      <c r="HLG731" s="424"/>
      <c r="HLH731" s="424"/>
      <c r="HLI731" s="423" t="s">
        <v>2795</v>
      </c>
      <c r="HLJ731" s="424"/>
      <c r="HLK731" s="424"/>
      <c r="HLL731" s="424"/>
      <c r="HLM731" s="423" t="s">
        <v>2795</v>
      </c>
      <c r="HLN731" s="424"/>
      <c r="HLO731" s="424"/>
      <c r="HLP731" s="424"/>
      <c r="HLQ731" s="423" t="s">
        <v>2795</v>
      </c>
      <c r="HLR731" s="424"/>
      <c r="HLS731" s="424"/>
      <c r="HLT731" s="424"/>
      <c r="HLU731" s="423" t="s">
        <v>2795</v>
      </c>
      <c r="HLV731" s="424"/>
      <c r="HLW731" s="424"/>
      <c r="HLX731" s="424"/>
      <c r="HLY731" s="423" t="s">
        <v>2795</v>
      </c>
      <c r="HLZ731" s="424"/>
      <c r="HMA731" s="424"/>
      <c r="HMB731" s="424"/>
      <c r="HMC731" s="423" t="s">
        <v>2795</v>
      </c>
      <c r="HMD731" s="424"/>
      <c r="HME731" s="424"/>
      <c r="HMF731" s="424"/>
      <c r="HMG731" s="423" t="s">
        <v>2795</v>
      </c>
      <c r="HMH731" s="424"/>
      <c r="HMI731" s="424"/>
      <c r="HMJ731" s="424"/>
      <c r="HMK731" s="423" t="s">
        <v>2795</v>
      </c>
      <c r="HML731" s="424"/>
      <c r="HMM731" s="424"/>
      <c r="HMN731" s="424"/>
      <c r="HMO731" s="423" t="s">
        <v>2795</v>
      </c>
      <c r="HMP731" s="424"/>
      <c r="HMQ731" s="424"/>
      <c r="HMR731" s="424"/>
      <c r="HMS731" s="423" t="s">
        <v>2795</v>
      </c>
      <c r="HMT731" s="424"/>
      <c r="HMU731" s="424"/>
      <c r="HMV731" s="424"/>
      <c r="HMW731" s="423" t="s">
        <v>2795</v>
      </c>
      <c r="HMX731" s="424"/>
      <c r="HMY731" s="424"/>
      <c r="HMZ731" s="424"/>
      <c r="HNA731" s="423" t="s">
        <v>2795</v>
      </c>
      <c r="HNB731" s="424"/>
      <c r="HNC731" s="424"/>
      <c r="HND731" s="424"/>
      <c r="HNE731" s="423" t="s">
        <v>2795</v>
      </c>
      <c r="HNF731" s="424"/>
      <c r="HNG731" s="424"/>
      <c r="HNH731" s="424"/>
      <c r="HNI731" s="423" t="s">
        <v>2795</v>
      </c>
      <c r="HNJ731" s="424"/>
      <c r="HNK731" s="424"/>
      <c r="HNL731" s="424"/>
      <c r="HNM731" s="423" t="s">
        <v>2795</v>
      </c>
      <c r="HNN731" s="424"/>
      <c r="HNO731" s="424"/>
      <c r="HNP731" s="424"/>
      <c r="HNQ731" s="423" t="s">
        <v>2795</v>
      </c>
      <c r="HNR731" s="424"/>
      <c r="HNS731" s="424"/>
      <c r="HNT731" s="424"/>
      <c r="HNU731" s="423" t="s">
        <v>2795</v>
      </c>
      <c r="HNV731" s="424"/>
      <c r="HNW731" s="424"/>
      <c r="HNX731" s="424"/>
      <c r="HNY731" s="423" t="s">
        <v>2795</v>
      </c>
      <c r="HNZ731" s="424"/>
      <c r="HOA731" s="424"/>
      <c r="HOB731" s="424"/>
      <c r="HOC731" s="423" t="s">
        <v>2795</v>
      </c>
      <c r="HOD731" s="424"/>
      <c r="HOE731" s="424"/>
      <c r="HOF731" s="424"/>
      <c r="HOG731" s="423" t="s">
        <v>2795</v>
      </c>
      <c r="HOH731" s="424"/>
      <c r="HOI731" s="424"/>
      <c r="HOJ731" s="424"/>
      <c r="HOK731" s="423" t="s">
        <v>2795</v>
      </c>
      <c r="HOL731" s="424"/>
      <c r="HOM731" s="424"/>
      <c r="HON731" s="424"/>
      <c r="HOO731" s="423" t="s">
        <v>2795</v>
      </c>
      <c r="HOP731" s="424"/>
      <c r="HOQ731" s="424"/>
      <c r="HOR731" s="424"/>
      <c r="HOS731" s="423" t="s">
        <v>2795</v>
      </c>
      <c r="HOT731" s="424"/>
      <c r="HOU731" s="424"/>
      <c r="HOV731" s="424"/>
      <c r="HOW731" s="423" t="s">
        <v>2795</v>
      </c>
      <c r="HOX731" s="424"/>
      <c r="HOY731" s="424"/>
      <c r="HOZ731" s="424"/>
      <c r="HPA731" s="423" t="s">
        <v>2795</v>
      </c>
      <c r="HPB731" s="424"/>
      <c r="HPC731" s="424"/>
      <c r="HPD731" s="424"/>
      <c r="HPE731" s="423" t="s">
        <v>2795</v>
      </c>
      <c r="HPF731" s="424"/>
      <c r="HPG731" s="424"/>
      <c r="HPH731" s="424"/>
      <c r="HPI731" s="423" t="s">
        <v>2795</v>
      </c>
      <c r="HPJ731" s="424"/>
      <c r="HPK731" s="424"/>
      <c r="HPL731" s="424"/>
      <c r="HPM731" s="423" t="s">
        <v>2795</v>
      </c>
      <c r="HPN731" s="424"/>
      <c r="HPO731" s="424"/>
      <c r="HPP731" s="424"/>
      <c r="HPQ731" s="423" t="s">
        <v>2795</v>
      </c>
      <c r="HPR731" s="424"/>
      <c r="HPS731" s="424"/>
      <c r="HPT731" s="424"/>
      <c r="HPU731" s="423" t="s">
        <v>2795</v>
      </c>
      <c r="HPV731" s="424"/>
      <c r="HPW731" s="424"/>
      <c r="HPX731" s="424"/>
      <c r="HPY731" s="423" t="s">
        <v>2795</v>
      </c>
      <c r="HPZ731" s="424"/>
      <c r="HQA731" s="424"/>
      <c r="HQB731" s="424"/>
      <c r="HQC731" s="423" t="s">
        <v>2795</v>
      </c>
      <c r="HQD731" s="424"/>
      <c r="HQE731" s="424"/>
      <c r="HQF731" s="424"/>
      <c r="HQG731" s="423" t="s">
        <v>2795</v>
      </c>
      <c r="HQH731" s="424"/>
      <c r="HQI731" s="424"/>
      <c r="HQJ731" s="424"/>
      <c r="HQK731" s="423" t="s">
        <v>2795</v>
      </c>
      <c r="HQL731" s="424"/>
      <c r="HQM731" s="424"/>
      <c r="HQN731" s="424"/>
      <c r="HQO731" s="423" t="s">
        <v>2795</v>
      </c>
      <c r="HQP731" s="424"/>
      <c r="HQQ731" s="424"/>
      <c r="HQR731" s="424"/>
      <c r="HQS731" s="423" t="s">
        <v>2795</v>
      </c>
      <c r="HQT731" s="424"/>
      <c r="HQU731" s="424"/>
      <c r="HQV731" s="424"/>
      <c r="HQW731" s="423" t="s">
        <v>2795</v>
      </c>
      <c r="HQX731" s="424"/>
      <c r="HQY731" s="424"/>
      <c r="HQZ731" s="424"/>
      <c r="HRA731" s="423" t="s">
        <v>2795</v>
      </c>
      <c r="HRB731" s="424"/>
      <c r="HRC731" s="424"/>
      <c r="HRD731" s="424"/>
      <c r="HRE731" s="423" t="s">
        <v>2795</v>
      </c>
      <c r="HRF731" s="424"/>
      <c r="HRG731" s="424"/>
      <c r="HRH731" s="424"/>
      <c r="HRI731" s="423" t="s">
        <v>2795</v>
      </c>
      <c r="HRJ731" s="424"/>
      <c r="HRK731" s="424"/>
      <c r="HRL731" s="424"/>
      <c r="HRM731" s="423" t="s">
        <v>2795</v>
      </c>
      <c r="HRN731" s="424"/>
      <c r="HRO731" s="424"/>
      <c r="HRP731" s="424"/>
      <c r="HRQ731" s="423" t="s">
        <v>2795</v>
      </c>
      <c r="HRR731" s="424"/>
      <c r="HRS731" s="424"/>
      <c r="HRT731" s="424"/>
      <c r="HRU731" s="423" t="s">
        <v>2795</v>
      </c>
      <c r="HRV731" s="424"/>
      <c r="HRW731" s="424"/>
      <c r="HRX731" s="424"/>
      <c r="HRY731" s="423" t="s">
        <v>2795</v>
      </c>
      <c r="HRZ731" s="424"/>
      <c r="HSA731" s="424"/>
      <c r="HSB731" s="424"/>
      <c r="HSC731" s="423" t="s">
        <v>2795</v>
      </c>
      <c r="HSD731" s="424"/>
      <c r="HSE731" s="424"/>
      <c r="HSF731" s="424"/>
      <c r="HSG731" s="423" t="s">
        <v>2795</v>
      </c>
      <c r="HSH731" s="424"/>
      <c r="HSI731" s="424"/>
      <c r="HSJ731" s="424"/>
      <c r="HSK731" s="423" t="s">
        <v>2795</v>
      </c>
      <c r="HSL731" s="424"/>
      <c r="HSM731" s="424"/>
      <c r="HSN731" s="424"/>
      <c r="HSO731" s="423" t="s">
        <v>2795</v>
      </c>
      <c r="HSP731" s="424"/>
      <c r="HSQ731" s="424"/>
      <c r="HSR731" s="424"/>
      <c r="HSS731" s="423" t="s">
        <v>2795</v>
      </c>
      <c r="HST731" s="424"/>
      <c r="HSU731" s="424"/>
      <c r="HSV731" s="424"/>
      <c r="HSW731" s="423" t="s">
        <v>2795</v>
      </c>
      <c r="HSX731" s="424"/>
      <c r="HSY731" s="424"/>
      <c r="HSZ731" s="424"/>
      <c r="HTA731" s="423" t="s">
        <v>2795</v>
      </c>
      <c r="HTB731" s="424"/>
      <c r="HTC731" s="424"/>
      <c r="HTD731" s="424"/>
      <c r="HTE731" s="423" t="s">
        <v>2795</v>
      </c>
      <c r="HTF731" s="424"/>
      <c r="HTG731" s="424"/>
      <c r="HTH731" s="424"/>
      <c r="HTI731" s="423" t="s">
        <v>2795</v>
      </c>
      <c r="HTJ731" s="424"/>
      <c r="HTK731" s="424"/>
      <c r="HTL731" s="424"/>
      <c r="HTM731" s="423" t="s">
        <v>2795</v>
      </c>
      <c r="HTN731" s="424"/>
      <c r="HTO731" s="424"/>
      <c r="HTP731" s="424"/>
      <c r="HTQ731" s="423" t="s">
        <v>2795</v>
      </c>
      <c r="HTR731" s="424"/>
      <c r="HTS731" s="424"/>
      <c r="HTT731" s="424"/>
      <c r="HTU731" s="423" t="s">
        <v>2795</v>
      </c>
      <c r="HTV731" s="424"/>
      <c r="HTW731" s="424"/>
      <c r="HTX731" s="424"/>
      <c r="HTY731" s="423" t="s">
        <v>2795</v>
      </c>
      <c r="HTZ731" s="424"/>
      <c r="HUA731" s="424"/>
      <c r="HUB731" s="424"/>
      <c r="HUC731" s="423" t="s">
        <v>2795</v>
      </c>
      <c r="HUD731" s="424"/>
      <c r="HUE731" s="424"/>
      <c r="HUF731" s="424"/>
      <c r="HUG731" s="423" t="s">
        <v>2795</v>
      </c>
      <c r="HUH731" s="424"/>
      <c r="HUI731" s="424"/>
      <c r="HUJ731" s="424"/>
      <c r="HUK731" s="423" t="s">
        <v>2795</v>
      </c>
      <c r="HUL731" s="424"/>
      <c r="HUM731" s="424"/>
      <c r="HUN731" s="424"/>
      <c r="HUO731" s="423" t="s">
        <v>2795</v>
      </c>
      <c r="HUP731" s="424"/>
      <c r="HUQ731" s="424"/>
      <c r="HUR731" s="424"/>
      <c r="HUS731" s="423" t="s">
        <v>2795</v>
      </c>
      <c r="HUT731" s="424"/>
      <c r="HUU731" s="424"/>
      <c r="HUV731" s="424"/>
      <c r="HUW731" s="423" t="s">
        <v>2795</v>
      </c>
      <c r="HUX731" s="424"/>
      <c r="HUY731" s="424"/>
      <c r="HUZ731" s="424"/>
      <c r="HVA731" s="423" t="s">
        <v>2795</v>
      </c>
      <c r="HVB731" s="424"/>
      <c r="HVC731" s="424"/>
      <c r="HVD731" s="424"/>
      <c r="HVE731" s="423" t="s">
        <v>2795</v>
      </c>
      <c r="HVF731" s="424"/>
      <c r="HVG731" s="424"/>
      <c r="HVH731" s="424"/>
      <c r="HVI731" s="423" t="s">
        <v>2795</v>
      </c>
      <c r="HVJ731" s="424"/>
      <c r="HVK731" s="424"/>
      <c r="HVL731" s="424"/>
      <c r="HVM731" s="423" t="s">
        <v>2795</v>
      </c>
      <c r="HVN731" s="424"/>
      <c r="HVO731" s="424"/>
      <c r="HVP731" s="424"/>
      <c r="HVQ731" s="423" t="s">
        <v>2795</v>
      </c>
      <c r="HVR731" s="424"/>
      <c r="HVS731" s="424"/>
      <c r="HVT731" s="424"/>
      <c r="HVU731" s="423" t="s">
        <v>2795</v>
      </c>
      <c r="HVV731" s="424"/>
      <c r="HVW731" s="424"/>
      <c r="HVX731" s="424"/>
      <c r="HVY731" s="423" t="s">
        <v>2795</v>
      </c>
      <c r="HVZ731" s="424"/>
      <c r="HWA731" s="424"/>
      <c r="HWB731" s="424"/>
      <c r="HWC731" s="423" t="s">
        <v>2795</v>
      </c>
      <c r="HWD731" s="424"/>
      <c r="HWE731" s="424"/>
      <c r="HWF731" s="424"/>
      <c r="HWG731" s="423" t="s">
        <v>2795</v>
      </c>
      <c r="HWH731" s="424"/>
      <c r="HWI731" s="424"/>
      <c r="HWJ731" s="424"/>
      <c r="HWK731" s="423" t="s">
        <v>2795</v>
      </c>
      <c r="HWL731" s="424"/>
      <c r="HWM731" s="424"/>
      <c r="HWN731" s="424"/>
      <c r="HWO731" s="423" t="s">
        <v>2795</v>
      </c>
      <c r="HWP731" s="424"/>
      <c r="HWQ731" s="424"/>
      <c r="HWR731" s="424"/>
      <c r="HWS731" s="423" t="s">
        <v>2795</v>
      </c>
      <c r="HWT731" s="424"/>
      <c r="HWU731" s="424"/>
      <c r="HWV731" s="424"/>
      <c r="HWW731" s="423" t="s">
        <v>2795</v>
      </c>
      <c r="HWX731" s="424"/>
      <c r="HWY731" s="424"/>
      <c r="HWZ731" s="424"/>
      <c r="HXA731" s="423" t="s">
        <v>2795</v>
      </c>
      <c r="HXB731" s="424"/>
      <c r="HXC731" s="424"/>
      <c r="HXD731" s="424"/>
      <c r="HXE731" s="423" t="s">
        <v>2795</v>
      </c>
      <c r="HXF731" s="424"/>
      <c r="HXG731" s="424"/>
      <c r="HXH731" s="424"/>
      <c r="HXI731" s="423" t="s">
        <v>2795</v>
      </c>
      <c r="HXJ731" s="424"/>
      <c r="HXK731" s="424"/>
      <c r="HXL731" s="424"/>
      <c r="HXM731" s="423" t="s">
        <v>2795</v>
      </c>
      <c r="HXN731" s="424"/>
      <c r="HXO731" s="424"/>
      <c r="HXP731" s="424"/>
      <c r="HXQ731" s="423" t="s">
        <v>2795</v>
      </c>
      <c r="HXR731" s="424"/>
      <c r="HXS731" s="424"/>
      <c r="HXT731" s="424"/>
      <c r="HXU731" s="423" t="s">
        <v>2795</v>
      </c>
      <c r="HXV731" s="424"/>
      <c r="HXW731" s="424"/>
      <c r="HXX731" s="424"/>
      <c r="HXY731" s="423" t="s">
        <v>2795</v>
      </c>
      <c r="HXZ731" s="424"/>
      <c r="HYA731" s="424"/>
      <c r="HYB731" s="424"/>
      <c r="HYC731" s="423" t="s">
        <v>2795</v>
      </c>
      <c r="HYD731" s="424"/>
      <c r="HYE731" s="424"/>
      <c r="HYF731" s="424"/>
      <c r="HYG731" s="423" t="s">
        <v>2795</v>
      </c>
      <c r="HYH731" s="424"/>
      <c r="HYI731" s="424"/>
      <c r="HYJ731" s="424"/>
      <c r="HYK731" s="423" t="s">
        <v>2795</v>
      </c>
      <c r="HYL731" s="424"/>
      <c r="HYM731" s="424"/>
      <c r="HYN731" s="424"/>
      <c r="HYO731" s="423" t="s">
        <v>2795</v>
      </c>
      <c r="HYP731" s="424"/>
      <c r="HYQ731" s="424"/>
      <c r="HYR731" s="424"/>
      <c r="HYS731" s="423" t="s">
        <v>2795</v>
      </c>
      <c r="HYT731" s="424"/>
      <c r="HYU731" s="424"/>
      <c r="HYV731" s="424"/>
      <c r="HYW731" s="423" t="s">
        <v>2795</v>
      </c>
      <c r="HYX731" s="424"/>
      <c r="HYY731" s="424"/>
      <c r="HYZ731" s="424"/>
      <c r="HZA731" s="423" t="s">
        <v>2795</v>
      </c>
      <c r="HZB731" s="424"/>
      <c r="HZC731" s="424"/>
      <c r="HZD731" s="424"/>
      <c r="HZE731" s="423" t="s">
        <v>2795</v>
      </c>
      <c r="HZF731" s="424"/>
      <c r="HZG731" s="424"/>
      <c r="HZH731" s="424"/>
      <c r="HZI731" s="423" t="s">
        <v>2795</v>
      </c>
      <c r="HZJ731" s="424"/>
      <c r="HZK731" s="424"/>
      <c r="HZL731" s="424"/>
      <c r="HZM731" s="423" t="s">
        <v>2795</v>
      </c>
      <c r="HZN731" s="424"/>
      <c r="HZO731" s="424"/>
      <c r="HZP731" s="424"/>
      <c r="HZQ731" s="423" t="s">
        <v>2795</v>
      </c>
      <c r="HZR731" s="424"/>
      <c r="HZS731" s="424"/>
      <c r="HZT731" s="424"/>
      <c r="HZU731" s="423" t="s">
        <v>2795</v>
      </c>
      <c r="HZV731" s="424"/>
      <c r="HZW731" s="424"/>
      <c r="HZX731" s="424"/>
      <c r="HZY731" s="423" t="s">
        <v>2795</v>
      </c>
      <c r="HZZ731" s="424"/>
      <c r="IAA731" s="424"/>
      <c r="IAB731" s="424"/>
      <c r="IAC731" s="423" t="s">
        <v>2795</v>
      </c>
      <c r="IAD731" s="424"/>
      <c r="IAE731" s="424"/>
      <c r="IAF731" s="424"/>
      <c r="IAG731" s="423" t="s">
        <v>2795</v>
      </c>
      <c r="IAH731" s="424"/>
      <c r="IAI731" s="424"/>
      <c r="IAJ731" s="424"/>
      <c r="IAK731" s="423" t="s">
        <v>2795</v>
      </c>
      <c r="IAL731" s="424"/>
      <c r="IAM731" s="424"/>
      <c r="IAN731" s="424"/>
      <c r="IAO731" s="423" t="s">
        <v>2795</v>
      </c>
      <c r="IAP731" s="424"/>
      <c r="IAQ731" s="424"/>
      <c r="IAR731" s="424"/>
      <c r="IAS731" s="423" t="s">
        <v>2795</v>
      </c>
      <c r="IAT731" s="424"/>
      <c r="IAU731" s="424"/>
      <c r="IAV731" s="424"/>
      <c r="IAW731" s="423" t="s">
        <v>2795</v>
      </c>
      <c r="IAX731" s="424"/>
      <c r="IAY731" s="424"/>
      <c r="IAZ731" s="424"/>
      <c r="IBA731" s="423" t="s">
        <v>2795</v>
      </c>
      <c r="IBB731" s="424"/>
      <c r="IBC731" s="424"/>
      <c r="IBD731" s="424"/>
      <c r="IBE731" s="423" t="s">
        <v>2795</v>
      </c>
      <c r="IBF731" s="424"/>
      <c r="IBG731" s="424"/>
      <c r="IBH731" s="424"/>
      <c r="IBI731" s="423" t="s">
        <v>2795</v>
      </c>
      <c r="IBJ731" s="424"/>
      <c r="IBK731" s="424"/>
      <c r="IBL731" s="424"/>
      <c r="IBM731" s="423" t="s">
        <v>2795</v>
      </c>
      <c r="IBN731" s="424"/>
      <c r="IBO731" s="424"/>
      <c r="IBP731" s="424"/>
      <c r="IBQ731" s="423" t="s">
        <v>2795</v>
      </c>
      <c r="IBR731" s="424"/>
      <c r="IBS731" s="424"/>
      <c r="IBT731" s="424"/>
      <c r="IBU731" s="423" t="s">
        <v>2795</v>
      </c>
      <c r="IBV731" s="424"/>
      <c r="IBW731" s="424"/>
      <c r="IBX731" s="424"/>
      <c r="IBY731" s="423" t="s">
        <v>2795</v>
      </c>
      <c r="IBZ731" s="424"/>
      <c r="ICA731" s="424"/>
      <c r="ICB731" s="424"/>
      <c r="ICC731" s="423" t="s">
        <v>2795</v>
      </c>
      <c r="ICD731" s="424"/>
      <c r="ICE731" s="424"/>
      <c r="ICF731" s="424"/>
      <c r="ICG731" s="423" t="s">
        <v>2795</v>
      </c>
      <c r="ICH731" s="424"/>
      <c r="ICI731" s="424"/>
      <c r="ICJ731" s="424"/>
      <c r="ICK731" s="423" t="s">
        <v>2795</v>
      </c>
      <c r="ICL731" s="424"/>
      <c r="ICM731" s="424"/>
      <c r="ICN731" s="424"/>
      <c r="ICO731" s="423" t="s">
        <v>2795</v>
      </c>
      <c r="ICP731" s="424"/>
      <c r="ICQ731" s="424"/>
      <c r="ICR731" s="424"/>
      <c r="ICS731" s="423" t="s">
        <v>2795</v>
      </c>
      <c r="ICT731" s="424"/>
      <c r="ICU731" s="424"/>
      <c r="ICV731" s="424"/>
      <c r="ICW731" s="423" t="s">
        <v>2795</v>
      </c>
      <c r="ICX731" s="424"/>
      <c r="ICY731" s="424"/>
      <c r="ICZ731" s="424"/>
      <c r="IDA731" s="423" t="s">
        <v>2795</v>
      </c>
      <c r="IDB731" s="424"/>
      <c r="IDC731" s="424"/>
      <c r="IDD731" s="424"/>
      <c r="IDE731" s="423" t="s">
        <v>2795</v>
      </c>
      <c r="IDF731" s="424"/>
      <c r="IDG731" s="424"/>
      <c r="IDH731" s="424"/>
      <c r="IDI731" s="423" t="s">
        <v>2795</v>
      </c>
      <c r="IDJ731" s="424"/>
      <c r="IDK731" s="424"/>
      <c r="IDL731" s="424"/>
      <c r="IDM731" s="423" t="s">
        <v>2795</v>
      </c>
      <c r="IDN731" s="424"/>
      <c r="IDO731" s="424"/>
      <c r="IDP731" s="424"/>
      <c r="IDQ731" s="423" t="s">
        <v>2795</v>
      </c>
      <c r="IDR731" s="424"/>
      <c r="IDS731" s="424"/>
      <c r="IDT731" s="424"/>
      <c r="IDU731" s="423" t="s">
        <v>2795</v>
      </c>
      <c r="IDV731" s="424"/>
      <c r="IDW731" s="424"/>
      <c r="IDX731" s="424"/>
      <c r="IDY731" s="423" t="s">
        <v>2795</v>
      </c>
      <c r="IDZ731" s="424"/>
      <c r="IEA731" s="424"/>
      <c r="IEB731" s="424"/>
      <c r="IEC731" s="423" t="s">
        <v>2795</v>
      </c>
      <c r="IED731" s="424"/>
      <c r="IEE731" s="424"/>
      <c r="IEF731" s="424"/>
      <c r="IEG731" s="423" t="s">
        <v>2795</v>
      </c>
      <c r="IEH731" s="424"/>
      <c r="IEI731" s="424"/>
      <c r="IEJ731" s="424"/>
      <c r="IEK731" s="423" t="s">
        <v>2795</v>
      </c>
      <c r="IEL731" s="424"/>
      <c r="IEM731" s="424"/>
      <c r="IEN731" s="424"/>
      <c r="IEO731" s="423" t="s">
        <v>2795</v>
      </c>
      <c r="IEP731" s="424"/>
      <c r="IEQ731" s="424"/>
      <c r="IER731" s="424"/>
      <c r="IES731" s="423" t="s">
        <v>2795</v>
      </c>
      <c r="IET731" s="424"/>
      <c r="IEU731" s="424"/>
      <c r="IEV731" s="424"/>
      <c r="IEW731" s="423" t="s">
        <v>2795</v>
      </c>
      <c r="IEX731" s="424"/>
      <c r="IEY731" s="424"/>
      <c r="IEZ731" s="424"/>
      <c r="IFA731" s="423" t="s">
        <v>2795</v>
      </c>
      <c r="IFB731" s="424"/>
      <c r="IFC731" s="424"/>
      <c r="IFD731" s="424"/>
      <c r="IFE731" s="423" t="s">
        <v>2795</v>
      </c>
      <c r="IFF731" s="424"/>
      <c r="IFG731" s="424"/>
      <c r="IFH731" s="424"/>
      <c r="IFI731" s="423" t="s">
        <v>2795</v>
      </c>
      <c r="IFJ731" s="424"/>
      <c r="IFK731" s="424"/>
      <c r="IFL731" s="424"/>
      <c r="IFM731" s="423" t="s">
        <v>2795</v>
      </c>
      <c r="IFN731" s="424"/>
      <c r="IFO731" s="424"/>
      <c r="IFP731" s="424"/>
      <c r="IFQ731" s="423" t="s">
        <v>2795</v>
      </c>
      <c r="IFR731" s="424"/>
      <c r="IFS731" s="424"/>
      <c r="IFT731" s="424"/>
      <c r="IFU731" s="423" t="s">
        <v>2795</v>
      </c>
      <c r="IFV731" s="424"/>
      <c r="IFW731" s="424"/>
      <c r="IFX731" s="424"/>
      <c r="IFY731" s="423" t="s">
        <v>2795</v>
      </c>
      <c r="IFZ731" s="424"/>
      <c r="IGA731" s="424"/>
      <c r="IGB731" s="424"/>
      <c r="IGC731" s="423" t="s">
        <v>2795</v>
      </c>
      <c r="IGD731" s="424"/>
      <c r="IGE731" s="424"/>
      <c r="IGF731" s="424"/>
      <c r="IGG731" s="423" t="s">
        <v>2795</v>
      </c>
      <c r="IGH731" s="424"/>
      <c r="IGI731" s="424"/>
      <c r="IGJ731" s="424"/>
      <c r="IGK731" s="423" t="s">
        <v>2795</v>
      </c>
      <c r="IGL731" s="424"/>
      <c r="IGM731" s="424"/>
      <c r="IGN731" s="424"/>
      <c r="IGO731" s="423" t="s">
        <v>2795</v>
      </c>
      <c r="IGP731" s="424"/>
      <c r="IGQ731" s="424"/>
      <c r="IGR731" s="424"/>
      <c r="IGS731" s="423" t="s">
        <v>2795</v>
      </c>
      <c r="IGT731" s="424"/>
      <c r="IGU731" s="424"/>
      <c r="IGV731" s="424"/>
      <c r="IGW731" s="423" t="s">
        <v>2795</v>
      </c>
      <c r="IGX731" s="424"/>
      <c r="IGY731" s="424"/>
      <c r="IGZ731" s="424"/>
      <c r="IHA731" s="423" t="s">
        <v>2795</v>
      </c>
      <c r="IHB731" s="424"/>
      <c r="IHC731" s="424"/>
      <c r="IHD731" s="424"/>
      <c r="IHE731" s="423" t="s">
        <v>2795</v>
      </c>
      <c r="IHF731" s="424"/>
      <c r="IHG731" s="424"/>
      <c r="IHH731" s="424"/>
      <c r="IHI731" s="423" t="s">
        <v>2795</v>
      </c>
      <c r="IHJ731" s="424"/>
      <c r="IHK731" s="424"/>
      <c r="IHL731" s="424"/>
      <c r="IHM731" s="423" t="s">
        <v>2795</v>
      </c>
      <c r="IHN731" s="424"/>
      <c r="IHO731" s="424"/>
      <c r="IHP731" s="424"/>
      <c r="IHQ731" s="423" t="s">
        <v>2795</v>
      </c>
      <c r="IHR731" s="424"/>
      <c r="IHS731" s="424"/>
      <c r="IHT731" s="424"/>
      <c r="IHU731" s="423" t="s">
        <v>2795</v>
      </c>
      <c r="IHV731" s="424"/>
      <c r="IHW731" s="424"/>
      <c r="IHX731" s="424"/>
      <c r="IHY731" s="423" t="s">
        <v>2795</v>
      </c>
      <c r="IHZ731" s="424"/>
      <c r="IIA731" s="424"/>
      <c r="IIB731" s="424"/>
      <c r="IIC731" s="423" t="s">
        <v>2795</v>
      </c>
      <c r="IID731" s="424"/>
      <c r="IIE731" s="424"/>
      <c r="IIF731" s="424"/>
      <c r="IIG731" s="423" t="s">
        <v>2795</v>
      </c>
      <c r="IIH731" s="424"/>
      <c r="III731" s="424"/>
      <c r="IIJ731" s="424"/>
      <c r="IIK731" s="423" t="s">
        <v>2795</v>
      </c>
      <c r="IIL731" s="424"/>
      <c r="IIM731" s="424"/>
      <c r="IIN731" s="424"/>
      <c r="IIO731" s="423" t="s">
        <v>2795</v>
      </c>
      <c r="IIP731" s="424"/>
      <c r="IIQ731" s="424"/>
      <c r="IIR731" s="424"/>
      <c r="IIS731" s="423" t="s">
        <v>2795</v>
      </c>
      <c r="IIT731" s="424"/>
      <c r="IIU731" s="424"/>
      <c r="IIV731" s="424"/>
      <c r="IIW731" s="423" t="s">
        <v>2795</v>
      </c>
      <c r="IIX731" s="424"/>
      <c r="IIY731" s="424"/>
      <c r="IIZ731" s="424"/>
      <c r="IJA731" s="423" t="s">
        <v>2795</v>
      </c>
      <c r="IJB731" s="424"/>
      <c r="IJC731" s="424"/>
      <c r="IJD731" s="424"/>
      <c r="IJE731" s="423" t="s">
        <v>2795</v>
      </c>
      <c r="IJF731" s="424"/>
      <c r="IJG731" s="424"/>
      <c r="IJH731" s="424"/>
      <c r="IJI731" s="423" t="s">
        <v>2795</v>
      </c>
      <c r="IJJ731" s="424"/>
      <c r="IJK731" s="424"/>
      <c r="IJL731" s="424"/>
      <c r="IJM731" s="423" t="s">
        <v>2795</v>
      </c>
      <c r="IJN731" s="424"/>
      <c r="IJO731" s="424"/>
      <c r="IJP731" s="424"/>
      <c r="IJQ731" s="423" t="s">
        <v>2795</v>
      </c>
      <c r="IJR731" s="424"/>
      <c r="IJS731" s="424"/>
      <c r="IJT731" s="424"/>
      <c r="IJU731" s="423" t="s">
        <v>2795</v>
      </c>
      <c r="IJV731" s="424"/>
      <c r="IJW731" s="424"/>
      <c r="IJX731" s="424"/>
      <c r="IJY731" s="423" t="s">
        <v>2795</v>
      </c>
      <c r="IJZ731" s="424"/>
      <c r="IKA731" s="424"/>
      <c r="IKB731" s="424"/>
      <c r="IKC731" s="423" t="s">
        <v>2795</v>
      </c>
      <c r="IKD731" s="424"/>
      <c r="IKE731" s="424"/>
      <c r="IKF731" s="424"/>
      <c r="IKG731" s="423" t="s">
        <v>2795</v>
      </c>
      <c r="IKH731" s="424"/>
      <c r="IKI731" s="424"/>
      <c r="IKJ731" s="424"/>
      <c r="IKK731" s="423" t="s">
        <v>2795</v>
      </c>
      <c r="IKL731" s="424"/>
      <c r="IKM731" s="424"/>
      <c r="IKN731" s="424"/>
      <c r="IKO731" s="423" t="s">
        <v>2795</v>
      </c>
      <c r="IKP731" s="424"/>
      <c r="IKQ731" s="424"/>
      <c r="IKR731" s="424"/>
      <c r="IKS731" s="423" t="s">
        <v>2795</v>
      </c>
      <c r="IKT731" s="424"/>
      <c r="IKU731" s="424"/>
      <c r="IKV731" s="424"/>
      <c r="IKW731" s="423" t="s">
        <v>2795</v>
      </c>
      <c r="IKX731" s="424"/>
      <c r="IKY731" s="424"/>
      <c r="IKZ731" s="424"/>
      <c r="ILA731" s="423" t="s">
        <v>2795</v>
      </c>
      <c r="ILB731" s="424"/>
      <c r="ILC731" s="424"/>
      <c r="ILD731" s="424"/>
      <c r="ILE731" s="423" t="s">
        <v>2795</v>
      </c>
      <c r="ILF731" s="424"/>
      <c r="ILG731" s="424"/>
      <c r="ILH731" s="424"/>
      <c r="ILI731" s="423" t="s">
        <v>2795</v>
      </c>
      <c r="ILJ731" s="424"/>
      <c r="ILK731" s="424"/>
      <c r="ILL731" s="424"/>
      <c r="ILM731" s="423" t="s">
        <v>2795</v>
      </c>
      <c r="ILN731" s="424"/>
      <c r="ILO731" s="424"/>
      <c r="ILP731" s="424"/>
      <c r="ILQ731" s="423" t="s">
        <v>2795</v>
      </c>
      <c r="ILR731" s="424"/>
      <c r="ILS731" s="424"/>
      <c r="ILT731" s="424"/>
      <c r="ILU731" s="423" t="s">
        <v>2795</v>
      </c>
      <c r="ILV731" s="424"/>
      <c r="ILW731" s="424"/>
      <c r="ILX731" s="424"/>
      <c r="ILY731" s="423" t="s">
        <v>2795</v>
      </c>
      <c r="ILZ731" s="424"/>
      <c r="IMA731" s="424"/>
      <c r="IMB731" s="424"/>
      <c r="IMC731" s="423" t="s">
        <v>2795</v>
      </c>
      <c r="IMD731" s="424"/>
      <c r="IME731" s="424"/>
      <c r="IMF731" s="424"/>
      <c r="IMG731" s="423" t="s">
        <v>2795</v>
      </c>
      <c r="IMH731" s="424"/>
      <c r="IMI731" s="424"/>
      <c r="IMJ731" s="424"/>
      <c r="IMK731" s="423" t="s">
        <v>2795</v>
      </c>
      <c r="IML731" s="424"/>
      <c r="IMM731" s="424"/>
      <c r="IMN731" s="424"/>
      <c r="IMO731" s="423" t="s">
        <v>2795</v>
      </c>
      <c r="IMP731" s="424"/>
      <c r="IMQ731" s="424"/>
      <c r="IMR731" s="424"/>
      <c r="IMS731" s="423" t="s">
        <v>2795</v>
      </c>
      <c r="IMT731" s="424"/>
      <c r="IMU731" s="424"/>
      <c r="IMV731" s="424"/>
      <c r="IMW731" s="423" t="s">
        <v>2795</v>
      </c>
      <c r="IMX731" s="424"/>
      <c r="IMY731" s="424"/>
      <c r="IMZ731" s="424"/>
      <c r="INA731" s="423" t="s">
        <v>2795</v>
      </c>
      <c r="INB731" s="424"/>
      <c r="INC731" s="424"/>
      <c r="IND731" s="424"/>
      <c r="INE731" s="423" t="s">
        <v>2795</v>
      </c>
      <c r="INF731" s="424"/>
      <c r="ING731" s="424"/>
      <c r="INH731" s="424"/>
      <c r="INI731" s="423" t="s">
        <v>2795</v>
      </c>
      <c r="INJ731" s="424"/>
      <c r="INK731" s="424"/>
      <c r="INL731" s="424"/>
      <c r="INM731" s="423" t="s">
        <v>2795</v>
      </c>
      <c r="INN731" s="424"/>
      <c r="INO731" s="424"/>
      <c r="INP731" s="424"/>
      <c r="INQ731" s="423" t="s">
        <v>2795</v>
      </c>
      <c r="INR731" s="424"/>
      <c r="INS731" s="424"/>
      <c r="INT731" s="424"/>
      <c r="INU731" s="423" t="s">
        <v>2795</v>
      </c>
      <c r="INV731" s="424"/>
      <c r="INW731" s="424"/>
      <c r="INX731" s="424"/>
      <c r="INY731" s="423" t="s">
        <v>2795</v>
      </c>
      <c r="INZ731" s="424"/>
      <c r="IOA731" s="424"/>
      <c r="IOB731" s="424"/>
      <c r="IOC731" s="423" t="s">
        <v>2795</v>
      </c>
      <c r="IOD731" s="424"/>
      <c r="IOE731" s="424"/>
      <c r="IOF731" s="424"/>
      <c r="IOG731" s="423" t="s">
        <v>2795</v>
      </c>
      <c r="IOH731" s="424"/>
      <c r="IOI731" s="424"/>
      <c r="IOJ731" s="424"/>
      <c r="IOK731" s="423" t="s">
        <v>2795</v>
      </c>
      <c r="IOL731" s="424"/>
      <c r="IOM731" s="424"/>
      <c r="ION731" s="424"/>
      <c r="IOO731" s="423" t="s">
        <v>2795</v>
      </c>
      <c r="IOP731" s="424"/>
      <c r="IOQ731" s="424"/>
      <c r="IOR731" s="424"/>
      <c r="IOS731" s="423" t="s">
        <v>2795</v>
      </c>
      <c r="IOT731" s="424"/>
      <c r="IOU731" s="424"/>
      <c r="IOV731" s="424"/>
      <c r="IOW731" s="423" t="s">
        <v>2795</v>
      </c>
      <c r="IOX731" s="424"/>
      <c r="IOY731" s="424"/>
      <c r="IOZ731" s="424"/>
      <c r="IPA731" s="423" t="s">
        <v>2795</v>
      </c>
      <c r="IPB731" s="424"/>
      <c r="IPC731" s="424"/>
      <c r="IPD731" s="424"/>
      <c r="IPE731" s="423" t="s">
        <v>2795</v>
      </c>
      <c r="IPF731" s="424"/>
      <c r="IPG731" s="424"/>
      <c r="IPH731" s="424"/>
      <c r="IPI731" s="423" t="s">
        <v>2795</v>
      </c>
      <c r="IPJ731" s="424"/>
      <c r="IPK731" s="424"/>
      <c r="IPL731" s="424"/>
      <c r="IPM731" s="423" t="s">
        <v>2795</v>
      </c>
      <c r="IPN731" s="424"/>
      <c r="IPO731" s="424"/>
      <c r="IPP731" s="424"/>
      <c r="IPQ731" s="423" t="s">
        <v>2795</v>
      </c>
      <c r="IPR731" s="424"/>
      <c r="IPS731" s="424"/>
      <c r="IPT731" s="424"/>
      <c r="IPU731" s="423" t="s">
        <v>2795</v>
      </c>
      <c r="IPV731" s="424"/>
      <c r="IPW731" s="424"/>
      <c r="IPX731" s="424"/>
      <c r="IPY731" s="423" t="s">
        <v>2795</v>
      </c>
      <c r="IPZ731" s="424"/>
      <c r="IQA731" s="424"/>
      <c r="IQB731" s="424"/>
      <c r="IQC731" s="423" t="s">
        <v>2795</v>
      </c>
      <c r="IQD731" s="424"/>
      <c r="IQE731" s="424"/>
      <c r="IQF731" s="424"/>
      <c r="IQG731" s="423" t="s">
        <v>2795</v>
      </c>
      <c r="IQH731" s="424"/>
      <c r="IQI731" s="424"/>
      <c r="IQJ731" s="424"/>
      <c r="IQK731" s="423" t="s">
        <v>2795</v>
      </c>
      <c r="IQL731" s="424"/>
      <c r="IQM731" s="424"/>
      <c r="IQN731" s="424"/>
      <c r="IQO731" s="423" t="s">
        <v>2795</v>
      </c>
      <c r="IQP731" s="424"/>
      <c r="IQQ731" s="424"/>
      <c r="IQR731" s="424"/>
      <c r="IQS731" s="423" t="s">
        <v>2795</v>
      </c>
      <c r="IQT731" s="424"/>
      <c r="IQU731" s="424"/>
      <c r="IQV731" s="424"/>
      <c r="IQW731" s="423" t="s">
        <v>2795</v>
      </c>
      <c r="IQX731" s="424"/>
      <c r="IQY731" s="424"/>
      <c r="IQZ731" s="424"/>
      <c r="IRA731" s="423" t="s">
        <v>2795</v>
      </c>
      <c r="IRB731" s="424"/>
      <c r="IRC731" s="424"/>
      <c r="IRD731" s="424"/>
      <c r="IRE731" s="423" t="s">
        <v>2795</v>
      </c>
      <c r="IRF731" s="424"/>
      <c r="IRG731" s="424"/>
      <c r="IRH731" s="424"/>
      <c r="IRI731" s="423" t="s">
        <v>2795</v>
      </c>
      <c r="IRJ731" s="424"/>
      <c r="IRK731" s="424"/>
      <c r="IRL731" s="424"/>
      <c r="IRM731" s="423" t="s">
        <v>2795</v>
      </c>
      <c r="IRN731" s="424"/>
      <c r="IRO731" s="424"/>
      <c r="IRP731" s="424"/>
      <c r="IRQ731" s="423" t="s">
        <v>2795</v>
      </c>
      <c r="IRR731" s="424"/>
      <c r="IRS731" s="424"/>
      <c r="IRT731" s="424"/>
      <c r="IRU731" s="423" t="s">
        <v>2795</v>
      </c>
      <c r="IRV731" s="424"/>
      <c r="IRW731" s="424"/>
      <c r="IRX731" s="424"/>
      <c r="IRY731" s="423" t="s">
        <v>2795</v>
      </c>
      <c r="IRZ731" s="424"/>
      <c r="ISA731" s="424"/>
      <c r="ISB731" s="424"/>
      <c r="ISC731" s="423" t="s">
        <v>2795</v>
      </c>
      <c r="ISD731" s="424"/>
      <c r="ISE731" s="424"/>
      <c r="ISF731" s="424"/>
      <c r="ISG731" s="423" t="s">
        <v>2795</v>
      </c>
      <c r="ISH731" s="424"/>
      <c r="ISI731" s="424"/>
      <c r="ISJ731" s="424"/>
      <c r="ISK731" s="423" t="s">
        <v>2795</v>
      </c>
      <c r="ISL731" s="424"/>
      <c r="ISM731" s="424"/>
      <c r="ISN731" s="424"/>
      <c r="ISO731" s="423" t="s">
        <v>2795</v>
      </c>
      <c r="ISP731" s="424"/>
      <c r="ISQ731" s="424"/>
      <c r="ISR731" s="424"/>
      <c r="ISS731" s="423" t="s">
        <v>2795</v>
      </c>
      <c r="IST731" s="424"/>
      <c r="ISU731" s="424"/>
      <c r="ISV731" s="424"/>
      <c r="ISW731" s="423" t="s">
        <v>2795</v>
      </c>
      <c r="ISX731" s="424"/>
      <c r="ISY731" s="424"/>
      <c r="ISZ731" s="424"/>
      <c r="ITA731" s="423" t="s">
        <v>2795</v>
      </c>
      <c r="ITB731" s="424"/>
      <c r="ITC731" s="424"/>
      <c r="ITD731" s="424"/>
      <c r="ITE731" s="423" t="s">
        <v>2795</v>
      </c>
      <c r="ITF731" s="424"/>
      <c r="ITG731" s="424"/>
      <c r="ITH731" s="424"/>
      <c r="ITI731" s="423" t="s">
        <v>2795</v>
      </c>
      <c r="ITJ731" s="424"/>
      <c r="ITK731" s="424"/>
      <c r="ITL731" s="424"/>
      <c r="ITM731" s="423" t="s">
        <v>2795</v>
      </c>
      <c r="ITN731" s="424"/>
      <c r="ITO731" s="424"/>
      <c r="ITP731" s="424"/>
      <c r="ITQ731" s="423" t="s">
        <v>2795</v>
      </c>
      <c r="ITR731" s="424"/>
      <c r="ITS731" s="424"/>
      <c r="ITT731" s="424"/>
      <c r="ITU731" s="423" t="s">
        <v>2795</v>
      </c>
      <c r="ITV731" s="424"/>
      <c r="ITW731" s="424"/>
      <c r="ITX731" s="424"/>
      <c r="ITY731" s="423" t="s">
        <v>2795</v>
      </c>
      <c r="ITZ731" s="424"/>
      <c r="IUA731" s="424"/>
      <c r="IUB731" s="424"/>
      <c r="IUC731" s="423" t="s">
        <v>2795</v>
      </c>
      <c r="IUD731" s="424"/>
      <c r="IUE731" s="424"/>
      <c r="IUF731" s="424"/>
      <c r="IUG731" s="423" t="s">
        <v>2795</v>
      </c>
      <c r="IUH731" s="424"/>
      <c r="IUI731" s="424"/>
      <c r="IUJ731" s="424"/>
      <c r="IUK731" s="423" t="s">
        <v>2795</v>
      </c>
      <c r="IUL731" s="424"/>
      <c r="IUM731" s="424"/>
      <c r="IUN731" s="424"/>
      <c r="IUO731" s="423" t="s">
        <v>2795</v>
      </c>
      <c r="IUP731" s="424"/>
      <c r="IUQ731" s="424"/>
      <c r="IUR731" s="424"/>
      <c r="IUS731" s="423" t="s">
        <v>2795</v>
      </c>
      <c r="IUT731" s="424"/>
      <c r="IUU731" s="424"/>
      <c r="IUV731" s="424"/>
      <c r="IUW731" s="423" t="s">
        <v>2795</v>
      </c>
      <c r="IUX731" s="424"/>
      <c r="IUY731" s="424"/>
      <c r="IUZ731" s="424"/>
      <c r="IVA731" s="423" t="s">
        <v>2795</v>
      </c>
      <c r="IVB731" s="424"/>
      <c r="IVC731" s="424"/>
      <c r="IVD731" s="424"/>
      <c r="IVE731" s="423" t="s">
        <v>2795</v>
      </c>
      <c r="IVF731" s="424"/>
      <c r="IVG731" s="424"/>
      <c r="IVH731" s="424"/>
      <c r="IVI731" s="423" t="s">
        <v>2795</v>
      </c>
      <c r="IVJ731" s="424"/>
      <c r="IVK731" s="424"/>
      <c r="IVL731" s="424"/>
      <c r="IVM731" s="423" t="s">
        <v>2795</v>
      </c>
      <c r="IVN731" s="424"/>
      <c r="IVO731" s="424"/>
      <c r="IVP731" s="424"/>
      <c r="IVQ731" s="423" t="s">
        <v>2795</v>
      </c>
      <c r="IVR731" s="424"/>
      <c r="IVS731" s="424"/>
      <c r="IVT731" s="424"/>
      <c r="IVU731" s="423" t="s">
        <v>2795</v>
      </c>
      <c r="IVV731" s="424"/>
      <c r="IVW731" s="424"/>
      <c r="IVX731" s="424"/>
      <c r="IVY731" s="423" t="s">
        <v>2795</v>
      </c>
      <c r="IVZ731" s="424"/>
      <c r="IWA731" s="424"/>
      <c r="IWB731" s="424"/>
      <c r="IWC731" s="423" t="s">
        <v>2795</v>
      </c>
      <c r="IWD731" s="424"/>
      <c r="IWE731" s="424"/>
      <c r="IWF731" s="424"/>
      <c r="IWG731" s="423" t="s">
        <v>2795</v>
      </c>
      <c r="IWH731" s="424"/>
      <c r="IWI731" s="424"/>
      <c r="IWJ731" s="424"/>
      <c r="IWK731" s="423" t="s">
        <v>2795</v>
      </c>
      <c r="IWL731" s="424"/>
      <c r="IWM731" s="424"/>
      <c r="IWN731" s="424"/>
      <c r="IWO731" s="423" t="s">
        <v>2795</v>
      </c>
      <c r="IWP731" s="424"/>
      <c r="IWQ731" s="424"/>
      <c r="IWR731" s="424"/>
      <c r="IWS731" s="423" t="s">
        <v>2795</v>
      </c>
      <c r="IWT731" s="424"/>
      <c r="IWU731" s="424"/>
      <c r="IWV731" s="424"/>
      <c r="IWW731" s="423" t="s">
        <v>2795</v>
      </c>
      <c r="IWX731" s="424"/>
      <c r="IWY731" s="424"/>
      <c r="IWZ731" s="424"/>
      <c r="IXA731" s="423" t="s">
        <v>2795</v>
      </c>
      <c r="IXB731" s="424"/>
      <c r="IXC731" s="424"/>
      <c r="IXD731" s="424"/>
      <c r="IXE731" s="423" t="s">
        <v>2795</v>
      </c>
      <c r="IXF731" s="424"/>
      <c r="IXG731" s="424"/>
      <c r="IXH731" s="424"/>
      <c r="IXI731" s="423" t="s">
        <v>2795</v>
      </c>
      <c r="IXJ731" s="424"/>
      <c r="IXK731" s="424"/>
      <c r="IXL731" s="424"/>
      <c r="IXM731" s="423" t="s">
        <v>2795</v>
      </c>
      <c r="IXN731" s="424"/>
      <c r="IXO731" s="424"/>
      <c r="IXP731" s="424"/>
      <c r="IXQ731" s="423" t="s">
        <v>2795</v>
      </c>
      <c r="IXR731" s="424"/>
      <c r="IXS731" s="424"/>
      <c r="IXT731" s="424"/>
      <c r="IXU731" s="423" t="s">
        <v>2795</v>
      </c>
      <c r="IXV731" s="424"/>
      <c r="IXW731" s="424"/>
      <c r="IXX731" s="424"/>
      <c r="IXY731" s="423" t="s">
        <v>2795</v>
      </c>
      <c r="IXZ731" s="424"/>
      <c r="IYA731" s="424"/>
      <c r="IYB731" s="424"/>
      <c r="IYC731" s="423" t="s">
        <v>2795</v>
      </c>
      <c r="IYD731" s="424"/>
      <c r="IYE731" s="424"/>
      <c r="IYF731" s="424"/>
      <c r="IYG731" s="423" t="s">
        <v>2795</v>
      </c>
      <c r="IYH731" s="424"/>
      <c r="IYI731" s="424"/>
      <c r="IYJ731" s="424"/>
      <c r="IYK731" s="423" t="s">
        <v>2795</v>
      </c>
      <c r="IYL731" s="424"/>
      <c r="IYM731" s="424"/>
      <c r="IYN731" s="424"/>
      <c r="IYO731" s="423" t="s">
        <v>2795</v>
      </c>
      <c r="IYP731" s="424"/>
      <c r="IYQ731" s="424"/>
      <c r="IYR731" s="424"/>
      <c r="IYS731" s="423" t="s">
        <v>2795</v>
      </c>
      <c r="IYT731" s="424"/>
      <c r="IYU731" s="424"/>
      <c r="IYV731" s="424"/>
      <c r="IYW731" s="423" t="s">
        <v>2795</v>
      </c>
      <c r="IYX731" s="424"/>
      <c r="IYY731" s="424"/>
      <c r="IYZ731" s="424"/>
      <c r="IZA731" s="423" t="s">
        <v>2795</v>
      </c>
      <c r="IZB731" s="424"/>
      <c r="IZC731" s="424"/>
      <c r="IZD731" s="424"/>
      <c r="IZE731" s="423" t="s">
        <v>2795</v>
      </c>
      <c r="IZF731" s="424"/>
      <c r="IZG731" s="424"/>
      <c r="IZH731" s="424"/>
      <c r="IZI731" s="423" t="s">
        <v>2795</v>
      </c>
      <c r="IZJ731" s="424"/>
      <c r="IZK731" s="424"/>
      <c r="IZL731" s="424"/>
      <c r="IZM731" s="423" t="s">
        <v>2795</v>
      </c>
      <c r="IZN731" s="424"/>
      <c r="IZO731" s="424"/>
      <c r="IZP731" s="424"/>
      <c r="IZQ731" s="423" t="s">
        <v>2795</v>
      </c>
      <c r="IZR731" s="424"/>
      <c r="IZS731" s="424"/>
      <c r="IZT731" s="424"/>
      <c r="IZU731" s="423" t="s">
        <v>2795</v>
      </c>
      <c r="IZV731" s="424"/>
      <c r="IZW731" s="424"/>
      <c r="IZX731" s="424"/>
      <c r="IZY731" s="423" t="s">
        <v>2795</v>
      </c>
      <c r="IZZ731" s="424"/>
      <c r="JAA731" s="424"/>
      <c r="JAB731" s="424"/>
      <c r="JAC731" s="423" t="s">
        <v>2795</v>
      </c>
      <c r="JAD731" s="424"/>
      <c r="JAE731" s="424"/>
      <c r="JAF731" s="424"/>
      <c r="JAG731" s="423" t="s">
        <v>2795</v>
      </c>
      <c r="JAH731" s="424"/>
      <c r="JAI731" s="424"/>
      <c r="JAJ731" s="424"/>
      <c r="JAK731" s="423" t="s">
        <v>2795</v>
      </c>
      <c r="JAL731" s="424"/>
      <c r="JAM731" s="424"/>
      <c r="JAN731" s="424"/>
      <c r="JAO731" s="423" t="s">
        <v>2795</v>
      </c>
      <c r="JAP731" s="424"/>
      <c r="JAQ731" s="424"/>
      <c r="JAR731" s="424"/>
      <c r="JAS731" s="423" t="s">
        <v>2795</v>
      </c>
      <c r="JAT731" s="424"/>
      <c r="JAU731" s="424"/>
      <c r="JAV731" s="424"/>
      <c r="JAW731" s="423" t="s">
        <v>2795</v>
      </c>
      <c r="JAX731" s="424"/>
      <c r="JAY731" s="424"/>
      <c r="JAZ731" s="424"/>
      <c r="JBA731" s="423" t="s">
        <v>2795</v>
      </c>
      <c r="JBB731" s="424"/>
      <c r="JBC731" s="424"/>
      <c r="JBD731" s="424"/>
      <c r="JBE731" s="423" t="s">
        <v>2795</v>
      </c>
      <c r="JBF731" s="424"/>
      <c r="JBG731" s="424"/>
      <c r="JBH731" s="424"/>
      <c r="JBI731" s="423" t="s">
        <v>2795</v>
      </c>
      <c r="JBJ731" s="424"/>
      <c r="JBK731" s="424"/>
      <c r="JBL731" s="424"/>
      <c r="JBM731" s="423" t="s">
        <v>2795</v>
      </c>
      <c r="JBN731" s="424"/>
      <c r="JBO731" s="424"/>
      <c r="JBP731" s="424"/>
      <c r="JBQ731" s="423" t="s">
        <v>2795</v>
      </c>
      <c r="JBR731" s="424"/>
      <c r="JBS731" s="424"/>
      <c r="JBT731" s="424"/>
      <c r="JBU731" s="423" t="s">
        <v>2795</v>
      </c>
      <c r="JBV731" s="424"/>
      <c r="JBW731" s="424"/>
      <c r="JBX731" s="424"/>
      <c r="JBY731" s="423" t="s">
        <v>2795</v>
      </c>
      <c r="JBZ731" s="424"/>
      <c r="JCA731" s="424"/>
      <c r="JCB731" s="424"/>
      <c r="JCC731" s="423" t="s">
        <v>2795</v>
      </c>
      <c r="JCD731" s="424"/>
      <c r="JCE731" s="424"/>
      <c r="JCF731" s="424"/>
      <c r="JCG731" s="423" t="s">
        <v>2795</v>
      </c>
      <c r="JCH731" s="424"/>
      <c r="JCI731" s="424"/>
      <c r="JCJ731" s="424"/>
      <c r="JCK731" s="423" t="s">
        <v>2795</v>
      </c>
      <c r="JCL731" s="424"/>
      <c r="JCM731" s="424"/>
      <c r="JCN731" s="424"/>
      <c r="JCO731" s="423" t="s">
        <v>2795</v>
      </c>
      <c r="JCP731" s="424"/>
      <c r="JCQ731" s="424"/>
      <c r="JCR731" s="424"/>
      <c r="JCS731" s="423" t="s">
        <v>2795</v>
      </c>
      <c r="JCT731" s="424"/>
      <c r="JCU731" s="424"/>
      <c r="JCV731" s="424"/>
      <c r="JCW731" s="423" t="s">
        <v>2795</v>
      </c>
      <c r="JCX731" s="424"/>
      <c r="JCY731" s="424"/>
      <c r="JCZ731" s="424"/>
      <c r="JDA731" s="423" t="s">
        <v>2795</v>
      </c>
      <c r="JDB731" s="424"/>
      <c r="JDC731" s="424"/>
      <c r="JDD731" s="424"/>
      <c r="JDE731" s="423" t="s">
        <v>2795</v>
      </c>
      <c r="JDF731" s="424"/>
      <c r="JDG731" s="424"/>
      <c r="JDH731" s="424"/>
      <c r="JDI731" s="423" t="s">
        <v>2795</v>
      </c>
      <c r="JDJ731" s="424"/>
      <c r="JDK731" s="424"/>
      <c r="JDL731" s="424"/>
      <c r="JDM731" s="423" t="s">
        <v>2795</v>
      </c>
      <c r="JDN731" s="424"/>
      <c r="JDO731" s="424"/>
      <c r="JDP731" s="424"/>
      <c r="JDQ731" s="423" t="s">
        <v>2795</v>
      </c>
      <c r="JDR731" s="424"/>
      <c r="JDS731" s="424"/>
      <c r="JDT731" s="424"/>
      <c r="JDU731" s="423" t="s">
        <v>2795</v>
      </c>
      <c r="JDV731" s="424"/>
      <c r="JDW731" s="424"/>
      <c r="JDX731" s="424"/>
      <c r="JDY731" s="423" t="s">
        <v>2795</v>
      </c>
      <c r="JDZ731" s="424"/>
      <c r="JEA731" s="424"/>
      <c r="JEB731" s="424"/>
      <c r="JEC731" s="423" t="s">
        <v>2795</v>
      </c>
      <c r="JED731" s="424"/>
      <c r="JEE731" s="424"/>
      <c r="JEF731" s="424"/>
      <c r="JEG731" s="423" t="s">
        <v>2795</v>
      </c>
      <c r="JEH731" s="424"/>
      <c r="JEI731" s="424"/>
      <c r="JEJ731" s="424"/>
      <c r="JEK731" s="423" t="s">
        <v>2795</v>
      </c>
      <c r="JEL731" s="424"/>
      <c r="JEM731" s="424"/>
      <c r="JEN731" s="424"/>
      <c r="JEO731" s="423" t="s">
        <v>2795</v>
      </c>
      <c r="JEP731" s="424"/>
      <c r="JEQ731" s="424"/>
      <c r="JER731" s="424"/>
      <c r="JES731" s="423" t="s">
        <v>2795</v>
      </c>
      <c r="JET731" s="424"/>
      <c r="JEU731" s="424"/>
      <c r="JEV731" s="424"/>
      <c r="JEW731" s="423" t="s">
        <v>2795</v>
      </c>
      <c r="JEX731" s="424"/>
      <c r="JEY731" s="424"/>
      <c r="JEZ731" s="424"/>
      <c r="JFA731" s="423" t="s">
        <v>2795</v>
      </c>
      <c r="JFB731" s="424"/>
      <c r="JFC731" s="424"/>
      <c r="JFD731" s="424"/>
      <c r="JFE731" s="423" t="s">
        <v>2795</v>
      </c>
      <c r="JFF731" s="424"/>
      <c r="JFG731" s="424"/>
      <c r="JFH731" s="424"/>
      <c r="JFI731" s="423" t="s">
        <v>2795</v>
      </c>
      <c r="JFJ731" s="424"/>
      <c r="JFK731" s="424"/>
      <c r="JFL731" s="424"/>
      <c r="JFM731" s="423" t="s">
        <v>2795</v>
      </c>
      <c r="JFN731" s="424"/>
      <c r="JFO731" s="424"/>
      <c r="JFP731" s="424"/>
      <c r="JFQ731" s="423" t="s">
        <v>2795</v>
      </c>
      <c r="JFR731" s="424"/>
      <c r="JFS731" s="424"/>
      <c r="JFT731" s="424"/>
      <c r="JFU731" s="423" t="s">
        <v>2795</v>
      </c>
      <c r="JFV731" s="424"/>
      <c r="JFW731" s="424"/>
      <c r="JFX731" s="424"/>
      <c r="JFY731" s="423" t="s">
        <v>2795</v>
      </c>
      <c r="JFZ731" s="424"/>
      <c r="JGA731" s="424"/>
      <c r="JGB731" s="424"/>
      <c r="JGC731" s="423" t="s">
        <v>2795</v>
      </c>
      <c r="JGD731" s="424"/>
      <c r="JGE731" s="424"/>
      <c r="JGF731" s="424"/>
      <c r="JGG731" s="423" t="s">
        <v>2795</v>
      </c>
      <c r="JGH731" s="424"/>
      <c r="JGI731" s="424"/>
      <c r="JGJ731" s="424"/>
      <c r="JGK731" s="423" t="s">
        <v>2795</v>
      </c>
      <c r="JGL731" s="424"/>
      <c r="JGM731" s="424"/>
      <c r="JGN731" s="424"/>
      <c r="JGO731" s="423" t="s">
        <v>2795</v>
      </c>
      <c r="JGP731" s="424"/>
      <c r="JGQ731" s="424"/>
      <c r="JGR731" s="424"/>
      <c r="JGS731" s="423" t="s">
        <v>2795</v>
      </c>
      <c r="JGT731" s="424"/>
      <c r="JGU731" s="424"/>
      <c r="JGV731" s="424"/>
      <c r="JGW731" s="423" t="s">
        <v>2795</v>
      </c>
      <c r="JGX731" s="424"/>
      <c r="JGY731" s="424"/>
      <c r="JGZ731" s="424"/>
      <c r="JHA731" s="423" t="s">
        <v>2795</v>
      </c>
      <c r="JHB731" s="424"/>
      <c r="JHC731" s="424"/>
      <c r="JHD731" s="424"/>
      <c r="JHE731" s="423" t="s">
        <v>2795</v>
      </c>
      <c r="JHF731" s="424"/>
      <c r="JHG731" s="424"/>
      <c r="JHH731" s="424"/>
      <c r="JHI731" s="423" t="s">
        <v>2795</v>
      </c>
      <c r="JHJ731" s="424"/>
      <c r="JHK731" s="424"/>
      <c r="JHL731" s="424"/>
      <c r="JHM731" s="423" t="s">
        <v>2795</v>
      </c>
      <c r="JHN731" s="424"/>
      <c r="JHO731" s="424"/>
      <c r="JHP731" s="424"/>
      <c r="JHQ731" s="423" t="s">
        <v>2795</v>
      </c>
      <c r="JHR731" s="424"/>
      <c r="JHS731" s="424"/>
      <c r="JHT731" s="424"/>
      <c r="JHU731" s="423" t="s">
        <v>2795</v>
      </c>
      <c r="JHV731" s="424"/>
      <c r="JHW731" s="424"/>
      <c r="JHX731" s="424"/>
      <c r="JHY731" s="423" t="s">
        <v>2795</v>
      </c>
      <c r="JHZ731" s="424"/>
      <c r="JIA731" s="424"/>
      <c r="JIB731" s="424"/>
      <c r="JIC731" s="423" t="s">
        <v>2795</v>
      </c>
      <c r="JID731" s="424"/>
      <c r="JIE731" s="424"/>
      <c r="JIF731" s="424"/>
      <c r="JIG731" s="423" t="s">
        <v>2795</v>
      </c>
      <c r="JIH731" s="424"/>
      <c r="JII731" s="424"/>
      <c r="JIJ731" s="424"/>
      <c r="JIK731" s="423" t="s">
        <v>2795</v>
      </c>
      <c r="JIL731" s="424"/>
      <c r="JIM731" s="424"/>
      <c r="JIN731" s="424"/>
      <c r="JIO731" s="423" t="s">
        <v>2795</v>
      </c>
      <c r="JIP731" s="424"/>
      <c r="JIQ731" s="424"/>
      <c r="JIR731" s="424"/>
      <c r="JIS731" s="423" t="s">
        <v>2795</v>
      </c>
      <c r="JIT731" s="424"/>
      <c r="JIU731" s="424"/>
      <c r="JIV731" s="424"/>
      <c r="JIW731" s="423" t="s">
        <v>2795</v>
      </c>
      <c r="JIX731" s="424"/>
      <c r="JIY731" s="424"/>
      <c r="JIZ731" s="424"/>
      <c r="JJA731" s="423" t="s">
        <v>2795</v>
      </c>
      <c r="JJB731" s="424"/>
      <c r="JJC731" s="424"/>
      <c r="JJD731" s="424"/>
      <c r="JJE731" s="423" t="s">
        <v>2795</v>
      </c>
      <c r="JJF731" s="424"/>
      <c r="JJG731" s="424"/>
      <c r="JJH731" s="424"/>
      <c r="JJI731" s="423" t="s">
        <v>2795</v>
      </c>
      <c r="JJJ731" s="424"/>
      <c r="JJK731" s="424"/>
      <c r="JJL731" s="424"/>
      <c r="JJM731" s="423" t="s">
        <v>2795</v>
      </c>
      <c r="JJN731" s="424"/>
      <c r="JJO731" s="424"/>
      <c r="JJP731" s="424"/>
      <c r="JJQ731" s="423" t="s">
        <v>2795</v>
      </c>
      <c r="JJR731" s="424"/>
      <c r="JJS731" s="424"/>
      <c r="JJT731" s="424"/>
      <c r="JJU731" s="423" t="s">
        <v>2795</v>
      </c>
      <c r="JJV731" s="424"/>
      <c r="JJW731" s="424"/>
      <c r="JJX731" s="424"/>
      <c r="JJY731" s="423" t="s">
        <v>2795</v>
      </c>
      <c r="JJZ731" s="424"/>
      <c r="JKA731" s="424"/>
      <c r="JKB731" s="424"/>
      <c r="JKC731" s="423" t="s">
        <v>2795</v>
      </c>
      <c r="JKD731" s="424"/>
      <c r="JKE731" s="424"/>
      <c r="JKF731" s="424"/>
      <c r="JKG731" s="423" t="s">
        <v>2795</v>
      </c>
      <c r="JKH731" s="424"/>
      <c r="JKI731" s="424"/>
      <c r="JKJ731" s="424"/>
      <c r="JKK731" s="423" t="s">
        <v>2795</v>
      </c>
      <c r="JKL731" s="424"/>
      <c r="JKM731" s="424"/>
      <c r="JKN731" s="424"/>
      <c r="JKO731" s="423" t="s">
        <v>2795</v>
      </c>
      <c r="JKP731" s="424"/>
      <c r="JKQ731" s="424"/>
      <c r="JKR731" s="424"/>
      <c r="JKS731" s="423" t="s">
        <v>2795</v>
      </c>
      <c r="JKT731" s="424"/>
      <c r="JKU731" s="424"/>
      <c r="JKV731" s="424"/>
      <c r="JKW731" s="423" t="s">
        <v>2795</v>
      </c>
      <c r="JKX731" s="424"/>
      <c r="JKY731" s="424"/>
      <c r="JKZ731" s="424"/>
      <c r="JLA731" s="423" t="s">
        <v>2795</v>
      </c>
      <c r="JLB731" s="424"/>
      <c r="JLC731" s="424"/>
      <c r="JLD731" s="424"/>
      <c r="JLE731" s="423" t="s">
        <v>2795</v>
      </c>
      <c r="JLF731" s="424"/>
      <c r="JLG731" s="424"/>
      <c r="JLH731" s="424"/>
      <c r="JLI731" s="423" t="s">
        <v>2795</v>
      </c>
      <c r="JLJ731" s="424"/>
      <c r="JLK731" s="424"/>
      <c r="JLL731" s="424"/>
      <c r="JLM731" s="423" t="s">
        <v>2795</v>
      </c>
      <c r="JLN731" s="424"/>
      <c r="JLO731" s="424"/>
      <c r="JLP731" s="424"/>
      <c r="JLQ731" s="423" t="s">
        <v>2795</v>
      </c>
      <c r="JLR731" s="424"/>
      <c r="JLS731" s="424"/>
      <c r="JLT731" s="424"/>
      <c r="JLU731" s="423" t="s">
        <v>2795</v>
      </c>
      <c r="JLV731" s="424"/>
      <c r="JLW731" s="424"/>
      <c r="JLX731" s="424"/>
      <c r="JLY731" s="423" t="s">
        <v>2795</v>
      </c>
      <c r="JLZ731" s="424"/>
      <c r="JMA731" s="424"/>
      <c r="JMB731" s="424"/>
      <c r="JMC731" s="423" t="s">
        <v>2795</v>
      </c>
      <c r="JMD731" s="424"/>
      <c r="JME731" s="424"/>
      <c r="JMF731" s="424"/>
      <c r="JMG731" s="423" t="s">
        <v>2795</v>
      </c>
      <c r="JMH731" s="424"/>
      <c r="JMI731" s="424"/>
      <c r="JMJ731" s="424"/>
      <c r="JMK731" s="423" t="s">
        <v>2795</v>
      </c>
      <c r="JML731" s="424"/>
      <c r="JMM731" s="424"/>
      <c r="JMN731" s="424"/>
      <c r="JMO731" s="423" t="s">
        <v>2795</v>
      </c>
      <c r="JMP731" s="424"/>
      <c r="JMQ731" s="424"/>
      <c r="JMR731" s="424"/>
      <c r="JMS731" s="423" t="s">
        <v>2795</v>
      </c>
      <c r="JMT731" s="424"/>
      <c r="JMU731" s="424"/>
      <c r="JMV731" s="424"/>
      <c r="JMW731" s="423" t="s">
        <v>2795</v>
      </c>
      <c r="JMX731" s="424"/>
      <c r="JMY731" s="424"/>
      <c r="JMZ731" s="424"/>
      <c r="JNA731" s="423" t="s">
        <v>2795</v>
      </c>
      <c r="JNB731" s="424"/>
      <c r="JNC731" s="424"/>
      <c r="JND731" s="424"/>
      <c r="JNE731" s="423" t="s">
        <v>2795</v>
      </c>
      <c r="JNF731" s="424"/>
      <c r="JNG731" s="424"/>
      <c r="JNH731" s="424"/>
      <c r="JNI731" s="423" t="s">
        <v>2795</v>
      </c>
      <c r="JNJ731" s="424"/>
      <c r="JNK731" s="424"/>
      <c r="JNL731" s="424"/>
      <c r="JNM731" s="423" t="s">
        <v>2795</v>
      </c>
      <c r="JNN731" s="424"/>
      <c r="JNO731" s="424"/>
      <c r="JNP731" s="424"/>
      <c r="JNQ731" s="423" t="s">
        <v>2795</v>
      </c>
      <c r="JNR731" s="424"/>
      <c r="JNS731" s="424"/>
      <c r="JNT731" s="424"/>
      <c r="JNU731" s="423" t="s">
        <v>2795</v>
      </c>
      <c r="JNV731" s="424"/>
      <c r="JNW731" s="424"/>
      <c r="JNX731" s="424"/>
      <c r="JNY731" s="423" t="s">
        <v>2795</v>
      </c>
      <c r="JNZ731" s="424"/>
      <c r="JOA731" s="424"/>
      <c r="JOB731" s="424"/>
      <c r="JOC731" s="423" t="s">
        <v>2795</v>
      </c>
      <c r="JOD731" s="424"/>
      <c r="JOE731" s="424"/>
      <c r="JOF731" s="424"/>
      <c r="JOG731" s="423" t="s">
        <v>2795</v>
      </c>
      <c r="JOH731" s="424"/>
      <c r="JOI731" s="424"/>
      <c r="JOJ731" s="424"/>
      <c r="JOK731" s="423" t="s">
        <v>2795</v>
      </c>
      <c r="JOL731" s="424"/>
      <c r="JOM731" s="424"/>
      <c r="JON731" s="424"/>
      <c r="JOO731" s="423" t="s">
        <v>2795</v>
      </c>
      <c r="JOP731" s="424"/>
      <c r="JOQ731" s="424"/>
      <c r="JOR731" s="424"/>
      <c r="JOS731" s="423" t="s">
        <v>2795</v>
      </c>
      <c r="JOT731" s="424"/>
      <c r="JOU731" s="424"/>
      <c r="JOV731" s="424"/>
      <c r="JOW731" s="423" t="s">
        <v>2795</v>
      </c>
      <c r="JOX731" s="424"/>
      <c r="JOY731" s="424"/>
      <c r="JOZ731" s="424"/>
      <c r="JPA731" s="423" t="s">
        <v>2795</v>
      </c>
      <c r="JPB731" s="424"/>
      <c r="JPC731" s="424"/>
      <c r="JPD731" s="424"/>
      <c r="JPE731" s="423" t="s">
        <v>2795</v>
      </c>
      <c r="JPF731" s="424"/>
      <c r="JPG731" s="424"/>
      <c r="JPH731" s="424"/>
      <c r="JPI731" s="423" t="s">
        <v>2795</v>
      </c>
      <c r="JPJ731" s="424"/>
      <c r="JPK731" s="424"/>
      <c r="JPL731" s="424"/>
      <c r="JPM731" s="423" t="s">
        <v>2795</v>
      </c>
      <c r="JPN731" s="424"/>
      <c r="JPO731" s="424"/>
      <c r="JPP731" s="424"/>
      <c r="JPQ731" s="423" t="s">
        <v>2795</v>
      </c>
      <c r="JPR731" s="424"/>
      <c r="JPS731" s="424"/>
      <c r="JPT731" s="424"/>
      <c r="JPU731" s="423" t="s">
        <v>2795</v>
      </c>
      <c r="JPV731" s="424"/>
      <c r="JPW731" s="424"/>
      <c r="JPX731" s="424"/>
      <c r="JPY731" s="423" t="s">
        <v>2795</v>
      </c>
      <c r="JPZ731" s="424"/>
      <c r="JQA731" s="424"/>
      <c r="JQB731" s="424"/>
      <c r="JQC731" s="423" t="s">
        <v>2795</v>
      </c>
      <c r="JQD731" s="424"/>
      <c r="JQE731" s="424"/>
      <c r="JQF731" s="424"/>
      <c r="JQG731" s="423" t="s">
        <v>2795</v>
      </c>
      <c r="JQH731" s="424"/>
      <c r="JQI731" s="424"/>
      <c r="JQJ731" s="424"/>
      <c r="JQK731" s="423" t="s">
        <v>2795</v>
      </c>
      <c r="JQL731" s="424"/>
      <c r="JQM731" s="424"/>
      <c r="JQN731" s="424"/>
      <c r="JQO731" s="423" t="s">
        <v>2795</v>
      </c>
      <c r="JQP731" s="424"/>
      <c r="JQQ731" s="424"/>
      <c r="JQR731" s="424"/>
      <c r="JQS731" s="423" t="s">
        <v>2795</v>
      </c>
      <c r="JQT731" s="424"/>
      <c r="JQU731" s="424"/>
      <c r="JQV731" s="424"/>
      <c r="JQW731" s="423" t="s">
        <v>2795</v>
      </c>
      <c r="JQX731" s="424"/>
      <c r="JQY731" s="424"/>
      <c r="JQZ731" s="424"/>
      <c r="JRA731" s="423" t="s">
        <v>2795</v>
      </c>
      <c r="JRB731" s="424"/>
      <c r="JRC731" s="424"/>
      <c r="JRD731" s="424"/>
      <c r="JRE731" s="423" t="s">
        <v>2795</v>
      </c>
      <c r="JRF731" s="424"/>
      <c r="JRG731" s="424"/>
      <c r="JRH731" s="424"/>
      <c r="JRI731" s="423" t="s">
        <v>2795</v>
      </c>
      <c r="JRJ731" s="424"/>
      <c r="JRK731" s="424"/>
      <c r="JRL731" s="424"/>
      <c r="JRM731" s="423" t="s">
        <v>2795</v>
      </c>
      <c r="JRN731" s="424"/>
      <c r="JRO731" s="424"/>
      <c r="JRP731" s="424"/>
      <c r="JRQ731" s="423" t="s">
        <v>2795</v>
      </c>
      <c r="JRR731" s="424"/>
      <c r="JRS731" s="424"/>
      <c r="JRT731" s="424"/>
      <c r="JRU731" s="423" t="s">
        <v>2795</v>
      </c>
      <c r="JRV731" s="424"/>
      <c r="JRW731" s="424"/>
      <c r="JRX731" s="424"/>
      <c r="JRY731" s="423" t="s">
        <v>2795</v>
      </c>
      <c r="JRZ731" s="424"/>
      <c r="JSA731" s="424"/>
      <c r="JSB731" s="424"/>
      <c r="JSC731" s="423" t="s">
        <v>2795</v>
      </c>
      <c r="JSD731" s="424"/>
      <c r="JSE731" s="424"/>
      <c r="JSF731" s="424"/>
      <c r="JSG731" s="423" t="s">
        <v>2795</v>
      </c>
      <c r="JSH731" s="424"/>
      <c r="JSI731" s="424"/>
      <c r="JSJ731" s="424"/>
      <c r="JSK731" s="423" t="s">
        <v>2795</v>
      </c>
      <c r="JSL731" s="424"/>
      <c r="JSM731" s="424"/>
      <c r="JSN731" s="424"/>
      <c r="JSO731" s="423" t="s">
        <v>2795</v>
      </c>
      <c r="JSP731" s="424"/>
      <c r="JSQ731" s="424"/>
      <c r="JSR731" s="424"/>
      <c r="JSS731" s="423" t="s">
        <v>2795</v>
      </c>
      <c r="JST731" s="424"/>
      <c r="JSU731" s="424"/>
      <c r="JSV731" s="424"/>
      <c r="JSW731" s="423" t="s">
        <v>2795</v>
      </c>
      <c r="JSX731" s="424"/>
      <c r="JSY731" s="424"/>
      <c r="JSZ731" s="424"/>
      <c r="JTA731" s="423" t="s">
        <v>2795</v>
      </c>
      <c r="JTB731" s="424"/>
      <c r="JTC731" s="424"/>
      <c r="JTD731" s="424"/>
      <c r="JTE731" s="423" t="s">
        <v>2795</v>
      </c>
      <c r="JTF731" s="424"/>
      <c r="JTG731" s="424"/>
      <c r="JTH731" s="424"/>
      <c r="JTI731" s="423" t="s">
        <v>2795</v>
      </c>
      <c r="JTJ731" s="424"/>
      <c r="JTK731" s="424"/>
      <c r="JTL731" s="424"/>
      <c r="JTM731" s="423" t="s">
        <v>2795</v>
      </c>
      <c r="JTN731" s="424"/>
      <c r="JTO731" s="424"/>
      <c r="JTP731" s="424"/>
      <c r="JTQ731" s="423" t="s">
        <v>2795</v>
      </c>
      <c r="JTR731" s="424"/>
      <c r="JTS731" s="424"/>
      <c r="JTT731" s="424"/>
      <c r="JTU731" s="423" t="s">
        <v>2795</v>
      </c>
      <c r="JTV731" s="424"/>
      <c r="JTW731" s="424"/>
      <c r="JTX731" s="424"/>
      <c r="JTY731" s="423" t="s">
        <v>2795</v>
      </c>
      <c r="JTZ731" s="424"/>
      <c r="JUA731" s="424"/>
      <c r="JUB731" s="424"/>
      <c r="JUC731" s="423" t="s">
        <v>2795</v>
      </c>
      <c r="JUD731" s="424"/>
      <c r="JUE731" s="424"/>
      <c r="JUF731" s="424"/>
      <c r="JUG731" s="423" t="s">
        <v>2795</v>
      </c>
      <c r="JUH731" s="424"/>
      <c r="JUI731" s="424"/>
      <c r="JUJ731" s="424"/>
      <c r="JUK731" s="423" t="s">
        <v>2795</v>
      </c>
      <c r="JUL731" s="424"/>
      <c r="JUM731" s="424"/>
      <c r="JUN731" s="424"/>
      <c r="JUO731" s="423" t="s">
        <v>2795</v>
      </c>
      <c r="JUP731" s="424"/>
      <c r="JUQ731" s="424"/>
      <c r="JUR731" s="424"/>
      <c r="JUS731" s="423" t="s">
        <v>2795</v>
      </c>
      <c r="JUT731" s="424"/>
      <c r="JUU731" s="424"/>
      <c r="JUV731" s="424"/>
      <c r="JUW731" s="423" t="s">
        <v>2795</v>
      </c>
      <c r="JUX731" s="424"/>
      <c r="JUY731" s="424"/>
      <c r="JUZ731" s="424"/>
      <c r="JVA731" s="423" t="s">
        <v>2795</v>
      </c>
      <c r="JVB731" s="424"/>
      <c r="JVC731" s="424"/>
      <c r="JVD731" s="424"/>
      <c r="JVE731" s="423" t="s">
        <v>2795</v>
      </c>
      <c r="JVF731" s="424"/>
      <c r="JVG731" s="424"/>
      <c r="JVH731" s="424"/>
      <c r="JVI731" s="423" t="s">
        <v>2795</v>
      </c>
      <c r="JVJ731" s="424"/>
      <c r="JVK731" s="424"/>
      <c r="JVL731" s="424"/>
      <c r="JVM731" s="423" t="s">
        <v>2795</v>
      </c>
      <c r="JVN731" s="424"/>
      <c r="JVO731" s="424"/>
      <c r="JVP731" s="424"/>
      <c r="JVQ731" s="423" t="s">
        <v>2795</v>
      </c>
      <c r="JVR731" s="424"/>
      <c r="JVS731" s="424"/>
      <c r="JVT731" s="424"/>
      <c r="JVU731" s="423" t="s">
        <v>2795</v>
      </c>
      <c r="JVV731" s="424"/>
      <c r="JVW731" s="424"/>
      <c r="JVX731" s="424"/>
      <c r="JVY731" s="423" t="s">
        <v>2795</v>
      </c>
      <c r="JVZ731" s="424"/>
      <c r="JWA731" s="424"/>
      <c r="JWB731" s="424"/>
      <c r="JWC731" s="423" t="s">
        <v>2795</v>
      </c>
      <c r="JWD731" s="424"/>
      <c r="JWE731" s="424"/>
      <c r="JWF731" s="424"/>
      <c r="JWG731" s="423" t="s">
        <v>2795</v>
      </c>
      <c r="JWH731" s="424"/>
      <c r="JWI731" s="424"/>
      <c r="JWJ731" s="424"/>
      <c r="JWK731" s="423" t="s">
        <v>2795</v>
      </c>
      <c r="JWL731" s="424"/>
      <c r="JWM731" s="424"/>
      <c r="JWN731" s="424"/>
      <c r="JWO731" s="423" t="s">
        <v>2795</v>
      </c>
      <c r="JWP731" s="424"/>
      <c r="JWQ731" s="424"/>
      <c r="JWR731" s="424"/>
      <c r="JWS731" s="423" t="s">
        <v>2795</v>
      </c>
      <c r="JWT731" s="424"/>
      <c r="JWU731" s="424"/>
      <c r="JWV731" s="424"/>
      <c r="JWW731" s="423" t="s">
        <v>2795</v>
      </c>
      <c r="JWX731" s="424"/>
      <c r="JWY731" s="424"/>
      <c r="JWZ731" s="424"/>
      <c r="JXA731" s="423" t="s">
        <v>2795</v>
      </c>
      <c r="JXB731" s="424"/>
      <c r="JXC731" s="424"/>
      <c r="JXD731" s="424"/>
      <c r="JXE731" s="423" t="s">
        <v>2795</v>
      </c>
      <c r="JXF731" s="424"/>
      <c r="JXG731" s="424"/>
      <c r="JXH731" s="424"/>
      <c r="JXI731" s="423" t="s">
        <v>2795</v>
      </c>
      <c r="JXJ731" s="424"/>
      <c r="JXK731" s="424"/>
      <c r="JXL731" s="424"/>
      <c r="JXM731" s="423" t="s">
        <v>2795</v>
      </c>
      <c r="JXN731" s="424"/>
      <c r="JXO731" s="424"/>
      <c r="JXP731" s="424"/>
      <c r="JXQ731" s="423" t="s">
        <v>2795</v>
      </c>
      <c r="JXR731" s="424"/>
      <c r="JXS731" s="424"/>
      <c r="JXT731" s="424"/>
      <c r="JXU731" s="423" t="s">
        <v>2795</v>
      </c>
      <c r="JXV731" s="424"/>
      <c r="JXW731" s="424"/>
      <c r="JXX731" s="424"/>
      <c r="JXY731" s="423" t="s">
        <v>2795</v>
      </c>
      <c r="JXZ731" s="424"/>
      <c r="JYA731" s="424"/>
      <c r="JYB731" s="424"/>
      <c r="JYC731" s="423" t="s">
        <v>2795</v>
      </c>
      <c r="JYD731" s="424"/>
      <c r="JYE731" s="424"/>
      <c r="JYF731" s="424"/>
      <c r="JYG731" s="423" t="s">
        <v>2795</v>
      </c>
      <c r="JYH731" s="424"/>
      <c r="JYI731" s="424"/>
      <c r="JYJ731" s="424"/>
      <c r="JYK731" s="423" t="s">
        <v>2795</v>
      </c>
      <c r="JYL731" s="424"/>
      <c r="JYM731" s="424"/>
      <c r="JYN731" s="424"/>
      <c r="JYO731" s="423" t="s">
        <v>2795</v>
      </c>
      <c r="JYP731" s="424"/>
      <c r="JYQ731" s="424"/>
      <c r="JYR731" s="424"/>
      <c r="JYS731" s="423" t="s">
        <v>2795</v>
      </c>
      <c r="JYT731" s="424"/>
      <c r="JYU731" s="424"/>
      <c r="JYV731" s="424"/>
      <c r="JYW731" s="423" t="s">
        <v>2795</v>
      </c>
      <c r="JYX731" s="424"/>
      <c r="JYY731" s="424"/>
      <c r="JYZ731" s="424"/>
      <c r="JZA731" s="423" t="s">
        <v>2795</v>
      </c>
      <c r="JZB731" s="424"/>
      <c r="JZC731" s="424"/>
      <c r="JZD731" s="424"/>
      <c r="JZE731" s="423" t="s">
        <v>2795</v>
      </c>
      <c r="JZF731" s="424"/>
      <c r="JZG731" s="424"/>
      <c r="JZH731" s="424"/>
      <c r="JZI731" s="423" t="s">
        <v>2795</v>
      </c>
      <c r="JZJ731" s="424"/>
      <c r="JZK731" s="424"/>
      <c r="JZL731" s="424"/>
      <c r="JZM731" s="423" t="s">
        <v>2795</v>
      </c>
      <c r="JZN731" s="424"/>
      <c r="JZO731" s="424"/>
      <c r="JZP731" s="424"/>
      <c r="JZQ731" s="423" t="s">
        <v>2795</v>
      </c>
      <c r="JZR731" s="424"/>
      <c r="JZS731" s="424"/>
      <c r="JZT731" s="424"/>
      <c r="JZU731" s="423" t="s">
        <v>2795</v>
      </c>
      <c r="JZV731" s="424"/>
      <c r="JZW731" s="424"/>
      <c r="JZX731" s="424"/>
      <c r="JZY731" s="423" t="s">
        <v>2795</v>
      </c>
      <c r="JZZ731" s="424"/>
      <c r="KAA731" s="424"/>
      <c r="KAB731" s="424"/>
      <c r="KAC731" s="423" t="s">
        <v>2795</v>
      </c>
      <c r="KAD731" s="424"/>
      <c r="KAE731" s="424"/>
      <c r="KAF731" s="424"/>
      <c r="KAG731" s="423" t="s">
        <v>2795</v>
      </c>
      <c r="KAH731" s="424"/>
      <c r="KAI731" s="424"/>
      <c r="KAJ731" s="424"/>
      <c r="KAK731" s="423" t="s">
        <v>2795</v>
      </c>
      <c r="KAL731" s="424"/>
      <c r="KAM731" s="424"/>
      <c r="KAN731" s="424"/>
      <c r="KAO731" s="423" t="s">
        <v>2795</v>
      </c>
      <c r="KAP731" s="424"/>
      <c r="KAQ731" s="424"/>
      <c r="KAR731" s="424"/>
      <c r="KAS731" s="423" t="s">
        <v>2795</v>
      </c>
      <c r="KAT731" s="424"/>
      <c r="KAU731" s="424"/>
      <c r="KAV731" s="424"/>
      <c r="KAW731" s="423" t="s">
        <v>2795</v>
      </c>
      <c r="KAX731" s="424"/>
      <c r="KAY731" s="424"/>
      <c r="KAZ731" s="424"/>
      <c r="KBA731" s="423" t="s">
        <v>2795</v>
      </c>
      <c r="KBB731" s="424"/>
      <c r="KBC731" s="424"/>
      <c r="KBD731" s="424"/>
      <c r="KBE731" s="423" t="s">
        <v>2795</v>
      </c>
      <c r="KBF731" s="424"/>
      <c r="KBG731" s="424"/>
      <c r="KBH731" s="424"/>
      <c r="KBI731" s="423" t="s">
        <v>2795</v>
      </c>
      <c r="KBJ731" s="424"/>
      <c r="KBK731" s="424"/>
      <c r="KBL731" s="424"/>
      <c r="KBM731" s="423" t="s">
        <v>2795</v>
      </c>
      <c r="KBN731" s="424"/>
      <c r="KBO731" s="424"/>
      <c r="KBP731" s="424"/>
      <c r="KBQ731" s="423" t="s">
        <v>2795</v>
      </c>
      <c r="KBR731" s="424"/>
      <c r="KBS731" s="424"/>
      <c r="KBT731" s="424"/>
      <c r="KBU731" s="423" t="s">
        <v>2795</v>
      </c>
      <c r="KBV731" s="424"/>
      <c r="KBW731" s="424"/>
      <c r="KBX731" s="424"/>
      <c r="KBY731" s="423" t="s">
        <v>2795</v>
      </c>
      <c r="KBZ731" s="424"/>
      <c r="KCA731" s="424"/>
      <c r="KCB731" s="424"/>
      <c r="KCC731" s="423" t="s">
        <v>2795</v>
      </c>
      <c r="KCD731" s="424"/>
      <c r="KCE731" s="424"/>
      <c r="KCF731" s="424"/>
      <c r="KCG731" s="423" t="s">
        <v>2795</v>
      </c>
      <c r="KCH731" s="424"/>
      <c r="KCI731" s="424"/>
      <c r="KCJ731" s="424"/>
      <c r="KCK731" s="423" t="s">
        <v>2795</v>
      </c>
      <c r="KCL731" s="424"/>
      <c r="KCM731" s="424"/>
      <c r="KCN731" s="424"/>
      <c r="KCO731" s="423" t="s">
        <v>2795</v>
      </c>
      <c r="KCP731" s="424"/>
      <c r="KCQ731" s="424"/>
      <c r="KCR731" s="424"/>
      <c r="KCS731" s="423" t="s">
        <v>2795</v>
      </c>
      <c r="KCT731" s="424"/>
      <c r="KCU731" s="424"/>
      <c r="KCV731" s="424"/>
      <c r="KCW731" s="423" t="s">
        <v>2795</v>
      </c>
      <c r="KCX731" s="424"/>
      <c r="KCY731" s="424"/>
      <c r="KCZ731" s="424"/>
      <c r="KDA731" s="423" t="s">
        <v>2795</v>
      </c>
      <c r="KDB731" s="424"/>
      <c r="KDC731" s="424"/>
      <c r="KDD731" s="424"/>
      <c r="KDE731" s="423" t="s">
        <v>2795</v>
      </c>
      <c r="KDF731" s="424"/>
      <c r="KDG731" s="424"/>
      <c r="KDH731" s="424"/>
      <c r="KDI731" s="423" t="s">
        <v>2795</v>
      </c>
      <c r="KDJ731" s="424"/>
      <c r="KDK731" s="424"/>
      <c r="KDL731" s="424"/>
      <c r="KDM731" s="423" t="s">
        <v>2795</v>
      </c>
      <c r="KDN731" s="424"/>
      <c r="KDO731" s="424"/>
      <c r="KDP731" s="424"/>
      <c r="KDQ731" s="423" t="s">
        <v>2795</v>
      </c>
      <c r="KDR731" s="424"/>
      <c r="KDS731" s="424"/>
      <c r="KDT731" s="424"/>
      <c r="KDU731" s="423" t="s">
        <v>2795</v>
      </c>
      <c r="KDV731" s="424"/>
      <c r="KDW731" s="424"/>
      <c r="KDX731" s="424"/>
      <c r="KDY731" s="423" t="s">
        <v>2795</v>
      </c>
      <c r="KDZ731" s="424"/>
      <c r="KEA731" s="424"/>
      <c r="KEB731" s="424"/>
      <c r="KEC731" s="423" t="s">
        <v>2795</v>
      </c>
      <c r="KED731" s="424"/>
      <c r="KEE731" s="424"/>
      <c r="KEF731" s="424"/>
      <c r="KEG731" s="423" t="s">
        <v>2795</v>
      </c>
      <c r="KEH731" s="424"/>
      <c r="KEI731" s="424"/>
      <c r="KEJ731" s="424"/>
      <c r="KEK731" s="423" t="s">
        <v>2795</v>
      </c>
      <c r="KEL731" s="424"/>
      <c r="KEM731" s="424"/>
      <c r="KEN731" s="424"/>
      <c r="KEO731" s="423" t="s">
        <v>2795</v>
      </c>
      <c r="KEP731" s="424"/>
      <c r="KEQ731" s="424"/>
      <c r="KER731" s="424"/>
      <c r="KES731" s="423" t="s">
        <v>2795</v>
      </c>
      <c r="KET731" s="424"/>
      <c r="KEU731" s="424"/>
      <c r="KEV731" s="424"/>
      <c r="KEW731" s="423" t="s">
        <v>2795</v>
      </c>
      <c r="KEX731" s="424"/>
      <c r="KEY731" s="424"/>
      <c r="KEZ731" s="424"/>
      <c r="KFA731" s="423" t="s">
        <v>2795</v>
      </c>
      <c r="KFB731" s="424"/>
      <c r="KFC731" s="424"/>
      <c r="KFD731" s="424"/>
      <c r="KFE731" s="423" t="s">
        <v>2795</v>
      </c>
      <c r="KFF731" s="424"/>
      <c r="KFG731" s="424"/>
      <c r="KFH731" s="424"/>
      <c r="KFI731" s="423" t="s">
        <v>2795</v>
      </c>
      <c r="KFJ731" s="424"/>
      <c r="KFK731" s="424"/>
      <c r="KFL731" s="424"/>
      <c r="KFM731" s="423" t="s">
        <v>2795</v>
      </c>
      <c r="KFN731" s="424"/>
      <c r="KFO731" s="424"/>
      <c r="KFP731" s="424"/>
      <c r="KFQ731" s="423" t="s">
        <v>2795</v>
      </c>
      <c r="KFR731" s="424"/>
      <c r="KFS731" s="424"/>
      <c r="KFT731" s="424"/>
      <c r="KFU731" s="423" t="s">
        <v>2795</v>
      </c>
      <c r="KFV731" s="424"/>
      <c r="KFW731" s="424"/>
      <c r="KFX731" s="424"/>
      <c r="KFY731" s="423" t="s">
        <v>2795</v>
      </c>
      <c r="KFZ731" s="424"/>
      <c r="KGA731" s="424"/>
      <c r="KGB731" s="424"/>
      <c r="KGC731" s="423" t="s">
        <v>2795</v>
      </c>
      <c r="KGD731" s="424"/>
      <c r="KGE731" s="424"/>
      <c r="KGF731" s="424"/>
      <c r="KGG731" s="423" t="s">
        <v>2795</v>
      </c>
      <c r="KGH731" s="424"/>
      <c r="KGI731" s="424"/>
      <c r="KGJ731" s="424"/>
      <c r="KGK731" s="423" t="s">
        <v>2795</v>
      </c>
      <c r="KGL731" s="424"/>
      <c r="KGM731" s="424"/>
      <c r="KGN731" s="424"/>
      <c r="KGO731" s="423" t="s">
        <v>2795</v>
      </c>
      <c r="KGP731" s="424"/>
      <c r="KGQ731" s="424"/>
      <c r="KGR731" s="424"/>
      <c r="KGS731" s="423" t="s">
        <v>2795</v>
      </c>
      <c r="KGT731" s="424"/>
      <c r="KGU731" s="424"/>
      <c r="KGV731" s="424"/>
      <c r="KGW731" s="423" t="s">
        <v>2795</v>
      </c>
      <c r="KGX731" s="424"/>
      <c r="KGY731" s="424"/>
      <c r="KGZ731" s="424"/>
      <c r="KHA731" s="423" t="s">
        <v>2795</v>
      </c>
      <c r="KHB731" s="424"/>
      <c r="KHC731" s="424"/>
      <c r="KHD731" s="424"/>
      <c r="KHE731" s="423" t="s">
        <v>2795</v>
      </c>
      <c r="KHF731" s="424"/>
      <c r="KHG731" s="424"/>
      <c r="KHH731" s="424"/>
      <c r="KHI731" s="423" t="s">
        <v>2795</v>
      </c>
      <c r="KHJ731" s="424"/>
      <c r="KHK731" s="424"/>
      <c r="KHL731" s="424"/>
      <c r="KHM731" s="423" t="s">
        <v>2795</v>
      </c>
      <c r="KHN731" s="424"/>
      <c r="KHO731" s="424"/>
      <c r="KHP731" s="424"/>
      <c r="KHQ731" s="423" t="s">
        <v>2795</v>
      </c>
      <c r="KHR731" s="424"/>
      <c r="KHS731" s="424"/>
      <c r="KHT731" s="424"/>
      <c r="KHU731" s="423" t="s">
        <v>2795</v>
      </c>
      <c r="KHV731" s="424"/>
      <c r="KHW731" s="424"/>
      <c r="KHX731" s="424"/>
      <c r="KHY731" s="423" t="s">
        <v>2795</v>
      </c>
      <c r="KHZ731" s="424"/>
      <c r="KIA731" s="424"/>
      <c r="KIB731" s="424"/>
      <c r="KIC731" s="423" t="s">
        <v>2795</v>
      </c>
      <c r="KID731" s="424"/>
      <c r="KIE731" s="424"/>
      <c r="KIF731" s="424"/>
      <c r="KIG731" s="423" t="s">
        <v>2795</v>
      </c>
      <c r="KIH731" s="424"/>
      <c r="KII731" s="424"/>
      <c r="KIJ731" s="424"/>
      <c r="KIK731" s="423" t="s">
        <v>2795</v>
      </c>
      <c r="KIL731" s="424"/>
      <c r="KIM731" s="424"/>
      <c r="KIN731" s="424"/>
      <c r="KIO731" s="423" t="s">
        <v>2795</v>
      </c>
      <c r="KIP731" s="424"/>
      <c r="KIQ731" s="424"/>
      <c r="KIR731" s="424"/>
      <c r="KIS731" s="423" t="s">
        <v>2795</v>
      </c>
      <c r="KIT731" s="424"/>
      <c r="KIU731" s="424"/>
      <c r="KIV731" s="424"/>
      <c r="KIW731" s="423" t="s">
        <v>2795</v>
      </c>
      <c r="KIX731" s="424"/>
      <c r="KIY731" s="424"/>
      <c r="KIZ731" s="424"/>
      <c r="KJA731" s="423" t="s">
        <v>2795</v>
      </c>
      <c r="KJB731" s="424"/>
      <c r="KJC731" s="424"/>
      <c r="KJD731" s="424"/>
      <c r="KJE731" s="423" t="s">
        <v>2795</v>
      </c>
      <c r="KJF731" s="424"/>
      <c r="KJG731" s="424"/>
      <c r="KJH731" s="424"/>
      <c r="KJI731" s="423" t="s">
        <v>2795</v>
      </c>
      <c r="KJJ731" s="424"/>
      <c r="KJK731" s="424"/>
      <c r="KJL731" s="424"/>
      <c r="KJM731" s="423" t="s">
        <v>2795</v>
      </c>
      <c r="KJN731" s="424"/>
      <c r="KJO731" s="424"/>
      <c r="KJP731" s="424"/>
      <c r="KJQ731" s="423" t="s">
        <v>2795</v>
      </c>
      <c r="KJR731" s="424"/>
      <c r="KJS731" s="424"/>
      <c r="KJT731" s="424"/>
      <c r="KJU731" s="423" t="s">
        <v>2795</v>
      </c>
      <c r="KJV731" s="424"/>
      <c r="KJW731" s="424"/>
      <c r="KJX731" s="424"/>
      <c r="KJY731" s="423" t="s">
        <v>2795</v>
      </c>
      <c r="KJZ731" s="424"/>
      <c r="KKA731" s="424"/>
      <c r="KKB731" s="424"/>
      <c r="KKC731" s="423" t="s">
        <v>2795</v>
      </c>
      <c r="KKD731" s="424"/>
      <c r="KKE731" s="424"/>
      <c r="KKF731" s="424"/>
      <c r="KKG731" s="423" t="s">
        <v>2795</v>
      </c>
      <c r="KKH731" s="424"/>
      <c r="KKI731" s="424"/>
      <c r="KKJ731" s="424"/>
      <c r="KKK731" s="423" t="s">
        <v>2795</v>
      </c>
      <c r="KKL731" s="424"/>
      <c r="KKM731" s="424"/>
      <c r="KKN731" s="424"/>
      <c r="KKO731" s="423" t="s">
        <v>2795</v>
      </c>
      <c r="KKP731" s="424"/>
      <c r="KKQ731" s="424"/>
      <c r="KKR731" s="424"/>
      <c r="KKS731" s="423" t="s">
        <v>2795</v>
      </c>
      <c r="KKT731" s="424"/>
      <c r="KKU731" s="424"/>
      <c r="KKV731" s="424"/>
      <c r="KKW731" s="423" t="s">
        <v>2795</v>
      </c>
      <c r="KKX731" s="424"/>
      <c r="KKY731" s="424"/>
      <c r="KKZ731" s="424"/>
      <c r="KLA731" s="423" t="s">
        <v>2795</v>
      </c>
      <c r="KLB731" s="424"/>
      <c r="KLC731" s="424"/>
      <c r="KLD731" s="424"/>
      <c r="KLE731" s="423" t="s">
        <v>2795</v>
      </c>
      <c r="KLF731" s="424"/>
      <c r="KLG731" s="424"/>
      <c r="KLH731" s="424"/>
      <c r="KLI731" s="423" t="s">
        <v>2795</v>
      </c>
      <c r="KLJ731" s="424"/>
      <c r="KLK731" s="424"/>
      <c r="KLL731" s="424"/>
      <c r="KLM731" s="423" t="s">
        <v>2795</v>
      </c>
      <c r="KLN731" s="424"/>
      <c r="KLO731" s="424"/>
      <c r="KLP731" s="424"/>
      <c r="KLQ731" s="423" t="s">
        <v>2795</v>
      </c>
      <c r="KLR731" s="424"/>
      <c r="KLS731" s="424"/>
      <c r="KLT731" s="424"/>
      <c r="KLU731" s="423" t="s">
        <v>2795</v>
      </c>
      <c r="KLV731" s="424"/>
      <c r="KLW731" s="424"/>
      <c r="KLX731" s="424"/>
      <c r="KLY731" s="423" t="s">
        <v>2795</v>
      </c>
      <c r="KLZ731" s="424"/>
      <c r="KMA731" s="424"/>
      <c r="KMB731" s="424"/>
      <c r="KMC731" s="423" t="s">
        <v>2795</v>
      </c>
      <c r="KMD731" s="424"/>
      <c r="KME731" s="424"/>
      <c r="KMF731" s="424"/>
      <c r="KMG731" s="423" t="s">
        <v>2795</v>
      </c>
      <c r="KMH731" s="424"/>
      <c r="KMI731" s="424"/>
      <c r="KMJ731" s="424"/>
      <c r="KMK731" s="423" t="s">
        <v>2795</v>
      </c>
      <c r="KML731" s="424"/>
      <c r="KMM731" s="424"/>
      <c r="KMN731" s="424"/>
      <c r="KMO731" s="423" t="s">
        <v>2795</v>
      </c>
      <c r="KMP731" s="424"/>
      <c r="KMQ731" s="424"/>
      <c r="KMR731" s="424"/>
      <c r="KMS731" s="423" t="s">
        <v>2795</v>
      </c>
      <c r="KMT731" s="424"/>
      <c r="KMU731" s="424"/>
      <c r="KMV731" s="424"/>
      <c r="KMW731" s="423" t="s">
        <v>2795</v>
      </c>
      <c r="KMX731" s="424"/>
      <c r="KMY731" s="424"/>
      <c r="KMZ731" s="424"/>
      <c r="KNA731" s="423" t="s">
        <v>2795</v>
      </c>
      <c r="KNB731" s="424"/>
      <c r="KNC731" s="424"/>
      <c r="KND731" s="424"/>
      <c r="KNE731" s="423" t="s">
        <v>2795</v>
      </c>
      <c r="KNF731" s="424"/>
      <c r="KNG731" s="424"/>
      <c r="KNH731" s="424"/>
      <c r="KNI731" s="423" t="s">
        <v>2795</v>
      </c>
      <c r="KNJ731" s="424"/>
      <c r="KNK731" s="424"/>
      <c r="KNL731" s="424"/>
      <c r="KNM731" s="423" t="s">
        <v>2795</v>
      </c>
      <c r="KNN731" s="424"/>
      <c r="KNO731" s="424"/>
      <c r="KNP731" s="424"/>
      <c r="KNQ731" s="423" t="s">
        <v>2795</v>
      </c>
      <c r="KNR731" s="424"/>
      <c r="KNS731" s="424"/>
      <c r="KNT731" s="424"/>
      <c r="KNU731" s="423" t="s">
        <v>2795</v>
      </c>
      <c r="KNV731" s="424"/>
      <c r="KNW731" s="424"/>
      <c r="KNX731" s="424"/>
      <c r="KNY731" s="423" t="s">
        <v>2795</v>
      </c>
      <c r="KNZ731" s="424"/>
      <c r="KOA731" s="424"/>
      <c r="KOB731" s="424"/>
      <c r="KOC731" s="423" t="s">
        <v>2795</v>
      </c>
      <c r="KOD731" s="424"/>
      <c r="KOE731" s="424"/>
      <c r="KOF731" s="424"/>
      <c r="KOG731" s="423" t="s">
        <v>2795</v>
      </c>
      <c r="KOH731" s="424"/>
      <c r="KOI731" s="424"/>
      <c r="KOJ731" s="424"/>
      <c r="KOK731" s="423" t="s">
        <v>2795</v>
      </c>
      <c r="KOL731" s="424"/>
      <c r="KOM731" s="424"/>
      <c r="KON731" s="424"/>
      <c r="KOO731" s="423" t="s">
        <v>2795</v>
      </c>
      <c r="KOP731" s="424"/>
      <c r="KOQ731" s="424"/>
      <c r="KOR731" s="424"/>
      <c r="KOS731" s="423" t="s">
        <v>2795</v>
      </c>
      <c r="KOT731" s="424"/>
      <c r="KOU731" s="424"/>
      <c r="KOV731" s="424"/>
      <c r="KOW731" s="423" t="s">
        <v>2795</v>
      </c>
      <c r="KOX731" s="424"/>
      <c r="KOY731" s="424"/>
      <c r="KOZ731" s="424"/>
      <c r="KPA731" s="423" t="s">
        <v>2795</v>
      </c>
      <c r="KPB731" s="424"/>
      <c r="KPC731" s="424"/>
      <c r="KPD731" s="424"/>
      <c r="KPE731" s="423" t="s">
        <v>2795</v>
      </c>
      <c r="KPF731" s="424"/>
      <c r="KPG731" s="424"/>
      <c r="KPH731" s="424"/>
      <c r="KPI731" s="423" t="s">
        <v>2795</v>
      </c>
      <c r="KPJ731" s="424"/>
      <c r="KPK731" s="424"/>
      <c r="KPL731" s="424"/>
      <c r="KPM731" s="423" t="s">
        <v>2795</v>
      </c>
      <c r="KPN731" s="424"/>
      <c r="KPO731" s="424"/>
      <c r="KPP731" s="424"/>
      <c r="KPQ731" s="423" t="s">
        <v>2795</v>
      </c>
      <c r="KPR731" s="424"/>
      <c r="KPS731" s="424"/>
      <c r="KPT731" s="424"/>
      <c r="KPU731" s="423" t="s">
        <v>2795</v>
      </c>
      <c r="KPV731" s="424"/>
      <c r="KPW731" s="424"/>
      <c r="KPX731" s="424"/>
      <c r="KPY731" s="423" t="s">
        <v>2795</v>
      </c>
      <c r="KPZ731" s="424"/>
      <c r="KQA731" s="424"/>
      <c r="KQB731" s="424"/>
      <c r="KQC731" s="423" t="s">
        <v>2795</v>
      </c>
      <c r="KQD731" s="424"/>
      <c r="KQE731" s="424"/>
      <c r="KQF731" s="424"/>
      <c r="KQG731" s="423" t="s">
        <v>2795</v>
      </c>
      <c r="KQH731" s="424"/>
      <c r="KQI731" s="424"/>
      <c r="KQJ731" s="424"/>
      <c r="KQK731" s="423" t="s">
        <v>2795</v>
      </c>
      <c r="KQL731" s="424"/>
      <c r="KQM731" s="424"/>
      <c r="KQN731" s="424"/>
      <c r="KQO731" s="423" t="s">
        <v>2795</v>
      </c>
      <c r="KQP731" s="424"/>
      <c r="KQQ731" s="424"/>
      <c r="KQR731" s="424"/>
      <c r="KQS731" s="423" t="s">
        <v>2795</v>
      </c>
      <c r="KQT731" s="424"/>
      <c r="KQU731" s="424"/>
      <c r="KQV731" s="424"/>
      <c r="KQW731" s="423" t="s">
        <v>2795</v>
      </c>
      <c r="KQX731" s="424"/>
      <c r="KQY731" s="424"/>
      <c r="KQZ731" s="424"/>
      <c r="KRA731" s="423" t="s">
        <v>2795</v>
      </c>
      <c r="KRB731" s="424"/>
      <c r="KRC731" s="424"/>
      <c r="KRD731" s="424"/>
      <c r="KRE731" s="423" t="s">
        <v>2795</v>
      </c>
      <c r="KRF731" s="424"/>
      <c r="KRG731" s="424"/>
      <c r="KRH731" s="424"/>
      <c r="KRI731" s="423" t="s">
        <v>2795</v>
      </c>
      <c r="KRJ731" s="424"/>
      <c r="KRK731" s="424"/>
      <c r="KRL731" s="424"/>
      <c r="KRM731" s="423" t="s">
        <v>2795</v>
      </c>
      <c r="KRN731" s="424"/>
      <c r="KRO731" s="424"/>
      <c r="KRP731" s="424"/>
      <c r="KRQ731" s="423" t="s">
        <v>2795</v>
      </c>
      <c r="KRR731" s="424"/>
      <c r="KRS731" s="424"/>
      <c r="KRT731" s="424"/>
      <c r="KRU731" s="423" t="s">
        <v>2795</v>
      </c>
      <c r="KRV731" s="424"/>
      <c r="KRW731" s="424"/>
      <c r="KRX731" s="424"/>
      <c r="KRY731" s="423" t="s">
        <v>2795</v>
      </c>
      <c r="KRZ731" s="424"/>
      <c r="KSA731" s="424"/>
      <c r="KSB731" s="424"/>
      <c r="KSC731" s="423" t="s">
        <v>2795</v>
      </c>
      <c r="KSD731" s="424"/>
      <c r="KSE731" s="424"/>
      <c r="KSF731" s="424"/>
      <c r="KSG731" s="423" t="s">
        <v>2795</v>
      </c>
      <c r="KSH731" s="424"/>
      <c r="KSI731" s="424"/>
      <c r="KSJ731" s="424"/>
      <c r="KSK731" s="423" t="s">
        <v>2795</v>
      </c>
      <c r="KSL731" s="424"/>
      <c r="KSM731" s="424"/>
      <c r="KSN731" s="424"/>
      <c r="KSO731" s="423" t="s">
        <v>2795</v>
      </c>
      <c r="KSP731" s="424"/>
      <c r="KSQ731" s="424"/>
      <c r="KSR731" s="424"/>
      <c r="KSS731" s="423" t="s">
        <v>2795</v>
      </c>
      <c r="KST731" s="424"/>
      <c r="KSU731" s="424"/>
      <c r="KSV731" s="424"/>
      <c r="KSW731" s="423" t="s">
        <v>2795</v>
      </c>
      <c r="KSX731" s="424"/>
      <c r="KSY731" s="424"/>
      <c r="KSZ731" s="424"/>
      <c r="KTA731" s="423" t="s">
        <v>2795</v>
      </c>
      <c r="KTB731" s="424"/>
      <c r="KTC731" s="424"/>
      <c r="KTD731" s="424"/>
      <c r="KTE731" s="423" t="s">
        <v>2795</v>
      </c>
      <c r="KTF731" s="424"/>
      <c r="KTG731" s="424"/>
      <c r="KTH731" s="424"/>
      <c r="KTI731" s="423" t="s">
        <v>2795</v>
      </c>
      <c r="KTJ731" s="424"/>
      <c r="KTK731" s="424"/>
      <c r="KTL731" s="424"/>
      <c r="KTM731" s="423" t="s">
        <v>2795</v>
      </c>
      <c r="KTN731" s="424"/>
      <c r="KTO731" s="424"/>
      <c r="KTP731" s="424"/>
      <c r="KTQ731" s="423" t="s">
        <v>2795</v>
      </c>
      <c r="KTR731" s="424"/>
      <c r="KTS731" s="424"/>
      <c r="KTT731" s="424"/>
      <c r="KTU731" s="423" t="s">
        <v>2795</v>
      </c>
      <c r="KTV731" s="424"/>
      <c r="KTW731" s="424"/>
      <c r="KTX731" s="424"/>
      <c r="KTY731" s="423" t="s">
        <v>2795</v>
      </c>
      <c r="KTZ731" s="424"/>
      <c r="KUA731" s="424"/>
      <c r="KUB731" s="424"/>
      <c r="KUC731" s="423" t="s">
        <v>2795</v>
      </c>
      <c r="KUD731" s="424"/>
      <c r="KUE731" s="424"/>
      <c r="KUF731" s="424"/>
      <c r="KUG731" s="423" t="s">
        <v>2795</v>
      </c>
      <c r="KUH731" s="424"/>
      <c r="KUI731" s="424"/>
      <c r="KUJ731" s="424"/>
      <c r="KUK731" s="423" t="s">
        <v>2795</v>
      </c>
      <c r="KUL731" s="424"/>
      <c r="KUM731" s="424"/>
      <c r="KUN731" s="424"/>
      <c r="KUO731" s="423" t="s">
        <v>2795</v>
      </c>
      <c r="KUP731" s="424"/>
      <c r="KUQ731" s="424"/>
      <c r="KUR731" s="424"/>
      <c r="KUS731" s="423" t="s">
        <v>2795</v>
      </c>
      <c r="KUT731" s="424"/>
      <c r="KUU731" s="424"/>
      <c r="KUV731" s="424"/>
      <c r="KUW731" s="423" t="s">
        <v>2795</v>
      </c>
      <c r="KUX731" s="424"/>
      <c r="KUY731" s="424"/>
      <c r="KUZ731" s="424"/>
      <c r="KVA731" s="423" t="s">
        <v>2795</v>
      </c>
      <c r="KVB731" s="424"/>
      <c r="KVC731" s="424"/>
      <c r="KVD731" s="424"/>
      <c r="KVE731" s="423" t="s">
        <v>2795</v>
      </c>
      <c r="KVF731" s="424"/>
      <c r="KVG731" s="424"/>
      <c r="KVH731" s="424"/>
      <c r="KVI731" s="423" t="s">
        <v>2795</v>
      </c>
      <c r="KVJ731" s="424"/>
      <c r="KVK731" s="424"/>
      <c r="KVL731" s="424"/>
      <c r="KVM731" s="423" t="s">
        <v>2795</v>
      </c>
      <c r="KVN731" s="424"/>
      <c r="KVO731" s="424"/>
      <c r="KVP731" s="424"/>
      <c r="KVQ731" s="423" t="s">
        <v>2795</v>
      </c>
      <c r="KVR731" s="424"/>
      <c r="KVS731" s="424"/>
      <c r="KVT731" s="424"/>
      <c r="KVU731" s="423" t="s">
        <v>2795</v>
      </c>
      <c r="KVV731" s="424"/>
      <c r="KVW731" s="424"/>
      <c r="KVX731" s="424"/>
      <c r="KVY731" s="423" t="s">
        <v>2795</v>
      </c>
      <c r="KVZ731" s="424"/>
      <c r="KWA731" s="424"/>
      <c r="KWB731" s="424"/>
      <c r="KWC731" s="423" t="s">
        <v>2795</v>
      </c>
      <c r="KWD731" s="424"/>
      <c r="KWE731" s="424"/>
      <c r="KWF731" s="424"/>
      <c r="KWG731" s="423" t="s">
        <v>2795</v>
      </c>
      <c r="KWH731" s="424"/>
      <c r="KWI731" s="424"/>
      <c r="KWJ731" s="424"/>
      <c r="KWK731" s="423" t="s">
        <v>2795</v>
      </c>
      <c r="KWL731" s="424"/>
      <c r="KWM731" s="424"/>
      <c r="KWN731" s="424"/>
      <c r="KWO731" s="423" t="s">
        <v>2795</v>
      </c>
      <c r="KWP731" s="424"/>
      <c r="KWQ731" s="424"/>
      <c r="KWR731" s="424"/>
      <c r="KWS731" s="423" t="s">
        <v>2795</v>
      </c>
      <c r="KWT731" s="424"/>
      <c r="KWU731" s="424"/>
      <c r="KWV731" s="424"/>
      <c r="KWW731" s="423" t="s">
        <v>2795</v>
      </c>
      <c r="KWX731" s="424"/>
      <c r="KWY731" s="424"/>
      <c r="KWZ731" s="424"/>
      <c r="KXA731" s="423" t="s">
        <v>2795</v>
      </c>
      <c r="KXB731" s="424"/>
      <c r="KXC731" s="424"/>
      <c r="KXD731" s="424"/>
      <c r="KXE731" s="423" t="s">
        <v>2795</v>
      </c>
      <c r="KXF731" s="424"/>
      <c r="KXG731" s="424"/>
      <c r="KXH731" s="424"/>
      <c r="KXI731" s="423" t="s">
        <v>2795</v>
      </c>
      <c r="KXJ731" s="424"/>
      <c r="KXK731" s="424"/>
      <c r="KXL731" s="424"/>
      <c r="KXM731" s="423" t="s">
        <v>2795</v>
      </c>
      <c r="KXN731" s="424"/>
      <c r="KXO731" s="424"/>
      <c r="KXP731" s="424"/>
      <c r="KXQ731" s="423" t="s">
        <v>2795</v>
      </c>
      <c r="KXR731" s="424"/>
      <c r="KXS731" s="424"/>
      <c r="KXT731" s="424"/>
      <c r="KXU731" s="423" t="s">
        <v>2795</v>
      </c>
      <c r="KXV731" s="424"/>
      <c r="KXW731" s="424"/>
      <c r="KXX731" s="424"/>
      <c r="KXY731" s="423" t="s">
        <v>2795</v>
      </c>
      <c r="KXZ731" s="424"/>
      <c r="KYA731" s="424"/>
      <c r="KYB731" s="424"/>
      <c r="KYC731" s="423" t="s">
        <v>2795</v>
      </c>
      <c r="KYD731" s="424"/>
      <c r="KYE731" s="424"/>
      <c r="KYF731" s="424"/>
      <c r="KYG731" s="423" t="s">
        <v>2795</v>
      </c>
      <c r="KYH731" s="424"/>
      <c r="KYI731" s="424"/>
      <c r="KYJ731" s="424"/>
      <c r="KYK731" s="423" t="s">
        <v>2795</v>
      </c>
      <c r="KYL731" s="424"/>
      <c r="KYM731" s="424"/>
      <c r="KYN731" s="424"/>
      <c r="KYO731" s="423" t="s">
        <v>2795</v>
      </c>
      <c r="KYP731" s="424"/>
      <c r="KYQ731" s="424"/>
      <c r="KYR731" s="424"/>
      <c r="KYS731" s="423" t="s">
        <v>2795</v>
      </c>
      <c r="KYT731" s="424"/>
      <c r="KYU731" s="424"/>
      <c r="KYV731" s="424"/>
      <c r="KYW731" s="423" t="s">
        <v>2795</v>
      </c>
      <c r="KYX731" s="424"/>
      <c r="KYY731" s="424"/>
      <c r="KYZ731" s="424"/>
      <c r="KZA731" s="423" t="s">
        <v>2795</v>
      </c>
      <c r="KZB731" s="424"/>
      <c r="KZC731" s="424"/>
      <c r="KZD731" s="424"/>
      <c r="KZE731" s="423" t="s">
        <v>2795</v>
      </c>
      <c r="KZF731" s="424"/>
      <c r="KZG731" s="424"/>
      <c r="KZH731" s="424"/>
      <c r="KZI731" s="423" t="s">
        <v>2795</v>
      </c>
      <c r="KZJ731" s="424"/>
      <c r="KZK731" s="424"/>
      <c r="KZL731" s="424"/>
      <c r="KZM731" s="423" t="s">
        <v>2795</v>
      </c>
      <c r="KZN731" s="424"/>
      <c r="KZO731" s="424"/>
      <c r="KZP731" s="424"/>
      <c r="KZQ731" s="423" t="s">
        <v>2795</v>
      </c>
      <c r="KZR731" s="424"/>
      <c r="KZS731" s="424"/>
      <c r="KZT731" s="424"/>
      <c r="KZU731" s="423" t="s">
        <v>2795</v>
      </c>
      <c r="KZV731" s="424"/>
      <c r="KZW731" s="424"/>
      <c r="KZX731" s="424"/>
      <c r="KZY731" s="423" t="s">
        <v>2795</v>
      </c>
      <c r="KZZ731" s="424"/>
      <c r="LAA731" s="424"/>
      <c r="LAB731" s="424"/>
      <c r="LAC731" s="423" t="s">
        <v>2795</v>
      </c>
      <c r="LAD731" s="424"/>
      <c r="LAE731" s="424"/>
      <c r="LAF731" s="424"/>
      <c r="LAG731" s="423" t="s">
        <v>2795</v>
      </c>
      <c r="LAH731" s="424"/>
      <c r="LAI731" s="424"/>
      <c r="LAJ731" s="424"/>
      <c r="LAK731" s="423" t="s">
        <v>2795</v>
      </c>
      <c r="LAL731" s="424"/>
      <c r="LAM731" s="424"/>
      <c r="LAN731" s="424"/>
      <c r="LAO731" s="423" t="s">
        <v>2795</v>
      </c>
      <c r="LAP731" s="424"/>
      <c r="LAQ731" s="424"/>
      <c r="LAR731" s="424"/>
      <c r="LAS731" s="423" t="s">
        <v>2795</v>
      </c>
      <c r="LAT731" s="424"/>
      <c r="LAU731" s="424"/>
      <c r="LAV731" s="424"/>
      <c r="LAW731" s="423" t="s">
        <v>2795</v>
      </c>
      <c r="LAX731" s="424"/>
      <c r="LAY731" s="424"/>
      <c r="LAZ731" s="424"/>
      <c r="LBA731" s="423" t="s">
        <v>2795</v>
      </c>
      <c r="LBB731" s="424"/>
      <c r="LBC731" s="424"/>
      <c r="LBD731" s="424"/>
      <c r="LBE731" s="423" t="s">
        <v>2795</v>
      </c>
      <c r="LBF731" s="424"/>
      <c r="LBG731" s="424"/>
      <c r="LBH731" s="424"/>
      <c r="LBI731" s="423" t="s">
        <v>2795</v>
      </c>
      <c r="LBJ731" s="424"/>
      <c r="LBK731" s="424"/>
      <c r="LBL731" s="424"/>
      <c r="LBM731" s="423" t="s">
        <v>2795</v>
      </c>
      <c r="LBN731" s="424"/>
      <c r="LBO731" s="424"/>
      <c r="LBP731" s="424"/>
      <c r="LBQ731" s="423" t="s">
        <v>2795</v>
      </c>
      <c r="LBR731" s="424"/>
      <c r="LBS731" s="424"/>
      <c r="LBT731" s="424"/>
      <c r="LBU731" s="423" t="s">
        <v>2795</v>
      </c>
      <c r="LBV731" s="424"/>
      <c r="LBW731" s="424"/>
      <c r="LBX731" s="424"/>
      <c r="LBY731" s="423" t="s">
        <v>2795</v>
      </c>
      <c r="LBZ731" s="424"/>
      <c r="LCA731" s="424"/>
      <c r="LCB731" s="424"/>
      <c r="LCC731" s="423" t="s">
        <v>2795</v>
      </c>
      <c r="LCD731" s="424"/>
      <c r="LCE731" s="424"/>
      <c r="LCF731" s="424"/>
      <c r="LCG731" s="423" t="s">
        <v>2795</v>
      </c>
      <c r="LCH731" s="424"/>
      <c r="LCI731" s="424"/>
      <c r="LCJ731" s="424"/>
      <c r="LCK731" s="423" t="s">
        <v>2795</v>
      </c>
      <c r="LCL731" s="424"/>
      <c r="LCM731" s="424"/>
      <c r="LCN731" s="424"/>
      <c r="LCO731" s="423" t="s">
        <v>2795</v>
      </c>
      <c r="LCP731" s="424"/>
      <c r="LCQ731" s="424"/>
      <c r="LCR731" s="424"/>
      <c r="LCS731" s="423" t="s">
        <v>2795</v>
      </c>
      <c r="LCT731" s="424"/>
      <c r="LCU731" s="424"/>
      <c r="LCV731" s="424"/>
      <c r="LCW731" s="423" t="s">
        <v>2795</v>
      </c>
      <c r="LCX731" s="424"/>
      <c r="LCY731" s="424"/>
      <c r="LCZ731" s="424"/>
      <c r="LDA731" s="423" t="s">
        <v>2795</v>
      </c>
      <c r="LDB731" s="424"/>
      <c r="LDC731" s="424"/>
      <c r="LDD731" s="424"/>
      <c r="LDE731" s="423" t="s">
        <v>2795</v>
      </c>
      <c r="LDF731" s="424"/>
      <c r="LDG731" s="424"/>
      <c r="LDH731" s="424"/>
      <c r="LDI731" s="423" t="s">
        <v>2795</v>
      </c>
      <c r="LDJ731" s="424"/>
      <c r="LDK731" s="424"/>
      <c r="LDL731" s="424"/>
      <c r="LDM731" s="423" t="s">
        <v>2795</v>
      </c>
      <c r="LDN731" s="424"/>
      <c r="LDO731" s="424"/>
      <c r="LDP731" s="424"/>
      <c r="LDQ731" s="423" t="s">
        <v>2795</v>
      </c>
      <c r="LDR731" s="424"/>
      <c r="LDS731" s="424"/>
      <c r="LDT731" s="424"/>
      <c r="LDU731" s="423" t="s">
        <v>2795</v>
      </c>
      <c r="LDV731" s="424"/>
      <c r="LDW731" s="424"/>
      <c r="LDX731" s="424"/>
      <c r="LDY731" s="423" t="s">
        <v>2795</v>
      </c>
      <c r="LDZ731" s="424"/>
      <c r="LEA731" s="424"/>
      <c r="LEB731" s="424"/>
      <c r="LEC731" s="423" t="s">
        <v>2795</v>
      </c>
      <c r="LED731" s="424"/>
      <c r="LEE731" s="424"/>
      <c r="LEF731" s="424"/>
      <c r="LEG731" s="423" t="s">
        <v>2795</v>
      </c>
      <c r="LEH731" s="424"/>
      <c r="LEI731" s="424"/>
      <c r="LEJ731" s="424"/>
      <c r="LEK731" s="423" t="s">
        <v>2795</v>
      </c>
      <c r="LEL731" s="424"/>
      <c r="LEM731" s="424"/>
      <c r="LEN731" s="424"/>
      <c r="LEO731" s="423" t="s">
        <v>2795</v>
      </c>
      <c r="LEP731" s="424"/>
      <c r="LEQ731" s="424"/>
      <c r="LER731" s="424"/>
      <c r="LES731" s="423" t="s">
        <v>2795</v>
      </c>
      <c r="LET731" s="424"/>
      <c r="LEU731" s="424"/>
      <c r="LEV731" s="424"/>
      <c r="LEW731" s="423" t="s">
        <v>2795</v>
      </c>
      <c r="LEX731" s="424"/>
      <c r="LEY731" s="424"/>
      <c r="LEZ731" s="424"/>
      <c r="LFA731" s="423" t="s">
        <v>2795</v>
      </c>
      <c r="LFB731" s="424"/>
      <c r="LFC731" s="424"/>
      <c r="LFD731" s="424"/>
      <c r="LFE731" s="423" t="s">
        <v>2795</v>
      </c>
      <c r="LFF731" s="424"/>
      <c r="LFG731" s="424"/>
      <c r="LFH731" s="424"/>
      <c r="LFI731" s="423" t="s">
        <v>2795</v>
      </c>
      <c r="LFJ731" s="424"/>
      <c r="LFK731" s="424"/>
      <c r="LFL731" s="424"/>
      <c r="LFM731" s="423" t="s">
        <v>2795</v>
      </c>
      <c r="LFN731" s="424"/>
      <c r="LFO731" s="424"/>
      <c r="LFP731" s="424"/>
      <c r="LFQ731" s="423" t="s">
        <v>2795</v>
      </c>
      <c r="LFR731" s="424"/>
      <c r="LFS731" s="424"/>
      <c r="LFT731" s="424"/>
      <c r="LFU731" s="423" t="s">
        <v>2795</v>
      </c>
      <c r="LFV731" s="424"/>
      <c r="LFW731" s="424"/>
      <c r="LFX731" s="424"/>
      <c r="LFY731" s="423" t="s">
        <v>2795</v>
      </c>
      <c r="LFZ731" s="424"/>
      <c r="LGA731" s="424"/>
      <c r="LGB731" s="424"/>
      <c r="LGC731" s="423" t="s">
        <v>2795</v>
      </c>
      <c r="LGD731" s="424"/>
      <c r="LGE731" s="424"/>
      <c r="LGF731" s="424"/>
      <c r="LGG731" s="423" t="s">
        <v>2795</v>
      </c>
      <c r="LGH731" s="424"/>
      <c r="LGI731" s="424"/>
      <c r="LGJ731" s="424"/>
      <c r="LGK731" s="423" t="s">
        <v>2795</v>
      </c>
      <c r="LGL731" s="424"/>
      <c r="LGM731" s="424"/>
      <c r="LGN731" s="424"/>
      <c r="LGO731" s="423" t="s">
        <v>2795</v>
      </c>
      <c r="LGP731" s="424"/>
      <c r="LGQ731" s="424"/>
      <c r="LGR731" s="424"/>
      <c r="LGS731" s="423" t="s">
        <v>2795</v>
      </c>
      <c r="LGT731" s="424"/>
      <c r="LGU731" s="424"/>
      <c r="LGV731" s="424"/>
      <c r="LGW731" s="423" t="s">
        <v>2795</v>
      </c>
      <c r="LGX731" s="424"/>
      <c r="LGY731" s="424"/>
      <c r="LGZ731" s="424"/>
      <c r="LHA731" s="423" t="s">
        <v>2795</v>
      </c>
      <c r="LHB731" s="424"/>
      <c r="LHC731" s="424"/>
      <c r="LHD731" s="424"/>
      <c r="LHE731" s="423" t="s">
        <v>2795</v>
      </c>
      <c r="LHF731" s="424"/>
      <c r="LHG731" s="424"/>
      <c r="LHH731" s="424"/>
      <c r="LHI731" s="423" t="s">
        <v>2795</v>
      </c>
      <c r="LHJ731" s="424"/>
      <c r="LHK731" s="424"/>
      <c r="LHL731" s="424"/>
      <c r="LHM731" s="423" t="s">
        <v>2795</v>
      </c>
      <c r="LHN731" s="424"/>
      <c r="LHO731" s="424"/>
      <c r="LHP731" s="424"/>
      <c r="LHQ731" s="423" t="s">
        <v>2795</v>
      </c>
      <c r="LHR731" s="424"/>
      <c r="LHS731" s="424"/>
      <c r="LHT731" s="424"/>
      <c r="LHU731" s="423" t="s">
        <v>2795</v>
      </c>
      <c r="LHV731" s="424"/>
      <c r="LHW731" s="424"/>
      <c r="LHX731" s="424"/>
      <c r="LHY731" s="423" t="s">
        <v>2795</v>
      </c>
      <c r="LHZ731" s="424"/>
      <c r="LIA731" s="424"/>
      <c r="LIB731" s="424"/>
      <c r="LIC731" s="423" t="s">
        <v>2795</v>
      </c>
      <c r="LID731" s="424"/>
      <c r="LIE731" s="424"/>
      <c r="LIF731" s="424"/>
      <c r="LIG731" s="423" t="s">
        <v>2795</v>
      </c>
      <c r="LIH731" s="424"/>
      <c r="LII731" s="424"/>
      <c r="LIJ731" s="424"/>
      <c r="LIK731" s="423" t="s">
        <v>2795</v>
      </c>
      <c r="LIL731" s="424"/>
      <c r="LIM731" s="424"/>
      <c r="LIN731" s="424"/>
      <c r="LIO731" s="423" t="s">
        <v>2795</v>
      </c>
      <c r="LIP731" s="424"/>
      <c r="LIQ731" s="424"/>
      <c r="LIR731" s="424"/>
      <c r="LIS731" s="423" t="s">
        <v>2795</v>
      </c>
      <c r="LIT731" s="424"/>
      <c r="LIU731" s="424"/>
      <c r="LIV731" s="424"/>
      <c r="LIW731" s="423" t="s">
        <v>2795</v>
      </c>
      <c r="LIX731" s="424"/>
      <c r="LIY731" s="424"/>
      <c r="LIZ731" s="424"/>
      <c r="LJA731" s="423" t="s">
        <v>2795</v>
      </c>
      <c r="LJB731" s="424"/>
      <c r="LJC731" s="424"/>
      <c r="LJD731" s="424"/>
      <c r="LJE731" s="423" t="s">
        <v>2795</v>
      </c>
      <c r="LJF731" s="424"/>
      <c r="LJG731" s="424"/>
      <c r="LJH731" s="424"/>
      <c r="LJI731" s="423" t="s">
        <v>2795</v>
      </c>
      <c r="LJJ731" s="424"/>
      <c r="LJK731" s="424"/>
      <c r="LJL731" s="424"/>
      <c r="LJM731" s="423" t="s">
        <v>2795</v>
      </c>
      <c r="LJN731" s="424"/>
      <c r="LJO731" s="424"/>
      <c r="LJP731" s="424"/>
      <c r="LJQ731" s="423" t="s">
        <v>2795</v>
      </c>
      <c r="LJR731" s="424"/>
      <c r="LJS731" s="424"/>
      <c r="LJT731" s="424"/>
      <c r="LJU731" s="423" t="s">
        <v>2795</v>
      </c>
      <c r="LJV731" s="424"/>
      <c r="LJW731" s="424"/>
      <c r="LJX731" s="424"/>
      <c r="LJY731" s="423" t="s">
        <v>2795</v>
      </c>
      <c r="LJZ731" s="424"/>
      <c r="LKA731" s="424"/>
      <c r="LKB731" s="424"/>
      <c r="LKC731" s="423" t="s">
        <v>2795</v>
      </c>
      <c r="LKD731" s="424"/>
      <c r="LKE731" s="424"/>
      <c r="LKF731" s="424"/>
      <c r="LKG731" s="423" t="s">
        <v>2795</v>
      </c>
      <c r="LKH731" s="424"/>
      <c r="LKI731" s="424"/>
      <c r="LKJ731" s="424"/>
      <c r="LKK731" s="423" t="s">
        <v>2795</v>
      </c>
      <c r="LKL731" s="424"/>
      <c r="LKM731" s="424"/>
      <c r="LKN731" s="424"/>
      <c r="LKO731" s="423" t="s">
        <v>2795</v>
      </c>
      <c r="LKP731" s="424"/>
      <c r="LKQ731" s="424"/>
      <c r="LKR731" s="424"/>
      <c r="LKS731" s="423" t="s">
        <v>2795</v>
      </c>
      <c r="LKT731" s="424"/>
      <c r="LKU731" s="424"/>
      <c r="LKV731" s="424"/>
      <c r="LKW731" s="423" t="s">
        <v>2795</v>
      </c>
      <c r="LKX731" s="424"/>
      <c r="LKY731" s="424"/>
      <c r="LKZ731" s="424"/>
      <c r="LLA731" s="423" t="s">
        <v>2795</v>
      </c>
      <c r="LLB731" s="424"/>
      <c r="LLC731" s="424"/>
      <c r="LLD731" s="424"/>
      <c r="LLE731" s="423" t="s">
        <v>2795</v>
      </c>
      <c r="LLF731" s="424"/>
      <c r="LLG731" s="424"/>
      <c r="LLH731" s="424"/>
      <c r="LLI731" s="423" t="s">
        <v>2795</v>
      </c>
      <c r="LLJ731" s="424"/>
      <c r="LLK731" s="424"/>
      <c r="LLL731" s="424"/>
      <c r="LLM731" s="423" t="s">
        <v>2795</v>
      </c>
      <c r="LLN731" s="424"/>
      <c r="LLO731" s="424"/>
      <c r="LLP731" s="424"/>
      <c r="LLQ731" s="423" t="s">
        <v>2795</v>
      </c>
      <c r="LLR731" s="424"/>
      <c r="LLS731" s="424"/>
      <c r="LLT731" s="424"/>
      <c r="LLU731" s="423" t="s">
        <v>2795</v>
      </c>
      <c r="LLV731" s="424"/>
      <c r="LLW731" s="424"/>
      <c r="LLX731" s="424"/>
      <c r="LLY731" s="423" t="s">
        <v>2795</v>
      </c>
      <c r="LLZ731" s="424"/>
      <c r="LMA731" s="424"/>
      <c r="LMB731" s="424"/>
      <c r="LMC731" s="423" t="s">
        <v>2795</v>
      </c>
      <c r="LMD731" s="424"/>
      <c r="LME731" s="424"/>
      <c r="LMF731" s="424"/>
      <c r="LMG731" s="423" t="s">
        <v>2795</v>
      </c>
      <c r="LMH731" s="424"/>
      <c r="LMI731" s="424"/>
      <c r="LMJ731" s="424"/>
      <c r="LMK731" s="423" t="s">
        <v>2795</v>
      </c>
      <c r="LML731" s="424"/>
      <c r="LMM731" s="424"/>
      <c r="LMN731" s="424"/>
      <c r="LMO731" s="423" t="s">
        <v>2795</v>
      </c>
      <c r="LMP731" s="424"/>
      <c r="LMQ731" s="424"/>
      <c r="LMR731" s="424"/>
      <c r="LMS731" s="423" t="s">
        <v>2795</v>
      </c>
      <c r="LMT731" s="424"/>
      <c r="LMU731" s="424"/>
      <c r="LMV731" s="424"/>
      <c r="LMW731" s="423" t="s">
        <v>2795</v>
      </c>
      <c r="LMX731" s="424"/>
      <c r="LMY731" s="424"/>
      <c r="LMZ731" s="424"/>
      <c r="LNA731" s="423" t="s">
        <v>2795</v>
      </c>
      <c r="LNB731" s="424"/>
      <c r="LNC731" s="424"/>
      <c r="LND731" s="424"/>
      <c r="LNE731" s="423" t="s">
        <v>2795</v>
      </c>
      <c r="LNF731" s="424"/>
      <c r="LNG731" s="424"/>
      <c r="LNH731" s="424"/>
      <c r="LNI731" s="423" t="s">
        <v>2795</v>
      </c>
      <c r="LNJ731" s="424"/>
      <c r="LNK731" s="424"/>
      <c r="LNL731" s="424"/>
      <c r="LNM731" s="423" t="s">
        <v>2795</v>
      </c>
      <c r="LNN731" s="424"/>
      <c r="LNO731" s="424"/>
      <c r="LNP731" s="424"/>
      <c r="LNQ731" s="423" t="s">
        <v>2795</v>
      </c>
      <c r="LNR731" s="424"/>
      <c r="LNS731" s="424"/>
      <c r="LNT731" s="424"/>
      <c r="LNU731" s="423" t="s">
        <v>2795</v>
      </c>
      <c r="LNV731" s="424"/>
      <c r="LNW731" s="424"/>
      <c r="LNX731" s="424"/>
      <c r="LNY731" s="423" t="s">
        <v>2795</v>
      </c>
      <c r="LNZ731" s="424"/>
      <c r="LOA731" s="424"/>
      <c r="LOB731" s="424"/>
      <c r="LOC731" s="423" t="s">
        <v>2795</v>
      </c>
      <c r="LOD731" s="424"/>
      <c r="LOE731" s="424"/>
      <c r="LOF731" s="424"/>
      <c r="LOG731" s="423" t="s">
        <v>2795</v>
      </c>
      <c r="LOH731" s="424"/>
      <c r="LOI731" s="424"/>
      <c r="LOJ731" s="424"/>
      <c r="LOK731" s="423" t="s">
        <v>2795</v>
      </c>
      <c r="LOL731" s="424"/>
      <c r="LOM731" s="424"/>
      <c r="LON731" s="424"/>
      <c r="LOO731" s="423" t="s">
        <v>2795</v>
      </c>
      <c r="LOP731" s="424"/>
      <c r="LOQ731" s="424"/>
      <c r="LOR731" s="424"/>
      <c r="LOS731" s="423" t="s">
        <v>2795</v>
      </c>
      <c r="LOT731" s="424"/>
      <c r="LOU731" s="424"/>
      <c r="LOV731" s="424"/>
      <c r="LOW731" s="423" t="s">
        <v>2795</v>
      </c>
      <c r="LOX731" s="424"/>
      <c r="LOY731" s="424"/>
      <c r="LOZ731" s="424"/>
      <c r="LPA731" s="423" t="s">
        <v>2795</v>
      </c>
      <c r="LPB731" s="424"/>
      <c r="LPC731" s="424"/>
      <c r="LPD731" s="424"/>
      <c r="LPE731" s="423" t="s">
        <v>2795</v>
      </c>
      <c r="LPF731" s="424"/>
      <c r="LPG731" s="424"/>
      <c r="LPH731" s="424"/>
      <c r="LPI731" s="423" t="s">
        <v>2795</v>
      </c>
      <c r="LPJ731" s="424"/>
      <c r="LPK731" s="424"/>
      <c r="LPL731" s="424"/>
      <c r="LPM731" s="423" t="s">
        <v>2795</v>
      </c>
      <c r="LPN731" s="424"/>
      <c r="LPO731" s="424"/>
      <c r="LPP731" s="424"/>
      <c r="LPQ731" s="423" t="s">
        <v>2795</v>
      </c>
      <c r="LPR731" s="424"/>
      <c r="LPS731" s="424"/>
      <c r="LPT731" s="424"/>
      <c r="LPU731" s="423" t="s">
        <v>2795</v>
      </c>
      <c r="LPV731" s="424"/>
      <c r="LPW731" s="424"/>
      <c r="LPX731" s="424"/>
      <c r="LPY731" s="423" t="s">
        <v>2795</v>
      </c>
      <c r="LPZ731" s="424"/>
      <c r="LQA731" s="424"/>
      <c r="LQB731" s="424"/>
      <c r="LQC731" s="423" t="s">
        <v>2795</v>
      </c>
      <c r="LQD731" s="424"/>
      <c r="LQE731" s="424"/>
      <c r="LQF731" s="424"/>
      <c r="LQG731" s="423" t="s">
        <v>2795</v>
      </c>
      <c r="LQH731" s="424"/>
      <c r="LQI731" s="424"/>
      <c r="LQJ731" s="424"/>
      <c r="LQK731" s="423" t="s">
        <v>2795</v>
      </c>
      <c r="LQL731" s="424"/>
      <c r="LQM731" s="424"/>
      <c r="LQN731" s="424"/>
      <c r="LQO731" s="423" t="s">
        <v>2795</v>
      </c>
      <c r="LQP731" s="424"/>
      <c r="LQQ731" s="424"/>
      <c r="LQR731" s="424"/>
      <c r="LQS731" s="423" t="s">
        <v>2795</v>
      </c>
      <c r="LQT731" s="424"/>
      <c r="LQU731" s="424"/>
      <c r="LQV731" s="424"/>
      <c r="LQW731" s="423" t="s">
        <v>2795</v>
      </c>
      <c r="LQX731" s="424"/>
      <c r="LQY731" s="424"/>
      <c r="LQZ731" s="424"/>
      <c r="LRA731" s="423" t="s">
        <v>2795</v>
      </c>
      <c r="LRB731" s="424"/>
      <c r="LRC731" s="424"/>
      <c r="LRD731" s="424"/>
      <c r="LRE731" s="423" t="s">
        <v>2795</v>
      </c>
      <c r="LRF731" s="424"/>
      <c r="LRG731" s="424"/>
      <c r="LRH731" s="424"/>
      <c r="LRI731" s="423" t="s">
        <v>2795</v>
      </c>
      <c r="LRJ731" s="424"/>
      <c r="LRK731" s="424"/>
      <c r="LRL731" s="424"/>
      <c r="LRM731" s="423" t="s">
        <v>2795</v>
      </c>
      <c r="LRN731" s="424"/>
      <c r="LRO731" s="424"/>
      <c r="LRP731" s="424"/>
      <c r="LRQ731" s="423" t="s">
        <v>2795</v>
      </c>
      <c r="LRR731" s="424"/>
      <c r="LRS731" s="424"/>
      <c r="LRT731" s="424"/>
      <c r="LRU731" s="423" t="s">
        <v>2795</v>
      </c>
      <c r="LRV731" s="424"/>
      <c r="LRW731" s="424"/>
      <c r="LRX731" s="424"/>
      <c r="LRY731" s="423" t="s">
        <v>2795</v>
      </c>
      <c r="LRZ731" s="424"/>
      <c r="LSA731" s="424"/>
      <c r="LSB731" s="424"/>
      <c r="LSC731" s="423" t="s">
        <v>2795</v>
      </c>
      <c r="LSD731" s="424"/>
      <c r="LSE731" s="424"/>
      <c r="LSF731" s="424"/>
      <c r="LSG731" s="423" t="s">
        <v>2795</v>
      </c>
      <c r="LSH731" s="424"/>
      <c r="LSI731" s="424"/>
      <c r="LSJ731" s="424"/>
      <c r="LSK731" s="423" t="s">
        <v>2795</v>
      </c>
      <c r="LSL731" s="424"/>
      <c r="LSM731" s="424"/>
      <c r="LSN731" s="424"/>
      <c r="LSO731" s="423" t="s">
        <v>2795</v>
      </c>
      <c r="LSP731" s="424"/>
      <c r="LSQ731" s="424"/>
      <c r="LSR731" s="424"/>
      <c r="LSS731" s="423" t="s">
        <v>2795</v>
      </c>
      <c r="LST731" s="424"/>
      <c r="LSU731" s="424"/>
      <c r="LSV731" s="424"/>
      <c r="LSW731" s="423" t="s">
        <v>2795</v>
      </c>
      <c r="LSX731" s="424"/>
      <c r="LSY731" s="424"/>
      <c r="LSZ731" s="424"/>
      <c r="LTA731" s="423" t="s">
        <v>2795</v>
      </c>
      <c r="LTB731" s="424"/>
      <c r="LTC731" s="424"/>
      <c r="LTD731" s="424"/>
      <c r="LTE731" s="423" t="s">
        <v>2795</v>
      </c>
      <c r="LTF731" s="424"/>
      <c r="LTG731" s="424"/>
      <c r="LTH731" s="424"/>
      <c r="LTI731" s="423" t="s">
        <v>2795</v>
      </c>
      <c r="LTJ731" s="424"/>
      <c r="LTK731" s="424"/>
      <c r="LTL731" s="424"/>
      <c r="LTM731" s="423" t="s">
        <v>2795</v>
      </c>
      <c r="LTN731" s="424"/>
      <c r="LTO731" s="424"/>
      <c r="LTP731" s="424"/>
      <c r="LTQ731" s="423" t="s">
        <v>2795</v>
      </c>
      <c r="LTR731" s="424"/>
      <c r="LTS731" s="424"/>
      <c r="LTT731" s="424"/>
      <c r="LTU731" s="423" t="s">
        <v>2795</v>
      </c>
      <c r="LTV731" s="424"/>
      <c r="LTW731" s="424"/>
      <c r="LTX731" s="424"/>
      <c r="LTY731" s="423" t="s">
        <v>2795</v>
      </c>
      <c r="LTZ731" s="424"/>
      <c r="LUA731" s="424"/>
      <c r="LUB731" s="424"/>
      <c r="LUC731" s="423" t="s">
        <v>2795</v>
      </c>
      <c r="LUD731" s="424"/>
      <c r="LUE731" s="424"/>
      <c r="LUF731" s="424"/>
      <c r="LUG731" s="423" t="s">
        <v>2795</v>
      </c>
      <c r="LUH731" s="424"/>
      <c r="LUI731" s="424"/>
      <c r="LUJ731" s="424"/>
      <c r="LUK731" s="423" t="s">
        <v>2795</v>
      </c>
      <c r="LUL731" s="424"/>
      <c r="LUM731" s="424"/>
      <c r="LUN731" s="424"/>
      <c r="LUO731" s="423" t="s">
        <v>2795</v>
      </c>
      <c r="LUP731" s="424"/>
      <c r="LUQ731" s="424"/>
      <c r="LUR731" s="424"/>
      <c r="LUS731" s="423" t="s">
        <v>2795</v>
      </c>
      <c r="LUT731" s="424"/>
      <c r="LUU731" s="424"/>
      <c r="LUV731" s="424"/>
      <c r="LUW731" s="423" t="s">
        <v>2795</v>
      </c>
      <c r="LUX731" s="424"/>
      <c r="LUY731" s="424"/>
      <c r="LUZ731" s="424"/>
      <c r="LVA731" s="423" t="s">
        <v>2795</v>
      </c>
      <c r="LVB731" s="424"/>
      <c r="LVC731" s="424"/>
      <c r="LVD731" s="424"/>
      <c r="LVE731" s="423" t="s">
        <v>2795</v>
      </c>
      <c r="LVF731" s="424"/>
      <c r="LVG731" s="424"/>
      <c r="LVH731" s="424"/>
      <c r="LVI731" s="423" t="s">
        <v>2795</v>
      </c>
      <c r="LVJ731" s="424"/>
      <c r="LVK731" s="424"/>
      <c r="LVL731" s="424"/>
      <c r="LVM731" s="423" t="s">
        <v>2795</v>
      </c>
      <c r="LVN731" s="424"/>
      <c r="LVO731" s="424"/>
      <c r="LVP731" s="424"/>
      <c r="LVQ731" s="423" t="s">
        <v>2795</v>
      </c>
      <c r="LVR731" s="424"/>
      <c r="LVS731" s="424"/>
      <c r="LVT731" s="424"/>
      <c r="LVU731" s="423" t="s">
        <v>2795</v>
      </c>
      <c r="LVV731" s="424"/>
      <c r="LVW731" s="424"/>
      <c r="LVX731" s="424"/>
      <c r="LVY731" s="423" t="s">
        <v>2795</v>
      </c>
      <c r="LVZ731" s="424"/>
      <c r="LWA731" s="424"/>
      <c r="LWB731" s="424"/>
      <c r="LWC731" s="423" t="s">
        <v>2795</v>
      </c>
      <c r="LWD731" s="424"/>
      <c r="LWE731" s="424"/>
      <c r="LWF731" s="424"/>
      <c r="LWG731" s="423" t="s">
        <v>2795</v>
      </c>
      <c r="LWH731" s="424"/>
      <c r="LWI731" s="424"/>
      <c r="LWJ731" s="424"/>
      <c r="LWK731" s="423" t="s">
        <v>2795</v>
      </c>
      <c r="LWL731" s="424"/>
      <c r="LWM731" s="424"/>
      <c r="LWN731" s="424"/>
      <c r="LWO731" s="423" t="s">
        <v>2795</v>
      </c>
      <c r="LWP731" s="424"/>
      <c r="LWQ731" s="424"/>
      <c r="LWR731" s="424"/>
      <c r="LWS731" s="423" t="s">
        <v>2795</v>
      </c>
      <c r="LWT731" s="424"/>
      <c r="LWU731" s="424"/>
      <c r="LWV731" s="424"/>
      <c r="LWW731" s="423" t="s">
        <v>2795</v>
      </c>
      <c r="LWX731" s="424"/>
      <c r="LWY731" s="424"/>
      <c r="LWZ731" s="424"/>
      <c r="LXA731" s="423" t="s">
        <v>2795</v>
      </c>
      <c r="LXB731" s="424"/>
      <c r="LXC731" s="424"/>
      <c r="LXD731" s="424"/>
      <c r="LXE731" s="423" t="s">
        <v>2795</v>
      </c>
      <c r="LXF731" s="424"/>
      <c r="LXG731" s="424"/>
      <c r="LXH731" s="424"/>
      <c r="LXI731" s="423" t="s">
        <v>2795</v>
      </c>
      <c r="LXJ731" s="424"/>
      <c r="LXK731" s="424"/>
      <c r="LXL731" s="424"/>
      <c r="LXM731" s="423" t="s">
        <v>2795</v>
      </c>
      <c r="LXN731" s="424"/>
      <c r="LXO731" s="424"/>
      <c r="LXP731" s="424"/>
      <c r="LXQ731" s="423" t="s">
        <v>2795</v>
      </c>
      <c r="LXR731" s="424"/>
      <c r="LXS731" s="424"/>
      <c r="LXT731" s="424"/>
      <c r="LXU731" s="423" t="s">
        <v>2795</v>
      </c>
      <c r="LXV731" s="424"/>
      <c r="LXW731" s="424"/>
      <c r="LXX731" s="424"/>
      <c r="LXY731" s="423" t="s">
        <v>2795</v>
      </c>
      <c r="LXZ731" s="424"/>
      <c r="LYA731" s="424"/>
      <c r="LYB731" s="424"/>
      <c r="LYC731" s="423" t="s">
        <v>2795</v>
      </c>
      <c r="LYD731" s="424"/>
      <c r="LYE731" s="424"/>
      <c r="LYF731" s="424"/>
      <c r="LYG731" s="423" t="s">
        <v>2795</v>
      </c>
      <c r="LYH731" s="424"/>
      <c r="LYI731" s="424"/>
      <c r="LYJ731" s="424"/>
      <c r="LYK731" s="423" t="s">
        <v>2795</v>
      </c>
      <c r="LYL731" s="424"/>
      <c r="LYM731" s="424"/>
      <c r="LYN731" s="424"/>
      <c r="LYO731" s="423" t="s">
        <v>2795</v>
      </c>
      <c r="LYP731" s="424"/>
      <c r="LYQ731" s="424"/>
      <c r="LYR731" s="424"/>
      <c r="LYS731" s="423" t="s">
        <v>2795</v>
      </c>
      <c r="LYT731" s="424"/>
      <c r="LYU731" s="424"/>
      <c r="LYV731" s="424"/>
      <c r="LYW731" s="423" t="s">
        <v>2795</v>
      </c>
      <c r="LYX731" s="424"/>
      <c r="LYY731" s="424"/>
      <c r="LYZ731" s="424"/>
      <c r="LZA731" s="423" t="s">
        <v>2795</v>
      </c>
      <c r="LZB731" s="424"/>
      <c r="LZC731" s="424"/>
      <c r="LZD731" s="424"/>
      <c r="LZE731" s="423" t="s">
        <v>2795</v>
      </c>
      <c r="LZF731" s="424"/>
      <c r="LZG731" s="424"/>
      <c r="LZH731" s="424"/>
      <c r="LZI731" s="423" t="s">
        <v>2795</v>
      </c>
      <c r="LZJ731" s="424"/>
      <c r="LZK731" s="424"/>
      <c r="LZL731" s="424"/>
      <c r="LZM731" s="423" t="s">
        <v>2795</v>
      </c>
      <c r="LZN731" s="424"/>
      <c r="LZO731" s="424"/>
      <c r="LZP731" s="424"/>
      <c r="LZQ731" s="423" t="s">
        <v>2795</v>
      </c>
      <c r="LZR731" s="424"/>
      <c r="LZS731" s="424"/>
      <c r="LZT731" s="424"/>
      <c r="LZU731" s="423" t="s">
        <v>2795</v>
      </c>
      <c r="LZV731" s="424"/>
      <c r="LZW731" s="424"/>
      <c r="LZX731" s="424"/>
      <c r="LZY731" s="423" t="s">
        <v>2795</v>
      </c>
      <c r="LZZ731" s="424"/>
      <c r="MAA731" s="424"/>
      <c r="MAB731" s="424"/>
      <c r="MAC731" s="423" t="s">
        <v>2795</v>
      </c>
      <c r="MAD731" s="424"/>
      <c r="MAE731" s="424"/>
      <c r="MAF731" s="424"/>
      <c r="MAG731" s="423" t="s">
        <v>2795</v>
      </c>
      <c r="MAH731" s="424"/>
      <c r="MAI731" s="424"/>
      <c r="MAJ731" s="424"/>
      <c r="MAK731" s="423" t="s">
        <v>2795</v>
      </c>
      <c r="MAL731" s="424"/>
      <c r="MAM731" s="424"/>
      <c r="MAN731" s="424"/>
      <c r="MAO731" s="423" t="s">
        <v>2795</v>
      </c>
      <c r="MAP731" s="424"/>
      <c r="MAQ731" s="424"/>
      <c r="MAR731" s="424"/>
      <c r="MAS731" s="423" t="s">
        <v>2795</v>
      </c>
      <c r="MAT731" s="424"/>
      <c r="MAU731" s="424"/>
      <c r="MAV731" s="424"/>
      <c r="MAW731" s="423" t="s">
        <v>2795</v>
      </c>
      <c r="MAX731" s="424"/>
      <c r="MAY731" s="424"/>
      <c r="MAZ731" s="424"/>
      <c r="MBA731" s="423" t="s">
        <v>2795</v>
      </c>
      <c r="MBB731" s="424"/>
      <c r="MBC731" s="424"/>
      <c r="MBD731" s="424"/>
      <c r="MBE731" s="423" t="s">
        <v>2795</v>
      </c>
      <c r="MBF731" s="424"/>
      <c r="MBG731" s="424"/>
      <c r="MBH731" s="424"/>
      <c r="MBI731" s="423" t="s">
        <v>2795</v>
      </c>
      <c r="MBJ731" s="424"/>
      <c r="MBK731" s="424"/>
      <c r="MBL731" s="424"/>
      <c r="MBM731" s="423" t="s">
        <v>2795</v>
      </c>
      <c r="MBN731" s="424"/>
      <c r="MBO731" s="424"/>
      <c r="MBP731" s="424"/>
      <c r="MBQ731" s="423" t="s">
        <v>2795</v>
      </c>
      <c r="MBR731" s="424"/>
      <c r="MBS731" s="424"/>
      <c r="MBT731" s="424"/>
      <c r="MBU731" s="423" t="s">
        <v>2795</v>
      </c>
      <c r="MBV731" s="424"/>
      <c r="MBW731" s="424"/>
      <c r="MBX731" s="424"/>
      <c r="MBY731" s="423" t="s">
        <v>2795</v>
      </c>
      <c r="MBZ731" s="424"/>
      <c r="MCA731" s="424"/>
      <c r="MCB731" s="424"/>
      <c r="MCC731" s="423" t="s">
        <v>2795</v>
      </c>
      <c r="MCD731" s="424"/>
      <c r="MCE731" s="424"/>
      <c r="MCF731" s="424"/>
      <c r="MCG731" s="423" t="s">
        <v>2795</v>
      </c>
      <c r="MCH731" s="424"/>
      <c r="MCI731" s="424"/>
      <c r="MCJ731" s="424"/>
      <c r="MCK731" s="423" t="s">
        <v>2795</v>
      </c>
      <c r="MCL731" s="424"/>
      <c r="MCM731" s="424"/>
      <c r="MCN731" s="424"/>
      <c r="MCO731" s="423" t="s">
        <v>2795</v>
      </c>
      <c r="MCP731" s="424"/>
      <c r="MCQ731" s="424"/>
      <c r="MCR731" s="424"/>
      <c r="MCS731" s="423" t="s">
        <v>2795</v>
      </c>
      <c r="MCT731" s="424"/>
      <c r="MCU731" s="424"/>
      <c r="MCV731" s="424"/>
      <c r="MCW731" s="423" t="s">
        <v>2795</v>
      </c>
      <c r="MCX731" s="424"/>
      <c r="MCY731" s="424"/>
      <c r="MCZ731" s="424"/>
      <c r="MDA731" s="423" t="s">
        <v>2795</v>
      </c>
      <c r="MDB731" s="424"/>
      <c r="MDC731" s="424"/>
      <c r="MDD731" s="424"/>
      <c r="MDE731" s="423" t="s">
        <v>2795</v>
      </c>
      <c r="MDF731" s="424"/>
      <c r="MDG731" s="424"/>
      <c r="MDH731" s="424"/>
      <c r="MDI731" s="423" t="s">
        <v>2795</v>
      </c>
      <c r="MDJ731" s="424"/>
      <c r="MDK731" s="424"/>
      <c r="MDL731" s="424"/>
      <c r="MDM731" s="423" t="s">
        <v>2795</v>
      </c>
      <c r="MDN731" s="424"/>
      <c r="MDO731" s="424"/>
      <c r="MDP731" s="424"/>
      <c r="MDQ731" s="423" t="s">
        <v>2795</v>
      </c>
      <c r="MDR731" s="424"/>
      <c r="MDS731" s="424"/>
      <c r="MDT731" s="424"/>
      <c r="MDU731" s="423" t="s">
        <v>2795</v>
      </c>
      <c r="MDV731" s="424"/>
      <c r="MDW731" s="424"/>
      <c r="MDX731" s="424"/>
      <c r="MDY731" s="423" t="s">
        <v>2795</v>
      </c>
      <c r="MDZ731" s="424"/>
      <c r="MEA731" s="424"/>
      <c r="MEB731" s="424"/>
      <c r="MEC731" s="423" t="s">
        <v>2795</v>
      </c>
      <c r="MED731" s="424"/>
      <c r="MEE731" s="424"/>
      <c r="MEF731" s="424"/>
      <c r="MEG731" s="423" t="s">
        <v>2795</v>
      </c>
      <c r="MEH731" s="424"/>
      <c r="MEI731" s="424"/>
      <c r="MEJ731" s="424"/>
      <c r="MEK731" s="423" t="s">
        <v>2795</v>
      </c>
      <c r="MEL731" s="424"/>
      <c r="MEM731" s="424"/>
      <c r="MEN731" s="424"/>
      <c r="MEO731" s="423" t="s">
        <v>2795</v>
      </c>
      <c r="MEP731" s="424"/>
      <c r="MEQ731" s="424"/>
      <c r="MER731" s="424"/>
      <c r="MES731" s="423" t="s">
        <v>2795</v>
      </c>
      <c r="MET731" s="424"/>
      <c r="MEU731" s="424"/>
      <c r="MEV731" s="424"/>
      <c r="MEW731" s="423" t="s">
        <v>2795</v>
      </c>
      <c r="MEX731" s="424"/>
      <c r="MEY731" s="424"/>
      <c r="MEZ731" s="424"/>
      <c r="MFA731" s="423" t="s">
        <v>2795</v>
      </c>
      <c r="MFB731" s="424"/>
      <c r="MFC731" s="424"/>
      <c r="MFD731" s="424"/>
      <c r="MFE731" s="423" t="s">
        <v>2795</v>
      </c>
      <c r="MFF731" s="424"/>
      <c r="MFG731" s="424"/>
      <c r="MFH731" s="424"/>
      <c r="MFI731" s="423" t="s">
        <v>2795</v>
      </c>
      <c r="MFJ731" s="424"/>
      <c r="MFK731" s="424"/>
      <c r="MFL731" s="424"/>
      <c r="MFM731" s="423" t="s">
        <v>2795</v>
      </c>
      <c r="MFN731" s="424"/>
      <c r="MFO731" s="424"/>
      <c r="MFP731" s="424"/>
      <c r="MFQ731" s="423" t="s">
        <v>2795</v>
      </c>
      <c r="MFR731" s="424"/>
      <c r="MFS731" s="424"/>
      <c r="MFT731" s="424"/>
      <c r="MFU731" s="423" t="s">
        <v>2795</v>
      </c>
      <c r="MFV731" s="424"/>
      <c r="MFW731" s="424"/>
      <c r="MFX731" s="424"/>
      <c r="MFY731" s="423" t="s">
        <v>2795</v>
      </c>
      <c r="MFZ731" s="424"/>
      <c r="MGA731" s="424"/>
      <c r="MGB731" s="424"/>
      <c r="MGC731" s="423" t="s">
        <v>2795</v>
      </c>
      <c r="MGD731" s="424"/>
      <c r="MGE731" s="424"/>
      <c r="MGF731" s="424"/>
      <c r="MGG731" s="423" t="s">
        <v>2795</v>
      </c>
      <c r="MGH731" s="424"/>
      <c r="MGI731" s="424"/>
      <c r="MGJ731" s="424"/>
      <c r="MGK731" s="423" t="s">
        <v>2795</v>
      </c>
      <c r="MGL731" s="424"/>
      <c r="MGM731" s="424"/>
      <c r="MGN731" s="424"/>
      <c r="MGO731" s="423" t="s">
        <v>2795</v>
      </c>
      <c r="MGP731" s="424"/>
      <c r="MGQ731" s="424"/>
      <c r="MGR731" s="424"/>
      <c r="MGS731" s="423" t="s">
        <v>2795</v>
      </c>
      <c r="MGT731" s="424"/>
      <c r="MGU731" s="424"/>
      <c r="MGV731" s="424"/>
      <c r="MGW731" s="423" t="s">
        <v>2795</v>
      </c>
      <c r="MGX731" s="424"/>
      <c r="MGY731" s="424"/>
      <c r="MGZ731" s="424"/>
      <c r="MHA731" s="423" t="s">
        <v>2795</v>
      </c>
      <c r="MHB731" s="424"/>
      <c r="MHC731" s="424"/>
      <c r="MHD731" s="424"/>
      <c r="MHE731" s="423" t="s">
        <v>2795</v>
      </c>
      <c r="MHF731" s="424"/>
      <c r="MHG731" s="424"/>
      <c r="MHH731" s="424"/>
      <c r="MHI731" s="423" t="s">
        <v>2795</v>
      </c>
      <c r="MHJ731" s="424"/>
      <c r="MHK731" s="424"/>
      <c r="MHL731" s="424"/>
      <c r="MHM731" s="423" t="s">
        <v>2795</v>
      </c>
      <c r="MHN731" s="424"/>
      <c r="MHO731" s="424"/>
      <c r="MHP731" s="424"/>
      <c r="MHQ731" s="423" t="s">
        <v>2795</v>
      </c>
      <c r="MHR731" s="424"/>
      <c r="MHS731" s="424"/>
      <c r="MHT731" s="424"/>
      <c r="MHU731" s="423" t="s">
        <v>2795</v>
      </c>
      <c r="MHV731" s="424"/>
      <c r="MHW731" s="424"/>
      <c r="MHX731" s="424"/>
      <c r="MHY731" s="423" t="s">
        <v>2795</v>
      </c>
      <c r="MHZ731" s="424"/>
      <c r="MIA731" s="424"/>
      <c r="MIB731" s="424"/>
      <c r="MIC731" s="423" t="s">
        <v>2795</v>
      </c>
      <c r="MID731" s="424"/>
      <c r="MIE731" s="424"/>
      <c r="MIF731" s="424"/>
      <c r="MIG731" s="423" t="s">
        <v>2795</v>
      </c>
      <c r="MIH731" s="424"/>
      <c r="MII731" s="424"/>
      <c r="MIJ731" s="424"/>
      <c r="MIK731" s="423" t="s">
        <v>2795</v>
      </c>
      <c r="MIL731" s="424"/>
      <c r="MIM731" s="424"/>
      <c r="MIN731" s="424"/>
      <c r="MIO731" s="423" t="s">
        <v>2795</v>
      </c>
      <c r="MIP731" s="424"/>
      <c r="MIQ731" s="424"/>
      <c r="MIR731" s="424"/>
      <c r="MIS731" s="423" t="s">
        <v>2795</v>
      </c>
      <c r="MIT731" s="424"/>
      <c r="MIU731" s="424"/>
      <c r="MIV731" s="424"/>
      <c r="MIW731" s="423" t="s">
        <v>2795</v>
      </c>
      <c r="MIX731" s="424"/>
      <c r="MIY731" s="424"/>
      <c r="MIZ731" s="424"/>
      <c r="MJA731" s="423" t="s">
        <v>2795</v>
      </c>
      <c r="MJB731" s="424"/>
      <c r="MJC731" s="424"/>
      <c r="MJD731" s="424"/>
      <c r="MJE731" s="423" t="s">
        <v>2795</v>
      </c>
      <c r="MJF731" s="424"/>
      <c r="MJG731" s="424"/>
      <c r="MJH731" s="424"/>
      <c r="MJI731" s="423" t="s">
        <v>2795</v>
      </c>
      <c r="MJJ731" s="424"/>
      <c r="MJK731" s="424"/>
      <c r="MJL731" s="424"/>
      <c r="MJM731" s="423" t="s">
        <v>2795</v>
      </c>
      <c r="MJN731" s="424"/>
      <c r="MJO731" s="424"/>
      <c r="MJP731" s="424"/>
      <c r="MJQ731" s="423" t="s">
        <v>2795</v>
      </c>
      <c r="MJR731" s="424"/>
      <c r="MJS731" s="424"/>
      <c r="MJT731" s="424"/>
      <c r="MJU731" s="423" t="s">
        <v>2795</v>
      </c>
      <c r="MJV731" s="424"/>
      <c r="MJW731" s="424"/>
      <c r="MJX731" s="424"/>
      <c r="MJY731" s="423" t="s">
        <v>2795</v>
      </c>
      <c r="MJZ731" s="424"/>
      <c r="MKA731" s="424"/>
      <c r="MKB731" s="424"/>
      <c r="MKC731" s="423" t="s">
        <v>2795</v>
      </c>
      <c r="MKD731" s="424"/>
      <c r="MKE731" s="424"/>
      <c r="MKF731" s="424"/>
      <c r="MKG731" s="423" t="s">
        <v>2795</v>
      </c>
      <c r="MKH731" s="424"/>
      <c r="MKI731" s="424"/>
      <c r="MKJ731" s="424"/>
      <c r="MKK731" s="423" t="s">
        <v>2795</v>
      </c>
      <c r="MKL731" s="424"/>
      <c r="MKM731" s="424"/>
      <c r="MKN731" s="424"/>
      <c r="MKO731" s="423" t="s">
        <v>2795</v>
      </c>
      <c r="MKP731" s="424"/>
      <c r="MKQ731" s="424"/>
      <c r="MKR731" s="424"/>
      <c r="MKS731" s="423" t="s">
        <v>2795</v>
      </c>
      <c r="MKT731" s="424"/>
      <c r="MKU731" s="424"/>
      <c r="MKV731" s="424"/>
      <c r="MKW731" s="423" t="s">
        <v>2795</v>
      </c>
      <c r="MKX731" s="424"/>
      <c r="MKY731" s="424"/>
      <c r="MKZ731" s="424"/>
      <c r="MLA731" s="423" t="s">
        <v>2795</v>
      </c>
      <c r="MLB731" s="424"/>
      <c r="MLC731" s="424"/>
      <c r="MLD731" s="424"/>
      <c r="MLE731" s="423" t="s">
        <v>2795</v>
      </c>
      <c r="MLF731" s="424"/>
      <c r="MLG731" s="424"/>
      <c r="MLH731" s="424"/>
      <c r="MLI731" s="423" t="s">
        <v>2795</v>
      </c>
      <c r="MLJ731" s="424"/>
      <c r="MLK731" s="424"/>
      <c r="MLL731" s="424"/>
      <c r="MLM731" s="423" t="s">
        <v>2795</v>
      </c>
      <c r="MLN731" s="424"/>
      <c r="MLO731" s="424"/>
      <c r="MLP731" s="424"/>
      <c r="MLQ731" s="423" t="s">
        <v>2795</v>
      </c>
      <c r="MLR731" s="424"/>
      <c r="MLS731" s="424"/>
      <c r="MLT731" s="424"/>
      <c r="MLU731" s="423" t="s">
        <v>2795</v>
      </c>
      <c r="MLV731" s="424"/>
      <c r="MLW731" s="424"/>
      <c r="MLX731" s="424"/>
      <c r="MLY731" s="423" t="s">
        <v>2795</v>
      </c>
      <c r="MLZ731" s="424"/>
      <c r="MMA731" s="424"/>
      <c r="MMB731" s="424"/>
      <c r="MMC731" s="423" t="s">
        <v>2795</v>
      </c>
      <c r="MMD731" s="424"/>
      <c r="MME731" s="424"/>
      <c r="MMF731" s="424"/>
      <c r="MMG731" s="423" t="s">
        <v>2795</v>
      </c>
      <c r="MMH731" s="424"/>
      <c r="MMI731" s="424"/>
      <c r="MMJ731" s="424"/>
      <c r="MMK731" s="423" t="s">
        <v>2795</v>
      </c>
      <c r="MML731" s="424"/>
      <c r="MMM731" s="424"/>
      <c r="MMN731" s="424"/>
      <c r="MMO731" s="423" t="s">
        <v>2795</v>
      </c>
      <c r="MMP731" s="424"/>
      <c r="MMQ731" s="424"/>
      <c r="MMR731" s="424"/>
      <c r="MMS731" s="423" t="s">
        <v>2795</v>
      </c>
      <c r="MMT731" s="424"/>
      <c r="MMU731" s="424"/>
      <c r="MMV731" s="424"/>
      <c r="MMW731" s="423" t="s">
        <v>2795</v>
      </c>
      <c r="MMX731" s="424"/>
      <c r="MMY731" s="424"/>
      <c r="MMZ731" s="424"/>
      <c r="MNA731" s="423" t="s">
        <v>2795</v>
      </c>
      <c r="MNB731" s="424"/>
      <c r="MNC731" s="424"/>
      <c r="MND731" s="424"/>
      <c r="MNE731" s="423" t="s">
        <v>2795</v>
      </c>
      <c r="MNF731" s="424"/>
      <c r="MNG731" s="424"/>
      <c r="MNH731" s="424"/>
      <c r="MNI731" s="423" t="s">
        <v>2795</v>
      </c>
      <c r="MNJ731" s="424"/>
      <c r="MNK731" s="424"/>
      <c r="MNL731" s="424"/>
      <c r="MNM731" s="423" t="s">
        <v>2795</v>
      </c>
      <c r="MNN731" s="424"/>
      <c r="MNO731" s="424"/>
      <c r="MNP731" s="424"/>
      <c r="MNQ731" s="423" t="s">
        <v>2795</v>
      </c>
      <c r="MNR731" s="424"/>
      <c r="MNS731" s="424"/>
      <c r="MNT731" s="424"/>
      <c r="MNU731" s="423" t="s">
        <v>2795</v>
      </c>
      <c r="MNV731" s="424"/>
      <c r="MNW731" s="424"/>
      <c r="MNX731" s="424"/>
      <c r="MNY731" s="423" t="s">
        <v>2795</v>
      </c>
      <c r="MNZ731" s="424"/>
      <c r="MOA731" s="424"/>
      <c r="MOB731" s="424"/>
      <c r="MOC731" s="423" t="s">
        <v>2795</v>
      </c>
      <c r="MOD731" s="424"/>
      <c r="MOE731" s="424"/>
      <c r="MOF731" s="424"/>
      <c r="MOG731" s="423" t="s">
        <v>2795</v>
      </c>
      <c r="MOH731" s="424"/>
      <c r="MOI731" s="424"/>
      <c r="MOJ731" s="424"/>
      <c r="MOK731" s="423" t="s">
        <v>2795</v>
      </c>
      <c r="MOL731" s="424"/>
      <c r="MOM731" s="424"/>
      <c r="MON731" s="424"/>
      <c r="MOO731" s="423" t="s">
        <v>2795</v>
      </c>
      <c r="MOP731" s="424"/>
      <c r="MOQ731" s="424"/>
      <c r="MOR731" s="424"/>
      <c r="MOS731" s="423" t="s">
        <v>2795</v>
      </c>
      <c r="MOT731" s="424"/>
      <c r="MOU731" s="424"/>
      <c r="MOV731" s="424"/>
      <c r="MOW731" s="423" t="s">
        <v>2795</v>
      </c>
      <c r="MOX731" s="424"/>
      <c r="MOY731" s="424"/>
      <c r="MOZ731" s="424"/>
      <c r="MPA731" s="423" t="s">
        <v>2795</v>
      </c>
      <c r="MPB731" s="424"/>
      <c r="MPC731" s="424"/>
      <c r="MPD731" s="424"/>
      <c r="MPE731" s="423" t="s">
        <v>2795</v>
      </c>
      <c r="MPF731" s="424"/>
      <c r="MPG731" s="424"/>
      <c r="MPH731" s="424"/>
      <c r="MPI731" s="423" t="s">
        <v>2795</v>
      </c>
      <c r="MPJ731" s="424"/>
      <c r="MPK731" s="424"/>
      <c r="MPL731" s="424"/>
      <c r="MPM731" s="423" t="s">
        <v>2795</v>
      </c>
      <c r="MPN731" s="424"/>
      <c r="MPO731" s="424"/>
      <c r="MPP731" s="424"/>
      <c r="MPQ731" s="423" t="s">
        <v>2795</v>
      </c>
      <c r="MPR731" s="424"/>
      <c r="MPS731" s="424"/>
      <c r="MPT731" s="424"/>
      <c r="MPU731" s="423" t="s">
        <v>2795</v>
      </c>
      <c r="MPV731" s="424"/>
      <c r="MPW731" s="424"/>
      <c r="MPX731" s="424"/>
      <c r="MPY731" s="423" t="s">
        <v>2795</v>
      </c>
      <c r="MPZ731" s="424"/>
      <c r="MQA731" s="424"/>
      <c r="MQB731" s="424"/>
      <c r="MQC731" s="423" t="s">
        <v>2795</v>
      </c>
      <c r="MQD731" s="424"/>
      <c r="MQE731" s="424"/>
      <c r="MQF731" s="424"/>
      <c r="MQG731" s="423" t="s">
        <v>2795</v>
      </c>
      <c r="MQH731" s="424"/>
      <c r="MQI731" s="424"/>
      <c r="MQJ731" s="424"/>
      <c r="MQK731" s="423" t="s">
        <v>2795</v>
      </c>
      <c r="MQL731" s="424"/>
      <c r="MQM731" s="424"/>
      <c r="MQN731" s="424"/>
      <c r="MQO731" s="423" t="s">
        <v>2795</v>
      </c>
      <c r="MQP731" s="424"/>
      <c r="MQQ731" s="424"/>
      <c r="MQR731" s="424"/>
      <c r="MQS731" s="423" t="s">
        <v>2795</v>
      </c>
      <c r="MQT731" s="424"/>
      <c r="MQU731" s="424"/>
      <c r="MQV731" s="424"/>
      <c r="MQW731" s="423" t="s">
        <v>2795</v>
      </c>
      <c r="MQX731" s="424"/>
      <c r="MQY731" s="424"/>
      <c r="MQZ731" s="424"/>
      <c r="MRA731" s="423" t="s">
        <v>2795</v>
      </c>
      <c r="MRB731" s="424"/>
      <c r="MRC731" s="424"/>
      <c r="MRD731" s="424"/>
      <c r="MRE731" s="423" t="s">
        <v>2795</v>
      </c>
      <c r="MRF731" s="424"/>
      <c r="MRG731" s="424"/>
      <c r="MRH731" s="424"/>
      <c r="MRI731" s="423" t="s">
        <v>2795</v>
      </c>
      <c r="MRJ731" s="424"/>
      <c r="MRK731" s="424"/>
      <c r="MRL731" s="424"/>
      <c r="MRM731" s="423" t="s">
        <v>2795</v>
      </c>
      <c r="MRN731" s="424"/>
      <c r="MRO731" s="424"/>
      <c r="MRP731" s="424"/>
      <c r="MRQ731" s="423" t="s">
        <v>2795</v>
      </c>
      <c r="MRR731" s="424"/>
      <c r="MRS731" s="424"/>
      <c r="MRT731" s="424"/>
      <c r="MRU731" s="423" t="s">
        <v>2795</v>
      </c>
      <c r="MRV731" s="424"/>
      <c r="MRW731" s="424"/>
      <c r="MRX731" s="424"/>
      <c r="MRY731" s="423" t="s">
        <v>2795</v>
      </c>
      <c r="MRZ731" s="424"/>
      <c r="MSA731" s="424"/>
      <c r="MSB731" s="424"/>
      <c r="MSC731" s="423" t="s">
        <v>2795</v>
      </c>
      <c r="MSD731" s="424"/>
      <c r="MSE731" s="424"/>
      <c r="MSF731" s="424"/>
      <c r="MSG731" s="423" t="s">
        <v>2795</v>
      </c>
      <c r="MSH731" s="424"/>
      <c r="MSI731" s="424"/>
      <c r="MSJ731" s="424"/>
      <c r="MSK731" s="423" t="s">
        <v>2795</v>
      </c>
      <c r="MSL731" s="424"/>
      <c r="MSM731" s="424"/>
      <c r="MSN731" s="424"/>
      <c r="MSO731" s="423" t="s">
        <v>2795</v>
      </c>
      <c r="MSP731" s="424"/>
      <c r="MSQ731" s="424"/>
      <c r="MSR731" s="424"/>
      <c r="MSS731" s="423" t="s">
        <v>2795</v>
      </c>
      <c r="MST731" s="424"/>
      <c r="MSU731" s="424"/>
      <c r="MSV731" s="424"/>
      <c r="MSW731" s="423" t="s">
        <v>2795</v>
      </c>
      <c r="MSX731" s="424"/>
      <c r="MSY731" s="424"/>
      <c r="MSZ731" s="424"/>
      <c r="MTA731" s="423" t="s">
        <v>2795</v>
      </c>
      <c r="MTB731" s="424"/>
      <c r="MTC731" s="424"/>
      <c r="MTD731" s="424"/>
      <c r="MTE731" s="423" t="s">
        <v>2795</v>
      </c>
      <c r="MTF731" s="424"/>
      <c r="MTG731" s="424"/>
      <c r="MTH731" s="424"/>
      <c r="MTI731" s="423" t="s">
        <v>2795</v>
      </c>
      <c r="MTJ731" s="424"/>
      <c r="MTK731" s="424"/>
      <c r="MTL731" s="424"/>
      <c r="MTM731" s="423" t="s">
        <v>2795</v>
      </c>
      <c r="MTN731" s="424"/>
      <c r="MTO731" s="424"/>
      <c r="MTP731" s="424"/>
      <c r="MTQ731" s="423" t="s">
        <v>2795</v>
      </c>
      <c r="MTR731" s="424"/>
      <c r="MTS731" s="424"/>
      <c r="MTT731" s="424"/>
      <c r="MTU731" s="423" t="s">
        <v>2795</v>
      </c>
      <c r="MTV731" s="424"/>
      <c r="MTW731" s="424"/>
      <c r="MTX731" s="424"/>
      <c r="MTY731" s="423" t="s">
        <v>2795</v>
      </c>
      <c r="MTZ731" s="424"/>
      <c r="MUA731" s="424"/>
      <c r="MUB731" s="424"/>
      <c r="MUC731" s="423" t="s">
        <v>2795</v>
      </c>
      <c r="MUD731" s="424"/>
      <c r="MUE731" s="424"/>
      <c r="MUF731" s="424"/>
      <c r="MUG731" s="423" t="s">
        <v>2795</v>
      </c>
      <c r="MUH731" s="424"/>
      <c r="MUI731" s="424"/>
      <c r="MUJ731" s="424"/>
      <c r="MUK731" s="423" t="s">
        <v>2795</v>
      </c>
      <c r="MUL731" s="424"/>
      <c r="MUM731" s="424"/>
      <c r="MUN731" s="424"/>
      <c r="MUO731" s="423" t="s">
        <v>2795</v>
      </c>
      <c r="MUP731" s="424"/>
      <c r="MUQ731" s="424"/>
      <c r="MUR731" s="424"/>
      <c r="MUS731" s="423" t="s">
        <v>2795</v>
      </c>
      <c r="MUT731" s="424"/>
      <c r="MUU731" s="424"/>
      <c r="MUV731" s="424"/>
      <c r="MUW731" s="423" t="s">
        <v>2795</v>
      </c>
      <c r="MUX731" s="424"/>
      <c r="MUY731" s="424"/>
      <c r="MUZ731" s="424"/>
      <c r="MVA731" s="423" t="s">
        <v>2795</v>
      </c>
      <c r="MVB731" s="424"/>
      <c r="MVC731" s="424"/>
      <c r="MVD731" s="424"/>
      <c r="MVE731" s="423" t="s">
        <v>2795</v>
      </c>
      <c r="MVF731" s="424"/>
      <c r="MVG731" s="424"/>
      <c r="MVH731" s="424"/>
      <c r="MVI731" s="423" t="s">
        <v>2795</v>
      </c>
      <c r="MVJ731" s="424"/>
      <c r="MVK731" s="424"/>
      <c r="MVL731" s="424"/>
      <c r="MVM731" s="423" t="s">
        <v>2795</v>
      </c>
      <c r="MVN731" s="424"/>
      <c r="MVO731" s="424"/>
      <c r="MVP731" s="424"/>
      <c r="MVQ731" s="423" t="s">
        <v>2795</v>
      </c>
      <c r="MVR731" s="424"/>
      <c r="MVS731" s="424"/>
      <c r="MVT731" s="424"/>
      <c r="MVU731" s="423" t="s">
        <v>2795</v>
      </c>
      <c r="MVV731" s="424"/>
      <c r="MVW731" s="424"/>
      <c r="MVX731" s="424"/>
      <c r="MVY731" s="423" t="s">
        <v>2795</v>
      </c>
      <c r="MVZ731" s="424"/>
      <c r="MWA731" s="424"/>
      <c r="MWB731" s="424"/>
      <c r="MWC731" s="423" t="s">
        <v>2795</v>
      </c>
      <c r="MWD731" s="424"/>
      <c r="MWE731" s="424"/>
      <c r="MWF731" s="424"/>
      <c r="MWG731" s="423" t="s">
        <v>2795</v>
      </c>
      <c r="MWH731" s="424"/>
      <c r="MWI731" s="424"/>
      <c r="MWJ731" s="424"/>
      <c r="MWK731" s="423" t="s">
        <v>2795</v>
      </c>
      <c r="MWL731" s="424"/>
      <c r="MWM731" s="424"/>
      <c r="MWN731" s="424"/>
      <c r="MWO731" s="423" t="s">
        <v>2795</v>
      </c>
      <c r="MWP731" s="424"/>
      <c r="MWQ731" s="424"/>
      <c r="MWR731" s="424"/>
      <c r="MWS731" s="423" t="s">
        <v>2795</v>
      </c>
      <c r="MWT731" s="424"/>
      <c r="MWU731" s="424"/>
      <c r="MWV731" s="424"/>
      <c r="MWW731" s="423" t="s">
        <v>2795</v>
      </c>
      <c r="MWX731" s="424"/>
      <c r="MWY731" s="424"/>
      <c r="MWZ731" s="424"/>
      <c r="MXA731" s="423" t="s">
        <v>2795</v>
      </c>
      <c r="MXB731" s="424"/>
      <c r="MXC731" s="424"/>
      <c r="MXD731" s="424"/>
      <c r="MXE731" s="423" t="s">
        <v>2795</v>
      </c>
      <c r="MXF731" s="424"/>
      <c r="MXG731" s="424"/>
      <c r="MXH731" s="424"/>
      <c r="MXI731" s="423" t="s">
        <v>2795</v>
      </c>
      <c r="MXJ731" s="424"/>
      <c r="MXK731" s="424"/>
      <c r="MXL731" s="424"/>
      <c r="MXM731" s="423" t="s">
        <v>2795</v>
      </c>
      <c r="MXN731" s="424"/>
      <c r="MXO731" s="424"/>
      <c r="MXP731" s="424"/>
      <c r="MXQ731" s="423" t="s">
        <v>2795</v>
      </c>
      <c r="MXR731" s="424"/>
      <c r="MXS731" s="424"/>
      <c r="MXT731" s="424"/>
      <c r="MXU731" s="423" t="s">
        <v>2795</v>
      </c>
      <c r="MXV731" s="424"/>
      <c r="MXW731" s="424"/>
      <c r="MXX731" s="424"/>
      <c r="MXY731" s="423" t="s">
        <v>2795</v>
      </c>
      <c r="MXZ731" s="424"/>
      <c r="MYA731" s="424"/>
      <c r="MYB731" s="424"/>
      <c r="MYC731" s="423" t="s">
        <v>2795</v>
      </c>
      <c r="MYD731" s="424"/>
      <c r="MYE731" s="424"/>
      <c r="MYF731" s="424"/>
      <c r="MYG731" s="423" t="s">
        <v>2795</v>
      </c>
      <c r="MYH731" s="424"/>
      <c r="MYI731" s="424"/>
      <c r="MYJ731" s="424"/>
      <c r="MYK731" s="423" t="s">
        <v>2795</v>
      </c>
      <c r="MYL731" s="424"/>
      <c r="MYM731" s="424"/>
      <c r="MYN731" s="424"/>
      <c r="MYO731" s="423" t="s">
        <v>2795</v>
      </c>
      <c r="MYP731" s="424"/>
      <c r="MYQ731" s="424"/>
      <c r="MYR731" s="424"/>
      <c r="MYS731" s="423" t="s">
        <v>2795</v>
      </c>
      <c r="MYT731" s="424"/>
      <c r="MYU731" s="424"/>
      <c r="MYV731" s="424"/>
      <c r="MYW731" s="423" t="s">
        <v>2795</v>
      </c>
      <c r="MYX731" s="424"/>
      <c r="MYY731" s="424"/>
      <c r="MYZ731" s="424"/>
      <c r="MZA731" s="423" t="s">
        <v>2795</v>
      </c>
      <c r="MZB731" s="424"/>
      <c r="MZC731" s="424"/>
      <c r="MZD731" s="424"/>
      <c r="MZE731" s="423" t="s">
        <v>2795</v>
      </c>
      <c r="MZF731" s="424"/>
      <c r="MZG731" s="424"/>
      <c r="MZH731" s="424"/>
      <c r="MZI731" s="423" t="s">
        <v>2795</v>
      </c>
      <c r="MZJ731" s="424"/>
      <c r="MZK731" s="424"/>
      <c r="MZL731" s="424"/>
      <c r="MZM731" s="423" t="s">
        <v>2795</v>
      </c>
      <c r="MZN731" s="424"/>
      <c r="MZO731" s="424"/>
      <c r="MZP731" s="424"/>
      <c r="MZQ731" s="423" t="s">
        <v>2795</v>
      </c>
      <c r="MZR731" s="424"/>
      <c r="MZS731" s="424"/>
      <c r="MZT731" s="424"/>
      <c r="MZU731" s="423" t="s">
        <v>2795</v>
      </c>
      <c r="MZV731" s="424"/>
      <c r="MZW731" s="424"/>
      <c r="MZX731" s="424"/>
      <c r="MZY731" s="423" t="s">
        <v>2795</v>
      </c>
      <c r="MZZ731" s="424"/>
      <c r="NAA731" s="424"/>
      <c r="NAB731" s="424"/>
      <c r="NAC731" s="423" t="s">
        <v>2795</v>
      </c>
      <c r="NAD731" s="424"/>
      <c r="NAE731" s="424"/>
      <c r="NAF731" s="424"/>
      <c r="NAG731" s="423" t="s">
        <v>2795</v>
      </c>
      <c r="NAH731" s="424"/>
      <c r="NAI731" s="424"/>
      <c r="NAJ731" s="424"/>
      <c r="NAK731" s="423" t="s">
        <v>2795</v>
      </c>
      <c r="NAL731" s="424"/>
      <c r="NAM731" s="424"/>
      <c r="NAN731" s="424"/>
      <c r="NAO731" s="423" t="s">
        <v>2795</v>
      </c>
      <c r="NAP731" s="424"/>
      <c r="NAQ731" s="424"/>
      <c r="NAR731" s="424"/>
      <c r="NAS731" s="423" t="s">
        <v>2795</v>
      </c>
      <c r="NAT731" s="424"/>
      <c r="NAU731" s="424"/>
      <c r="NAV731" s="424"/>
      <c r="NAW731" s="423" t="s">
        <v>2795</v>
      </c>
      <c r="NAX731" s="424"/>
      <c r="NAY731" s="424"/>
      <c r="NAZ731" s="424"/>
      <c r="NBA731" s="423" t="s">
        <v>2795</v>
      </c>
      <c r="NBB731" s="424"/>
      <c r="NBC731" s="424"/>
      <c r="NBD731" s="424"/>
      <c r="NBE731" s="423" t="s">
        <v>2795</v>
      </c>
      <c r="NBF731" s="424"/>
      <c r="NBG731" s="424"/>
      <c r="NBH731" s="424"/>
      <c r="NBI731" s="423" t="s">
        <v>2795</v>
      </c>
      <c r="NBJ731" s="424"/>
      <c r="NBK731" s="424"/>
      <c r="NBL731" s="424"/>
      <c r="NBM731" s="423" t="s">
        <v>2795</v>
      </c>
      <c r="NBN731" s="424"/>
      <c r="NBO731" s="424"/>
      <c r="NBP731" s="424"/>
      <c r="NBQ731" s="423" t="s">
        <v>2795</v>
      </c>
      <c r="NBR731" s="424"/>
      <c r="NBS731" s="424"/>
      <c r="NBT731" s="424"/>
      <c r="NBU731" s="423" t="s">
        <v>2795</v>
      </c>
      <c r="NBV731" s="424"/>
      <c r="NBW731" s="424"/>
      <c r="NBX731" s="424"/>
      <c r="NBY731" s="423" t="s">
        <v>2795</v>
      </c>
      <c r="NBZ731" s="424"/>
      <c r="NCA731" s="424"/>
      <c r="NCB731" s="424"/>
      <c r="NCC731" s="423" t="s">
        <v>2795</v>
      </c>
      <c r="NCD731" s="424"/>
      <c r="NCE731" s="424"/>
      <c r="NCF731" s="424"/>
      <c r="NCG731" s="423" t="s">
        <v>2795</v>
      </c>
      <c r="NCH731" s="424"/>
      <c r="NCI731" s="424"/>
      <c r="NCJ731" s="424"/>
      <c r="NCK731" s="423" t="s">
        <v>2795</v>
      </c>
      <c r="NCL731" s="424"/>
      <c r="NCM731" s="424"/>
      <c r="NCN731" s="424"/>
      <c r="NCO731" s="423" t="s">
        <v>2795</v>
      </c>
      <c r="NCP731" s="424"/>
      <c r="NCQ731" s="424"/>
      <c r="NCR731" s="424"/>
      <c r="NCS731" s="423" t="s">
        <v>2795</v>
      </c>
      <c r="NCT731" s="424"/>
      <c r="NCU731" s="424"/>
      <c r="NCV731" s="424"/>
      <c r="NCW731" s="423" t="s">
        <v>2795</v>
      </c>
      <c r="NCX731" s="424"/>
      <c r="NCY731" s="424"/>
      <c r="NCZ731" s="424"/>
      <c r="NDA731" s="423" t="s">
        <v>2795</v>
      </c>
      <c r="NDB731" s="424"/>
      <c r="NDC731" s="424"/>
      <c r="NDD731" s="424"/>
      <c r="NDE731" s="423" t="s">
        <v>2795</v>
      </c>
      <c r="NDF731" s="424"/>
      <c r="NDG731" s="424"/>
      <c r="NDH731" s="424"/>
      <c r="NDI731" s="423" t="s">
        <v>2795</v>
      </c>
      <c r="NDJ731" s="424"/>
      <c r="NDK731" s="424"/>
      <c r="NDL731" s="424"/>
      <c r="NDM731" s="423" t="s">
        <v>2795</v>
      </c>
      <c r="NDN731" s="424"/>
      <c r="NDO731" s="424"/>
      <c r="NDP731" s="424"/>
      <c r="NDQ731" s="423" t="s">
        <v>2795</v>
      </c>
      <c r="NDR731" s="424"/>
      <c r="NDS731" s="424"/>
      <c r="NDT731" s="424"/>
      <c r="NDU731" s="423" t="s">
        <v>2795</v>
      </c>
      <c r="NDV731" s="424"/>
      <c r="NDW731" s="424"/>
      <c r="NDX731" s="424"/>
      <c r="NDY731" s="423" t="s">
        <v>2795</v>
      </c>
      <c r="NDZ731" s="424"/>
      <c r="NEA731" s="424"/>
      <c r="NEB731" s="424"/>
      <c r="NEC731" s="423" t="s">
        <v>2795</v>
      </c>
      <c r="NED731" s="424"/>
      <c r="NEE731" s="424"/>
      <c r="NEF731" s="424"/>
      <c r="NEG731" s="423" t="s">
        <v>2795</v>
      </c>
      <c r="NEH731" s="424"/>
      <c r="NEI731" s="424"/>
      <c r="NEJ731" s="424"/>
      <c r="NEK731" s="423" t="s">
        <v>2795</v>
      </c>
      <c r="NEL731" s="424"/>
      <c r="NEM731" s="424"/>
      <c r="NEN731" s="424"/>
      <c r="NEO731" s="423" t="s">
        <v>2795</v>
      </c>
      <c r="NEP731" s="424"/>
      <c r="NEQ731" s="424"/>
      <c r="NER731" s="424"/>
      <c r="NES731" s="423" t="s">
        <v>2795</v>
      </c>
      <c r="NET731" s="424"/>
      <c r="NEU731" s="424"/>
      <c r="NEV731" s="424"/>
      <c r="NEW731" s="423" t="s">
        <v>2795</v>
      </c>
      <c r="NEX731" s="424"/>
      <c r="NEY731" s="424"/>
      <c r="NEZ731" s="424"/>
      <c r="NFA731" s="423" t="s">
        <v>2795</v>
      </c>
      <c r="NFB731" s="424"/>
      <c r="NFC731" s="424"/>
      <c r="NFD731" s="424"/>
      <c r="NFE731" s="423" t="s">
        <v>2795</v>
      </c>
      <c r="NFF731" s="424"/>
      <c r="NFG731" s="424"/>
      <c r="NFH731" s="424"/>
      <c r="NFI731" s="423" t="s">
        <v>2795</v>
      </c>
      <c r="NFJ731" s="424"/>
      <c r="NFK731" s="424"/>
      <c r="NFL731" s="424"/>
      <c r="NFM731" s="423" t="s">
        <v>2795</v>
      </c>
      <c r="NFN731" s="424"/>
      <c r="NFO731" s="424"/>
      <c r="NFP731" s="424"/>
      <c r="NFQ731" s="423" t="s">
        <v>2795</v>
      </c>
      <c r="NFR731" s="424"/>
      <c r="NFS731" s="424"/>
      <c r="NFT731" s="424"/>
      <c r="NFU731" s="423" t="s">
        <v>2795</v>
      </c>
      <c r="NFV731" s="424"/>
      <c r="NFW731" s="424"/>
      <c r="NFX731" s="424"/>
      <c r="NFY731" s="423" t="s">
        <v>2795</v>
      </c>
      <c r="NFZ731" s="424"/>
      <c r="NGA731" s="424"/>
      <c r="NGB731" s="424"/>
      <c r="NGC731" s="423" t="s">
        <v>2795</v>
      </c>
      <c r="NGD731" s="424"/>
      <c r="NGE731" s="424"/>
      <c r="NGF731" s="424"/>
      <c r="NGG731" s="423" t="s">
        <v>2795</v>
      </c>
      <c r="NGH731" s="424"/>
      <c r="NGI731" s="424"/>
      <c r="NGJ731" s="424"/>
      <c r="NGK731" s="423" t="s">
        <v>2795</v>
      </c>
      <c r="NGL731" s="424"/>
      <c r="NGM731" s="424"/>
      <c r="NGN731" s="424"/>
      <c r="NGO731" s="423" t="s">
        <v>2795</v>
      </c>
      <c r="NGP731" s="424"/>
      <c r="NGQ731" s="424"/>
      <c r="NGR731" s="424"/>
      <c r="NGS731" s="423" t="s">
        <v>2795</v>
      </c>
      <c r="NGT731" s="424"/>
      <c r="NGU731" s="424"/>
      <c r="NGV731" s="424"/>
      <c r="NGW731" s="423" t="s">
        <v>2795</v>
      </c>
      <c r="NGX731" s="424"/>
      <c r="NGY731" s="424"/>
      <c r="NGZ731" s="424"/>
      <c r="NHA731" s="423" t="s">
        <v>2795</v>
      </c>
      <c r="NHB731" s="424"/>
      <c r="NHC731" s="424"/>
      <c r="NHD731" s="424"/>
      <c r="NHE731" s="423" t="s">
        <v>2795</v>
      </c>
      <c r="NHF731" s="424"/>
      <c r="NHG731" s="424"/>
      <c r="NHH731" s="424"/>
      <c r="NHI731" s="423" t="s">
        <v>2795</v>
      </c>
      <c r="NHJ731" s="424"/>
      <c r="NHK731" s="424"/>
      <c r="NHL731" s="424"/>
      <c r="NHM731" s="423" t="s">
        <v>2795</v>
      </c>
      <c r="NHN731" s="424"/>
      <c r="NHO731" s="424"/>
      <c r="NHP731" s="424"/>
      <c r="NHQ731" s="423" t="s">
        <v>2795</v>
      </c>
      <c r="NHR731" s="424"/>
      <c r="NHS731" s="424"/>
      <c r="NHT731" s="424"/>
      <c r="NHU731" s="423" t="s">
        <v>2795</v>
      </c>
      <c r="NHV731" s="424"/>
      <c r="NHW731" s="424"/>
      <c r="NHX731" s="424"/>
      <c r="NHY731" s="423" t="s">
        <v>2795</v>
      </c>
      <c r="NHZ731" s="424"/>
      <c r="NIA731" s="424"/>
      <c r="NIB731" s="424"/>
      <c r="NIC731" s="423" t="s">
        <v>2795</v>
      </c>
      <c r="NID731" s="424"/>
      <c r="NIE731" s="424"/>
      <c r="NIF731" s="424"/>
      <c r="NIG731" s="423" t="s">
        <v>2795</v>
      </c>
      <c r="NIH731" s="424"/>
      <c r="NII731" s="424"/>
      <c r="NIJ731" s="424"/>
      <c r="NIK731" s="423" t="s">
        <v>2795</v>
      </c>
      <c r="NIL731" s="424"/>
      <c r="NIM731" s="424"/>
      <c r="NIN731" s="424"/>
      <c r="NIO731" s="423" t="s">
        <v>2795</v>
      </c>
      <c r="NIP731" s="424"/>
      <c r="NIQ731" s="424"/>
      <c r="NIR731" s="424"/>
      <c r="NIS731" s="423" t="s">
        <v>2795</v>
      </c>
      <c r="NIT731" s="424"/>
      <c r="NIU731" s="424"/>
      <c r="NIV731" s="424"/>
      <c r="NIW731" s="423" t="s">
        <v>2795</v>
      </c>
      <c r="NIX731" s="424"/>
      <c r="NIY731" s="424"/>
      <c r="NIZ731" s="424"/>
      <c r="NJA731" s="423" t="s">
        <v>2795</v>
      </c>
      <c r="NJB731" s="424"/>
      <c r="NJC731" s="424"/>
      <c r="NJD731" s="424"/>
      <c r="NJE731" s="423" t="s">
        <v>2795</v>
      </c>
      <c r="NJF731" s="424"/>
      <c r="NJG731" s="424"/>
      <c r="NJH731" s="424"/>
      <c r="NJI731" s="423" t="s">
        <v>2795</v>
      </c>
      <c r="NJJ731" s="424"/>
      <c r="NJK731" s="424"/>
      <c r="NJL731" s="424"/>
      <c r="NJM731" s="423" t="s">
        <v>2795</v>
      </c>
      <c r="NJN731" s="424"/>
      <c r="NJO731" s="424"/>
      <c r="NJP731" s="424"/>
      <c r="NJQ731" s="423" t="s">
        <v>2795</v>
      </c>
      <c r="NJR731" s="424"/>
      <c r="NJS731" s="424"/>
      <c r="NJT731" s="424"/>
      <c r="NJU731" s="423" t="s">
        <v>2795</v>
      </c>
      <c r="NJV731" s="424"/>
      <c r="NJW731" s="424"/>
      <c r="NJX731" s="424"/>
      <c r="NJY731" s="423" t="s">
        <v>2795</v>
      </c>
      <c r="NJZ731" s="424"/>
      <c r="NKA731" s="424"/>
      <c r="NKB731" s="424"/>
      <c r="NKC731" s="423" t="s">
        <v>2795</v>
      </c>
      <c r="NKD731" s="424"/>
      <c r="NKE731" s="424"/>
      <c r="NKF731" s="424"/>
      <c r="NKG731" s="423" t="s">
        <v>2795</v>
      </c>
      <c r="NKH731" s="424"/>
      <c r="NKI731" s="424"/>
      <c r="NKJ731" s="424"/>
      <c r="NKK731" s="423" t="s">
        <v>2795</v>
      </c>
      <c r="NKL731" s="424"/>
      <c r="NKM731" s="424"/>
      <c r="NKN731" s="424"/>
      <c r="NKO731" s="423" t="s">
        <v>2795</v>
      </c>
      <c r="NKP731" s="424"/>
      <c r="NKQ731" s="424"/>
      <c r="NKR731" s="424"/>
      <c r="NKS731" s="423" t="s">
        <v>2795</v>
      </c>
      <c r="NKT731" s="424"/>
      <c r="NKU731" s="424"/>
      <c r="NKV731" s="424"/>
      <c r="NKW731" s="423" t="s">
        <v>2795</v>
      </c>
      <c r="NKX731" s="424"/>
      <c r="NKY731" s="424"/>
      <c r="NKZ731" s="424"/>
      <c r="NLA731" s="423" t="s">
        <v>2795</v>
      </c>
      <c r="NLB731" s="424"/>
      <c r="NLC731" s="424"/>
      <c r="NLD731" s="424"/>
      <c r="NLE731" s="423" t="s">
        <v>2795</v>
      </c>
      <c r="NLF731" s="424"/>
      <c r="NLG731" s="424"/>
      <c r="NLH731" s="424"/>
      <c r="NLI731" s="423" t="s">
        <v>2795</v>
      </c>
      <c r="NLJ731" s="424"/>
      <c r="NLK731" s="424"/>
      <c r="NLL731" s="424"/>
      <c r="NLM731" s="423" t="s">
        <v>2795</v>
      </c>
      <c r="NLN731" s="424"/>
      <c r="NLO731" s="424"/>
      <c r="NLP731" s="424"/>
      <c r="NLQ731" s="423" t="s">
        <v>2795</v>
      </c>
      <c r="NLR731" s="424"/>
      <c r="NLS731" s="424"/>
      <c r="NLT731" s="424"/>
      <c r="NLU731" s="423" t="s">
        <v>2795</v>
      </c>
      <c r="NLV731" s="424"/>
      <c r="NLW731" s="424"/>
      <c r="NLX731" s="424"/>
      <c r="NLY731" s="423" t="s">
        <v>2795</v>
      </c>
      <c r="NLZ731" s="424"/>
      <c r="NMA731" s="424"/>
      <c r="NMB731" s="424"/>
      <c r="NMC731" s="423" t="s">
        <v>2795</v>
      </c>
      <c r="NMD731" s="424"/>
      <c r="NME731" s="424"/>
      <c r="NMF731" s="424"/>
      <c r="NMG731" s="423" t="s">
        <v>2795</v>
      </c>
      <c r="NMH731" s="424"/>
      <c r="NMI731" s="424"/>
      <c r="NMJ731" s="424"/>
      <c r="NMK731" s="423" t="s">
        <v>2795</v>
      </c>
      <c r="NML731" s="424"/>
      <c r="NMM731" s="424"/>
      <c r="NMN731" s="424"/>
      <c r="NMO731" s="423" t="s">
        <v>2795</v>
      </c>
      <c r="NMP731" s="424"/>
      <c r="NMQ731" s="424"/>
      <c r="NMR731" s="424"/>
      <c r="NMS731" s="423" t="s">
        <v>2795</v>
      </c>
      <c r="NMT731" s="424"/>
      <c r="NMU731" s="424"/>
      <c r="NMV731" s="424"/>
      <c r="NMW731" s="423" t="s">
        <v>2795</v>
      </c>
      <c r="NMX731" s="424"/>
      <c r="NMY731" s="424"/>
      <c r="NMZ731" s="424"/>
      <c r="NNA731" s="423" t="s">
        <v>2795</v>
      </c>
      <c r="NNB731" s="424"/>
      <c r="NNC731" s="424"/>
      <c r="NND731" s="424"/>
      <c r="NNE731" s="423" t="s">
        <v>2795</v>
      </c>
      <c r="NNF731" s="424"/>
      <c r="NNG731" s="424"/>
      <c r="NNH731" s="424"/>
      <c r="NNI731" s="423" t="s">
        <v>2795</v>
      </c>
      <c r="NNJ731" s="424"/>
      <c r="NNK731" s="424"/>
      <c r="NNL731" s="424"/>
      <c r="NNM731" s="423" t="s">
        <v>2795</v>
      </c>
      <c r="NNN731" s="424"/>
      <c r="NNO731" s="424"/>
      <c r="NNP731" s="424"/>
      <c r="NNQ731" s="423" t="s">
        <v>2795</v>
      </c>
      <c r="NNR731" s="424"/>
      <c r="NNS731" s="424"/>
      <c r="NNT731" s="424"/>
      <c r="NNU731" s="423" t="s">
        <v>2795</v>
      </c>
      <c r="NNV731" s="424"/>
      <c r="NNW731" s="424"/>
      <c r="NNX731" s="424"/>
      <c r="NNY731" s="423" t="s">
        <v>2795</v>
      </c>
      <c r="NNZ731" s="424"/>
      <c r="NOA731" s="424"/>
      <c r="NOB731" s="424"/>
      <c r="NOC731" s="423" t="s">
        <v>2795</v>
      </c>
      <c r="NOD731" s="424"/>
      <c r="NOE731" s="424"/>
      <c r="NOF731" s="424"/>
      <c r="NOG731" s="423" t="s">
        <v>2795</v>
      </c>
      <c r="NOH731" s="424"/>
      <c r="NOI731" s="424"/>
      <c r="NOJ731" s="424"/>
      <c r="NOK731" s="423" t="s">
        <v>2795</v>
      </c>
      <c r="NOL731" s="424"/>
      <c r="NOM731" s="424"/>
      <c r="NON731" s="424"/>
      <c r="NOO731" s="423" t="s">
        <v>2795</v>
      </c>
      <c r="NOP731" s="424"/>
      <c r="NOQ731" s="424"/>
      <c r="NOR731" s="424"/>
      <c r="NOS731" s="423" t="s">
        <v>2795</v>
      </c>
      <c r="NOT731" s="424"/>
      <c r="NOU731" s="424"/>
      <c r="NOV731" s="424"/>
      <c r="NOW731" s="423" t="s">
        <v>2795</v>
      </c>
      <c r="NOX731" s="424"/>
      <c r="NOY731" s="424"/>
      <c r="NOZ731" s="424"/>
      <c r="NPA731" s="423" t="s">
        <v>2795</v>
      </c>
      <c r="NPB731" s="424"/>
      <c r="NPC731" s="424"/>
      <c r="NPD731" s="424"/>
      <c r="NPE731" s="423" t="s">
        <v>2795</v>
      </c>
      <c r="NPF731" s="424"/>
      <c r="NPG731" s="424"/>
      <c r="NPH731" s="424"/>
      <c r="NPI731" s="423" t="s">
        <v>2795</v>
      </c>
      <c r="NPJ731" s="424"/>
      <c r="NPK731" s="424"/>
      <c r="NPL731" s="424"/>
      <c r="NPM731" s="423" t="s">
        <v>2795</v>
      </c>
      <c r="NPN731" s="424"/>
      <c r="NPO731" s="424"/>
      <c r="NPP731" s="424"/>
      <c r="NPQ731" s="423" t="s">
        <v>2795</v>
      </c>
      <c r="NPR731" s="424"/>
      <c r="NPS731" s="424"/>
      <c r="NPT731" s="424"/>
      <c r="NPU731" s="423" t="s">
        <v>2795</v>
      </c>
      <c r="NPV731" s="424"/>
      <c r="NPW731" s="424"/>
      <c r="NPX731" s="424"/>
      <c r="NPY731" s="423" t="s">
        <v>2795</v>
      </c>
      <c r="NPZ731" s="424"/>
      <c r="NQA731" s="424"/>
      <c r="NQB731" s="424"/>
      <c r="NQC731" s="423" t="s">
        <v>2795</v>
      </c>
      <c r="NQD731" s="424"/>
      <c r="NQE731" s="424"/>
      <c r="NQF731" s="424"/>
      <c r="NQG731" s="423" t="s">
        <v>2795</v>
      </c>
      <c r="NQH731" s="424"/>
      <c r="NQI731" s="424"/>
      <c r="NQJ731" s="424"/>
      <c r="NQK731" s="423" t="s">
        <v>2795</v>
      </c>
      <c r="NQL731" s="424"/>
      <c r="NQM731" s="424"/>
      <c r="NQN731" s="424"/>
      <c r="NQO731" s="423" t="s">
        <v>2795</v>
      </c>
      <c r="NQP731" s="424"/>
      <c r="NQQ731" s="424"/>
      <c r="NQR731" s="424"/>
      <c r="NQS731" s="423" t="s">
        <v>2795</v>
      </c>
      <c r="NQT731" s="424"/>
      <c r="NQU731" s="424"/>
      <c r="NQV731" s="424"/>
      <c r="NQW731" s="423" t="s">
        <v>2795</v>
      </c>
      <c r="NQX731" s="424"/>
      <c r="NQY731" s="424"/>
      <c r="NQZ731" s="424"/>
      <c r="NRA731" s="423" t="s">
        <v>2795</v>
      </c>
      <c r="NRB731" s="424"/>
      <c r="NRC731" s="424"/>
      <c r="NRD731" s="424"/>
      <c r="NRE731" s="423" t="s">
        <v>2795</v>
      </c>
      <c r="NRF731" s="424"/>
      <c r="NRG731" s="424"/>
      <c r="NRH731" s="424"/>
      <c r="NRI731" s="423" t="s">
        <v>2795</v>
      </c>
      <c r="NRJ731" s="424"/>
      <c r="NRK731" s="424"/>
      <c r="NRL731" s="424"/>
      <c r="NRM731" s="423" t="s">
        <v>2795</v>
      </c>
      <c r="NRN731" s="424"/>
      <c r="NRO731" s="424"/>
      <c r="NRP731" s="424"/>
      <c r="NRQ731" s="423" t="s">
        <v>2795</v>
      </c>
      <c r="NRR731" s="424"/>
      <c r="NRS731" s="424"/>
      <c r="NRT731" s="424"/>
      <c r="NRU731" s="423" t="s">
        <v>2795</v>
      </c>
      <c r="NRV731" s="424"/>
      <c r="NRW731" s="424"/>
      <c r="NRX731" s="424"/>
      <c r="NRY731" s="423" t="s">
        <v>2795</v>
      </c>
      <c r="NRZ731" s="424"/>
      <c r="NSA731" s="424"/>
      <c r="NSB731" s="424"/>
      <c r="NSC731" s="423" t="s">
        <v>2795</v>
      </c>
      <c r="NSD731" s="424"/>
      <c r="NSE731" s="424"/>
      <c r="NSF731" s="424"/>
      <c r="NSG731" s="423" t="s">
        <v>2795</v>
      </c>
      <c r="NSH731" s="424"/>
      <c r="NSI731" s="424"/>
      <c r="NSJ731" s="424"/>
      <c r="NSK731" s="423" t="s">
        <v>2795</v>
      </c>
      <c r="NSL731" s="424"/>
      <c r="NSM731" s="424"/>
      <c r="NSN731" s="424"/>
      <c r="NSO731" s="423" t="s">
        <v>2795</v>
      </c>
      <c r="NSP731" s="424"/>
      <c r="NSQ731" s="424"/>
      <c r="NSR731" s="424"/>
      <c r="NSS731" s="423" t="s">
        <v>2795</v>
      </c>
      <c r="NST731" s="424"/>
      <c r="NSU731" s="424"/>
      <c r="NSV731" s="424"/>
      <c r="NSW731" s="423" t="s">
        <v>2795</v>
      </c>
      <c r="NSX731" s="424"/>
      <c r="NSY731" s="424"/>
      <c r="NSZ731" s="424"/>
      <c r="NTA731" s="423" t="s">
        <v>2795</v>
      </c>
      <c r="NTB731" s="424"/>
      <c r="NTC731" s="424"/>
      <c r="NTD731" s="424"/>
      <c r="NTE731" s="423" t="s">
        <v>2795</v>
      </c>
      <c r="NTF731" s="424"/>
      <c r="NTG731" s="424"/>
      <c r="NTH731" s="424"/>
      <c r="NTI731" s="423" t="s">
        <v>2795</v>
      </c>
      <c r="NTJ731" s="424"/>
      <c r="NTK731" s="424"/>
      <c r="NTL731" s="424"/>
      <c r="NTM731" s="423" t="s">
        <v>2795</v>
      </c>
      <c r="NTN731" s="424"/>
      <c r="NTO731" s="424"/>
      <c r="NTP731" s="424"/>
      <c r="NTQ731" s="423" t="s">
        <v>2795</v>
      </c>
      <c r="NTR731" s="424"/>
      <c r="NTS731" s="424"/>
      <c r="NTT731" s="424"/>
      <c r="NTU731" s="423" t="s">
        <v>2795</v>
      </c>
      <c r="NTV731" s="424"/>
      <c r="NTW731" s="424"/>
      <c r="NTX731" s="424"/>
      <c r="NTY731" s="423" t="s">
        <v>2795</v>
      </c>
      <c r="NTZ731" s="424"/>
      <c r="NUA731" s="424"/>
      <c r="NUB731" s="424"/>
      <c r="NUC731" s="423" t="s">
        <v>2795</v>
      </c>
      <c r="NUD731" s="424"/>
      <c r="NUE731" s="424"/>
      <c r="NUF731" s="424"/>
      <c r="NUG731" s="423" t="s">
        <v>2795</v>
      </c>
      <c r="NUH731" s="424"/>
      <c r="NUI731" s="424"/>
      <c r="NUJ731" s="424"/>
      <c r="NUK731" s="423" t="s">
        <v>2795</v>
      </c>
      <c r="NUL731" s="424"/>
      <c r="NUM731" s="424"/>
      <c r="NUN731" s="424"/>
      <c r="NUO731" s="423" t="s">
        <v>2795</v>
      </c>
      <c r="NUP731" s="424"/>
      <c r="NUQ731" s="424"/>
      <c r="NUR731" s="424"/>
      <c r="NUS731" s="423" t="s">
        <v>2795</v>
      </c>
      <c r="NUT731" s="424"/>
      <c r="NUU731" s="424"/>
      <c r="NUV731" s="424"/>
      <c r="NUW731" s="423" t="s">
        <v>2795</v>
      </c>
      <c r="NUX731" s="424"/>
      <c r="NUY731" s="424"/>
      <c r="NUZ731" s="424"/>
      <c r="NVA731" s="423" t="s">
        <v>2795</v>
      </c>
      <c r="NVB731" s="424"/>
      <c r="NVC731" s="424"/>
      <c r="NVD731" s="424"/>
      <c r="NVE731" s="423" t="s">
        <v>2795</v>
      </c>
      <c r="NVF731" s="424"/>
      <c r="NVG731" s="424"/>
      <c r="NVH731" s="424"/>
      <c r="NVI731" s="423" t="s">
        <v>2795</v>
      </c>
      <c r="NVJ731" s="424"/>
      <c r="NVK731" s="424"/>
      <c r="NVL731" s="424"/>
      <c r="NVM731" s="423" t="s">
        <v>2795</v>
      </c>
      <c r="NVN731" s="424"/>
      <c r="NVO731" s="424"/>
      <c r="NVP731" s="424"/>
      <c r="NVQ731" s="423" t="s">
        <v>2795</v>
      </c>
      <c r="NVR731" s="424"/>
      <c r="NVS731" s="424"/>
      <c r="NVT731" s="424"/>
      <c r="NVU731" s="423" t="s">
        <v>2795</v>
      </c>
      <c r="NVV731" s="424"/>
      <c r="NVW731" s="424"/>
      <c r="NVX731" s="424"/>
      <c r="NVY731" s="423" t="s">
        <v>2795</v>
      </c>
      <c r="NVZ731" s="424"/>
      <c r="NWA731" s="424"/>
      <c r="NWB731" s="424"/>
      <c r="NWC731" s="423" t="s">
        <v>2795</v>
      </c>
      <c r="NWD731" s="424"/>
      <c r="NWE731" s="424"/>
      <c r="NWF731" s="424"/>
      <c r="NWG731" s="423" t="s">
        <v>2795</v>
      </c>
      <c r="NWH731" s="424"/>
      <c r="NWI731" s="424"/>
      <c r="NWJ731" s="424"/>
      <c r="NWK731" s="423" t="s">
        <v>2795</v>
      </c>
      <c r="NWL731" s="424"/>
      <c r="NWM731" s="424"/>
      <c r="NWN731" s="424"/>
      <c r="NWO731" s="423" t="s">
        <v>2795</v>
      </c>
      <c r="NWP731" s="424"/>
      <c r="NWQ731" s="424"/>
      <c r="NWR731" s="424"/>
      <c r="NWS731" s="423" t="s">
        <v>2795</v>
      </c>
      <c r="NWT731" s="424"/>
      <c r="NWU731" s="424"/>
      <c r="NWV731" s="424"/>
      <c r="NWW731" s="423" t="s">
        <v>2795</v>
      </c>
      <c r="NWX731" s="424"/>
      <c r="NWY731" s="424"/>
      <c r="NWZ731" s="424"/>
      <c r="NXA731" s="423" t="s">
        <v>2795</v>
      </c>
      <c r="NXB731" s="424"/>
      <c r="NXC731" s="424"/>
      <c r="NXD731" s="424"/>
      <c r="NXE731" s="423" t="s">
        <v>2795</v>
      </c>
      <c r="NXF731" s="424"/>
      <c r="NXG731" s="424"/>
      <c r="NXH731" s="424"/>
      <c r="NXI731" s="423" t="s">
        <v>2795</v>
      </c>
      <c r="NXJ731" s="424"/>
      <c r="NXK731" s="424"/>
      <c r="NXL731" s="424"/>
      <c r="NXM731" s="423" t="s">
        <v>2795</v>
      </c>
      <c r="NXN731" s="424"/>
      <c r="NXO731" s="424"/>
      <c r="NXP731" s="424"/>
      <c r="NXQ731" s="423" t="s">
        <v>2795</v>
      </c>
      <c r="NXR731" s="424"/>
      <c r="NXS731" s="424"/>
      <c r="NXT731" s="424"/>
      <c r="NXU731" s="423" t="s">
        <v>2795</v>
      </c>
      <c r="NXV731" s="424"/>
      <c r="NXW731" s="424"/>
      <c r="NXX731" s="424"/>
      <c r="NXY731" s="423" t="s">
        <v>2795</v>
      </c>
      <c r="NXZ731" s="424"/>
      <c r="NYA731" s="424"/>
      <c r="NYB731" s="424"/>
      <c r="NYC731" s="423" t="s">
        <v>2795</v>
      </c>
      <c r="NYD731" s="424"/>
      <c r="NYE731" s="424"/>
      <c r="NYF731" s="424"/>
      <c r="NYG731" s="423" t="s">
        <v>2795</v>
      </c>
      <c r="NYH731" s="424"/>
      <c r="NYI731" s="424"/>
      <c r="NYJ731" s="424"/>
      <c r="NYK731" s="423" t="s">
        <v>2795</v>
      </c>
      <c r="NYL731" s="424"/>
      <c r="NYM731" s="424"/>
      <c r="NYN731" s="424"/>
      <c r="NYO731" s="423" t="s">
        <v>2795</v>
      </c>
      <c r="NYP731" s="424"/>
      <c r="NYQ731" s="424"/>
      <c r="NYR731" s="424"/>
      <c r="NYS731" s="423" t="s">
        <v>2795</v>
      </c>
      <c r="NYT731" s="424"/>
      <c r="NYU731" s="424"/>
      <c r="NYV731" s="424"/>
      <c r="NYW731" s="423" t="s">
        <v>2795</v>
      </c>
      <c r="NYX731" s="424"/>
      <c r="NYY731" s="424"/>
      <c r="NYZ731" s="424"/>
      <c r="NZA731" s="423" t="s">
        <v>2795</v>
      </c>
      <c r="NZB731" s="424"/>
      <c r="NZC731" s="424"/>
      <c r="NZD731" s="424"/>
      <c r="NZE731" s="423" t="s">
        <v>2795</v>
      </c>
      <c r="NZF731" s="424"/>
      <c r="NZG731" s="424"/>
      <c r="NZH731" s="424"/>
      <c r="NZI731" s="423" t="s">
        <v>2795</v>
      </c>
      <c r="NZJ731" s="424"/>
      <c r="NZK731" s="424"/>
      <c r="NZL731" s="424"/>
      <c r="NZM731" s="423" t="s">
        <v>2795</v>
      </c>
      <c r="NZN731" s="424"/>
      <c r="NZO731" s="424"/>
      <c r="NZP731" s="424"/>
      <c r="NZQ731" s="423" t="s">
        <v>2795</v>
      </c>
      <c r="NZR731" s="424"/>
      <c r="NZS731" s="424"/>
      <c r="NZT731" s="424"/>
      <c r="NZU731" s="423" t="s">
        <v>2795</v>
      </c>
      <c r="NZV731" s="424"/>
      <c r="NZW731" s="424"/>
      <c r="NZX731" s="424"/>
      <c r="NZY731" s="423" t="s">
        <v>2795</v>
      </c>
      <c r="NZZ731" s="424"/>
      <c r="OAA731" s="424"/>
      <c r="OAB731" s="424"/>
      <c r="OAC731" s="423" t="s">
        <v>2795</v>
      </c>
      <c r="OAD731" s="424"/>
      <c r="OAE731" s="424"/>
      <c r="OAF731" s="424"/>
      <c r="OAG731" s="423" t="s">
        <v>2795</v>
      </c>
      <c r="OAH731" s="424"/>
      <c r="OAI731" s="424"/>
      <c r="OAJ731" s="424"/>
      <c r="OAK731" s="423" t="s">
        <v>2795</v>
      </c>
      <c r="OAL731" s="424"/>
      <c r="OAM731" s="424"/>
      <c r="OAN731" s="424"/>
      <c r="OAO731" s="423" t="s">
        <v>2795</v>
      </c>
      <c r="OAP731" s="424"/>
      <c r="OAQ731" s="424"/>
      <c r="OAR731" s="424"/>
      <c r="OAS731" s="423" t="s">
        <v>2795</v>
      </c>
      <c r="OAT731" s="424"/>
      <c r="OAU731" s="424"/>
      <c r="OAV731" s="424"/>
      <c r="OAW731" s="423" t="s">
        <v>2795</v>
      </c>
      <c r="OAX731" s="424"/>
      <c r="OAY731" s="424"/>
      <c r="OAZ731" s="424"/>
      <c r="OBA731" s="423" t="s">
        <v>2795</v>
      </c>
      <c r="OBB731" s="424"/>
      <c r="OBC731" s="424"/>
      <c r="OBD731" s="424"/>
      <c r="OBE731" s="423" t="s">
        <v>2795</v>
      </c>
      <c r="OBF731" s="424"/>
      <c r="OBG731" s="424"/>
      <c r="OBH731" s="424"/>
      <c r="OBI731" s="423" t="s">
        <v>2795</v>
      </c>
      <c r="OBJ731" s="424"/>
      <c r="OBK731" s="424"/>
      <c r="OBL731" s="424"/>
      <c r="OBM731" s="423" t="s">
        <v>2795</v>
      </c>
      <c r="OBN731" s="424"/>
      <c r="OBO731" s="424"/>
      <c r="OBP731" s="424"/>
      <c r="OBQ731" s="423" t="s">
        <v>2795</v>
      </c>
      <c r="OBR731" s="424"/>
      <c r="OBS731" s="424"/>
      <c r="OBT731" s="424"/>
      <c r="OBU731" s="423" t="s">
        <v>2795</v>
      </c>
      <c r="OBV731" s="424"/>
      <c r="OBW731" s="424"/>
      <c r="OBX731" s="424"/>
      <c r="OBY731" s="423" t="s">
        <v>2795</v>
      </c>
      <c r="OBZ731" s="424"/>
      <c r="OCA731" s="424"/>
      <c r="OCB731" s="424"/>
      <c r="OCC731" s="423" t="s">
        <v>2795</v>
      </c>
      <c r="OCD731" s="424"/>
      <c r="OCE731" s="424"/>
      <c r="OCF731" s="424"/>
      <c r="OCG731" s="423" t="s">
        <v>2795</v>
      </c>
      <c r="OCH731" s="424"/>
      <c r="OCI731" s="424"/>
      <c r="OCJ731" s="424"/>
      <c r="OCK731" s="423" t="s">
        <v>2795</v>
      </c>
      <c r="OCL731" s="424"/>
      <c r="OCM731" s="424"/>
      <c r="OCN731" s="424"/>
      <c r="OCO731" s="423" t="s">
        <v>2795</v>
      </c>
      <c r="OCP731" s="424"/>
      <c r="OCQ731" s="424"/>
      <c r="OCR731" s="424"/>
      <c r="OCS731" s="423" t="s">
        <v>2795</v>
      </c>
      <c r="OCT731" s="424"/>
      <c r="OCU731" s="424"/>
      <c r="OCV731" s="424"/>
      <c r="OCW731" s="423" t="s">
        <v>2795</v>
      </c>
      <c r="OCX731" s="424"/>
      <c r="OCY731" s="424"/>
      <c r="OCZ731" s="424"/>
      <c r="ODA731" s="423" t="s">
        <v>2795</v>
      </c>
      <c r="ODB731" s="424"/>
      <c r="ODC731" s="424"/>
      <c r="ODD731" s="424"/>
      <c r="ODE731" s="423" t="s">
        <v>2795</v>
      </c>
      <c r="ODF731" s="424"/>
      <c r="ODG731" s="424"/>
      <c r="ODH731" s="424"/>
      <c r="ODI731" s="423" t="s">
        <v>2795</v>
      </c>
      <c r="ODJ731" s="424"/>
      <c r="ODK731" s="424"/>
      <c r="ODL731" s="424"/>
      <c r="ODM731" s="423" t="s">
        <v>2795</v>
      </c>
      <c r="ODN731" s="424"/>
      <c r="ODO731" s="424"/>
      <c r="ODP731" s="424"/>
      <c r="ODQ731" s="423" t="s">
        <v>2795</v>
      </c>
      <c r="ODR731" s="424"/>
      <c r="ODS731" s="424"/>
      <c r="ODT731" s="424"/>
      <c r="ODU731" s="423" t="s">
        <v>2795</v>
      </c>
      <c r="ODV731" s="424"/>
      <c r="ODW731" s="424"/>
      <c r="ODX731" s="424"/>
      <c r="ODY731" s="423" t="s">
        <v>2795</v>
      </c>
      <c r="ODZ731" s="424"/>
      <c r="OEA731" s="424"/>
      <c r="OEB731" s="424"/>
      <c r="OEC731" s="423" t="s">
        <v>2795</v>
      </c>
      <c r="OED731" s="424"/>
      <c r="OEE731" s="424"/>
      <c r="OEF731" s="424"/>
      <c r="OEG731" s="423" t="s">
        <v>2795</v>
      </c>
      <c r="OEH731" s="424"/>
      <c r="OEI731" s="424"/>
      <c r="OEJ731" s="424"/>
      <c r="OEK731" s="423" t="s">
        <v>2795</v>
      </c>
      <c r="OEL731" s="424"/>
      <c r="OEM731" s="424"/>
      <c r="OEN731" s="424"/>
      <c r="OEO731" s="423" t="s">
        <v>2795</v>
      </c>
      <c r="OEP731" s="424"/>
      <c r="OEQ731" s="424"/>
      <c r="OER731" s="424"/>
      <c r="OES731" s="423" t="s">
        <v>2795</v>
      </c>
      <c r="OET731" s="424"/>
      <c r="OEU731" s="424"/>
      <c r="OEV731" s="424"/>
      <c r="OEW731" s="423" t="s">
        <v>2795</v>
      </c>
      <c r="OEX731" s="424"/>
      <c r="OEY731" s="424"/>
      <c r="OEZ731" s="424"/>
      <c r="OFA731" s="423" t="s">
        <v>2795</v>
      </c>
      <c r="OFB731" s="424"/>
      <c r="OFC731" s="424"/>
      <c r="OFD731" s="424"/>
      <c r="OFE731" s="423" t="s">
        <v>2795</v>
      </c>
      <c r="OFF731" s="424"/>
      <c r="OFG731" s="424"/>
      <c r="OFH731" s="424"/>
      <c r="OFI731" s="423" t="s">
        <v>2795</v>
      </c>
      <c r="OFJ731" s="424"/>
      <c r="OFK731" s="424"/>
      <c r="OFL731" s="424"/>
      <c r="OFM731" s="423" t="s">
        <v>2795</v>
      </c>
      <c r="OFN731" s="424"/>
      <c r="OFO731" s="424"/>
      <c r="OFP731" s="424"/>
      <c r="OFQ731" s="423" t="s">
        <v>2795</v>
      </c>
      <c r="OFR731" s="424"/>
      <c r="OFS731" s="424"/>
      <c r="OFT731" s="424"/>
      <c r="OFU731" s="423" t="s">
        <v>2795</v>
      </c>
      <c r="OFV731" s="424"/>
      <c r="OFW731" s="424"/>
      <c r="OFX731" s="424"/>
      <c r="OFY731" s="423" t="s">
        <v>2795</v>
      </c>
      <c r="OFZ731" s="424"/>
      <c r="OGA731" s="424"/>
      <c r="OGB731" s="424"/>
      <c r="OGC731" s="423" t="s">
        <v>2795</v>
      </c>
      <c r="OGD731" s="424"/>
      <c r="OGE731" s="424"/>
      <c r="OGF731" s="424"/>
      <c r="OGG731" s="423" t="s">
        <v>2795</v>
      </c>
      <c r="OGH731" s="424"/>
      <c r="OGI731" s="424"/>
      <c r="OGJ731" s="424"/>
      <c r="OGK731" s="423" t="s">
        <v>2795</v>
      </c>
      <c r="OGL731" s="424"/>
      <c r="OGM731" s="424"/>
      <c r="OGN731" s="424"/>
      <c r="OGO731" s="423" t="s">
        <v>2795</v>
      </c>
      <c r="OGP731" s="424"/>
      <c r="OGQ731" s="424"/>
      <c r="OGR731" s="424"/>
      <c r="OGS731" s="423" t="s">
        <v>2795</v>
      </c>
      <c r="OGT731" s="424"/>
      <c r="OGU731" s="424"/>
      <c r="OGV731" s="424"/>
      <c r="OGW731" s="423" t="s">
        <v>2795</v>
      </c>
      <c r="OGX731" s="424"/>
      <c r="OGY731" s="424"/>
      <c r="OGZ731" s="424"/>
      <c r="OHA731" s="423" t="s">
        <v>2795</v>
      </c>
      <c r="OHB731" s="424"/>
      <c r="OHC731" s="424"/>
      <c r="OHD731" s="424"/>
      <c r="OHE731" s="423" t="s">
        <v>2795</v>
      </c>
      <c r="OHF731" s="424"/>
      <c r="OHG731" s="424"/>
      <c r="OHH731" s="424"/>
      <c r="OHI731" s="423" t="s">
        <v>2795</v>
      </c>
      <c r="OHJ731" s="424"/>
      <c r="OHK731" s="424"/>
      <c r="OHL731" s="424"/>
      <c r="OHM731" s="423" t="s">
        <v>2795</v>
      </c>
      <c r="OHN731" s="424"/>
      <c r="OHO731" s="424"/>
      <c r="OHP731" s="424"/>
      <c r="OHQ731" s="423" t="s">
        <v>2795</v>
      </c>
      <c r="OHR731" s="424"/>
      <c r="OHS731" s="424"/>
      <c r="OHT731" s="424"/>
      <c r="OHU731" s="423" t="s">
        <v>2795</v>
      </c>
      <c r="OHV731" s="424"/>
      <c r="OHW731" s="424"/>
      <c r="OHX731" s="424"/>
      <c r="OHY731" s="423" t="s">
        <v>2795</v>
      </c>
      <c r="OHZ731" s="424"/>
      <c r="OIA731" s="424"/>
      <c r="OIB731" s="424"/>
      <c r="OIC731" s="423" t="s">
        <v>2795</v>
      </c>
      <c r="OID731" s="424"/>
      <c r="OIE731" s="424"/>
      <c r="OIF731" s="424"/>
      <c r="OIG731" s="423" t="s">
        <v>2795</v>
      </c>
      <c r="OIH731" s="424"/>
      <c r="OII731" s="424"/>
      <c r="OIJ731" s="424"/>
      <c r="OIK731" s="423" t="s">
        <v>2795</v>
      </c>
      <c r="OIL731" s="424"/>
      <c r="OIM731" s="424"/>
      <c r="OIN731" s="424"/>
      <c r="OIO731" s="423" t="s">
        <v>2795</v>
      </c>
      <c r="OIP731" s="424"/>
      <c r="OIQ731" s="424"/>
      <c r="OIR731" s="424"/>
      <c r="OIS731" s="423" t="s">
        <v>2795</v>
      </c>
      <c r="OIT731" s="424"/>
      <c r="OIU731" s="424"/>
      <c r="OIV731" s="424"/>
      <c r="OIW731" s="423" t="s">
        <v>2795</v>
      </c>
      <c r="OIX731" s="424"/>
      <c r="OIY731" s="424"/>
      <c r="OIZ731" s="424"/>
      <c r="OJA731" s="423" t="s">
        <v>2795</v>
      </c>
      <c r="OJB731" s="424"/>
      <c r="OJC731" s="424"/>
      <c r="OJD731" s="424"/>
      <c r="OJE731" s="423" t="s">
        <v>2795</v>
      </c>
      <c r="OJF731" s="424"/>
      <c r="OJG731" s="424"/>
      <c r="OJH731" s="424"/>
      <c r="OJI731" s="423" t="s">
        <v>2795</v>
      </c>
      <c r="OJJ731" s="424"/>
      <c r="OJK731" s="424"/>
      <c r="OJL731" s="424"/>
      <c r="OJM731" s="423" t="s">
        <v>2795</v>
      </c>
      <c r="OJN731" s="424"/>
      <c r="OJO731" s="424"/>
      <c r="OJP731" s="424"/>
      <c r="OJQ731" s="423" t="s">
        <v>2795</v>
      </c>
      <c r="OJR731" s="424"/>
      <c r="OJS731" s="424"/>
      <c r="OJT731" s="424"/>
      <c r="OJU731" s="423" t="s">
        <v>2795</v>
      </c>
      <c r="OJV731" s="424"/>
      <c r="OJW731" s="424"/>
      <c r="OJX731" s="424"/>
      <c r="OJY731" s="423" t="s">
        <v>2795</v>
      </c>
      <c r="OJZ731" s="424"/>
      <c r="OKA731" s="424"/>
      <c r="OKB731" s="424"/>
      <c r="OKC731" s="423" t="s">
        <v>2795</v>
      </c>
      <c r="OKD731" s="424"/>
      <c r="OKE731" s="424"/>
      <c r="OKF731" s="424"/>
      <c r="OKG731" s="423" t="s">
        <v>2795</v>
      </c>
      <c r="OKH731" s="424"/>
      <c r="OKI731" s="424"/>
      <c r="OKJ731" s="424"/>
      <c r="OKK731" s="423" t="s">
        <v>2795</v>
      </c>
      <c r="OKL731" s="424"/>
      <c r="OKM731" s="424"/>
      <c r="OKN731" s="424"/>
      <c r="OKO731" s="423" t="s">
        <v>2795</v>
      </c>
      <c r="OKP731" s="424"/>
      <c r="OKQ731" s="424"/>
      <c r="OKR731" s="424"/>
      <c r="OKS731" s="423" t="s">
        <v>2795</v>
      </c>
      <c r="OKT731" s="424"/>
      <c r="OKU731" s="424"/>
      <c r="OKV731" s="424"/>
      <c r="OKW731" s="423" t="s">
        <v>2795</v>
      </c>
      <c r="OKX731" s="424"/>
      <c r="OKY731" s="424"/>
      <c r="OKZ731" s="424"/>
      <c r="OLA731" s="423" t="s">
        <v>2795</v>
      </c>
      <c r="OLB731" s="424"/>
      <c r="OLC731" s="424"/>
      <c r="OLD731" s="424"/>
      <c r="OLE731" s="423" t="s">
        <v>2795</v>
      </c>
      <c r="OLF731" s="424"/>
      <c r="OLG731" s="424"/>
      <c r="OLH731" s="424"/>
      <c r="OLI731" s="423" t="s">
        <v>2795</v>
      </c>
      <c r="OLJ731" s="424"/>
      <c r="OLK731" s="424"/>
      <c r="OLL731" s="424"/>
      <c r="OLM731" s="423" t="s">
        <v>2795</v>
      </c>
      <c r="OLN731" s="424"/>
      <c r="OLO731" s="424"/>
      <c r="OLP731" s="424"/>
      <c r="OLQ731" s="423" t="s">
        <v>2795</v>
      </c>
      <c r="OLR731" s="424"/>
      <c r="OLS731" s="424"/>
      <c r="OLT731" s="424"/>
      <c r="OLU731" s="423" t="s">
        <v>2795</v>
      </c>
      <c r="OLV731" s="424"/>
      <c r="OLW731" s="424"/>
      <c r="OLX731" s="424"/>
      <c r="OLY731" s="423" t="s">
        <v>2795</v>
      </c>
      <c r="OLZ731" s="424"/>
      <c r="OMA731" s="424"/>
      <c r="OMB731" s="424"/>
      <c r="OMC731" s="423" t="s">
        <v>2795</v>
      </c>
      <c r="OMD731" s="424"/>
      <c r="OME731" s="424"/>
      <c r="OMF731" s="424"/>
      <c r="OMG731" s="423" t="s">
        <v>2795</v>
      </c>
      <c r="OMH731" s="424"/>
      <c r="OMI731" s="424"/>
      <c r="OMJ731" s="424"/>
      <c r="OMK731" s="423" t="s">
        <v>2795</v>
      </c>
      <c r="OML731" s="424"/>
      <c r="OMM731" s="424"/>
      <c r="OMN731" s="424"/>
      <c r="OMO731" s="423" t="s">
        <v>2795</v>
      </c>
      <c r="OMP731" s="424"/>
      <c r="OMQ731" s="424"/>
      <c r="OMR731" s="424"/>
      <c r="OMS731" s="423" t="s">
        <v>2795</v>
      </c>
      <c r="OMT731" s="424"/>
      <c r="OMU731" s="424"/>
      <c r="OMV731" s="424"/>
      <c r="OMW731" s="423" t="s">
        <v>2795</v>
      </c>
      <c r="OMX731" s="424"/>
      <c r="OMY731" s="424"/>
      <c r="OMZ731" s="424"/>
      <c r="ONA731" s="423" t="s">
        <v>2795</v>
      </c>
      <c r="ONB731" s="424"/>
      <c r="ONC731" s="424"/>
      <c r="OND731" s="424"/>
      <c r="ONE731" s="423" t="s">
        <v>2795</v>
      </c>
      <c r="ONF731" s="424"/>
      <c r="ONG731" s="424"/>
      <c r="ONH731" s="424"/>
      <c r="ONI731" s="423" t="s">
        <v>2795</v>
      </c>
      <c r="ONJ731" s="424"/>
      <c r="ONK731" s="424"/>
      <c r="ONL731" s="424"/>
      <c r="ONM731" s="423" t="s">
        <v>2795</v>
      </c>
      <c r="ONN731" s="424"/>
      <c r="ONO731" s="424"/>
      <c r="ONP731" s="424"/>
      <c r="ONQ731" s="423" t="s">
        <v>2795</v>
      </c>
      <c r="ONR731" s="424"/>
      <c r="ONS731" s="424"/>
      <c r="ONT731" s="424"/>
      <c r="ONU731" s="423" t="s">
        <v>2795</v>
      </c>
      <c r="ONV731" s="424"/>
      <c r="ONW731" s="424"/>
      <c r="ONX731" s="424"/>
      <c r="ONY731" s="423" t="s">
        <v>2795</v>
      </c>
      <c r="ONZ731" s="424"/>
      <c r="OOA731" s="424"/>
      <c r="OOB731" s="424"/>
      <c r="OOC731" s="423" t="s">
        <v>2795</v>
      </c>
      <c r="OOD731" s="424"/>
      <c r="OOE731" s="424"/>
      <c r="OOF731" s="424"/>
      <c r="OOG731" s="423" t="s">
        <v>2795</v>
      </c>
      <c r="OOH731" s="424"/>
      <c r="OOI731" s="424"/>
      <c r="OOJ731" s="424"/>
      <c r="OOK731" s="423" t="s">
        <v>2795</v>
      </c>
      <c r="OOL731" s="424"/>
      <c r="OOM731" s="424"/>
      <c r="OON731" s="424"/>
      <c r="OOO731" s="423" t="s">
        <v>2795</v>
      </c>
      <c r="OOP731" s="424"/>
      <c r="OOQ731" s="424"/>
      <c r="OOR731" s="424"/>
      <c r="OOS731" s="423" t="s">
        <v>2795</v>
      </c>
      <c r="OOT731" s="424"/>
      <c r="OOU731" s="424"/>
      <c r="OOV731" s="424"/>
      <c r="OOW731" s="423" t="s">
        <v>2795</v>
      </c>
      <c r="OOX731" s="424"/>
      <c r="OOY731" s="424"/>
      <c r="OOZ731" s="424"/>
      <c r="OPA731" s="423" t="s">
        <v>2795</v>
      </c>
      <c r="OPB731" s="424"/>
      <c r="OPC731" s="424"/>
      <c r="OPD731" s="424"/>
      <c r="OPE731" s="423" t="s">
        <v>2795</v>
      </c>
      <c r="OPF731" s="424"/>
      <c r="OPG731" s="424"/>
      <c r="OPH731" s="424"/>
      <c r="OPI731" s="423" t="s">
        <v>2795</v>
      </c>
      <c r="OPJ731" s="424"/>
      <c r="OPK731" s="424"/>
      <c r="OPL731" s="424"/>
      <c r="OPM731" s="423" t="s">
        <v>2795</v>
      </c>
      <c r="OPN731" s="424"/>
      <c r="OPO731" s="424"/>
      <c r="OPP731" s="424"/>
      <c r="OPQ731" s="423" t="s">
        <v>2795</v>
      </c>
      <c r="OPR731" s="424"/>
      <c r="OPS731" s="424"/>
      <c r="OPT731" s="424"/>
      <c r="OPU731" s="423" t="s">
        <v>2795</v>
      </c>
      <c r="OPV731" s="424"/>
      <c r="OPW731" s="424"/>
      <c r="OPX731" s="424"/>
      <c r="OPY731" s="423" t="s">
        <v>2795</v>
      </c>
      <c r="OPZ731" s="424"/>
      <c r="OQA731" s="424"/>
      <c r="OQB731" s="424"/>
      <c r="OQC731" s="423" t="s">
        <v>2795</v>
      </c>
      <c r="OQD731" s="424"/>
      <c r="OQE731" s="424"/>
      <c r="OQF731" s="424"/>
      <c r="OQG731" s="423" t="s">
        <v>2795</v>
      </c>
      <c r="OQH731" s="424"/>
      <c r="OQI731" s="424"/>
      <c r="OQJ731" s="424"/>
      <c r="OQK731" s="423" t="s">
        <v>2795</v>
      </c>
      <c r="OQL731" s="424"/>
      <c r="OQM731" s="424"/>
      <c r="OQN731" s="424"/>
      <c r="OQO731" s="423" t="s">
        <v>2795</v>
      </c>
      <c r="OQP731" s="424"/>
      <c r="OQQ731" s="424"/>
      <c r="OQR731" s="424"/>
      <c r="OQS731" s="423" t="s">
        <v>2795</v>
      </c>
      <c r="OQT731" s="424"/>
      <c r="OQU731" s="424"/>
      <c r="OQV731" s="424"/>
      <c r="OQW731" s="423" t="s">
        <v>2795</v>
      </c>
      <c r="OQX731" s="424"/>
      <c r="OQY731" s="424"/>
      <c r="OQZ731" s="424"/>
      <c r="ORA731" s="423" t="s">
        <v>2795</v>
      </c>
      <c r="ORB731" s="424"/>
      <c r="ORC731" s="424"/>
      <c r="ORD731" s="424"/>
      <c r="ORE731" s="423" t="s">
        <v>2795</v>
      </c>
      <c r="ORF731" s="424"/>
      <c r="ORG731" s="424"/>
      <c r="ORH731" s="424"/>
      <c r="ORI731" s="423" t="s">
        <v>2795</v>
      </c>
      <c r="ORJ731" s="424"/>
      <c r="ORK731" s="424"/>
      <c r="ORL731" s="424"/>
      <c r="ORM731" s="423" t="s">
        <v>2795</v>
      </c>
      <c r="ORN731" s="424"/>
      <c r="ORO731" s="424"/>
      <c r="ORP731" s="424"/>
      <c r="ORQ731" s="423" t="s">
        <v>2795</v>
      </c>
      <c r="ORR731" s="424"/>
      <c r="ORS731" s="424"/>
      <c r="ORT731" s="424"/>
      <c r="ORU731" s="423" t="s">
        <v>2795</v>
      </c>
      <c r="ORV731" s="424"/>
      <c r="ORW731" s="424"/>
      <c r="ORX731" s="424"/>
      <c r="ORY731" s="423" t="s">
        <v>2795</v>
      </c>
      <c r="ORZ731" s="424"/>
      <c r="OSA731" s="424"/>
      <c r="OSB731" s="424"/>
      <c r="OSC731" s="423" t="s">
        <v>2795</v>
      </c>
      <c r="OSD731" s="424"/>
      <c r="OSE731" s="424"/>
      <c r="OSF731" s="424"/>
      <c r="OSG731" s="423" t="s">
        <v>2795</v>
      </c>
      <c r="OSH731" s="424"/>
      <c r="OSI731" s="424"/>
      <c r="OSJ731" s="424"/>
      <c r="OSK731" s="423" t="s">
        <v>2795</v>
      </c>
      <c r="OSL731" s="424"/>
      <c r="OSM731" s="424"/>
      <c r="OSN731" s="424"/>
      <c r="OSO731" s="423" t="s">
        <v>2795</v>
      </c>
      <c r="OSP731" s="424"/>
      <c r="OSQ731" s="424"/>
      <c r="OSR731" s="424"/>
      <c r="OSS731" s="423" t="s">
        <v>2795</v>
      </c>
      <c r="OST731" s="424"/>
      <c r="OSU731" s="424"/>
      <c r="OSV731" s="424"/>
      <c r="OSW731" s="423" t="s">
        <v>2795</v>
      </c>
      <c r="OSX731" s="424"/>
      <c r="OSY731" s="424"/>
      <c r="OSZ731" s="424"/>
      <c r="OTA731" s="423" t="s">
        <v>2795</v>
      </c>
      <c r="OTB731" s="424"/>
      <c r="OTC731" s="424"/>
      <c r="OTD731" s="424"/>
      <c r="OTE731" s="423" t="s">
        <v>2795</v>
      </c>
      <c r="OTF731" s="424"/>
      <c r="OTG731" s="424"/>
      <c r="OTH731" s="424"/>
      <c r="OTI731" s="423" t="s">
        <v>2795</v>
      </c>
      <c r="OTJ731" s="424"/>
      <c r="OTK731" s="424"/>
      <c r="OTL731" s="424"/>
      <c r="OTM731" s="423" t="s">
        <v>2795</v>
      </c>
      <c r="OTN731" s="424"/>
      <c r="OTO731" s="424"/>
      <c r="OTP731" s="424"/>
      <c r="OTQ731" s="423" t="s">
        <v>2795</v>
      </c>
      <c r="OTR731" s="424"/>
      <c r="OTS731" s="424"/>
      <c r="OTT731" s="424"/>
      <c r="OTU731" s="423" t="s">
        <v>2795</v>
      </c>
      <c r="OTV731" s="424"/>
      <c r="OTW731" s="424"/>
      <c r="OTX731" s="424"/>
      <c r="OTY731" s="423" t="s">
        <v>2795</v>
      </c>
      <c r="OTZ731" s="424"/>
      <c r="OUA731" s="424"/>
      <c r="OUB731" s="424"/>
      <c r="OUC731" s="423" t="s">
        <v>2795</v>
      </c>
      <c r="OUD731" s="424"/>
      <c r="OUE731" s="424"/>
      <c r="OUF731" s="424"/>
      <c r="OUG731" s="423" t="s">
        <v>2795</v>
      </c>
      <c r="OUH731" s="424"/>
      <c r="OUI731" s="424"/>
      <c r="OUJ731" s="424"/>
      <c r="OUK731" s="423" t="s">
        <v>2795</v>
      </c>
      <c r="OUL731" s="424"/>
      <c r="OUM731" s="424"/>
      <c r="OUN731" s="424"/>
      <c r="OUO731" s="423" t="s">
        <v>2795</v>
      </c>
      <c r="OUP731" s="424"/>
      <c r="OUQ731" s="424"/>
      <c r="OUR731" s="424"/>
      <c r="OUS731" s="423" t="s">
        <v>2795</v>
      </c>
      <c r="OUT731" s="424"/>
      <c r="OUU731" s="424"/>
      <c r="OUV731" s="424"/>
      <c r="OUW731" s="423" t="s">
        <v>2795</v>
      </c>
      <c r="OUX731" s="424"/>
      <c r="OUY731" s="424"/>
      <c r="OUZ731" s="424"/>
      <c r="OVA731" s="423" t="s">
        <v>2795</v>
      </c>
      <c r="OVB731" s="424"/>
      <c r="OVC731" s="424"/>
      <c r="OVD731" s="424"/>
      <c r="OVE731" s="423" t="s">
        <v>2795</v>
      </c>
      <c r="OVF731" s="424"/>
      <c r="OVG731" s="424"/>
      <c r="OVH731" s="424"/>
      <c r="OVI731" s="423" t="s">
        <v>2795</v>
      </c>
      <c r="OVJ731" s="424"/>
      <c r="OVK731" s="424"/>
      <c r="OVL731" s="424"/>
      <c r="OVM731" s="423" t="s">
        <v>2795</v>
      </c>
      <c r="OVN731" s="424"/>
      <c r="OVO731" s="424"/>
      <c r="OVP731" s="424"/>
      <c r="OVQ731" s="423" t="s">
        <v>2795</v>
      </c>
      <c r="OVR731" s="424"/>
      <c r="OVS731" s="424"/>
      <c r="OVT731" s="424"/>
      <c r="OVU731" s="423" t="s">
        <v>2795</v>
      </c>
      <c r="OVV731" s="424"/>
      <c r="OVW731" s="424"/>
      <c r="OVX731" s="424"/>
      <c r="OVY731" s="423" t="s">
        <v>2795</v>
      </c>
      <c r="OVZ731" s="424"/>
      <c r="OWA731" s="424"/>
      <c r="OWB731" s="424"/>
      <c r="OWC731" s="423" t="s">
        <v>2795</v>
      </c>
      <c r="OWD731" s="424"/>
      <c r="OWE731" s="424"/>
      <c r="OWF731" s="424"/>
      <c r="OWG731" s="423" t="s">
        <v>2795</v>
      </c>
      <c r="OWH731" s="424"/>
      <c r="OWI731" s="424"/>
      <c r="OWJ731" s="424"/>
      <c r="OWK731" s="423" t="s">
        <v>2795</v>
      </c>
      <c r="OWL731" s="424"/>
      <c r="OWM731" s="424"/>
      <c r="OWN731" s="424"/>
      <c r="OWO731" s="423" t="s">
        <v>2795</v>
      </c>
      <c r="OWP731" s="424"/>
      <c r="OWQ731" s="424"/>
      <c r="OWR731" s="424"/>
      <c r="OWS731" s="423" t="s">
        <v>2795</v>
      </c>
      <c r="OWT731" s="424"/>
      <c r="OWU731" s="424"/>
      <c r="OWV731" s="424"/>
      <c r="OWW731" s="423" t="s">
        <v>2795</v>
      </c>
      <c r="OWX731" s="424"/>
      <c r="OWY731" s="424"/>
      <c r="OWZ731" s="424"/>
      <c r="OXA731" s="423" t="s">
        <v>2795</v>
      </c>
      <c r="OXB731" s="424"/>
      <c r="OXC731" s="424"/>
      <c r="OXD731" s="424"/>
      <c r="OXE731" s="423" t="s">
        <v>2795</v>
      </c>
      <c r="OXF731" s="424"/>
      <c r="OXG731" s="424"/>
      <c r="OXH731" s="424"/>
      <c r="OXI731" s="423" t="s">
        <v>2795</v>
      </c>
      <c r="OXJ731" s="424"/>
      <c r="OXK731" s="424"/>
      <c r="OXL731" s="424"/>
      <c r="OXM731" s="423" t="s">
        <v>2795</v>
      </c>
      <c r="OXN731" s="424"/>
      <c r="OXO731" s="424"/>
      <c r="OXP731" s="424"/>
      <c r="OXQ731" s="423" t="s">
        <v>2795</v>
      </c>
      <c r="OXR731" s="424"/>
      <c r="OXS731" s="424"/>
      <c r="OXT731" s="424"/>
      <c r="OXU731" s="423" t="s">
        <v>2795</v>
      </c>
      <c r="OXV731" s="424"/>
      <c r="OXW731" s="424"/>
      <c r="OXX731" s="424"/>
      <c r="OXY731" s="423" t="s">
        <v>2795</v>
      </c>
      <c r="OXZ731" s="424"/>
      <c r="OYA731" s="424"/>
      <c r="OYB731" s="424"/>
      <c r="OYC731" s="423" t="s">
        <v>2795</v>
      </c>
      <c r="OYD731" s="424"/>
      <c r="OYE731" s="424"/>
      <c r="OYF731" s="424"/>
      <c r="OYG731" s="423" t="s">
        <v>2795</v>
      </c>
      <c r="OYH731" s="424"/>
      <c r="OYI731" s="424"/>
      <c r="OYJ731" s="424"/>
      <c r="OYK731" s="423" t="s">
        <v>2795</v>
      </c>
      <c r="OYL731" s="424"/>
      <c r="OYM731" s="424"/>
      <c r="OYN731" s="424"/>
      <c r="OYO731" s="423" t="s">
        <v>2795</v>
      </c>
      <c r="OYP731" s="424"/>
      <c r="OYQ731" s="424"/>
      <c r="OYR731" s="424"/>
      <c r="OYS731" s="423" t="s">
        <v>2795</v>
      </c>
      <c r="OYT731" s="424"/>
      <c r="OYU731" s="424"/>
      <c r="OYV731" s="424"/>
      <c r="OYW731" s="423" t="s">
        <v>2795</v>
      </c>
      <c r="OYX731" s="424"/>
      <c r="OYY731" s="424"/>
      <c r="OYZ731" s="424"/>
      <c r="OZA731" s="423" t="s">
        <v>2795</v>
      </c>
      <c r="OZB731" s="424"/>
      <c r="OZC731" s="424"/>
      <c r="OZD731" s="424"/>
      <c r="OZE731" s="423" t="s">
        <v>2795</v>
      </c>
      <c r="OZF731" s="424"/>
      <c r="OZG731" s="424"/>
      <c r="OZH731" s="424"/>
      <c r="OZI731" s="423" t="s">
        <v>2795</v>
      </c>
      <c r="OZJ731" s="424"/>
      <c r="OZK731" s="424"/>
      <c r="OZL731" s="424"/>
      <c r="OZM731" s="423" t="s">
        <v>2795</v>
      </c>
      <c r="OZN731" s="424"/>
      <c r="OZO731" s="424"/>
      <c r="OZP731" s="424"/>
      <c r="OZQ731" s="423" t="s">
        <v>2795</v>
      </c>
      <c r="OZR731" s="424"/>
      <c r="OZS731" s="424"/>
      <c r="OZT731" s="424"/>
      <c r="OZU731" s="423" t="s">
        <v>2795</v>
      </c>
      <c r="OZV731" s="424"/>
      <c r="OZW731" s="424"/>
      <c r="OZX731" s="424"/>
      <c r="OZY731" s="423" t="s">
        <v>2795</v>
      </c>
      <c r="OZZ731" s="424"/>
      <c r="PAA731" s="424"/>
      <c r="PAB731" s="424"/>
      <c r="PAC731" s="423" t="s">
        <v>2795</v>
      </c>
      <c r="PAD731" s="424"/>
      <c r="PAE731" s="424"/>
      <c r="PAF731" s="424"/>
      <c r="PAG731" s="423" t="s">
        <v>2795</v>
      </c>
      <c r="PAH731" s="424"/>
      <c r="PAI731" s="424"/>
      <c r="PAJ731" s="424"/>
      <c r="PAK731" s="423" t="s">
        <v>2795</v>
      </c>
      <c r="PAL731" s="424"/>
      <c r="PAM731" s="424"/>
      <c r="PAN731" s="424"/>
      <c r="PAO731" s="423" t="s">
        <v>2795</v>
      </c>
      <c r="PAP731" s="424"/>
      <c r="PAQ731" s="424"/>
      <c r="PAR731" s="424"/>
      <c r="PAS731" s="423" t="s">
        <v>2795</v>
      </c>
      <c r="PAT731" s="424"/>
      <c r="PAU731" s="424"/>
      <c r="PAV731" s="424"/>
      <c r="PAW731" s="423" t="s">
        <v>2795</v>
      </c>
      <c r="PAX731" s="424"/>
      <c r="PAY731" s="424"/>
      <c r="PAZ731" s="424"/>
      <c r="PBA731" s="423" t="s">
        <v>2795</v>
      </c>
      <c r="PBB731" s="424"/>
      <c r="PBC731" s="424"/>
      <c r="PBD731" s="424"/>
      <c r="PBE731" s="423" t="s">
        <v>2795</v>
      </c>
      <c r="PBF731" s="424"/>
      <c r="PBG731" s="424"/>
      <c r="PBH731" s="424"/>
      <c r="PBI731" s="423" t="s">
        <v>2795</v>
      </c>
      <c r="PBJ731" s="424"/>
      <c r="PBK731" s="424"/>
      <c r="PBL731" s="424"/>
      <c r="PBM731" s="423" t="s">
        <v>2795</v>
      </c>
      <c r="PBN731" s="424"/>
      <c r="PBO731" s="424"/>
      <c r="PBP731" s="424"/>
      <c r="PBQ731" s="423" t="s">
        <v>2795</v>
      </c>
      <c r="PBR731" s="424"/>
      <c r="PBS731" s="424"/>
      <c r="PBT731" s="424"/>
      <c r="PBU731" s="423" t="s">
        <v>2795</v>
      </c>
      <c r="PBV731" s="424"/>
      <c r="PBW731" s="424"/>
      <c r="PBX731" s="424"/>
      <c r="PBY731" s="423" t="s">
        <v>2795</v>
      </c>
      <c r="PBZ731" s="424"/>
      <c r="PCA731" s="424"/>
      <c r="PCB731" s="424"/>
      <c r="PCC731" s="423" t="s">
        <v>2795</v>
      </c>
      <c r="PCD731" s="424"/>
      <c r="PCE731" s="424"/>
      <c r="PCF731" s="424"/>
      <c r="PCG731" s="423" t="s">
        <v>2795</v>
      </c>
      <c r="PCH731" s="424"/>
      <c r="PCI731" s="424"/>
      <c r="PCJ731" s="424"/>
      <c r="PCK731" s="423" t="s">
        <v>2795</v>
      </c>
      <c r="PCL731" s="424"/>
      <c r="PCM731" s="424"/>
      <c r="PCN731" s="424"/>
      <c r="PCO731" s="423" t="s">
        <v>2795</v>
      </c>
      <c r="PCP731" s="424"/>
      <c r="PCQ731" s="424"/>
      <c r="PCR731" s="424"/>
      <c r="PCS731" s="423" t="s">
        <v>2795</v>
      </c>
      <c r="PCT731" s="424"/>
      <c r="PCU731" s="424"/>
      <c r="PCV731" s="424"/>
      <c r="PCW731" s="423" t="s">
        <v>2795</v>
      </c>
      <c r="PCX731" s="424"/>
      <c r="PCY731" s="424"/>
      <c r="PCZ731" s="424"/>
      <c r="PDA731" s="423" t="s">
        <v>2795</v>
      </c>
      <c r="PDB731" s="424"/>
      <c r="PDC731" s="424"/>
      <c r="PDD731" s="424"/>
      <c r="PDE731" s="423" t="s">
        <v>2795</v>
      </c>
      <c r="PDF731" s="424"/>
      <c r="PDG731" s="424"/>
      <c r="PDH731" s="424"/>
      <c r="PDI731" s="423" t="s">
        <v>2795</v>
      </c>
      <c r="PDJ731" s="424"/>
      <c r="PDK731" s="424"/>
      <c r="PDL731" s="424"/>
      <c r="PDM731" s="423" t="s">
        <v>2795</v>
      </c>
      <c r="PDN731" s="424"/>
      <c r="PDO731" s="424"/>
      <c r="PDP731" s="424"/>
      <c r="PDQ731" s="423" t="s">
        <v>2795</v>
      </c>
      <c r="PDR731" s="424"/>
      <c r="PDS731" s="424"/>
      <c r="PDT731" s="424"/>
      <c r="PDU731" s="423" t="s">
        <v>2795</v>
      </c>
      <c r="PDV731" s="424"/>
      <c r="PDW731" s="424"/>
      <c r="PDX731" s="424"/>
      <c r="PDY731" s="423" t="s">
        <v>2795</v>
      </c>
      <c r="PDZ731" s="424"/>
      <c r="PEA731" s="424"/>
      <c r="PEB731" s="424"/>
      <c r="PEC731" s="423" t="s">
        <v>2795</v>
      </c>
      <c r="PED731" s="424"/>
      <c r="PEE731" s="424"/>
      <c r="PEF731" s="424"/>
      <c r="PEG731" s="423" t="s">
        <v>2795</v>
      </c>
      <c r="PEH731" s="424"/>
      <c r="PEI731" s="424"/>
      <c r="PEJ731" s="424"/>
      <c r="PEK731" s="423" t="s">
        <v>2795</v>
      </c>
      <c r="PEL731" s="424"/>
      <c r="PEM731" s="424"/>
      <c r="PEN731" s="424"/>
      <c r="PEO731" s="423" t="s">
        <v>2795</v>
      </c>
      <c r="PEP731" s="424"/>
      <c r="PEQ731" s="424"/>
      <c r="PER731" s="424"/>
      <c r="PES731" s="423" t="s">
        <v>2795</v>
      </c>
      <c r="PET731" s="424"/>
      <c r="PEU731" s="424"/>
      <c r="PEV731" s="424"/>
      <c r="PEW731" s="423" t="s">
        <v>2795</v>
      </c>
      <c r="PEX731" s="424"/>
      <c r="PEY731" s="424"/>
      <c r="PEZ731" s="424"/>
      <c r="PFA731" s="423" t="s">
        <v>2795</v>
      </c>
      <c r="PFB731" s="424"/>
      <c r="PFC731" s="424"/>
      <c r="PFD731" s="424"/>
      <c r="PFE731" s="423" t="s">
        <v>2795</v>
      </c>
      <c r="PFF731" s="424"/>
      <c r="PFG731" s="424"/>
      <c r="PFH731" s="424"/>
      <c r="PFI731" s="423" t="s">
        <v>2795</v>
      </c>
      <c r="PFJ731" s="424"/>
      <c r="PFK731" s="424"/>
      <c r="PFL731" s="424"/>
      <c r="PFM731" s="423" t="s">
        <v>2795</v>
      </c>
      <c r="PFN731" s="424"/>
      <c r="PFO731" s="424"/>
      <c r="PFP731" s="424"/>
      <c r="PFQ731" s="423" t="s">
        <v>2795</v>
      </c>
      <c r="PFR731" s="424"/>
      <c r="PFS731" s="424"/>
      <c r="PFT731" s="424"/>
      <c r="PFU731" s="423" t="s">
        <v>2795</v>
      </c>
      <c r="PFV731" s="424"/>
      <c r="PFW731" s="424"/>
      <c r="PFX731" s="424"/>
      <c r="PFY731" s="423" t="s">
        <v>2795</v>
      </c>
      <c r="PFZ731" s="424"/>
      <c r="PGA731" s="424"/>
      <c r="PGB731" s="424"/>
      <c r="PGC731" s="423" t="s">
        <v>2795</v>
      </c>
      <c r="PGD731" s="424"/>
      <c r="PGE731" s="424"/>
      <c r="PGF731" s="424"/>
      <c r="PGG731" s="423" t="s">
        <v>2795</v>
      </c>
      <c r="PGH731" s="424"/>
      <c r="PGI731" s="424"/>
      <c r="PGJ731" s="424"/>
      <c r="PGK731" s="423" t="s">
        <v>2795</v>
      </c>
      <c r="PGL731" s="424"/>
      <c r="PGM731" s="424"/>
      <c r="PGN731" s="424"/>
      <c r="PGO731" s="423" t="s">
        <v>2795</v>
      </c>
      <c r="PGP731" s="424"/>
      <c r="PGQ731" s="424"/>
      <c r="PGR731" s="424"/>
      <c r="PGS731" s="423" t="s">
        <v>2795</v>
      </c>
      <c r="PGT731" s="424"/>
      <c r="PGU731" s="424"/>
      <c r="PGV731" s="424"/>
      <c r="PGW731" s="423" t="s">
        <v>2795</v>
      </c>
      <c r="PGX731" s="424"/>
      <c r="PGY731" s="424"/>
      <c r="PGZ731" s="424"/>
      <c r="PHA731" s="423" t="s">
        <v>2795</v>
      </c>
      <c r="PHB731" s="424"/>
      <c r="PHC731" s="424"/>
      <c r="PHD731" s="424"/>
      <c r="PHE731" s="423" t="s">
        <v>2795</v>
      </c>
      <c r="PHF731" s="424"/>
      <c r="PHG731" s="424"/>
      <c r="PHH731" s="424"/>
      <c r="PHI731" s="423" t="s">
        <v>2795</v>
      </c>
      <c r="PHJ731" s="424"/>
      <c r="PHK731" s="424"/>
      <c r="PHL731" s="424"/>
      <c r="PHM731" s="423" t="s">
        <v>2795</v>
      </c>
      <c r="PHN731" s="424"/>
      <c r="PHO731" s="424"/>
      <c r="PHP731" s="424"/>
      <c r="PHQ731" s="423" t="s">
        <v>2795</v>
      </c>
      <c r="PHR731" s="424"/>
      <c r="PHS731" s="424"/>
      <c r="PHT731" s="424"/>
      <c r="PHU731" s="423" t="s">
        <v>2795</v>
      </c>
      <c r="PHV731" s="424"/>
      <c r="PHW731" s="424"/>
      <c r="PHX731" s="424"/>
      <c r="PHY731" s="423" t="s">
        <v>2795</v>
      </c>
      <c r="PHZ731" s="424"/>
      <c r="PIA731" s="424"/>
      <c r="PIB731" s="424"/>
      <c r="PIC731" s="423" t="s">
        <v>2795</v>
      </c>
      <c r="PID731" s="424"/>
      <c r="PIE731" s="424"/>
      <c r="PIF731" s="424"/>
      <c r="PIG731" s="423" t="s">
        <v>2795</v>
      </c>
      <c r="PIH731" s="424"/>
      <c r="PII731" s="424"/>
      <c r="PIJ731" s="424"/>
      <c r="PIK731" s="423" t="s">
        <v>2795</v>
      </c>
      <c r="PIL731" s="424"/>
      <c r="PIM731" s="424"/>
      <c r="PIN731" s="424"/>
      <c r="PIO731" s="423" t="s">
        <v>2795</v>
      </c>
      <c r="PIP731" s="424"/>
      <c r="PIQ731" s="424"/>
      <c r="PIR731" s="424"/>
      <c r="PIS731" s="423" t="s">
        <v>2795</v>
      </c>
      <c r="PIT731" s="424"/>
      <c r="PIU731" s="424"/>
      <c r="PIV731" s="424"/>
      <c r="PIW731" s="423" t="s">
        <v>2795</v>
      </c>
      <c r="PIX731" s="424"/>
      <c r="PIY731" s="424"/>
      <c r="PIZ731" s="424"/>
      <c r="PJA731" s="423" t="s">
        <v>2795</v>
      </c>
      <c r="PJB731" s="424"/>
      <c r="PJC731" s="424"/>
      <c r="PJD731" s="424"/>
      <c r="PJE731" s="423" t="s">
        <v>2795</v>
      </c>
      <c r="PJF731" s="424"/>
      <c r="PJG731" s="424"/>
      <c r="PJH731" s="424"/>
      <c r="PJI731" s="423" t="s">
        <v>2795</v>
      </c>
      <c r="PJJ731" s="424"/>
      <c r="PJK731" s="424"/>
      <c r="PJL731" s="424"/>
      <c r="PJM731" s="423" t="s">
        <v>2795</v>
      </c>
      <c r="PJN731" s="424"/>
      <c r="PJO731" s="424"/>
      <c r="PJP731" s="424"/>
      <c r="PJQ731" s="423" t="s">
        <v>2795</v>
      </c>
      <c r="PJR731" s="424"/>
      <c r="PJS731" s="424"/>
      <c r="PJT731" s="424"/>
      <c r="PJU731" s="423" t="s">
        <v>2795</v>
      </c>
      <c r="PJV731" s="424"/>
      <c r="PJW731" s="424"/>
      <c r="PJX731" s="424"/>
      <c r="PJY731" s="423" t="s">
        <v>2795</v>
      </c>
      <c r="PJZ731" s="424"/>
      <c r="PKA731" s="424"/>
      <c r="PKB731" s="424"/>
      <c r="PKC731" s="423" t="s">
        <v>2795</v>
      </c>
      <c r="PKD731" s="424"/>
      <c r="PKE731" s="424"/>
      <c r="PKF731" s="424"/>
      <c r="PKG731" s="423" t="s">
        <v>2795</v>
      </c>
      <c r="PKH731" s="424"/>
      <c r="PKI731" s="424"/>
      <c r="PKJ731" s="424"/>
      <c r="PKK731" s="423" t="s">
        <v>2795</v>
      </c>
      <c r="PKL731" s="424"/>
      <c r="PKM731" s="424"/>
      <c r="PKN731" s="424"/>
      <c r="PKO731" s="423" t="s">
        <v>2795</v>
      </c>
      <c r="PKP731" s="424"/>
      <c r="PKQ731" s="424"/>
      <c r="PKR731" s="424"/>
      <c r="PKS731" s="423" t="s">
        <v>2795</v>
      </c>
      <c r="PKT731" s="424"/>
      <c r="PKU731" s="424"/>
      <c r="PKV731" s="424"/>
      <c r="PKW731" s="423" t="s">
        <v>2795</v>
      </c>
      <c r="PKX731" s="424"/>
      <c r="PKY731" s="424"/>
      <c r="PKZ731" s="424"/>
      <c r="PLA731" s="423" t="s">
        <v>2795</v>
      </c>
      <c r="PLB731" s="424"/>
      <c r="PLC731" s="424"/>
      <c r="PLD731" s="424"/>
      <c r="PLE731" s="423" t="s">
        <v>2795</v>
      </c>
      <c r="PLF731" s="424"/>
      <c r="PLG731" s="424"/>
      <c r="PLH731" s="424"/>
      <c r="PLI731" s="423" t="s">
        <v>2795</v>
      </c>
      <c r="PLJ731" s="424"/>
      <c r="PLK731" s="424"/>
      <c r="PLL731" s="424"/>
      <c r="PLM731" s="423" t="s">
        <v>2795</v>
      </c>
      <c r="PLN731" s="424"/>
      <c r="PLO731" s="424"/>
      <c r="PLP731" s="424"/>
      <c r="PLQ731" s="423" t="s">
        <v>2795</v>
      </c>
      <c r="PLR731" s="424"/>
      <c r="PLS731" s="424"/>
      <c r="PLT731" s="424"/>
      <c r="PLU731" s="423" t="s">
        <v>2795</v>
      </c>
      <c r="PLV731" s="424"/>
      <c r="PLW731" s="424"/>
      <c r="PLX731" s="424"/>
      <c r="PLY731" s="423" t="s">
        <v>2795</v>
      </c>
      <c r="PLZ731" s="424"/>
      <c r="PMA731" s="424"/>
      <c r="PMB731" s="424"/>
      <c r="PMC731" s="423" t="s">
        <v>2795</v>
      </c>
      <c r="PMD731" s="424"/>
      <c r="PME731" s="424"/>
      <c r="PMF731" s="424"/>
      <c r="PMG731" s="423" t="s">
        <v>2795</v>
      </c>
      <c r="PMH731" s="424"/>
      <c r="PMI731" s="424"/>
      <c r="PMJ731" s="424"/>
      <c r="PMK731" s="423" t="s">
        <v>2795</v>
      </c>
      <c r="PML731" s="424"/>
      <c r="PMM731" s="424"/>
      <c r="PMN731" s="424"/>
      <c r="PMO731" s="423" t="s">
        <v>2795</v>
      </c>
      <c r="PMP731" s="424"/>
      <c r="PMQ731" s="424"/>
      <c r="PMR731" s="424"/>
      <c r="PMS731" s="423" t="s">
        <v>2795</v>
      </c>
      <c r="PMT731" s="424"/>
      <c r="PMU731" s="424"/>
      <c r="PMV731" s="424"/>
      <c r="PMW731" s="423" t="s">
        <v>2795</v>
      </c>
      <c r="PMX731" s="424"/>
      <c r="PMY731" s="424"/>
      <c r="PMZ731" s="424"/>
      <c r="PNA731" s="423" t="s">
        <v>2795</v>
      </c>
      <c r="PNB731" s="424"/>
      <c r="PNC731" s="424"/>
      <c r="PND731" s="424"/>
      <c r="PNE731" s="423" t="s">
        <v>2795</v>
      </c>
      <c r="PNF731" s="424"/>
      <c r="PNG731" s="424"/>
      <c r="PNH731" s="424"/>
      <c r="PNI731" s="423" t="s">
        <v>2795</v>
      </c>
      <c r="PNJ731" s="424"/>
      <c r="PNK731" s="424"/>
      <c r="PNL731" s="424"/>
      <c r="PNM731" s="423" t="s">
        <v>2795</v>
      </c>
      <c r="PNN731" s="424"/>
      <c r="PNO731" s="424"/>
      <c r="PNP731" s="424"/>
      <c r="PNQ731" s="423" t="s">
        <v>2795</v>
      </c>
      <c r="PNR731" s="424"/>
      <c r="PNS731" s="424"/>
      <c r="PNT731" s="424"/>
      <c r="PNU731" s="423" t="s">
        <v>2795</v>
      </c>
      <c r="PNV731" s="424"/>
      <c r="PNW731" s="424"/>
      <c r="PNX731" s="424"/>
      <c r="PNY731" s="423" t="s">
        <v>2795</v>
      </c>
      <c r="PNZ731" s="424"/>
      <c r="POA731" s="424"/>
      <c r="POB731" s="424"/>
      <c r="POC731" s="423" t="s">
        <v>2795</v>
      </c>
      <c r="POD731" s="424"/>
      <c r="POE731" s="424"/>
      <c r="POF731" s="424"/>
      <c r="POG731" s="423" t="s">
        <v>2795</v>
      </c>
      <c r="POH731" s="424"/>
      <c r="POI731" s="424"/>
      <c r="POJ731" s="424"/>
      <c r="POK731" s="423" t="s">
        <v>2795</v>
      </c>
      <c r="POL731" s="424"/>
      <c r="POM731" s="424"/>
      <c r="PON731" s="424"/>
      <c r="POO731" s="423" t="s">
        <v>2795</v>
      </c>
      <c r="POP731" s="424"/>
      <c r="POQ731" s="424"/>
      <c r="POR731" s="424"/>
      <c r="POS731" s="423" t="s">
        <v>2795</v>
      </c>
      <c r="POT731" s="424"/>
      <c r="POU731" s="424"/>
      <c r="POV731" s="424"/>
      <c r="POW731" s="423" t="s">
        <v>2795</v>
      </c>
      <c r="POX731" s="424"/>
      <c r="POY731" s="424"/>
      <c r="POZ731" s="424"/>
      <c r="PPA731" s="423" t="s">
        <v>2795</v>
      </c>
      <c r="PPB731" s="424"/>
      <c r="PPC731" s="424"/>
      <c r="PPD731" s="424"/>
      <c r="PPE731" s="423" t="s">
        <v>2795</v>
      </c>
      <c r="PPF731" s="424"/>
      <c r="PPG731" s="424"/>
      <c r="PPH731" s="424"/>
      <c r="PPI731" s="423" t="s">
        <v>2795</v>
      </c>
      <c r="PPJ731" s="424"/>
      <c r="PPK731" s="424"/>
      <c r="PPL731" s="424"/>
      <c r="PPM731" s="423" t="s">
        <v>2795</v>
      </c>
      <c r="PPN731" s="424"/>
      <c r="PPO731" s="424"/>
      <c r="PPP731" s="424"/>
      <c r="PPQ731" s="423" t="s">
        <v>2795</v>
      </c>
      <c r="PPR731" s="424"/>
      <c r="PPS731" s="424"/>
      <c r="PPT731" s="424"/>
      <c r="PPU731" s="423" t="s">
        <v>2795</v>
      </c>
      <c r="PPV731" s="424"/>
      <c r="PPW731" s="424"/>
      <c r="PPX731" s="424"/>
      <c r="PPY731" s="423" t="s">
        <v>2795</v>
      </c>
      <c r="PPZ731" s="424"/>
      <c r="PQA731" s="424"/>
      <c r="PQB731" s="424"/>
      <c r="PQC731" s="423" t="s">
        <v>2795</v>
      </c>
      <c r="PQD731" s="424"/>
      <c r="PQE731" s="424"/>
      <c r="PQF731" s="424"/>
      <c r="PQG731" s="423" t="s">
        <v>2795</v>
      </c>
      <c r="PQH731" s="424"/>
      <c r="PQI731" s="424"/>
      <c r="PQJ731" s="424"/>
      <c r="PQK731" s="423" t="s">
        <v>2795</v>
      </c>
      <c r="PQL731" s="424"/>
      <c r="PQM731" s="424"/>
      <c r="PQN731" s="424"/>
      <c r="PQO731" s="423" t="s">
        <v>2795</v>
      </c>
      <c r="PQP731" s="424"/>
      <c r="PQQ731" s="424"/>
      <c r="PQR731" s="424"/>
      <c r="PQS731" s="423" t="s">
        <v>2795</v>
      </c>
      <c r="PQT731" s="424"/>
      <c r="PQU731" s="424"/>
      <c r="PQV731" s="424"/>
      <c r="PQW731" s="423" t="s">
        <v>2795</v>
      </c>
      <c r="PQX731" s="424"/>
      <c r="PQY731" s="424"/>
      <c r="PQZ731" s="424"/>
      <c r="PRA731" s="423" t="s">
        <v>2795</v>
      </c>
      <c r="PRB731" s="424"/>
      <c r="PRC731" s="424"/>
      <c r="PRD731" s="424"/>
      <c r="PRE731" s="423" t="s">
        <v>2795</v>
      </c>
      <c r="PRF731" s="424"/>
      <c r="PRG731" s="424"/>
      <c r="PRH731" s="424"/>
      <c r="PRI731" s="423" t="s">
        <v>2795</v>
      </c>
      <c r="PRJ731" s="424"/>
      <c r="PRK731" s="424"/>
      <c r="PRL731" s="424"/>
      <c r="PRM731" s="423" t="s">
        <v>2795</v>
      </c>
      <c r="PRN731" s="424"/>
      <c r="PRO731" s="424"/>
      <c r="PRP731" s="424"/>
      <c r="PRQ731" s="423" t="s">
        <v>2795</v>
      </c>
      <c r="PRR731" s="424"/>
      <c r="PRS731" s="424"/>
      <c r="PRT731" s="424"/>
      <c r="PRU731" s="423" t="s">
        <v>2795</v>
      </c>
      <c r="PRV731" s="424"/>
      <c r="PRW731" s="424"/>
      <c r="PRX731" s="424"/>
      <c r="PRY731" s="423" t="s">
        <v>2795</v>
      </c>
      <c r="PRZ731" s="424"/>
      <c r="PSA731" s="424"/>
      <c r="PSB731" s="424"/>
      <c r="PSC731" s="423" t="s">
        <v>2795</v>
      </c>
      <c r="PSD731" s="424"/>
      <c r="PSE731" s="424"/>
      <c r="PSF731" s="424"/>
      <c r="PSG731" s="423" t="s">
        <v>2795</v>
      </c>
      <c r="PSH731" s="424"/>
      <c r="PSI731" s="424"/>
      <c r="PSJ731" s="424"/>
      <c r="PSK731" s="423" t="s">
        <v>2795</v>
      </c>
      <c r="PSL731" s="424"/>
      <c r="PSM731" s="424"/>
      <c r="PSN731" s="424"/>
      <c r="PSO731" s="423" t="s">
        <v>2795</v>
      </c>
      <c r="PSP731" s="424"/>
      <c r="PSQ731" s="424"/>
      <c r="PSR731" s="424"/>
      <c r="PSS731" s="423" t="s">
        <v>2795</v>
      </c>
      <c r="PST731" s="424"/>
      <c r="PSU731" s="424"/>
      <c r="PSV731" s="424"/>
      <c r="PSW731" s="423" t="s">
        <v>2795</v>
      </c>
      <c r="PSX731" s="424"/>
      <c r="PSY731" s="424"/>
      <c r="PSZ731" s="424"/>
      <c r="PTA731" s="423" t="s">
        <v>2795</v>
      </c>
      <c r="PTB731" s="424"/>
      <c r="PTC731" s="424"/>
      <c r="PTD731" s="424"/>
      <c r="PTE731" s="423" t="s">
        <v>2795</v>
      </c>
      <c r="PTF731" s="424"/>
      <c r="PTG731" s="424"/>
      <c r="PTH731" s="424"/>
      <c r="PTI731" s="423" t="s">
        <v>2795</v>
      </c>
      <c r="PTJ731" s="424"/>
      <c r="PTK731" s="424"/>
      <c r="PTL731" s="424"/>
      <c r="PTM731" s="423" t="s">
        <v>2795</v>
      </c>
      <c r="PTN731" s="424"/>
      <c r="PTO731" s="424"/>
      <c r="PTP731" s="424"/>
      <c r="PTQ731" s="423" t="s">
        <v>2795</v>
      </c>
      <c r="PTR731" s="424"/>
      <c r="PTS731" s="424"/>
      <c r="PTT731" s="424"/>
      <c r="PTU731" s="423" t="s">
        <v>2795</v>
      </c>
      <c r="PTV731" s="424"/>
      <c r="PTW731" s="424"/>
      <c r="PTX731" s="424"/>
      <c r="PTY731" s="423" t="s">
        <v>2795</v>
      </c>
      <c r="PTZ731" s="424"/>
      <c r="PUA731" s="424"/>
      <c r="PUB731" s="424"/>
      <c r="PUC731" s="423" t="s">
        <v>2795</v>
      </c>
      <c r="PUD731" s="424"/>
      <c r="PUE731" s="424"/>
      <c r="PUF731" s="424"/>
      <c r="PUG731" s="423" t="s">
        <v>2795</v>
      </c>
      <c r="PUH731" s="424"/>
      <c r="PUI731" s="424"/>
      <c r="PUJ731" s="424"/>
      <c r="PUK731" s="423" t="s">
        <v>2795</v>
      </c>
      <c r="PUL731" s="424"/>
      <c r="PUM731" s="424"/>
      <c r="PUN731" s="424"/>
      <c r="PUO731" s="423" t="s">
        <v>2795</v>
      </c>
      <c r="PUP731" s="424"/>
      <c r="PUQ731" s="424"/>
      <c r="PUR731" s="424"/>
      <c r="PUS731" s="423" t="s">
        <v>2795</v>
      </c>
      <c r="PUT731" s="424"/>
      <c r="PUU731" s="424"/>
      <c r="PUV731" s="424"/>
      <c r="PUW731" s="423" t="s">
        <v>2795</v>
      </c>
      <c r="PUX731" s="424"/>
      <c r="PUY731" s="424"/>
      <c r="PUZ731" s="424"/>
      <c r="PVA731" s="423" t="s">
        <v>2795</v>
      </c>
      <c r="PVB731" s="424"/>
      <c r="PVC731" s="424"/>
      <c r="PVD731" s="424"/>
      <c r="PVE731" s="423" t="s">
        <v>2795</v>
      </c>
      <c r="PVF731" s="424"/>
      <c r="PVG731" s="424"/>
      <c r="PVH731" s="424"/>
      <c r="PVI731" s="423" t="s">
        <v>2795</v>
      </c>
      <c r="PVJ731" s="424"/>
      <c r="PVK731" s="424"/>
      <c r="PVL731" s="424"/>
      <c r="PVM731" s="423" t="s">
        <v>2795</v>
      </c>
      <c r="PVN731" s="424"/>
      <c r="PVO731" s="424"/>
      <c r="PVP731" s="424"/>
      <c r="PVQ731" s="423" t="s">
        <v>2795</v>
      </c>
      <c r="PVR731" s="424"/>
      <c r="PVS731" s="424"/>
      <c r="PVT731" s="424"/>
      <c r="PVU731" s="423" t="s">
        <v>2795</v>
      </c>
      <c r="PVV731" s="424"/>
      <c r="PVW731" s="424"/>
      <c r="PVX731" s="424"/>
      <c r="PVY731" s="423" t="s">
        <v>2795</v>
      </c>
      <c r="PVZ731" s="424"/>
      <c r="PWA731" s="424"/>
      <c r="PWB731" s="424"/>
      <c r="PWC731" s="423" t="s">
        <v>2795</v>
      </c>
      <c r="PWD731" s="424"/>
      <c r="PWE731" s="424"/>
      <c r="PWF731" s="424"/>
      <c r="PWG731" s="423" t="s">
        <v>2795</v>
      </c>
      <c r="PWH731" s="424"/>
      <c r="PWI731" s="424"/>
      <c r="PWJ731" s="424"/>
      <c r="PWK731" s="423" t="s">
        <v>2795</v>
      </c>
      <c r="PWL731" s="424"/>
      <c r="PWM731" s="424"/>
      <c r="PWN731" s="424"/>
      <c r="PWO731" s="423" t="s">
        <v>2795</v>
      </c>
      <c r="PWP731" s="424"/>
      <c r="PWQ731" s="424"/>
      <c r="PWR731" s="424"/>
      <c r="PWS731" s="423" t="s">
        <v>2795</v>
      </c>
      <c r="PWT731" s="424"/>
      <c r="PWU731" s="424"/>
      <c r="PWV731" s="424"/>
      <c r="PWW731" s="423" t="s">
        <v>2795</v>
      </c>
      <c r="PWX731" s="424"/>
      <c r="PWY731" s="424"/>
      <c r="PWZ731" s="424"/>
      <c r="PXA731" s="423" t="s">
        <v>2795</v>
      </c>
      <c r="PXB731" s="424"/>
      <c r="PXC731" s="424"/>
      <c r="PXD731" s="424"/>
      <c r="PXE731" s="423" t="s">
        <v>2795</v>
      </c>
      <c r="PXF731" s="424"/>
      <c r="PXG731" s="424"/>
      <c r="PXH731" s="424"/>
      <c r="PXI731" s="423" t="s">
        <v>2795</v>
      </c>
      <c r="PXJ731" s="424"/>
      <c r="PXK731" s="424"/>
      <c r="PXL731" s="424"/>
      <c r="PXM731" s="423" t="s">
        <v>2795</v>
      </c>
      <c r="PXN731" s="424"/>
      <c r="PXO731" s="424"/>
      <c r="PXP731" s="424"/>
      <c r="PXQ731" s="423" t="s">
        <v>2795</v>
      </c>
      <c r="PXR731" s="424"/>
      <c r="PXS731" s="424"/>
      <c r="PXT731" s="424"/>
      <c r="PXU731" s="423" t="s">
        <v>2795</v>
      </c>
      <c r="PXV731" s="424"/>
      <c r="PXW731" s="424"/>
      <c r="PXX731" s="424"/>
      <c r="PXY731" s="423" t="s">
        <v>2795</v>
      </c>
      <c r="PXZ731" s="424"/>
      <c r="PYA731" s="424"/>
      <c r="PYB731" s="424"/>
      <c r="PYC731" s="423" t="s">
        <v>2795</v>
      </c>
      <c r="PYD731" s="424"/>
      <c r="PYE731" s="424"/>
      <c r="PYF731" s="424"/>
      <c r="PYG731" s="423" t="s">
        <v>2795</v>
      </c>
      <c r="PYH731" s="424"/>
      <c r="PYI731" s="424"/>
      <c r="PYJ731" s="424"/>
      <c r="PYK731" s="423" t="s">
        <v>2795</v>
      </c>
      <c r="PYL731" s="424"/>
      <c r="PYM731" s="424"/>
      <c r="PYN731" s="424"/>
      <c r="PYO731" s="423" t="s">
        <v>2795</v>
      </c>
      <c r="PYP731" s="424"/>
      <c r="PYQ731" s="424"/>
      <c r="PYR731" s="424"/>
      <c r="PYS731" s="423" t="s">
        <v>2795</v>
      </c>
      <c r="PYT731" s="424"/>
      <c r="PYU731" s="424"/>
      <c r="PYV731" s="424"/>
      <c r="PYW731" s="423" t="s">
        <v>2795</v>
      </c>
      <c r="PYX731" s="424"/>
      <c r="PYY731" s="424"/>
      <c r="PYZ731" s="424"/>
      <c r="PZA731" s="423" t="s">
        <v>2795</v>
      </c>
      <c r="PZB731" s="424"/>
      <c r="PZC731" s="424"/>
      <c r="PZD731" s="424"/>
      <c r="PZE731" s="423" t="s">
        <v>2795</v>
      </c>
      <c r="PZF731" s="424"/>
      <c r="PZG731" s="424"/>
      <c r="PZH731" s="424"/>
      <c r="PZI731" s="423" t="s">
        <v>2795</v>
      </c>
      <c r="PZJ731" s="424"/>
      <c r="PZK731" s="424"/>
      <c r="PZL731" s="424"/>
      <c r="PZM731" s="423" t="s">
        <v>2795</v>
      </c>
      <c r="PZN731" s="424"/>
      <c r="PZO731" s="424"/>
      <c r="PZP731" s="424"/>
      <c r="PZQ731" s="423" t="s">
        <v>2795</v>
      </c>
      <c r="PZR731" s="424"/>
      <c r="PZS731" s="424"/>
      <c r="PZT731" s="424"/>
      <c r="PZU731" s="423" t="s">
        <v>2795</v>
      </c>
      <c r="PZV731" s="424"/>
      <c r="PZW731" s="424"/>
      <c r="PZX731" s="424"/>
      <c r="PZY731" s="423" t="s">
        <v>2795</v>
      </c>
      <c r="PZZ731" s="424"/>
      <c r="QAA731" s="424"/>
      <c r="QAB731" s="424"/>
      <c r="QAC731" s="423" t="s">
        <v>2795</v>
      </c>
      <c r="QAD731" s="424"/>
      <c r="QAE731" s="424"/>
      <c r="QAF731" s="424"/>
      <c r="QAG731" s="423" t="s">
        <v>2795</v>
      </c>
      <c r="QAH731" s="424"/>
      <c r="QAI731" s="424"/>
      <c r="QAJ731" s="424"/>
      <c r="QAK731" s="423" t="s">
        <v>2795</v>
      </c>
      <c r="QAL731" s="424"/>
      <c r="QAM731" s="424"/>
      <c r="QAN731" s="424"/>
      <c r="QAO731" s="423" t="s">
        <v>2795</v>
      </c>
      <c r="QAP731" s="424"/>
      <c r="QAQ731" s="424"/>
      <c r="QAR731" s="424"/>
      <c r="QAS731" s="423" t="s">
        <v>2795</v>
      </c>
      <c r="QAT731" s="424"/>
      <c r="QAU731" s="424"/>
      <c r="QAV731" s="424"/>
      <c r="QAW731" s="423" t="s">
        <v>2795</v>
      </c>
      <c r="QAX731" s="424"/>
      <c r="QAY731" s="424"/>
      <c r="QAZ731" s="424"/>
      <c r="QBA731" s="423" t="s">
        <v>2795</v>
      </c>
      <c r="QBB731" s="424"/>
      <c r="QBC731" s="424"/>
      <c r="QBD731" s="424"/>
      <c r="QBE731" s="423" t="s">
        <v>2795</v>
      </c>
      <c r="QBF731" s="424"/>
      <c r="QBG731" s="424"/>
      <c r="QBH731" s="424"/>
      <c r="QBI731" s="423" t="s">
        <v>2795</v>
      </c>
      <c r="QBJ731" s="424"/>
      <c r="QBK731" s="424"/>
      <c r="QBL731" s="424"/>
      <c r="QBM731" s="423" t="s">
        <v>2795</v>
      </c>
      <c r="QBN731" s="424"/>
      <c r="QBO731" s="424"/>
      <c r="QBP731" s="424"/>
      <c r="QBQ731" s="423" t="s">
        <v>2795</v>
      </c>
      <c r="QBR731" s="424"/>
      <c r="QBS731" s="424"/>
      <c r="QBT731" s="424"/>
      <c r="QBU731" s="423" t="s">
        <v>2795</v>
      </c>
      <c r="QBV731" s="424"/>
      <c r="QBW731" s="424"/>
      <c r="QBX731" s="424"/>
      <c r="QBY731" s="423" t="s">
        <v>2795</v>
      </c>
      <c r="QBZ731" s="424"/>
      <c r="QCA731" s="424"/>
      <c r="QCB731" s="424"/>
      <c r="QCC731" s="423" t="s">
        <v>2795</v>
      </c>
      <c r="QCD731" s="424"/>
      <c r="QCE731" s="424"/>
      <c r="QCF731" s="424"/>
      <c r="QCG731" s="423" t="s">
        <v>2795</v>
      </c>
      <c r="QCH731" s="424"/>
      <c r="QCI731" s="424"/>
      <c r="QCJ731" s="424"/>
      <c r="QCK731" s="423" t="s">
        <v>2795</v>
      </c>
      <c r="QCL731" s="424"/>
      <c r="QCM731" s="424"/>
      <c r="QCN731" s="424"/>
      <c r="QCO731" s="423" t="s">
        <v>2795</v>
      </c>
      <c r="QCP731" s="424"/>
      <c r="QCQ731" s="424"/>
      <c r="QCR731" s="424"/>
      <c r="QCS731" s="423" t="s">
        <v>2795</v>
      </c>
      <c r="QCT731" s="424"/>
      <c r="QCU731" s="424"/>
      <c r="QCV731" s="424"/>
      <c r="QCW731" s="423" t="s">
        <v>2795</v>
      </c>
      <c r="QCX731" s="424"/>
      <c r="QCY731" s="424"/>
      <c r="QCZ731" s="424"/>
      <c r="QDA731" s="423" t="s">
        <v>2795</v>
      </c>
      <c r="QDB731" s="424"/>
      <c r="QDC731" s="424"/>
      <c r="QDD731" s="424"/>
      <c r="QDE731" s="423" t="s">
        <v>2795</v>
      </c>
      <c r="QDF731" s="424"/>
      <c r="QDG731" s="424"/>
      <c r="QDH731" s="424"/>
      <c r="QDI731" s="423" t="s">
        <v>2795</v>
      </c>
      <c r="QDJ731" s="424"/>
      <c r="QDK731" s="424"/>
      <c r="QDL731" s="424"/>
      <c r="QDM731" s="423" t="s">
        <v>2795</v>
      </c>
      <c r="QDN731" s="424"/>
      <c r="QDO731" s="424"/>
      <c r="QDP731" s="424"/>
      <c r="QDQ731" s="423" t="s">
        <v>2795</v>
      </c>
      <c r="QDR731" s="424"/>
      <c r="QDS731" s="424"/>
      <c r="QDT731" s="424"/>
      <c r="QDU731" s="423" t="s">
        <v>2795</v>
      </c>
      <c r="QDV731" s="424"/>
      <c r="QDW731" s="424"/>
      <c r="QDX731" s="424"/>
      <c r="QDY731" s="423" t="s">
        <v>2795</v>
      </c>
      <c r="QDZ731" s="424"/>
      <c r="QEA731" s="424"/>
      <c r="QEB731" s="424"/>
      <c r="QEC731" s="423" t="s">
        <v>2795</v>
      </c>
      <c r="QED731" s="424"/>
      <c r="QEE731" s="424"/>
      <c r="QEF731" s="424"/>
      <c r="QEG731" s="423" t="s">
        <v>2795</v>
      </c>
      <c r="QEH731" s="424"/>
      <c r="QEI731" s="424"/>
      <c r="QEJ731" s="424"/>
      <c r="QEK731" s="423" t="s">
        <v>2795</v>
      </c>
      <c r="QEL731" s="424"/>
      <c r="QEM731" s="424"/>
      <c r="QEN731" s="424"/>
      <c r="QEO731" s="423" t="s">
        <v>2795</v>
      </c>
      <c r="QEP731" s="424"/>
      <c r="QEQ731" s="424"/>
      <c r="QER731" s="424"/>
      <c r="QES731" s="423" t="s">
        <v>2795</v>
      </c>
      <c r="QET731" s="424"/>
      <c r="QEU731" s="424"/>
      <c r="QEV731" s="424"/>
      <c r="QEW731" s="423" t="s">
        <v>2795</v>
      </c>
      <c r="QEX731" s="424"/>
      <c r="QEY731" s="424"/>
      <c r="QEZ731" s="424"/>
      <c r="QFA731" s="423" t="s">
        <v>2795</v>
      </c>
      <c r="QFB731" s="424"/>
      <c r="QFC731" s="424"/>
      <c r="QFD731" s="424"/>
      <c r="QFE731" s="423" t="s">
        <v>2795</v>
      </c>
      <c r="QFF731" s="424"/>
      <c r="QFG731" s="424"/>
      <c r="QFH731" s="424"/>
      <c r="QFI731" s="423" t="s">
        <v>2795</v>
      </c>
      <c r="QFJ731" s="424"/>
      <c r="QFK731" s="424"/>
      <c r="QFL731" s="424"/>
      <c r="QFM731" s="423" t="s">
        <v>2795</v>
      </c>
      <c r="QFN731" s="424"/>
      <c r="QFO731" s="424"/>
      <c r="QFP731" s="424"/>
      <c r="QFQ731" s="423" t="s">
        <v>2795</v>
      </c>
      <c r="QFR731" s="424"/>
      <c r="QFS731" s="424"/>
      <c r="QFT731" s="424"/>
      <c r="QFU731" s="423" t="s">
        <v>2795</v>
      </c>
      <c r="QFV731" s="424"/>
      <c r="QFW731" s="424"/>
      <c r="QFX731" s="424"/>
      <c r="QFY731" s="423" t="s">
        <v>2795</v>
      </c>
      <c r="QFZ731" s="424"/>
      <c r="QGA731" s="424"/>
      <c r="QGB731" s="424"/>
      <c r="QGC731" s="423" t="s">
        <v>2795</v>
      </c>
      <c r="QGD731" s="424"/>
      <c r="QGE731" s="424"/>
      <c r="QGF731" s="424"/>
      <c r="QGG731" s="423" t="s">
        <v>2795</v>
      </c>
      <c r="QGH731" s="424"/>
      <c r="QGI731" s="424"/>
      <c r="QGJ731" s="424"/>
      <c r="QGK731" s="423" t="s">
        <v>2795</v>
      </c>
      <c r="QGL731" s="424"/>
      <c r="QGM731" s="424"/>
      <c r="QGN731" s="424"/>
      <c r="QGO731" s="423" t="s">
        <v>2795</v>
      </c>
      <c r="QGP731" s="424"/>
      <c r="QGQ731" s="424"/>
      <c r="QGR731" s="424"/>
      <c r="QGS731" s="423" t="s">
        <v>2795</v>
      </c>
      <c r="QGT731" s="424"/>
      <c r="QGU731" s="424"/>
      <c r="QGV731" s="424"/>
      <c r="QGW731" s="423" t="s">
        <v>2795</v>
      </c>
      <c r="QGX731" s="424"/>
      <c r="QGY731" s="424"/>
      <c r="QGZ731" s="424"/>
      <c r="QHA731" s="423" t="s">
        <v>2795</v>
      </c>
      <c r="QHB731" s="424"/>
      <c r="QHC731" s="424"/>
      <c r="QHD731" s="424"/>
      <c r="QHE731" s="423" t="s">
        <v>2795</v>
      </c>
      <c r="QHF731" s="424"/>
      <c r="QHG731" s="424"/>
      <c r="QHH731" s="424"/>
      <c r="QHI731" s="423" t="s">
        <v>2795</v>
      </c>
      <c r="QHJ731" s="424"/>
      <c r="QHK731" s="424"/>
      <c r="QHL731" s="424"/>
      <c r="QHM731" s="423" t="s">
        <v>2795</v>
      </c>
      <c r="QHN731" s="424"/>
      <c r="QHO731" s="424"/>
      <c r="QHP731" s="424"/>
      <c r="QHQ731" s="423" t="s">
        <v>2795</v>
      </c>
      <c r="QHR731" s="424"/>
      <c r="QHS731" s="424"/>
      <c r="QHT731" s="424"/>
      <c r="QHU731" s="423" t="s">
        <v>2795</v>
      </c>
      <c r="QHV731" s="424"/>
      <c r="QHW731" s="424"/>
      <c r="QHX731" s="424"/>
      <c r="QHY731" s="423" t="s">
        <v>2795</v>
      </c>
      <c r="QHZ731" s="424"/>
      <c r="QIA731" s="424"/>
      <c r="QIB731" s="424"/>
      <c r="QIC731" s="423" t="s">
        <v>2795</v>
      </c>
      <c r="QID731" s="424"/>
      <c r="QIE731" s="424"/>
      <c r="QIF731" s="424"/>
      <c r="QIG731" s="423" t="s">
        <v>2795</v>
      </c>
      <c r="QIH731" s="424"/>
      <c r="QII731" s="424"/>
      <c r="QIJ731" s="424"/>
      <c r="QIK731" s="423" t="s">
        <v>2795</v>
      </c>
      <c r="QIL731" s="424"/>
      <c r="QIM731" s="424"/>
      <c r="QIN731" s="424"/>
      <c r="QIO731" s="423" t="s">
        <v>2795</v>
      </c>
      <c r="QIP731" s="424"/>
      <c r="QIQ731" s="424"/>
      <c r="QIR731" s="424"/>
      <c r="QIS731" s="423" t="s">
        <v>2795</v>
      </c>
      <c r="QIT731" s="424"/>
      <c r="QIU731" s="424"/>
      <c r="QIV731" s="424"/>
      <c r="QIW731" s="423" t="s">
        <v>2795</v>
      </c>
      <c r="QIX731" s="424"/>
      <c r="QIY731" s="424"/>
      <c r="QIZ731" s="424"/>
      <c r="QJA731" s="423" t="s">
        <v>2795</v>
      </c>
      <c r="QJB731" s="424"/>
      <c r="QJC731" s="424"/>
      <c r="QJD731" s="424"/>
      <c r="QJE731" s="423" t="s">
        <v>2795</v>
      </c>
      <c r="QJF731" s="424"/>
      <c r="QJG731" s="424"/>
      <c r="QJH731" s="424"/>
      <c r="QJI731" s="423" t="s">
        <v>2795</v>
      </c>
      <c r="QJJ731" s="424"/>
      <c r="QJK731" s="424"/>
      <c r="QJL731" s="424"/>
      <c r="QJM731" s="423" t="s">
        <v>2795</v>
      </c>
      <c r="QJN731" s="424"/>
      <c r="QJO731" s="424"/>
      <c r="QJP731" s="424"/>
      <c r="QJQ731" s="423" t="s">
        <v>2795</v>
      </c>
      <c r="QJR731" s="424"/>
      <c r="QJS731" s="424"/>
      <c r="QJT731" s="424"/>
      <c r="QJU731" s="423" t="s">
        <v>2795</v>
      </c>
      <c r="QJV731" s="424"/>
      <c r="QJW731" s="424"/>
      <c r="QJX731" s="424"/>
      <c r="QJY731" s="423" t="s">
        <v>2795</v>
      </c>
      <c r="QJZ731" s="424"/>
      <c r="QKA731" s="424"/>
      <c r="QKB731" s="424"/>
      <c r="QKC731" s="423" t="s">
        <v>2795</v>
      </c>
      <c r="QKD731" s="424"/>
      <c r="QKE731" s="424"/>
      <c r="QKF731" s="424"/>
      <c r="QKG731" s="423" t="s">
        <v>2795</v>
      </c>
      <c r="QKH731" s="424"/>
      <c r="QKI731" s="424"/>
      <c r="QKJ731" s="424"/>
      <c r="QKK731" s="423" t="s">
        <v>2795</v>
      </c>
      <c r="QKL731" s="424"/>
      <c r="QKM731" s="424"/>
      <c r="QKN731" s="424"/>
      <c r="QKO731" s="423" t="s">
        <v>2795</v>
      </c>
      <c r="QKP731" s="424"/>
      <c r="QKQ731" s="424"/>
      <c r="QKR731" s="424"/>
      <c r="QKS731" s="423" t="s">
        <v>2795</v>
      </c>
      <c r="QKT731" s="424"/>
      <c r="QKU731" s="424"/>
      <c r="QKV731" s="424"/>
      <c r="QKW731" s="423" t="s">
        <v>2795</v>
      </c>
      <c r="QKX731" s="424"/>
      <c r="QKY731" s="424"/>
      <c r="QKZ731" s="424"/>
      <c r="QLA731" s="423" t="s">
        <v>2795</v>
      </c>
      <c r="QLB731" s="424"/>
      <c r="QLC731" s="424"/>
      <c r="QLD731" s="424"/>
      <c r="QLE731" s="423" t="s">
        <v>2795</v>
      </c>
      <c r="QLF731" s="424"/>
      <c r="QLG731" s="424"/>
      <c r="QLH731" s="424"/>
      <c r="QLI731" s="423" t="s">
        <v>2795</v>
      </c>
      <c r="QLJ731" s="424"/>
      <c r="QLK731" s="424"/>
      <c r="QLL731" s="424"/>
      <c r="QLM731" s="423" t="s">
        <v>2795</v>
      </c>
      <c r="QLN731" s="424"/>
      <c r="QLO731" s="424"/>
      <c r="QLP731" s="424"/>
      <c r="QLQ731" s="423" t="s">
        <v>2795</v>
      </c>
      <c r="QLR731" s="424"/>
      <c r="QLS731" s="424"/>
      <c r="QLT731" s="424"/>
      <c r="QLU731" s="423" t="s">
        <v>2795</v>
      </c>
      <c r="QLV731" s="424"/>
      <c r="QLW731" s="424"/>
      <c r="QLX731" s="424"/>
      <c r="QLY731" s="423" t="s">
        <v>2795</v>
      </c>
      <c r="QLZ731" s="424"/>
      <c r="QMA731" s="424"/>
      <c r="QMB731" s="424"/>
      <c r="QMC731" s="423" t="s">
        <v>2795</v>
      </c>
      <c r="QMD731" s="424"/>
      <c r="QME731" s="424"/>
      <c r="QMF731" s="424"/>
      <c r="QMG731" s="423" t="s">
        <v>2795</v>
      </c>
      <c r="QMH731" s="424"/>
      <c r="QMI731" s="424"/>
      <c r="QMJ731" s="424"/>
      <c r="QMK731" s="423" t="s">
        <v>2795</v>
      </c>
      <c r="QML731" s="424"/>
      <c r="QMM731" s="424"/>
      <c r="QMN731" s="424"/>
      <c r="QMO731" s="423" t="s">
        <v>2795</v>
      </c>
      <c r="QMP731" s="424"/>
      <c r="QMQ731" s="424"/>
      <c r="QMR731" s="424"/>
      <c r="QMS731" s="423" t="s">
        <v>2795</v>
      </c>
      <c r="QMT731" s="424"/>
      <c r="QMU731" s="424"/>
      <c r="QMV731" s="424"/>
      <c r="QMW731" s="423" t="s">
        <v>2795</v>
      </c>
      <c r="QMX731" s="424"/>
      <c r="QMY731" s="424"/>
      <c r="QMZ731" s="424"/>
      <c r="QNA731" s="423" t="s">
        <v>2795</v>
      </c>
      <c r="QNB731" s="424"/>
      <c r="QNC731" s="424"/>
      <c r="QND731" s="424"/>
      <c r="QNE731" s="423" t="s">
        <v>2795</v>
      </c>
      <c r="QNF731" s="424"/>
      <c r="QNG731" s="424"/>
      <c r="QNH731" s="424"/>
      <c r="QNI731" s="423" t="s">
        <v>2795</v>
      </c>
      <c r="QNJ731" s="424"/>
      <c r="QNK731" s="424"/>
      <c r="QNL731" s="424"/>
      <c r="QNM731" s="423" t="s">
        <v>2795</v>
      </c>
      <c r="QNN731" s="424"/>
      <c r="QNO731" s="424"/>
      <c r="QNP731" s="424"/>
      <c r="QNQ731" s="423" t="s">
        <v>2795</v>
      </c>
      <c r="QNR731" s="424"/>
      <c r="QNS731" s="424"/>
      <c r="QNT731" s="424"/>
      <c r="QNU731" s="423" t="s">
        <v>2795</v>
      </c>
      <c r="QNV731" s="424"/>
      <c r="QNW731" s="424"/>
      <c r="QNX731" s="424"/>
      <c r="QNY731" s="423" t="s">
        <v>2795</v>
      </c>
      <c r="QNZ731" s="424"/>
      <c r="QOA731" s="424"/>
      <c r="QOB731" s="424"/>
      <c r="QOC731" s="423" t="s">
        <v>2795</v>
      </c>
      <c r="QOD731" s="424"/>
      <c r="QOE731" s="424"/>
      <c r="QOF731" s="424"/>
      <c r="QOG731" s="423" t="s">
        <v>2795</v>
      </c>
      <c r="QOH731" s="424"/>
      <c r="QOI731" s="424"/>
      <c r="QOJ731" s="424"/>
      <c r="QOK731" s="423" t="s">
        <v>2795</v>
      </c>
      <c r="QOL731" s="424"/>
      <c r="QOM731" s="424"/>
      <c r="QON731" s="424"/>
      <c r="QOO731" s="423" t="s">
        <v>2795</v>
      </c>
      <c r="QOP731" s="424"/>
      <c r="QOQ731" s="424"/>
      <c r="QOR731" s="424"/>
      <c r="QOS731" s="423" t="s">
        <v>2795</v>
      </c>
      <c r="QOT731" s="424"/>
      <c r="QOU731" s="424"/>
      <c r="QOV731" s="424"/>
      <c r="QOW731" s="423" t="s">
        <v>2795</v>
      </c>
      <c r="QOX731" s="424"/>
      <c r="QOY731" s="424"/>
      <c r="QOZ731" s="424"/>
      <c r="QPA731" s="423" t="s">
        <v>2795</v>
      </c>
      <c r="QPB731" s="424"/>
      <c r="QPC731" s="424"/>
      <c r="QPD731" s="424"/>
      <c r="QPE731" s="423" t="s">
        <v>2795</v>
      </c>
      <c r="QPF731" s="424"/>
      <c r="QPG731" s="424"/>
      <c r="QPH731" s="424"/>
      <c r="QPI731" s="423" t="s">
        <v>2795</v>
      </c>
      <c r="QPJ731" s="424"/>
      <c r="QPK731" s="424"/>
      <c r="QPL731" s="424"/>
      <c r="QPM731" s="423" t="s">
        <v>2795</v>
      </c>
      <c r="QPN731" s="424"/>
      <c r="QPO731" s="424"/>
      <c r="QPP731" s="424"/>
      <c r="QPQ731" s="423" t="s">
        <v>2795</v>
      </c>
      <c r="QPR731" s="424"/>
      <c r="QPS731" s="424"/>
      <c r="QPT731" s="424"/>
      <c r="QPU731" s="423" t="s">
        <v>2795</v>
      </c>
      <c r="QPV731" s="424"/>
      <c r="QPW731" s="424"/>
      <c r="QPX731" s="424"/>
      <c r="QPY731" s="423" t="s">
        <v>2795</v>
      </c>
      <c r="QPZ731" s="424"/>
      <c r="QQA731" s="424"/>
      <c r="QQB731" s="424"/>
      <c r="QQC731" s="423" t="s">
        <v>2795</v>
      </c>
      <c r="QQD731" s="424"/>
      <c r="QQE731" s="424"/>
      <c r="QQF731" s="424"/>
      <c r="QQG731" s="423" t="s">
        <v>2795</v>
      </c>
      <c r="QQH731" s="424"/>
      <c r="QQI731" s="424"/>
      <c r="QQJ731" s="424"/>
      <c r="QQK731" s="423" t="s">
        <v>2795</v>
      </c>
      <c r="QQL731" s="424"/>
      <c r="QQM731" s="424"/>
      <c r="QQN731" s="424"/>
      <c r="QQO731" s="423" t="s">
        <v>2795</v>
      </c>
      <c r="QQP731" s="424"/>
      <c r="QQQ731" s="424"/>
      <c r="QQR731" s="424"/>
      <c r="QQS731" s="423" t="s">
        <v>2795</v>
      </c>
      <c r="QQT731" s="424"/>
      <c r="QQU731" s="424"/>
      <c r="QQV731" s="424"/>
      <c r="QQW731" s="423" t="s">
        <v>2795</v>
      </c>
      <c r="QQX731" s="424"/>
      <c r="QQY731" s="424"/>
      <c r="QQZ731" s="424"/>
      <c r="QRA731" s="423" t="s">
        <v>2795</v>
      </c>
      <c r="QRB731" s="424"/>
      <c r="QRC731" s="424"/>
      <c r="QRD731" s="424"/>
      <c r="QRE731" s="423" t="s">
        <v>2795</v>
      </c>
      <c r="QRF731" s="424"/>
      <c r="QRG731" s="424"/>
      <c r="QRH731" s="424"/>
      <c r="QRI731" s="423" t="s">
        <v>2795</v>
      </c>
      <c r="QRJ731" s="424"/>
      <c r="QRK731" s="424"/>
      <c r="QRL731" s="424"/>
      <c r="QRM731" s="423" t="s">
        <v>2795</v>
      </c>
      <c r="QRN731" s="424"/>
      <c r="QRO731" s="424"/>
      <c r="QRP731" s="424"/>
      <c r="QRQ731" s="423" t="s">
        <v>2795</v>
      </c>
      <c r="QRR731" s="424"/>
      <c r="QRS731" s="424"/>
      <c r="QRT731" s="424"/>
      <c r="QRU731" s="423" t="s">
        <v>2795</v>
      </c>
      <c r="QRV731" s="424"/>
      <c r="QRW731" s="424"/>
      <c r="QRX731" s="424"/>
      <c r="QRY731" s="423" t="s">
        <v>2795</v>
      </c>
      <c r="QRZ731" s="424"/>
      <c r="QSA731" s="424"/>
      <c r="QSB731" s="424"/>
      <c r="QSC731" s="423" t="s">
        <v>2795</v>
      </c>
      <c r="QSD731" s="424"/>
      <c r="QSE731" s="424"/>
      <c r="QSF731" s="424"/>
      <c r="QSG731" s="423" t="s">
        <v>2795</v>
      </c>
      <c r="QSH731" s="424"/>
      <c r="QSI731" s="424"/>
      <c r="QSJ731" s="424"/>
      <c r="QSK731" s="423" t="s">
        <v>2795</v>
      </c>
      <c r="QSL731" s="424"/>
      <c r="QSM731" s="424"/>
      <c r="QSN731" s="424"/>
      <c r="QSO731" s="423" t="s">
        <v>2795</v>
      </c>
      <c r="QSP731" s="424"/>
      <c r="QSQ731" s="424"/>
      <c r="QSR731" s="424"/>
      <c r="QSS731" s="423" t="s">
        <v>2795</v>
      </c>
      <c r="QST731" s="424"/>
      <c r="QSU731" s="424"/>
      <c r="QSV731" s="424"/>
      <c r="QSW731" s="423" t="s">
        <v>2795</v>
      </c>
      <c r="QSX731" s="424"/>
      <c r="QSY731" s="424"/>
      <c r="QSZ731" s="424"/>
      <c r="QTA731" s="423" t="s">
        <v>2795</v>
      </c>
      <c r="QTB731" s="424"/>
      <c r="QTC731" s="424"/>
      <c r="QTD731" s="424"/>
      <c r="QTE731" s="423" t="s">
        <v>2795</v>
      </c>
      <c r="QTF731" s="424"/>
      <c r="QTG731" s="424"/>
      <c r="QTH731" s="424"/>
      <c r="QTI731" s="423" t="s">
        <v>2795</v>
      </c>
      <c r="QTJ731" s="424"/>
      <c r="QTK731" s="424"/>
      <c r="QTL731" s="424"/>
      <c r="QTM731" s="423" t="s">
        <v>2795</v>
      </c>
      <c r="QTN731" s="424"/>
      <c r="QTO731" s="424"/>
      <c r="QTP731" s="424"/>
      <c r="QTQ731" s="423" t="s">
        <v>2795</v>
      </c>
      <c r="QTR731" s="424"/>
      <c r="QTS731" s="424"/>
      <c r="QTT731" s="424"/>
      <c r="QTU731" s="423" t="s">
        <v>2795</v>
      </c>
      <c r="QTV731" s="424"/>
      <c r="QTW731" s="424"/>
      <c r="QTX731" s="424"/>
      <c r="QTY731" s="423" t="s">
        <v>2795</v>
      </c>
      <c r="QTZ731" s="424"/>
      <c r="QUA731" s="424"/>
      <c r="QUB731" s="424"/>
      <c r="QUC731" s="423" t="s">
        <v>2795</v>
      </c>
      <c r="QUD731" s="424"/>
      <c r="QUE731" s="424"/>
      <c r="QUF731" s="424"/>
      <c r="QUG731" s="423" t="s">
        <v>2795</v>
      </c>
      <c r="QUH731" s="424"/>
      <c r="QUI731" s="424"/>
      <c r="QUJ731" s="424"/>
      <c r="QUK731" s="423" t="s">
        <v>2795</v>
      </c>
      <c r="QUL731" s="424"/>
      <c r="QUM731" s="424"/>
      <c r="QUN731" s="424"/>
      <c r="QUO731" s="423" t="s">
        <v>2795</v>
      </c>
      <c r="QUP731" s="424"/>
      <c r="QUQ731" s="424"/>
      <c r="QUR731" s="424"/>
      <c r="QUS731" s="423" t="s">
        <v>2795</v>
      </c>
      <c r="QUT731" s="424"/>
      <c r="QUU731" s="424"/>
      <c r="QUV731" s="424"/>
      <c r="QUW731" s="423" t="s">
        <v>2795</v>
      </c>
      <c r="QUX731" s="424"/>
      <c r="QUY731" s="424"/>
      <c r="QUZ731" s="424"/>
      <c r="QVA731" s="423" t="s">
        <v>2795</v>
      </c>
      <c r="QVB731" s="424"/>
      <c r="QVC731" s="424"/>
      <c r="QVD731" s="424"/>
      <c r="QVE731" s="423" t="s">
        <v>2795</v>
      </c>
      <c r="QVF731" s="424"/>
      <c r="QVG731" s="424"/>
      <c r="QVH731" s="424"/>
      <c r="QVI731" s="423" t="s">
        <v>2795</v>
      </c>
      <c r="QVJ731" s="424"/>
      <c r="QVK731" s="424"/>
      <c r="QVL731" s="424"/>
      <c r="QVM731" s="423" t="s">
        <v>2795</v>
      </c>
      <c r="QVN731" s="424"/>
      <c r="QVO731" s="424"/>
      <c r="QVP731" s="424"/>
      <c r="QVQ731" s="423" t="s">
        <v>2795</v>
      </c>
      <c r="QVR731" s="424"/>
      <c r="QVS731" s="424"/>
      <c r="QVT731" s="424"/>
      <c r="QVU731" s="423" t="s">
        <v>2795</v>
      </c>
      <c r="QVV731" s="424"/>
      <c r="QVW731" s="424"/>
      <c r="QVX731" s="424"/>
      <c r="QVY731" s="423" t="s">
        <v>2795</v>
      </c>
      <c r="QVZ731" s="424"/>
      <c r="QWA731" s="424"/>
      <c r="QWB731" s="424"/>
      <c r="QWC731" s="423" t="s">
        <v>2795</v>
      </c>
      <c r="QWD731" s="424"/>
      <c r="QWE731" s="424"/>
      <c r="QWF731" s="424"/>
      <c r="QWG731" s="423" t="s">
        <v>2795</v>
      </c>
      <c r="QWH731" s="424"/>
      <c r="QWI731" s="424"/>
      <c r="QWJ731" s="424"/>
      <c r="QWK731" s="423" t="s">
        <v>2795</v>
      </c>
      <c r="QWL731" s="424"/>
      <c r="QWM731" s="424"/>
      <c r="QWN731" s="424"/>
      <c r="QWO731" s="423" t="s">
        <v>2795</v>
      </c>
      <c r="QWP731" s="424"/>
      <c r="QWQ731" s="424"/>
      <c r="QWR731" s="424"/>
      <c r="QWS731" s="423" t="s">
        <v>2795</v>
      </c>
      <c r="QWT731" s="424"/>
      <c r="QWU731" s="424"/>
      <c r="QWV731" s="424"/>
      <c r="QWW731" s="423" t="s">
        <v>2795</v>
      </c>
      <c r="QWX731" s="424"/>
      <c r="QWY731" s="424"/>
      <c r="QWZ731" s="424"/>
      <c r="QXA731" s="423" t="s">
        <v>2795</v>
      </c>
      <c r="QXB731" s="424"/>
      <c r="QXC731" s="424"/>
      <c r="QXD731" s="424"/>
      <c r="QXE731" s="423" t="s">
        <v>2795</v>
      </c>
      <c r="QXF731" s="424"/>
      <c r="QXG731" s="424"/>
      <c r="QXH731" s="424"/>
      <c r="QXI731" s="423" t="s">
        <v>2795</v>
      </c>
      <c r="QXJ731" s="424"/>
      <c r="QXK731" s="424"/>
      <c r="QXL731" s="424"/>
      <c r="QXM731" s="423" t="s">
        <v>2795</v>
      </c>
      <c r="QXN731" s="424"/>
      <c r="QXO731" s="424"/>
      <c r="QXP731" s="424"/>
      <c r="QXQ731" s="423" t="s">
        <v>2795</v>
      </c>
      <c r="QXR731" s="424"/>
      <c r="QXS731" s="424"/>
      <c r="QXT731" s="424"/>
      <c r="QXU731" s="423" t="s">
        <v>2795</v>
      </c>
      <c r="QXV731" s="424"/>
      <c r="QXW731" s="424"/>
      <c r="QXX731" s="424"/>
      <c r="QXY731" s="423" t="s">
        <v>2795</v>
      </c>
      <c r="QXZ731" s="424"/>
      <c r="QYA731" s="424"/>
      <c r="QYB731" s="424"/>
      <c r="QYC731" s="423" t="s">
        <v>2795</v>
      </c>
      <c r="QYD731" s="424"/>
      <c r="QYE731" s="424"/>
      <c r="QYF731" s="424"/>
      <c r="QYG731" s="423" t="s">
        <v>2795</v>
      </c>
      <c r="QYH731" s="424"/>
      <c r="QYI731" s="424"/>
      <c r="QYJ731" s="424"/>
      <c r="QYK731" s="423" t="s">
        <v>2795</v>
      </c>
      <c r="QYL731" s="424"/>
      <c r="QYM731" s="424"/>
      <c r="QYN731" s="424"/>
      <c r="QYO731" s="423" t="s">
        <v>2795</v>
      </c>
      <c r="QYP731" s="424"/>
      <c r="QYQ731" s="424"/>
      <c r="QYR731" s="424"/>
      <c r="QYS731" s="423" t="s">
        <v>2795</v>
      </c>
      <c r="QYT731" s="424"/>
      <c r="QYU731" s="424"/>
      <c r="QYV731" s="424"/>
      <c r="QYW731" s="423" t="s">
        <v>2795</v>
      </c>
      <c r="QYX731" s="424"/>
      <c r="QYY731" s="424"/>
      <c r="QYZ731" s="424"/>
      <c r="QZA731" s="423" t="s">
        <v>2795</v>
      </c>
      <c r="QZB731" s="424"/>
      <c r="QZC731" s="424"/>
      <c r="QZD731" s="424"/>
      <c r="QZE731" s="423" t="s">
        <v>2795</v>
      </c>
      <c r="QZF731" s="424"/>
      <c r="QZG731" s="424"/>
      <c r="QZH731" s="424"/>
      <c r="QZI731" s="423" t="s">
        <v>2795</v>
      </c>
      <c r="QZJ731" s="424"/>
      <c r="QZK731" s="424"/>
      <c r="QZL731" s="424"/>
      <c r="QZM731" s="423" t="s">
        <v>2795</v>
      </c>
      <c r="QZN731" s="424"/>
      <c r="QZO731" s="424"/>
      <c r="QZP731" s="424"/>
      <c r="QZQ731" s="423" t="s">
        <v>2795</v>
      </c>
      <c r="QZR731" s="424"/>
      <c r="QZS731" s="424"/>
      <c r="QZT731" s="424"/>
      <c r="QZU731" s="423" t="s">
        <v>2795</v>
      </c>
      <c r="QZV731" s="424"/>
      <c r="QZW731" s="424"/>
      <c r="QZX731" s="424"/>
      <c r="QZY731" s="423" t="s">
        <v>2795</v>
      </c>
      <c r="QZZ731" s="424"/>
      <c r="RAA731" s="424"/>
      <c r="RAB731" s="424"/>
      <c r="RAC731" s="423" t="s">
        <v>2795</v>
      </c>
      <c r="RAD731" s="424"/>
      <c r="RAE731" s="424"/>
      <c r="RAF731" s="424"/>
      <c r="RAG731" s="423" t="s">
        <v>2795</v>
      </c>
      <c r="RAH731" s="424"/>
      <c r="RAI731" s="424"/>
      <c r="RAJ731" s="424"/>
      <c r="RAK731" s="423" t="s">
        <v>2795</v>
      </c>
      <c r="RAL731" s="424"/>
      <c r="RAM731" s="424"/>
      <c r="RAN731" s="424"/>
      <c r="RAO731" s="423" t="s">
        <v>2795</v>
      </c>
      <c r="RAP731" s="424"/>
      <c r="RAQ731" s="424"/>
      <c r="RAR731" s="424"/>
      <c r="RAS731" s="423" t="s">
        <v>2795</v>
      </c>
      <c r="RAT731" s="424"/>
      <c r="RAU731" s="424"/>
      <c r="RAV731" s="424"/>
      <c r="RAW731" s="423" t="s">
        <v>2795</v>
      </c>
      <c r="RAX731" s="424"/>
      <c r="RAY731" s="424"/>
      <c r="RAZ731" s="424"/>
      <c r="RBA731" s="423" t="s">
        <v>2795</v>
      </c>
      <c r="RBB731" s="424"/>
      <c r="RBC731" s="424"/>
      <c r="RBD731" s="424"/>
      <c r="RBE731" s="423" t="s">
        <v>2795</v>
      </c>
      <c r="RBF731" s="424"/>
      <c r="RBG731" s="424"/>
      <c r="RBH731" s="424"/>
      <c r="RBI731" s="423" t="s">
        <v>2795</v>
      </c>
      <c r="RBJ731" s="424"/>
      <c r="RBK731" s="424"/>
      <c r="RBL731" s="424"/>
      <c r="RBM731" s="423" t="s">
        <v>2795</v>
      </c>
      <c r="RBN731" s="424"/>
      <c r="RBO731" s="424"/>
      <c r="RBP731" s="424"/>
      <c r="RBQ731" s="423" t="s">
        <v>2795</v>
      </c>
      <c r="RBR731" s="424"/>
      <c r="RBS731" s="424"/>
      <c r="RBT731" s="424"/>
      <c r="RBU731" s="423" t="s">
        <v>2795</v>
      </c>
      <c r="RBV731" s="424"/>
      <c r="RBW731" s="424"/>
      <c r="RBX731" s="424"/>
      <c r="RBY731" s="423" t="s">
        <v>2795</v>
      </c>
      <c r="RBZ731" s="424"/>
      <c r="RCA731" s="424"/>
      <c r="RCB731" s="424"/>
      <c r="RCC731" s="423" t="s">
        <v>2795</v>
      </c>
      <c r="RCD731" s="424"/>
      <c r="RCE731" s="424"/>
      <c r="RCF731" s="424"/>
      <c r="RCG731" s="423" t="s">
        <v>2795</v>
      </c>
      <c r="RCH731" s="424"/>
      <c r="RCI731" s="424"/>
      <c r="RCJ731" s="424"/>
      <c r="RCK731" s="423" t="s">
        <v>2795</v>
      </c>
      <c r="RCL731" s="424"/>
      <c r="RCM731" s="424"/>
      <c r="RCN731" s="424"/>
      <c r="RCO731" s="423" t="s">
        <v>2795</v>
      </c>
      <c r="RCP731" s="424"/>
      <c r="RCQ731" s="424"/>
      <c r="RCR731" s="424"/>
      <c r="RCS731" s="423" t="s">
        <v>2795</v>
      </c>
      <c r="RCT731" s="424"/>
      <c r="RCU731" s="424"/>
      <c r="RCV731" s="424"/>
      <c r="RCW731" s="423" t="s">
        <v>2795</v>
      </c>
      <c r="RCX731" s="424"/>
      <c r="RCY731" s="424"/>
      <c r="RCZ731" s="424"/>
      <c r="RDA731" s="423" t="s">
        <v>2795</v>
      </c>
      <c r="RDB731" s="424"/>
      <c r="RDC731" s="424"/>
      <c r="RDD731" s="424"/>
      <c r="RDE731" s="423" t="s">
        <v>2795</v>
      </c>
      <c r="RDF731" s="424"/>
      <c r="RDG731" s="424"/>
      <c r="RDH731" s="424"/>
      <c r="RDI731" s="423" t="s">
        <v>2795</v>
      </c>
      <c r="RDJ731" s="424"/>
      <c r="RDK731" s="424"/>
      <c r="RDL731" s="424"/>
      <c r="RDM731" s="423" t="s">
        <v>2795</v>
      </c>
      <c r="RDN731" s="424"/>
      <c r="RDO731" s="424"/>
      <c r="RDP731" s="424"/>
      <c r="RDQ731" s="423" t="s">
        <v>2795</v>
      </c>
      <c r="RDR731" s="424"/>
      <c r="RDS731" s="424"/>
      <c r="RDT731" s="424"/>
      <c r="RDU731" s="423" t="s">
        <v>2795</v>
      </c>
      <c r="RDV731" s="424"/>
      <c r="RDW731" s="424"/>
      <c r="RDX731" s="424"/>
      <c r="RDY731" s="423" t="s">
        <v>2795</v>
      </c>
      <c r="RDZ731" s="424"/>
      <c r="REA731" s="424"/>
      <c r="REB731" s="424"/>
      <c r="REC731" s="423" t="s">
        <v>2795</v>
      </c>
      <c r="RED731" s="424"/>
      <c r="REE731" s="424"/>
      <c r="REF731" s="424"/>
      <c r="REG731" s="423" t="s">
        <v>2795</v>
      </c>
      <c r="REH731" s="424"/>
      <c r="REI731" s="424"/>
      <c r="REJ731" s="424"/>
      <c r="REK731" s="423" t="s">
        <v>2795</v>
      </c>
      <c r="REL731" s="424"/>
      <c r="REM731" s="424"/>
      <c r="REN731" s="424"/>
      <c r="REO731" s="423" t="s">
        <v>2795</v>
      </c>
      <c r="REP731" s="424"/>
      <c r="REQ731" s="424"/>
      <c r="RER731" s="424"/>
      <c r="RES731" s="423" t="s">
        <v>2795</v>
      </c>
      <c r="RET731" s="424"/>
      <c r="REU731" s="424"/>
      <c r="REV731" s="424"/>
      <c r="REW731" s="423" t="s">
        <v>2795</v>
      </c>
      <c r="REX731" s="424"/>
      <c r="REY731" s="424"/>
      <c r="REZ731" s="424"/>
      <c r="RFA731" s="423" t="s">
        <v>2795</v>
      </c>
      <c r="RFB731" s="424"/>
      <c r="RFC731" s="424"/>
      <c r="RFD731" s="424"/>
      <c r="RFE731" s="423" t="s">
        <v>2795</v>
      </c>
      <c r="RFF731" s="424"/>
      <c r="RFG731" s="424"/>
      <c r="RFH731" s="424"/>
      <c r="RFI731" s="423" t="s">
        <v>2795</v>
      </c>
      <c r="RFJ731" s="424"/>
      <c r="RFK731" s="424"/>
      <c r="RFL731" s="424"/>
      <c r="RFM731" s="423" t="s">
        <v>2795</v>
      </c>
      <c r="RFN731" s="424"/>
      <c r="RFO731" s="424"/>
      <c r="RFP731" s="424"/>
      <c r="RFQ731" s="423" t="s">
        <v>2795</v>
      </c>
      <c r="RFR731" s="424"/>
      <c r="RFS731" s="424"/>
      <c r="RFT731" s="424"/>
      <c r="RFU731" s="423" t="s">
        <v>2795</v>
      </c>
      <c r="RFV731" s="424"/>
      <c r="RFW731" s="424"/>
      <c r="RFX731" s="424"/>
      <c r="RFY731" s="423" t="s">
        <v>2795</v>
      </c>
      <c r="RFZ731" s="424"/>
      <c r="RGA731" s="424"/>
      <c r="RGB731" s="424"/>
      <c r="RGC731" s="423" t="s">
        <v>2795</v>
      </c>
      <c r="RGD731" s="424"/>
      <c r="RGE731" s="424"/>
      <c r="RGF731" s="424"/>
      <c r="RGG731" s="423" t="s">
        <v>2795</v>
      </c>
      <c r="RGH731" s="424"/>
      <c r="RGI731" s="424"/>
      <c r="RGJ731" s="424"/>
      <c r="RGK731" s="423" t="s">
        <v>2795</v>
      </c>
      <c r="RGL731" s="424"/>
      <c r="RGM731" s="424"/>
      <c r="RGN731" s="424"/>
      <c r="RGO731" s="423" t="s">
        <v>2795</v>
      </c>
      <c r="RGP731" s="424"/>
      <c r="RGQ731" s="424"/>
      <c r="RGR731" s="424"/>
      <c r="RGS731" s="423" t="s">
        <v>2795</v>
      </c>
      <c r="RGT731" s="424"/>
      <c r="RGU731" s="424"/>
      <c r="RGV731" s="424"/>
      <c r="RGW731" s="423" t="s">
        <v>2795</v>
      </c>
      <c r="RGX731" s="424"/>
      <c r="RGY731" s="424"/>
      <c r="RGZ731" s="424"/>
      <c r="RHA731" s="423" t="s">
        <v>2795</v>
      </c>
      <c r="RHB731" s="424"/>
      <c r="RHC731" s="424"/>
      <c r="RHD731" s="424"/>
      <c r="RHE731" s="423" t="s">
        <v>2795</v>
      </c>
      <c r="RHF731" s="424"/>
      <c r="RHG731" s="424"/>
      <c r="RHH731" s="424"/>
      <c r="RHI731" s="423" t="s">
        <v>2795</v>
      </c>
      <c r="RHJ731" s="424"/>
      <c r="RHK731" s="424"/>
      <c r="RHL731" s="424"/>
      <c r="RHM731" s="423" t="s">
        <v>2795</v>
      </c>
      <c r="RHN731" s="424"/>
      <c r="RHO731" s="424"/>
      <c r="RHP731" s="424"/>
      <c r="RHQ731" s="423" t="s">
        <v>2795</v>
      </c>
      <c r="RHR731" s="424"/>
      <c r="RHS731" s="424"/>
      <c r="RHT731" s="424"/>
      <c r="RHU731" s="423" t="s">
        <v>2795</v>
      </c>
      <c r="RHV731" s="424"/>
      <c r="RHW731" s="424"/>
      <c r="RHX731" s="424"/>
      <c r="RHY731" s="423" t="s">
        <v>2795</v>
      </c>
      <c r="RHZ731" s="424"/>
      <c r="RIA731" s="424"/>
      <c r="RIB731" s="424"/>
      <c r="RIC731" s="423" t="s">
        <v>2795</v>
      </c>
      <c r="RID731" s="424"/>
      <c r="RIE731" s="424"/>
      <c r="RIF731" s="424"/>
      <c r="RIG731" s="423" t="s">
        <v>2795</v>
      </c>
      <c r="RIH731" s="424"/>
      <c r="RII731" s="424"/>
      <c r="RIJ731" s="424"/>
      <c r="RIK731" s="423" t="s">
        <v>2795</v>
      </c>
      <c r="RIL731" s="424"/>
      <c r="RIM731" s="424"/>
      <c r="RIN731" s="424"/>
      <c r="RIO731" s="423" t="s">
        <v>2795</v>
      </c>
      <c r="RIP731" s="424"/>
      <c r="RIQ731" s="424"/>
      <c r="RIR731" s="424"/>
      <c r="RIS731" s="423" t="s">
        <v>2795</v>
      </c>
      <c r="RIT731" s="424"/>
      <c r="RIU731" s="424"/>
      <c r="RIV731" s="424"/>
      <c r="RIW731" s="423" t="s">
        <v>2795</v>
      </c>
      <c r="RIX731" s="424"/>
      <c r="RIY731" s="424"/>
      <c r="RIZ731" s="424"/>
      <c r="RJA731" s="423" t="s">
        <v>2795</v>
      </c>
      <c r="RJB731" s="424"/>
      <c r="RJC731" s="424"/>
      <c r="RJD731" s="424"/>
      <c r="RJE731" s="423" t="s">
        <v>2795</v>
      </c>
      <c r="RJF731" s="424"/>
      <c r="RJG731" s="424"/>
      <c r="RJH731" s="424"/>
      <c r="RJI731" s="423" t="s">
        <v>2795</v>
      </c>
      <c r="RJJ731" s="424"/>
      <c r="RJK731" s="424"/>
      <c r="RJL731" s="424"/>
      <c r="RJM731" s="423" t="s">
        <v>2795</v>
      </c>
      <c r="RJN731" s="424"/>
      <c r="RJO731" s="424"/>
      <c r="RJP731" s="424"/>
      <c r="RJQ731" s="423" t="s">
        <v>2795</v>
      </c>
      <c r="RJR731" s="424"/>
      <c r="RJS731" s="424"/>
      <c r="RJT731" s="424"/>
      <c r="RJU731" s="423" t="s">
        <v>2795</v>
      </c>
      <c r="RJV731" s="424"/>
      <c r="RJW731" s="424"/>
      <c r="RJX731" s="424"/>
      <c r="RJY731" s="423" t="s">
        <v>2795</v>
      </c>
      <c r="RJZ731" s="424"/>
      <c r="RKA731" s="424"/>
      <c r="RKB731" s="424"/>
      <c r="RKC731" s="423" t="s">
        <v>2795</v>
      </c>
      <c r="RKD731" s="424"/>
      <c r="RKE731" s="424"/>
      <c r="RKF731" s="424"/>
      <c r="RKG731" s="423" t="s">
        <v>2795</v>
      </c>
      <c r="RKH731" s="424"/>
      <c r="RKI731" s="424"/>
      <c r="RKJ731" s="424"/>
      <c r="RKK731" s="423" t="s">
        <v>2795</v>
      </c>
      <c r="RKL731" s="424"/>
      <c r="RKM731" s="424"/>
      <c r="RKN731" s="424"/>
      <c r="RKO731" s="423" t="s">
        <v>2795</v>
      </c>
      <c r="RKP731" s="424"/>
      <c r="RKQ731" s="424"/>
      <c r="RKR731" s="424"/>
      <c r="RKS731" s="423" t="s">
        <v>2795</v>
      </c>
      <c r="RKT731" s="424"/>
      <c r="RKU731" s="424"/>
      <c r="RKV731" s="424"/>
      <c r="RKW731" s="423" t="s">
        <v>2795</v>
      </c>
      <c r="RKX731" s="424"/>
      <c r="RKY731" s="424"/>
      <c r="RKZ731" s="424"/>
      <c r="RLA731" s="423" t="s">
        <v>2795</v>
      </c>
      <c r="RLB731" s="424"/>
      <c r="RLC731" s="424"/>
      <c r="RLD731" s="424"/>
      <c r="RLE731" s="423" t="s">
        <v>2795</v>
      </c>
      <c r="RLF731" s="424"/>
      <c r="RLG731" s="424"/>
      <c r="RLH731" s="424"/>
      <c r="RLI731" s="423" t="s">
        <v>2795</v>
      </c>
      <c r="RLJ731" s="424"/>
      <c r="RLK731" s="424"/>
      <c r="RLL731" s="424"/>
      <c r="RLM731" s="423" t="s">
        <v>2795</v>
      </c>
      <c r="RLN731" s="424"/>
      <c r="RLO731" s="424"/>
      <c r="RLP731" s="424"/>
      <c r="RLQ731" s="423" t="s">
        <v>2795</v>
      </c>
      <c r="RLR731" s="424"/>
      <c r="RLS731" s="424"/>
      <c r="RLT731" s="424"/>
      <c r="RLU731" s="423" t="s">
        <v>2795</v>
      </c>
      <c r="RLV731" s="424"/>
      <c r="RLW731" s="424"/>
      <c r="RLX731" s="424"/>
      <c r="RLY731" s="423" t="s">
        <v>2795</v>
      </c>
      <c r="RLZ731" s="424"/>
      <c r="RMA731" s="424"/>
      <c r="RMB731" s="424"/>
      <c r="RMC731" s="423" t="s">
        <v>2795</v>
      </c>
      <c r="RMD731" s="424"/>
      <c r="RME731" s="424"/>
      <c r="RMF731" s="424"/>
      <c r="RMG731" s="423" t="s">
        <v>2795</v>
      </c>
      <c r="RMH731" s="424"/>
      <c r="RMI731" s="424"/>
      <c r="RMJ731" s="424"/>
      <c r="RMK731" s="423" t="s">
        <v>2795</v>
      </c>
      <c r="RML731" s="424"/>
      <c r="RMM731" s="424"/>
      <c r="RMN731" s="424"/>
      <c r="RMO731" s="423" t="s">
        <v>2795</v>
      </c>
      <c r="RMP731" s="424"/>
      <c r="RMQ731" s="424"/>
      <c r="RMR731" s="424"/>
      <c r="RMS731" s="423" t="s">
        <v>2795</v>
      </c>
      <c r="RMT731" s="424"/>
      <c r="RMU731" s="424"/>
      <c r="RMV731" s="424"/>
      <c r="RMW731" s="423" t="s">
        <v>2795</v>
      </c>
      <c r="RMX731" s="424"/>
      <c r="RMY731" s="424"/>
      <c r="RMZ731" s="424"/>
      <c r="RNA731" s="423" t="s">
        <v>2795</v>
      </c>
      <c r="RNB731" s="424"/>
      <c r="RNC731" s="424"/>
      <c r="RND731" s="424"/>
      <c r="RNE731" s="423" t="s">
        <v>2795</v>
      </c>
      <c r="RNF731" s="424"/>
      <c r="RNG731" s="424"/>
      <c r="RNH731" s="424"/>
      <c r="RNI731" s="423" t="s">
        <v>2795</v>
      </c>
      <c r="RNJ731" s="424"/>
      <c r="RNK731" s="424"/>
      <c r="RNL731" s="424"/>
      <c r="RNM731" s="423" t="s">
        <v>2795</v>
      </c>
      <c r="RNN731" s="424"/>
      <c r="RNO731" s="424"/>
      <c r="RNP731" s="424"/>
      <c r="RNQ731" s="423" t="s">
        <v>2795</v>
      </c>
      <c r="RNR731" s="424"/>
      <c r="RNS731" s="424"/>
      <c r="RNT731" s="424"/>
      <c r="RNU731" s="423" t="s">
        <v>2795</v>
      </c>
      <c r="RNV731" s="424"/>
      <c r="RNW731" s="424"/>
      <c r="RNX731" s="424"/>
      <c r="RNY731" s="423" t="s">
        <v>2795</v>
      </c>
      <c r="RNZ731" s="424"/>
      <c r="ROA731" s="424"/>
      <c r="ROB731" s="424"/>
      <c r="ROC731" s="423" t="s">
        <v>2795</v>
      </c>
      <c r="ROD731" s="424"/>
      <c r="ROE731" s="424"/>
      <c r="ROF731" s="424"/>
      <c r="ROG731" s="423" t="s">
        <v>2795</v>
      </c>
      <c r="ROH731" s="424"/>
      <c r="ROI731" s="424"/>
      <c r="ROJ731" s="424"/>
      <c r="ROK731" s="423" t="s">
        <v>2795</v>
      </c>
      <c r="ROL731" s="424"/>
      <c r="ROM731" s="424"/>
      <c r="RON731" s="424"/>
      <c r="ROO731" s="423" t="s">
        <v>2795</v>
      </c>
      <c r="ROP731" s="424"/>
      <c r="ROQ731" s="424"/>
      <c r="ROR731" s="424"/>
      <c r="ROS731" s="423" t="s">
        <v>2795</v>
      </c>
      <c r="ROT731" s="424"/>
      <c r="ROU731" s="424"/>
      <c r="ROV731" s="424"/>
      <c r="ROW731" s="423" t="s">
        <v>2795</v>
      </c>
      <c r="ROX731" s="424"/>
      <c r="ROY731" s="424"/>
      <c r="ROZ731" s="424"/>
      <c r="RPA731" s="423" t="s">
        <v>2795</v>
      </c>
      <c r="RPB731" s="424"/>
      <c r="RPC731" s="424"/>
      <c r="RPD731" s="424"/>
      <c r="RPE731" s="423" t="s">
        <v>2795</v>
      </c>
      <c r="RPF731" s="424"/>
      <c r="RPG731" s="424"/>
      <c r="RPH731" s="424"/>
      <c r="RPI731" s="423" t="s">
        <v>2795</v>
      </c>
      <c r="RPJ731" s="424"/>
      <c r="RPK731" s="424"/>
      <c r="RPL731" s="424"/>
      <c r="RPM731" s="423" t="s">
        <v>2795</v>
      </c>
      <c r="RPN731" s="424"/>
      <c r="RPO731" s="424"/>
      <c r="RPP731" s="424"/>
      <c r="RPQ731" s="423" t="s">
        <v>2795</v>
      </c>
      <c r="RPR731" s="424"/>
      <c r="RPS731" s="424"/>
      <c r="RPT731" s="424"/>
      <c r="RPU731" s="423" t="s">
        <v>2795</v>
      </c>
      <c r="RPV731" s="424"/>
      <c r="RPW731" s="424"/>
      <c r="RPX731" s="424"/>
      <c r="RPY731" s="423" t="s">
        <v>2795</v>
      </c>
      <c r="RPZ731" s="424"/>
      <c r="RQA731" s="424"/>
      <c r="RQB731" s="424"/>
      <c r="RQC731" s="423" t="s">
        <v>2795</v>
      </c>
      <c r="RQD731" s="424"/>
      <c r="RQE731" s="424"/>
      <c r="RQF731" s="424"/>
      <c r="RQG731" s="423" t="s">
        <v>2795</v>
      </c>
      <c r="RQH731" s="424"/>
      <c r="RQI731" s="424"/>
      <c r="RQJ731" s="424"/>
      <c r="RQK731" s="423" t="s">
        <v>2795</v>
      </c>
      <c r="RQL731" s="424"/>
      <c r="RQM731" s="424"/>
      <c r="RQN731" s="424"/>
      <c r="RQO731" s="423" t="s">
        <v>2795</v>
      </c>
      <c r="RQP731" s="424"/>
      <c r="RQQ731" s="424"/>
      <c r="RQR731" s="424"/>
      <c r="RQS731" s="423" t="s">
        <v>2795</v>
      </c>
      <c r="RQT731" s="424"/>
      <c r="RQU731" s="424"/>
      <c r="RQV731" s="424"/>
      <c r="RQW731" s="423" t="s">
        <v>2795</v>
      </c>
      <c r="RQX731" s="424"/>
      <c r="RQY731" s="424"/>
      <c r="RQZ731" s="424"/>
      <c r="RRA731" s="423" t="s">
        <v>2795</v>
      </c>
      <c r="RRB731" s="424"/>
      <c r="RRC731" s="424"/>
      <c r="RRD731" s="424"/>
      <c r="RRE731" s="423" t="s">
        <v>2795</v>
      </c>
      <c r="RRF731" s="424"/>
      <c r="RRG731" s="424"/>
      <c r="RRH731" s="424"/>
      <c r="RRI731" s="423" t="s">
        <v>2795</v>
      </c>
      <c r="RRJ731" s="424"/>
      <c r="RRK731" s="424"/>
      <c r="RRL731" s="424"/>
      <c r="RRM731" s="423" t="s">
        <v>2795</v>
      </c>
      <c r="RRN731" s="424"/>
      <c r="RRO731" s="424"/>
      <c r="RRP731" s="424"/>
      <c r="RRQ731" s="423" t="s">
        <v>2795</v>
      </c>
      <c r="RRR731" s="424"/>
      <c r="RRS731" s="424"/>
      <c r="RRT731" s="424"/>
      <c r="RRU731" s="423" t="s">
        <v>2795</v>
      </c>
      <c r="RRV731" s="424"/>
      <c r="RRW731" s="424"/>
      <c r="RRX731" s="424"/>
      <c r="RRY731" s="423" t="s">
        <v>2795</v>
      </c>
      <c r="RRZ731" s="424"/>
      <c r="RSA731" s="424"/>
      <c r="RSB731" s="424"/>
      <c r="RSC731" s="423" t="s">
        <v>2795</v>
      </c>
      <c r="RSD731" s="424"/>
      <c r="RSE731" s="424"/>
      <c r="RSF731" s="424"/>
      <c r="RSG731" s="423" t="s">
        <v>2795</v>
      </c>
      <c r="RSH731" s="424"/>
      <c r="RSI731" s="424"/>
      <c r="RSJ731" s="424"/>
      <c r="RSK731" s="423" t="s">
        <v>2795</v>
      </c>
      <c r="RSL731" s="424"/>
      <c r="RSM731" s="424"/>
      <c r="RSN731" s="424"/>
      <c r="RSO731" s="423" t="s">
        <v>2795</v>
      </c>
      <c r="RSP731" s="424"/>
      <c r="RSQ731" s="424"/>
      <c r="RSR731" s="424"/>
      <c r="RSS731" s="423" t="s">
        <v>2795</v>
      </c>
      <c r="RST731" s="424"/>
      <c r="RSU731" s="424"/>
      <c r="RSV731" s="424"/>
      <c r="RSW731" s="423" t="s">
        <v>2795</v>
      </c>
      <c r="RSX731" s="424"/>
      <c r="RSY731" s="424"/>
      <c r="RSZ731" s="424"/>
      <c r="RTA731" s="423" t="s">
        <v>2795</v>
      </c>
      <c r="RTB731" s="424"/>
      <c r="RTC731" s="424"/>
      <c r="RTD731" s="424"/>
      <c r="RTE731" s="423" t="s">
        <v>2795</v>
      </c>
      <c r="RTF731" s="424"/>
      <c r="RTG731" s="424"/>
      <c r="RTH731" s="424"/>
      <c r="RTI731" s="423" t="s">
        <v>2795</v>
      </c>
      <c r="RTJ731" s="424"/>
      <c r="RTK731" s="424"/>
      <c r="RTL731" s="424"/>
      <c r="RTM731" s="423" t="s">
        <v>2795</v>
      </c>
      <c r="RTN731" s="424"/>
      <c r="RTO731" s="424"/>
      <c r="RTP731" s="424"/>
      <c r="RTQ731" s="423" t="s">
        <v>2795</v>
      </c>
      <c r="RTR731" s="424"/>
      <c r="RTS731" s="424"/>
      <c r="RTT731" s="424"/>
      <c r="RTU731" s="423" t="s">
        <v>2795</v>
      </c>
      <c r="RTV731" s="424"/>
      <c r="RTW731" s="424"/>
      <c r="RTX731" s="424"/>
      <c r="RTY731" s="423" t="s">
        <v>2795</v>
      </c>
      <c r="RTZ731" s="424"/>
      <c r="RUA731" s="424"/>
      <c r="RUB731" s="424"/>
      <c r="RUC731" s="423" t="s">
        <v>2795</v>
      </c>
      <c r="RUD731" s="424"/>
      <c r="RUE731" s="424"/>
      <c r="RUF731" s="424"/>
      <c r="RUG731" s="423" t="s">
        <v>2795</v>
      </c>
      <c r="RUH731" s="424"/>
      <c r="RUI731" s="424"/>
      <c r="RUJ731" s="424"/>
      <c r="RUK731" s="423" t="s">
        <v>2795</v>
      </c>
      <c r="RUL731" s="424"/>
      <c r="RUM731" s="424"/>
      <c r="RUN731" s="424"/>
      <c r="RUO731" s="423" t="s">
        <v>2795</v>
      </c>
      <c r="RUP731" s="424"/>
      <c r="RUQ731" s="424"/>
      <c r="RUR731" s="424"/>
      <c r="RUS731" s="423" t="s">
        <v>2795</v>
      </c>
      <c r="RUT731" s="424"/>
      <c r="RUU731" s="424"/>
      <c r="RUV731" s="424"/>
      <c r="RUW731" s="423" t="s">
        <v>2795</v>
      </c>
      <c r="RUX731" s="424"/>
      <c r="RUY731" s="424"/>
      <c r="RUZ731" s="424"/>
      <c r="RVA731" s="423" t="s">
        <v>2795</v>
      </c>
      <c r="RVB731" s="424"/>
      <c r="RVC731" s="424"/>
      <c r="RVD731" s="424"/>
      <c r="RVE731" s="423" t="s">
        <v>2795</v>
      </c>
      <c r="RVF731" s="424"/>
      <c r="RVG731" s="424"/>
      <c r="RVH731" s="424"/>
      <c r="RVI731" s="423" t="s">
        <v>2795</v>
      </c>
      <c r="RVJ731" s="424"/>
      <c r="RVK731" s="424"/>
      <c r="RVL731" s="424"/>
      <c r="RVM731" s="423" t="s">
        <v>2795</v>
      </c>
      <c r="RVN731" s="424"/>
      <c r="RVO731" s="424"/>
      <c r="RVP731" s="424"/>
      <c r="RVQ731" s="423" t="s">
        <v>2795</v>
      </c>
      <c r="RVR731" s="424"/>
      <c r="RVS731" s="424"/>
      <c r="RVT731" s="424"/>
      <c r="RVU731" s="423" t="s">
        <v>2795</v>
      </c>
      <c r="RVV731" s="424"/>
      <c r="RVW731" s="424"/>
      <c r="RVX731" s="424"/>
      <c r="RVY731" s="423" t="s">
        <v>2795</v>
      </c>
      <c r="RVZ731" s="424"/>
      <c r="RWA731" s="424"/>
      <c r="RWB731" s="424"/>
      <c r="RWC731" s="423" t="s">
        <v>2795</v>
      </c>
      <c r="RWD731" s="424"/>
      <c r="RWE731" s="424"/>
      <c r="RWF731" s="424"/>
      <c r="RWG731" s="423" t="s">
        <v>2795</v>
      </c>
      <c r="RWH731" s="424"/>
      <c r="RWI731" s="424"/>
      <c r="RWJ731" s="424"/>
      <c r="RWK731" s="423" t="s">
        <v>2795</v>
      </c>
      <c r="RWL731" s="424"/>
      <c r="RWM731" s="424"/>
      <c r="RWN731" s="424"/>
      <c r="RWO731" s="423" t="s">
        <v>2795</v>
      </c>
      <c r="RWP731" s="424"/>
      <c r="RWQ731" s="424"/>
      <c r="RWR731" s="424"/>
      <c r="RWS731" s="423" t="s">
        <v>2795</v>
      </c>
      <c r="RWT731" s="424"/>
      <c r="RWU731" s="424"/>
      <c r="RWV731" s="424"/>
      <c r="RWW731" s="423" t="s">
        <v>2795</v>
      </c>
      <c r="RWX731" s="424"/>
      <c r="RWY731" s="424"/>
      <c r="RWZ731" s="424"/>
      <c r="RXA731" s="423" t="s">
        <v>2795</v>
      </c>
      <c r="RXB731" s="424"/>
      <c r="RXC731" s="424"/>
      <c r="RXD731" s="424"/>
      <c r="RXE731" s="423" t="s">
        <v>2795</v>
      </c>
      <c r="RXF731" s="424"/>
      <c r="RXG731" s="424"/>
      <c r="RXH731" s="424"/>
      <c r="RXI731" s="423" t="s">
        <v>2795</v>
      </c>
      <c r="RXJ731" s="424"/>
      <c r="RXK731" s="424"/>
      <c r="RXL731" s="424"/>
      <c r="RXM731" s="423" t="s">
        <v>2795</v>
      </c>
      <c r="RXN731" s="424"/>
      <c r="RXO731" s="424"/>
      <c r="RXP731" s="424"/>
      <c r="RXQ731" s="423" t="s">
        <v>2795</v>
      </c>
      <c r="RXR731" s="424"/>
      <c r="RXS731" s="424"/>
      <c r="RXT731" s="424"/>
      <c r="RXU731" s="423" t="s">
        <v>2795</v>
      </c>
      <c r="RXV731" s="424"/>
      <c r="RXW731" s="424"/>
      <c r="RXX731" s="424"/>
      <c r="RXY731" s="423" t="s">
        <v>2795</v>
      </c>
      <c r="RXZ731" s="424"/>
      <c r="RYA731" s="424"/>
      <c r="RYB731" s="424"/>
      <c r="RYC731" s="423" t="s">
        <v>2795</v>
      </c>
      <c r="RYD731" s="424"/>
      <c r="RYE731" s="424"/>
      <c r="RYF731" s="424"/>
      <c r="RYG731" s="423" t="s">
        <v>2795</v>
      </c>
      <c r="RYH731" s="424"/>
      <c r="RYI731" s="424"/>
      <c r="RYJ731" s="424"/>
      <c r="RYK731" s="423" t="s">
        <v>2795</v>
      </c>
      <c r="RYL731" s="424"/>
      <c r="RYM731" s="424"/>
      <c r="RYN731" s="424"/>
      <c r="RYO731" s="423" t="s">
        <v>2795</v>
      </c>
      <c r="RYP731" s="424"/>
      <c r="RYQ731" s="424"/>
      <c r="RYR731" s="424"/>
      <c r="RYS731" s="423" t="s">
        <v>2795</v>
      </c>
      <c r="RYT731" s="424"/>
      <c r="RYU731" s="424"/>
      <c r="RYV731" s="424"/>
      <c r="RYW731" s="423" t="s">
        <v>2795</v>
      </c>
      <c r="RYX731" s="424"/>
      <c r="RYY731" s="424"/>
      <c r="RYZ731" s="424"/>
      <c r="RZA731" s="423" t="s">
        <v>2795</v>
      </c>
      <c r="RZB731" s="424"/>
      <c r="RZC731" s="424"/>
      <c r="RZD731" s="424"/>
      <c r="RZE731" s="423" t="s">
        <v>2795</v>
      </c>
      <c r="RZF731" s="424"/>
      <c r="RZG731" s="424"/>
      <c r="RZH731" s="424"/>
      <c r="RZI731" s="423" t="s">
        <v>2795</v>
      </c>
      <c r="RZJ731" s="424"/>
      <c r="RZK731" s="424"/>
      <c r="RZL731" s="424"/>
      <c r="RZM731" s="423" t="s">
        <v>2795</v>
      </c>
      <c r="RZN731" s="424"/>
      <c r="RZO731" s="424"/>
      <c r="RZP731" s="424"/>
      <c r="RZQ731" s="423" t="s">
        <v>2795</v>
      </c>
      <c r="RZR731" s="424"/>
      <c r="RZS731" s="424"/>
      <c r="RZT731" s="424"/>
      <c r="RZU731" s="423" t="s">
        <v>2795</v>
      </c>
      <c r="RZV731" s="424"/>
      <c r="RZW731" s="424"/>
      <c r="RZX731" s="424"/>
      <c r="RZY731" s="423" t="s">
        <v>2795</v>
      </c>
      <c r="RZZ731" s="424"/>
      <c r="SAA731" s="424"/>
      <c r="SAB731" s="424"/>
      <c r="SAC731" s="423" t="s">
        <v>2795</v>
      </c>
      <c r="SAD731" s="424"/>
      <c r="SAE731" s="424"/>
      <c r="SAF731" s="424"/>
      <c r="SAG731" s="423" t="s">
        <v>2795</v>
      </c>
      <c r="SAH731" s="424"/>
      <c r="SAI731" s="424"/>
      <c r="SAJ731" s="424"/>
      <c r="SAK731" s="423" t="s">
        <v>2795</v>
      </c>
      <c r="SAL731" s="424"/>
      <c r="SAM731" s="424"/>
      <c r="SAN731" s="424"/>
      <c r="SAO731" s="423" t="s">
        <v>2795</v>
      </c>
      <c r="SAP731" s="424"/>
      <c r="SAQ731" s="424"/>
      <c r="SAR731" s="424"/>
      <c r="SAS731" s="423" t="s">
        <v>2795</v>
      </c>
      <c r="SAT731" s="424"/>
      <c r="SAU731" s="424"/>
      <c r="SAV731" s="424"/>
      <c r="SAW731" s="423" t="s">
        <v>2795</v>
      </c>
      <c r="SAX731" s="424"/>
      <c r="SAY731" s="424"/>
      <c r="SAZ731" s="424"/>
      <c r="SBA731" s="423" t="s">
        <v>2795</v>
      </c>
      <c r="SBB731" s="424"/>
      <c r="SBC731" s="424"/>
      <c r="SBD731" s="424"/>
      <c r="SBE731" s="423" t="s">
        <v>2795</v>
      </c>
      <c r="SBF731" s="424"/>
      <c r="SBG731" s="424"/>
      <c r="SBH731" s="424"/>
      <c r="SBI731" s="423" t="s">
        <v>2795</v>
      </c>
      <c r="SBJ731" s="424"/>
      <c r="SBK731" s="424"/>
      <c r="SBL731" s="424"/>
      <c r="SBM731" s="423" t="s">
        <v>2795</v>
      </c>
      <c r="SBN731" s="424"/>
      <c r="SBO731" s="424"/>
      <c r="SBP731" s="424"/>
      <c r="SBQ731" s="423" t="s">
        <v>2795</v>
      </c>
      <c r="SBR731" s="424"/>
      <c r="SBS731" s="424"/>
      <c r="SBT731" s="424"/>
      <c r="SBU731" s="423" t="s">
        <v>2795</v>
      </c>
      <c r="SBV731" s="424"/>
      <c r="SBW731" s="424"/>
      <c r="SBX731" s="424"/>
      <c r="SBY731" s="423" t="s">
        <v>2795</v>
      </c>
      <c r="SBZ731" s="424"/>
      <c r="SCA731" s="424"/>
      <c r="SCB731" s="424"/>
      <c r="SCC731" s="423" t="s">
        <v>2795</v>
      </c>
      <c r="SCD731" s="424"/>
      <c r="SCE731" s="424"/>
      <c r="SCF731" s="424"/>
      <c r="SCG731" s="423" t="s">
        <v>2795</v>
      </c>
      <c r="SCH731" s="424"/>
      <c r="SCI731" s="424"/>
      <c r="SCJ731" s="424"/>
      <c r="SCK731" s="423" t="s">
        <v>2795</v>
      </c>
      <c r="SCL731" s="424"/>
      <c r="SCM731" s="424"/>
      <c r="SCN731" s="424"/>
      <c r="SCO731" s="423" t="s">
        <v>2795</v>
      </c>
      <c r="SCP731" s="424"/>
      <c r="SCQ731" s="424"/>
      <c r="SCR731" s="424"/>
      <c r="SCS731" s="423" t="s">
        <v>2795</v>
      </c>
      <c r="SCT731" s="424"/>
      <c r="SCU731" s="424"/>
      <c r="SCV731" s="424"/>
      <c r="SCW731" s="423" t="s">
        <v>2795</v>
      </c>
      <c r="SCX731" s="424"/>
      <c r="SCY731" s="424"/>
      <c r="SCZ731" s="424"/>
      <c r="SDA731" s="423" t="s">
        <v>2795</v>
      </c>
      <c r="SDB731" s="424"/>
      <c r="SDC731" s="424"/>
      <c r="SDD731" s="424"/>
      <c r="SDE731" s="423" t="s">
        <v>2795</v>
      </c>
      <c r="SDF731" s="424"/>
      <c r="SDG731" s="424"/>
      <c r="SDH731" s="424"/>
      <c r="SDI731" s="423" t="s">
        <v>2795</v>
      </c>
      <c r="SDJ731" s="424"/>
      <c r="SDK731" s="424"/>
      <c r="SDL731" s="424"/>
      <c r="SDM731" s="423" t="s">
        <v>2795</v>
      </c>
      <c r="SDN731" s="424"/>
      <c r="SDO731" s="424"/>
      <c r="SDP731" s="424"/>
      <c r="SDQ731" s="423" t="s">
        <v>2795</v>
      </c>
      <c r="SDR731" s="424"/>
      <c r="SDS731" s="424"/>
      <c r="SDT731" s="424"/>
      <c r="SDU731" s="423" t="s">
        <v>2795</v>
      </c>
      <c r="SDV731" s="424"/>
      <c r="SDW731" s="424"/>
      <c r="SDX731" s="424"/>
      <c r="SDY731" s="423" t="s">
        <v>2795</v>
      </c>
      <c r="SDZ731" s="424"/>
      <c r="SEA731" s="424"/>
      <c r="SEB731" s="424"/>
      <c r="SEC731" s="423" t="s">
        <v>2795</v>
      </c>
      <c r="SED731" s="424"/>
      <c r="SEE731" s="424"/>
      <c r="SEF731" s="424"/>
      <c r="SEG731" s="423" t="s">
        <v>2795</v>
      </c>
      <c r="SEH731" s="424"/>
      <c r="SEI731" s="424"/>
      <c r="SEJ731" s="424"/>
      <c r="SEK731" s="423" t="s">
        <v>2795</v>
      </c>
      <c r="SEL731" s="424"/>
      <c r="SEM731" s="424"/>
      <c r="SEN731" s="424"/>
      <c r="SEO731" s="423" t="s">
        <v>2795</v>
      </c>
      <c r="SEP731" s="424"/>
      <c r="SEQ731" s="424"/>
      <c r="SER731" s="424"/>
      <c r="SES731" s="423" t="s">
        <v>2795</v>
      </c>
      <c r="SET731" s="424"/>
      <c r="SEU731" s="424"/>
      <c r="SEV731" s="424"/>
      <c r="SEW731" s="423" t="s">
        <v>2795</v>
      </c>
      <c r="SEX731" s="424"/>
      <c r="SEY731" s="424"/>
      <c r="SEZ731" s="424"/>
      <c r="SFA731" s="423" t="s">
        <v>2795</v>
      </c>
      <c r="SFB731" s="424"/>
      <c r="SFC731" s="424"/>
      <c r="SFD731" s="424"/>
      <c r="SFE731" s="423" t="s">
        <v>2795</v>
      </c>
      <c r="SFF731" s="424"/>
      <c r="SFG731" s="424"/>
      <c r="SFH731" s="424"/>
      <c r="SFI731" s="423" t="s">
        <v>2795</v>
      </c>
      <c r="SFJ731" s="424"/>
      <c r="SFK731" s="424"/>
      <c r="SFL731" s="424"/>
      <c r="SFM731" s="423" t="s">
        <v>2795</v>
      </c>
      <c r="SFN731" s="424"/>
      <c r="SFO731" s="424"/>
      <c r="SFP731" s="424"/>
      <c r="SFQ731" s="423" t="s">
        <v>2795</v>
      </c>
      <c r="SFR731" s="424"/>
      <c r="SFS731" s="424"/>
      <c r="SFT731" s="424"/>
      <c r="SFU731" s="423" t="s">
        <v>2795</v>
      </c>
      <c r="SFV731" s="424"/>
      <c r="SFW731" s="424"/>
      <c r="SFX731" s="424"/>
      <c r="SFY731" s="423" t="s">
        <v>2795</v>
      </c>
      <c r="SFZ731" s="424"/>
      <c r="SGA731" s="424"/>
      <c r="SGB731" s="424"/>
      <c r="SGC731" s="423" t="s">
        <v>2795</v>
      </c>
      <c r="SGD731" s="424"/>
      <c r="SGE731" s="424"/>
      <c r="SGF731" s="424"/>
      <c r="SGG731" s="423" t="s">
        <v>2795</v>
      </c>
      <c r="SGH731" s="424"/>
      <c r="SGI731" s="424"/>
      <c r="SGJ731" s="424"/>
      <c r="SGK731" s="423" t="s">
        <v>2795</v>
      </c>
      <c r="SGL731" s="424"/>
      <c r="SGM731" s="424"/>
      <c r="SGN731" s="424"/>
      <c r="SGO731" s="423" t="s">
        <v>2795</v>
      </c>
      <c r="SGP731" s="424"/>
      <c r="SGQ731" s="424"/>
      <c r="SGR731" s="424"/>
      <c r="SGS731" s="423" t="s">
        <v>2795</v>
      </c>
      <c r="SGT731" s="424"/>
      <c r="SGU731" s="424"/>
      <c r="SGV731" s="424"/>
      <c r="SGW731" s="423" t="s">
        <v>2795</v>
      </c>
      <c r="SGX731" s="424"/>
      <c r="SGY731" s="424"/>
      <c r="SGZ731" s="424"/>
      <c r="SHA731" s="423" t="s">
        <v>2795</v>
      </c>
      <c r="SHB731" s="424"/>
      <c r="SHC731" s="424"/>
      <c r="SHD731" s="424"/>
      <c r="SHE731" s="423" t="s">
        <v>2795</v>
      </c>
      <c r="SHF731" s="424"/>
      <c r="SHG731" s="424"/>
      <c r="SHH731" s="424"/>
      <c r="SHI731" s="423" t="s">
        <v>2795</v>
      </c>
      <c r="SHJ731" s="424"/>
      <c r="SHK731" s="424"/>
      <c r="SHL731" s="424"/>
      <c r="SHM731" s="423" t="s">
        <v>2795</v>
      </c>
      <c r="SHN731" s="424"/>
      <c r="SHO731" s="424"/>
      <c r="SHP731" s="424"/>
      <c r="SHQ731" s="423" t="s">
        <v>2795</v>
      </c>
      <c r="SHR731" s="424"/>
      <c r="SHS731" s="424"/>
      <c r="SHT731" s="424"/>
      <c r="SHU731" s="423" t="s">
        <v>2795</v>
      </c>
      <c r="SHV731" s="424"/>
      <c r="SHW731" s="424"/>
      <c r="SHX731" s="424"/>
      <c r="SHY731" s="423" t="s">
        <v>2795</v>
      </c>
      <c r="SHZ731" s="424"/>
      <c r="SIA731" s="424"/>
      <c r="SIB731" s="424"/>
      <c r="SIC731" s="423" t="s">
        <v>2795</v>
      </c>
      <c r="SID731" s="424"/>
      <c r="SIE731" s="424"/>
      <c r="SIF731" s="424"/>
      <c r="SIG731" s="423" t="s">
        <v>2795</v>
      </c>
      <c r="SIH731" s="424"/>
      <c r="SII731" s="424"/>
      <c r="SIJ731" s="424"/>
      <c r="SIK731" s="423" t="s">
        <v>2795</v>
      </c>
      <c r="SIL731" s="424"/>
      <c r="SIM731" s="424"/>
      <c r="SIN731" s="424"/>
      <c r="SIO731" s="423" t="s">
        <v>2795</v>
      </c>
      <c r="SIP731" s="424"/>
      <c r="SIQ731" s="424"/>
      <c r="SIR731" s="424"/>
      <c r="SIS731" s="423" t="s">
        <v>2795</v>
      </c>
      <c r="SIT731" s="424"/>
      <c r="SIU731" s="424"/>
      <c r="SIV731" s="424"/>
      <c r="SIW731" s="423" t="s">
        <v>2795</v>
      </c>
      <c r="SIX731" s="424"/>
      <c r="SIY731" s="424"/>
      <c r="SIZ731" s="424"/>
      <c r="SJA731" s="423" t="s">
        <v>2795</v>
      </c>
      <c r="SJB731" s="424"/>
      <c r="SJC731" s="424"/>
      <c r="SJD731" s="424"/>
      <c r="SJE731" s="423" t="s">
        <v>2795</v>
      </c>
      <c r="SJF731" s="424"/>
      <c r="SJG731" s="424"/>
      <c r="SJH731" s="424"/>
      <c r="SJI731" s="423" t="s">
        <v>2795</v>
      </c>
      <c r="SJJ731" s="424"/>
      <c r="SJK731" s="424"/>
      <c r="SJL731" s="424"/>
      <c r="SJM731" s="423" t="s">
        <v>2795</v>
      </c>
      <c r="SJN731" s="424"/>
      <c r="SJO731" s="424"/>
      <c r="SJP731" s="424"/>
      <c r="SJQ731" s="423" t="s">
        <v>2795</v>
      </c>
      <c r="SJR731" s="424"/>
      <c r="SJS731" s="424"/>
      <c r="SJT731" s="424"/>
      <c r="SJU731" s="423" t="s">
        <v>2795</v>
      </c>
      <c r="SJV731" s="424"/>
      <c r="SJW731" s="424"/>
      <c r="SJX731" s="424"/>
      <c r="SJY731" s="423" t="s">
        <v>2795</v>
      </c>
      <c r="SJZ731" s="424"/>
      <c r="SKA731" s="424"/>
      <c r="SKB731" s="424"/>
      <c r="SKC731" s="423" t="s">
        <v>2795</v>
      </c>
      <c r="SKD731" s="424"/>
      <c r="SKE731" s="424"/>
      <c r="SKF731" s="424"/>
      <c r="SKG731" s="423" t="s">
        <v>2795</v>
      </c>
      <c r="SKH731" s="424"/>
      <c r="SKI731" s="424"/>
      <c r="SKJ731" s="424"/>
      <c r="SKK731" s="423" t="s">
        <v>2795</v>
      </c>
      <c r="SKL731" s="424"/>
      <c r="SKM731" s="424"/>
      <c r="SKN731" s="424"/>
      <c r="SKO731" s="423" t="s">
        <v>2795</v>
      </c>
      <c r="SKP731" s="424"/>
      <c r="SKQ731" s="424"/>
      <c r="SKR731" s="424"/>
      <c r="SKS731" s="423" t="s">
        <v>2795</v>
      </c>
      <c r="SKT731" s="424"/>
      <c r="SKU731" s="424"/>
      <c r="SKV731" s="424"/>
      <c r="SKW731" s="423" t="s">
        <v>2795</v>
      </c>
      <c r="SKX731" s="424"/>
      <c r="SKY731" s="424"/>
      <c r="SKZ731" s="424"/>
      <c r="SLA731" s="423" t="s">
        <v>2795</v>
      </c>
      <c r="SLB731" s="424"/>
      <c r="SLC731" s="424"/>
      <c r="SLD731" s="424"/>
      <c r="SLE731" s="423" t="s">
        <v>2795</v>
      </c>
      <c r="SLF731" s="424"/>
      <c r="SLG731" s="424"/>
      <c r="SLH731" s="424"/>
      <c r="SLI731" s="423" t="s">
        <v>2795</v>
      </c>
      <c r="SLJ731" s="424"/>
      <c r="SLK731" s="424"/>
      <c r="SLL731" s="424"/>
      <c r="SLM731" s="423" t="s">
        <v>2795</v>
      </c>
      <c r="SLN731" s="424"/>
      <c r="SLO731" s="424"/>
      <c r="SLP731" s="424"/>
      <c r="SLQ731" s="423" t="s">
        <v>2795</v>
      </c>
      <c r="SLR731" s="424"/>
      <c r="SLS731" s="424"/>
      <c r="SLT731" s="424"/>
      <c r="SLU731" s="423" t="s">
        <v>2795</v>
      </c>
      <c r="SLV731" s="424"/>
      <c r="SLW731" s="424"/>
      <c r="SLX731" s="424"/>
      <c r="SLY731" s="423" t="s">
        <v>2795</v>
      </c>
      <c r="SLZ731" s="424"/>
      <c r="SMA731" s="424"/>
      <c r="SMB731" s="424"/>
      <c r="SMC731" s="423" t="s">
        <v>2795</v>
      </c>
      <c r="SMD731" s="424"/>
      <c r="SME731" s="424"/>
      <c r="SMF731" s="424"/>
      <c r="SMG731" s="423" t="s">
        <v>2795</v>
      </c>
      <c r="SMH731" s="424"/>
      <c r="SMI731" s="424"/>
      <c r="SMJ731" s="424"/>
      <c r="SMK731" s="423" t="s">
        <v>2795</v>
      </c>
      <c r="SML731" s="424"/>
      <c r="SMM731" s="424"/>
      <c r="SMN731" s="424"/>
      <c r="SMO731" s="423" t="s">
        <v>2795</v>
      </c>
      <c r="SMP731" s="424"/>
      <c r="SMQ731" s="424"/>
      <c r="SMR731" s="424"/>
      <c r="SMS731" s="423" t="s">
        <v>2795</v>
      </c>
      <c r="SMT731" s="424"/>
      <c r="SMU731" s="424"/>
      <c r="SMV731" s="424"/>
      <c r="SMW731" s="423" t="s">
        <v>2795</v>
      </c>
      <c r="SMX731" s="424"/>
      <c r="SMY731" s="424"/>
      <c r="SMZ731" s="424"/>
      <c r="SNA731" s="423" t="s">
        <v>2795</v>
      </c>
      <c r="SNB731" s="424"/>
      <c r="SNC731" s="424"/>
      <c r="SND731" s="424"/>
      <c r="SNE731" s="423" t="s">
        <v>2795</v>
      </c>
      <c r="SNF731" s="424"/>
      <c r="SNG731" s="424"/>
      <c r="SNH731" s="424"/>
      <c r="SNI731" s="423" t="s">
        <v>2795</v>
      </c>
      <c r="SNJ731" s="424"/>
      <c r="SNK731" s="424"/>
      <c r="SNL731" s="424"/>
      <c r="SNM731" s="423" t="s">
        <v>2795</v>
      </c>
      <c r="SNN731" s="424"/>
      <c r="SNO731" s="424"/>
      <c r="SNP731" s="424"/>
      <c r="SNQ731" s="423" t="s">
        <v>2795</v>
      </c>
      <c r="SNR731" s="424"/>
      <c r="SNS731" s="424"/>
      <c r="SNT731" s="424"/>
      <c r="SNU731" s="423" t="s">
        <v>2795</v>
      </c>
      <c r="SNV731" s="424"/>
      <c r="SNW731" s="424"/>
      <c r="SNX731" s="424"/>
      <c r="SNY731" s="423" t="s">
        <v>2795</v>
      </c>
      <c r="SNZ731" s="424"/>
      <c r="SOA731" s="424"/>
      <c r="SOB731" s="424"/>
      <c r="SOC731" s="423" t="s">
        <v>2795</v>
      </c>
      <c r="SOD731" s="424"/>
      <c r="SOE731" s="424"/>
      <c r="SOF731" s="424"/>
      <c r="SOG731" s="423" t="s">
        <v>2795</v>
      </c>
      <c r="SOH731" s="424"/>
      <c r="SOI731" s="424"/>
      <c r="SOJ731" s="424"/>
      <c r="SOK731" s="423" t="s">
        <v>2795</v>
      </c>
      <c r="SOL731" s="424"/>
      <c r="SOM731" s="424"/>
      <c r="SON731" s="424"/>
      <c r="SOO731" s="423" t="s">
        <v>2795</v>
      </c>
      <c r="SOP731" s="424"/>
      <c r="SOQ731" s="424"/>
      <c r="SOR731" s="424"/>
      <c r="SOS731" s="423" t="s">
        <v>2795</v>
      </c>
      <c r="SOT731" s="424"/>
      <c r="SOU731" s="424"/>
      <c r="SOV731" s="424"/>
      <c r="SOW731" s="423" t="s">
        <v>2795</v>
      </c>
      <c r="SOX731" s="424"/>
      <c r="SOY731" s="424"/>
      <c r="SOZ731" s="424"/>
      <c r="SPA731" s="423" t="s">
        <v>2795</v>
      </c>
      <c r="SPB731" s="424"/>
      <c r="SPC731" s="424"/>
      <c r="SPD731" s="424"/>
      <c r="SPE731" s="423" t="s">
        <v>2795</v>
      </c>
      <c r="SPF731" s="424"/>
      <c r="SPG731" s="424"/>
      <c r="SPH731" s="424"/>
      <c r="SPI731" s="423" t="s">
        <v>2795</v>
      </c>
      <c r="SPJ731" s="424"/>
      <c r="SPK731" s="424"/>
      <c r="SPL731" s="424"/>
      <c r="SPM731" s="423" t="s">
        <v>2795</v>
      </c>
      <c r="SPN731" s="424"/>
      <c r="SPO731" s="424"/>
      <c r="SPP731" s="424"/>
      <c r="SPQ731" s="423" t="s">
        <v>2795</v>
      </c>
      <c r="SPR731" s="424"/>
      <c r="SPS731" s="424"/>
      <c r="SPT731" s="424"/>
      <c r="SPU731" s="423" t="s">
        <v>2795</v>
      </c>
      <c r="SPV731" s="424"/>
      <c r="SPW731" s="424"/>
      <c r="SPX731" s="424"/>
      <c r="SPY731" s="423" t="s">
        <v>2795</v>
      </c>
      <c r="SPZ731" s="424"/>
      <c r="SQA731" s="424"/>
      <c r="SQB731" s="424"/>
      <c r="SQC731" s="423" t="s">
        <v>2795</v>
      </c>
      <c r="SQD731" s="424"/>
      <c r="SQE731" s="424"/>
      <c r="SQF731" s="424"/>
      <c r="SQG731" s="423" t="s">
        <v>2795</v>
      </c>
      <c r="SQH731" s="424"/>
      <c r="SQI731" s="424"/>
      <c r="SQJ731" s="424"/>
      <c r="SQK731" s="423" t="s">
        <v>2795</v>
      </c>
      <c r="SQL731" s="424"/>
      <c r="SQM731" s="424"/>
      <c r="SQN731" s="424"/>
      <c r="SQO731" s="423" t="s">
        <v>2795</v>
      </c>
      <c r="SQP731" s="424"/>
      <c r="SQQ731" s="424"/>
      <c r="SQR731" s="424"/>
      <c r="SQS731" s="423" t="s">
        <v>2795</v>
      </c>
      <c r="SQT731" s="424"/>
      <c r="SQU731" s="424"/>
      <c r="SQV731" s="424"/>
      <c r="SQW731" s="423" t="s">
        <v>2795</v>
      </c>
      <c r="SQX731" s="424"/>
      <c r="SQY731" s="424"/>
      <c r="SQZ731" s="424"/>
      <c r="SRA731" s="423" t="s">
        <v>2795</v>
      </c>
      <c r="SRB731" s="424"/>
      <c r="SRC731" s="424"/>
      <c r="SRD731" s="424"/>
      <c r="SRE731" s="423" t="s">
        <v>2795</v>
      </c>
      <c r="SRF731" s="424"/>
      <c r="SRG731" s="424"/>
      <c r="SRH731" s="424"/>
      <c r="SRI731" s="423" t="s">
        <v>2795</v>
      </c>
      <c r="SRJ731" s="424"/>
      <c r="SRK731" s="424"/>
      <c r="SRL731" s="424"/>
      <c r="SRM731" s="423" t="s">
        <v>2795</v>
      </c>
      <c r="SRN731" s="424"/>
      <c r="SRO731" s="424"/>
      <c r="SRP731" s="424"/>
      <c r="SRQ731" s="423" t="s">
        <v>2795</v>
      </c>
      <c r="SRR731" s="424"/>
      <c r="SRS731" s="424"/>
      <c r="SRT731" s="424"/>
      <c r="SRU731" s="423" t="s">
        <v>2795</v>
      </c>
      <c r="SRV731" s="424"/>
      <c r="SRW731" s="424"/>
      <c r="SRX731" s="424"/>
      <c r="SRY731" s="423" t="s">
        <v>2795</v>
      </c>
      <c r="SRZ731" s="424"/>
      <c r="SSA731" s="424"/>
      <c r="SSB731" s="424"/>
      <c r="SSC731" s="423" t="s">
        <v>2795</v>
      </c>
      <c r="SSD731" s="424"/>
      <c r="SSE731" s="424"/>
      <c r="SSF731" s="424"/>
      <c r="SSG731" s="423" t="s">
        <v>2795</v>
      </c>
      <c r="SSH731" s="424"/>
      <c r="SSI731" s="424"/>
      <c r="SSJ731" s="424"/>
      <c r="SSK731" s="423" t="s">
        <v>2795</v>
      </c>
      <c r="SSL731" s="424"/>
      <c r="SSM731" s="424"/>
      <c r="SSN731" s="424"/>
      <c r="SSO731" s="423" t="s">
        <v>2795</v>
      </c>
      <c r="SSP731" s="424"/>
      <c r="SSQ731" s="424"/>
      <c r="SSR731" s="424"/>
      <c r="SSS731" s="423" t="s">
        <v>2795</v>
      </c>
      <c r="SST731" s="424"/>
      <c r="SSU731" s="424"/>
      <c r="SSV731" s="424"/>
      <c r="SSW731" s="423" t="s">
        <v>2795</v>
      </c>
      <c r="SSX731" s="424"/>
      <c r="SSY731" s="424"/>
      <c r="SSZ731" s="424"/>
      <c r="STA731" s="423" t="s">
        <v>2795</v>
      </c>
      <c r="STB731" s="424"/>
      <c r="STC731" s="424"/>
      <c r="STD731" s="424"/>
      <c r="STE731" s="423" t="s">
        <v>2795</v>
      </c>
      <c r="STF731" s="424"/>
      <c r="STG731" s="424"/>
      <c r="STH731" s="424"/>
      <c r="STI731" s="423" t="s">
        <v>2795</v>
      </c>
      <c r="STJ731" s="424"/>
      <c r="STK731" s="424"/>
      <c r="STL731" s="424"/>
      <c r="STM731" s="423" t="s">
        <v>2795</v>
      </c>
      <c r="STN731" s="424"/>
      <c r="STO731" s="424"/>
      <c r="STP731" s="424"/>
      <c r="STQ731" s="423" t="s">
        <v>2795</v>
      </c>
      <c r="STR731" s="424"/>
      <c r="STS731" s="424"/>
      <c r="STT731" s="424"/>
      <c r="STU731" s="423" t="s">
        <v>2795</v>
      </c>
      <c r="STV731" s="424"/>
      <c r="STW731" s="424"/>
      <c r="STX731" s="424"/>
      <c r="STY731" s="423" t="s">
        <v>2795</v>
      </c>
      <c r="STZ731" s="424"/>
      <c r="SUA731" s="424"/>
      <c r="SUB731" s="424"/>
      <c r="SUC731" s="423" t="s">
        <v>2795</v>
      </c>
      <c r="SUD731" s="424"/>
      <c r="SUE731" s="424"/>
      <c r="SUF731" s="424"/>
      <c r="SUG731" s="423" t="s">
        <v>2795</v>
      </c>
      <c r="SUH731" s="424"/>
      <c r="SUI731" s="424"/>
      <c r="SUJ731" s="424"/>
      <c r="SUK731" s="423" t="s">
        <v>2795</v>
      </c>
      <c r="SUL731" s="424"/>
      <c r="SUM731" s="424"/>
      <c r="SUN731" s="424"/>
      <c r="SUO731" s="423" t="s">
        <v>2795</v>
      </c>
      <c r="SUP731" s="424"/>
      <c r="SUQ731" s="424"/>
      <c r="SUR731" s="424"/>
      <c r="SUS731" s="423" t="s">
        <v>2795</v>
      </c>
      <c r="SUT731" s="424"/>
      <c r="SUU731" s="424"/>
      <c r="SUV731" s="424"/>
      <c r="SUW731" s="423" t="s">
        <v>2795</v>
      </c>
      <c r="SUX731" s="424"/>
      <c r="SUY731" s="424"/>
      <c r="SUZ731" s="424"/>
      <c r="SVA731" s="423" t="s">
        <v>2795</v>
      </c>
      <c r="SVB731" s="424"/>
      <c r="SVC731" s="424"/>
      <c r="SVD731" s="424"/>
      <c r="SVE731" s="423" t="s">
        <v>2795</v>
      </c>
      <c r="SVF731" s="424"/>
      <c r="SVG731" s="424"/>
      <c r="SVH731" s="424"/>
      <c r="SVI731" s="423" t="s">
        <v>2795</v>
      </c>
      <c r="SVJ731" s="424"/>
      <c r="SVK731" s="424"/>
      <c r="SVL731" s="424"/>
      <c r="SVM731" s="423" t="s">
        <v>2795</v>
      </c>
      <c r="SVN731" s="424"/>
      <c r="SVO731" s="424"/>
      <c r="SVP731" s="424"/>
      <c r="SVQ731" s="423" t="s">
        <v>2795</v>
      </c>
      <c r="SVR731" s="424"/>
      <c r="SVS731" s="424"/>
      <c r="SVT731" s="424"/>
      <c r="SVU731" s="423" t="s">
        <v>2795</v>
      </c>
      <c r="SVV731" s="424"/>
      <c r="SVW731" s="424"/>
      <c r="SVX731" s="424"/>
      <c r="SVY731" s="423" t="s">
        <v>2795</v>
      </c>
      <c r="SVZ731" s="424"/>
      <c r="SWA731" s="424"/>
      <c r="SWB731" s="424"/>
      <c r="SWC731" s="423" t="s">
        <v>2795</v>
      </c>
      <c r="SWD731" s="424"/>
      <c r="SWE731" s="424"/>
      <c r="SWF731" s="424"/>
      <c r="SWG731" s="423" t="s">
        <v>2795</v>
      </c>
      <c r="SWH731" s="424"/>
      <c r="SWI731" s="424"/>
      <c r="SWJ731" s="424"/>
      <c r="SWK731" s="423" t="s">
        <v>2795</v>
      </c>
      <c r="SWL731" s="424"/>
      <c r="SWM731" s="424"/>
      <c r="SWN731" s="424"/>
      <c r="SWO731" s="423" t="s">
        <v>2795</v>
      </c>
      <c r="SWP731" s="424"/>
      <c r="SWQ731" s="424"/>
      <c r="SWR731" s="424"/>
      <c r="SWS731" s="423" t="s">
        <v>2795</v>
      </c>
      <c r="SWT731" s="424"/>
      <c r="SWU731" s="424"/>
      <c r="SWV731" s="424"/>
      <c r="SWW731" s="423" t="s">
        <v>2795</v>
      </c>
      <c r="SWX731" s="424"/>
      <c r="SWY731" s="424"/>
      <c r="SWZ731" s="424"/>
      <c r="SXA731" s="423" t="s">
        <v>2795</v>
      </c>
      <c r="SXB731" s="424"/>
      <c r="SXC731" s="424"/>
      <c r="SXD731" s="424"/>
      <c r="SXE731" s="423" t="s">
        <v>2795</v>
      </c>
      <c r="SXF731" s="424"/>
      <c r="SXG731" s="424"/>
      <c r="SXH731" s="424"/>
      <c r="SXI731" s="423" t="s">
        <v>2795</v>
      </c>
      <c r="SXJ731" s="424"/>
      <c r="SXK731" s="424"/>
      <c r="SXL731" s="424"/>
      <c r="SXM731" s="423" t="s">
        <v>2795</v>
      </c>
      <c r="SXN731" s="424"/>
      <c r="SXO731" s="424"/>
      <c r="SXP731" s="424"/>
      <c r="SXQ731" s="423" t="s">
        <v>2795</v>
      </c>
      <c r="SXR731" s="424"/>
      <c r="SXS731" s="424"/>
      <c r="SXT731" s="424"/>
      <c r="SXU731" s="423" t="s">
        <v>2795</v>
      </c>
      <c r="SXV731" s="424"/>
      <c r="SXW731" s="424"/>
      <c r="SXX731" s="424"/>
      <c r="SXY731" s="423" t="s">
        <v>2795</v>
      </c>
      <c r="SXZ731" s="424"/>
      <c r="SYA731" s="424"/>
      <c r="SYB731" s="424"/>
      <c r="SYC731" s="423" t="s">
        <v>2795</v>
      </c>
      <c r="SYD731" s="424"/>
      <c r="SYE731" s="424"/>
      <c r="SYF731" s="424"/>
      <c r="SYG731" s="423" t="s">
        <v>2795</v>
      </c>
      <c r="SYH731" s="424"/>
      <c r="SYI731" s="424"/>
      <c r="SYJ731" s="424"/>
      <c r="SYK731" s="423" t="s">
        <v>2795</v>
      </c>
      <c r="SYL731" s="424"/>
      <c r="SYM731" s="424"/>
      <c r="SYN731" s="424"/>
      <c r="SYO731" s="423" t="s">
        <v>2795</v>
      </c>
      <c r="SYP731" s="424"/>
      <c r="SYQ731" s="424"/>
      <c r="SYR731" s="424"/>
      <c r="SYS731" s="423" t="s">
        <v>2795</v>
      </c>
      <c r="SYT731" s="424"/>
      <c r="SYU731" s="424"/>
      <c r="SYV731" s="424"/>
      <c r="SYW731" s="423" t="s">
        <v>2795</v>
      </c>
      <c r="SYX731" s="424"/>
      <c r="SYY731" s="424"/>
      <c r="SYZ731" s="424"/>
      <c r="SZA731" s="423" t="s">
        <v>2795</v>
      </c>
      <c r="SZB731" s="424"/>
      <c r="SZC731" s="424"/>
      <c r="SZD731" s="424"/>
      <c r="SZE731" s="423" t="s">
        <v>2795</v>
      </c>
      <c r="SZF731" s="424"/>
      <c r="SZG731" s="424"/>
      <c r="SZH731" s="424"/>
      <c r="SZI731" s="423" t="s">
        <v>2795</v>
      </c>
      <c r="SZJ731" s="424"/>
      <c r="SZK731" s="424"/>
      <c r="SZL731" s="424"/>
      <c r="SZM731" s="423" t="s">
        <v>2795</v>
      </c>
      <c r="SZN731" s="424"/>
      <c r="SZO731" s="424"/>
      <c r="SZP731" s="424"/>
      <c r="SZQ731" s="423" t="s">
        <v>2795</v>
      </c>
      <c r="SZR731" s="424"/>
      <c r="SZS731" s="424"/>
      <c r="SZT731" s="424"/>
      <c r="SZU731" s="423" t="s">
        <v>2795</v>
      </c>
      <c r="SZV731" s="424"/>
      <c r="SZW731" s="424"/>
      <c r="SZX731" s="424"/>
      <c r="SZY731" s="423" t="s">
        <v>2795</v>
      </c>
      <c r="SZZ731" s="424"/>
      <c r="TAA731" s="424"/>
      <c r="TAB731" s="424"/>
      <c r="TAC731" s="423" t="s">
        <v>2795</v>
      </c>
      <c r="TAD731" s="424"/>
      <c r="TAE731" s="424"/>
      <c r="TAF731" s="424"/>
      <c r="TAG731" s="423" t="s">
        <v>2795</v>
      </c>
      <c r="TAH731" s="424"/>
      <c r="TAI731" s="424"/>
      <c r="TAJ731" s="424"/>
      <c r="TAK731" s="423" t="s">
        <v>2795</v>
      </c>
      <c r="TAL731" s="424"/>
      <c r="TAM731" s="424"/>
      <c r="TAN731" s="424"/>
      <c r="TAO731" s="423" t="s">
        <v>2795</v>
      </c>
      <c r="TAP731" s="424"/>
      <c r="TAQ731" s="424"/>
      <c r="TAR731" s="424"/>
      <c r="TAS731" s="423" t="s">
        <v>2795</v>
      </c>
      <c r="TAT731" s="424"/>
      <c r="TAU731" s="424"/>
      <c r="TAV731" s="424"/>
      <c r="TAW731" s="423" t="s">
        <v>2795</v>
      </c>
      <c r="TAX731" s="424"/>
      <c r="TAY731" s="424"/>
      <c r="TAZ731" s="424"/>
      <c r="TBA731" s="423" t="s">
        <v>2795</v>
      </c>
      <c r="TBB731" s="424"/>
      <c r="TBC731" s="424"/>
      <c r="TBD731" s="424"/>
      <c r="TBE731" s="423" t="s">
        <v>2795</v>
      </c>
      <c r="TBF731" s="424"/>
      <c r="TBG731" s="424"/>
      <c r="TBH731" s="424"/>
      <c r="TBI731" s="423" t="s">
        <v>2795</v>
      </c>
      <c r="TBJ731" s="424"/>
      <c r="TBK731" s="424"/>
      <c r="TBL731" s="424"/>
      <c r="TBM731" s="423" t="s">
        <v>2795</v>
      </c>
      <c r="TBN731" s="424"/>
      <c r="TBO731" s="424"/>
      <c r="TBP731" s="424"/>
      <c r="TBQ731" s="423" t="s">
        <v>2795</v>
      </c>
      <c r="TBR731" s="424"/>
      <c r="TBS731" s="424"/>
      <c r="TBT731" s="424"/>
      <c r="TBU731" s="423" t="s">
        <v>2795</v>
      </c>
      <c r="TBV731" s="424"/>
      <c r="TBW731" s="424"/>
      <c r="TBX731" s="424"/>
      <c r="TBY731" s="423" t="s">
        <v>2795</v>
      </c>
      <c r="TBZ731" s="424"/>
      <c r="TCA731" s="424"/>
      <c r="TCB731" s="424"/>
      <c r="TCC731" s="423" t="s">
        <v>2795</v>
      </c>
      <c r="TCD731" s="424"/>
      <c r="TCE731" s="424"/>
      <c r="TCF731" s="424"/>
      <c r="TCG731" s="423" t="s">
        <v>2795</v>
      </c>
      <c r="TCH731" s="424"/>
      <c r="TCI731" s="424"/>
      <c r="TCJ731" s="424"/>
      <c r="TCK731" s="423" t="s">
        <v>2795</v>
      </c>
      <c r="TCL731" s="424"/>
      <c r="TCM731" s="424"/>
      <c r="TCN731" s="424"/>
      <c r="TCO731" s="423" t="s">
        <v>2795</v>
      </c>
      <c r="TCP731" s="424"/>
      <c r="TCQ731" s="424"/>
      <c r="TCR731" s="424"/>
      <c r="TCS731" s="423" t="s">
        <v>2795</v>
      </c>
      <c r="TCT731" s="424"/>
      <c r="TCU731" s="424"/>
      <c r="TCV731" s="424"/>
      <c r="TCW731" s="423" t="s">
        <v>2795</v>
      </c>
      <c r="TCX731" s="424"/>
      <c r="TCY731" s="424"/>
      <c r="TCZ731" s="424"/>
      <c r="TDA731" s="423" t="s">
        <v>2795</v>
      </c>
      <c r="TDB731" s="424"/>
      <c r="TDC731" s="424"/>
      <c r="TDD731" s="424"/>
      <c r="TDE731" s="423" t="s">
        <v>2795</v>
      </c>
      <c r="TDF731" s="424"/>
      <c r="TDG731" s="424"/>
      <c r="TDH731" s="424"/>
      <c r="TDI731" s="423" t="s">
        <v>2795</v>
      </c>
      <c r="TDJ731" s="424"/>
      <c r="TDK731" s="424"/>
      <c r="TDL731" s="424"/>
      <c r="TDM731" s="423" t="s">
        <v>2795</v>
      </c>
      <c r="TDN731" s="424"/>
      <c r="TDO731" s="424"/>
      <c r="TDP731" s="424"/>
      <c r="TDQ731" s="423" t="s">
        <v>2795</v>
      </c>
      <c r="TDR731" s="424"/>
      <c r="TDS731" s="424"/>
      <c r="TDT731" s="424"/>
      <c r="TDU731" s="423" t="s">
        <v>2795</v>
      </c>
      <c r="TDV731" s="424"/>
      <c r="TDW731" s="424"/>
      <c r="TDX731" s="424"/>
      <c r="TDY731" s="423" t="s">
        <v>2795</v>
      </c>
      <c r="TDZ731" s="424"/>
      <c r="TEA731" s="424"/>
      <c r="TEB731" s="424"/>
      <c r="TEC731" s="423" t="s">
        <v>2795</v>
      </c>
      <c r="TED731" s="424"/>
      <c r="TEE731" s="424"/>
      <c r="TEF731" s="424"/>
      <c r="TEG731" s="423" t="s">
        <v>2795</v>
      </c>
      <c r="TEH731" s="424"/>
      <c r="TEI731" s="424"/>
      <c r="TEJ731" s="424"/>
      <c r="TEK731" s="423" t="s">
        <v>2795</v>
      </c>
      <c r="TEL731" s="424"/>
      <c r="TEM731" s="424"/>
      <c r="TEN731" s="424"/>
      <c r="TEO731" s="423" t="s">
        <v>2795</v>
      </c>
      <c r="TEP731" s="424"/>
      <c r="TEQ731" s="424"/>
      <c r="TER731" s="424"/>
      <c r="TES731" s="423" t="s">
        <v>2795</v>
      </c>
      <c r="TET731" s="424"/>
      <c r="TEU731" s="424"/>
      <c r="TEV731" s="424"/>
      <c r="TEW731" s="423" t="s">
        <v>2795</v>
      </c>
      <c r="TEX731" s="424"/>
      <c r="TEY731" s="424"/>
      <c r="TEZ731" s="424"/>
      <c r="TFA731" s="423" t="s">
        <v>2795</v>
      </c>
      <c r="TFB731" s="424"/>
      <c r="TFC731" s="424"/>
      <c r="TFD731" s="424"/>
      <c r="TFE731" s="423" t="s">
        <v>2795</v>
      </c>
      <c r="TFF731" s="424"/>
      <c r="TFG731" s="424"/>
      <c r="TFH731" s="424"/>
      <c r="TFI731" s="423" t="s">
        <v>2795</v>
      </c>
      <c r="TFJ731" s="424"/>
      <c r="TFK731" s="424"/>
      <c r="TFL731" s="424"/>
      <c r="TFM731" s="423" t="s">
        <v>2795</v>
      </c>
      <c r="TFN731" s="424"/>
      <c r="TFO731" s="424"/>
      <c r="TFP731" s="424"/>
      <c r="TFQ731" s="423" t="s">
        <v>2795</v>
      </c>
      <c r="TFR731" s="424"/>
      <c r="TFS731" s="424"/>
      <c r="TFT731" s="424"/>
      <c r="TFU731" s="423" t="s">
        <v>2795</v>
      </c>
      <c r="TFV731" s="424"/>
      <c r="TFW731" s="424"/>
      <c r="TFX731" s="424"/>
      <c r="TFY731" s="423" t="s">
        <v>2795</v>
      </c>
      <c r="TFZ731" s="424"/>
      <c r="TGA731" s="424"/>
      <c r="TGB731" s="424"/>
      <c r="TGC731" s="423" t="s">
        <v>2795</v>
      </c>
      <c r="TGD731" s="424"/>
      <c r="TGE731" s="424"/>
      <c r="TGF731" s="424"/>
      <c r="TGG731" s="423" t="s">
        <v>2795</v>
      </c>
      <c r="TGH731" s="424"/>
      <c r="TGI731" s="424"/>
      <c r="TGJ731" s="424"/>
      <c r="TGK731" s="423" t="s">
        <v>2795</v>
      </c>
      <c r="TGL731" s="424"/>
      <c r="TGM731" s="424"/>
      <c r="TGN731" s="424"/>
      <c r="TGO731" s="423" t="s">
        <v>2795</v>
      </c>
      <c r="TGP731" s="424"/>
      <c r="TGQ731" s="424"/>
      <c r="TGR731" s="424"/>
      <c r="TGS731" s="423" t="s">
        <v>2795</v>
      </c>
      <c r="TGT731" s="424"/>
      <c r="TGU731" s="424"/>
      <c r="TGV731" s="424"/>
      <c r="TGW731" s="423" t="s">
        <v>2795</v>
      </c>
      <c r="TGX731" s="424"/>
      <c r="TGY731" s="424"/>
      <c r="TGZ731" s="424"/>
      <c r="THA731" s="423" t="s">
        <v>2795</v>
      </c>
      <c r="THB731" s="424"/>
      <c r="THC731" s="424"/>
      <c r="THD731" s="424"/>
      <c r="THE731" s="423" t="s">
        <v>2795</v>
      </c>
      <c r="THF731" s="424"/>
      <c r="THG731" s="424"/>
      <c r="THH731" s="424"/>
      <c r="THI731" s="423" t="s">
        <v>2795</v>
      </c>
      <c r="THJ731" s="424"/>
      <c r="THK731" s="424"/>
      <c r="THL731" s="424"/>
      <c r="THM731" s="423" t="s">
        <v>2795</v>
      </c>
      <c r="THN731" s="424"/>
      <c r="THO731" s="424"/>
      <c r="THP731" s="424"/>
      <c r="THQ731" s="423" t="s">
        <v>2795</v>
      </c>
      <c r="THR731" s="424"/>
      <c r="THS731" s="424"/>
      <c r="THT731" s="424"/>
      <c r="THU731" s="423" t="s">
        <v>2795</v>
      </c>
      <c r="THV731" s="424"/>
      <c r="THW731" s="424"/>
      <c r="THX731" s="424"/>
      <c r="THY731" s="423" t="s">
        <v>2795</v>
      </c>
      <c r="THZ731" s="424"/>
      <c r="TIA731" s="424"/>
      <c r="TIB731" s="424"/>
      <c r="TIC731" s="423" t="s">
        <v>2795</v>
      </c>
      <c r="TID731" s="424"/>
      <c r="TIE731" s="424"/>
      <c r="TIF731" s="424"/>
      <c r="TIG731" s="423" t="s">
        <v>2795</v>
      </c>
      <c r="TIH731" s="424"/>
      <c r="TII731" s="424"/>
      <c r="TIJ731" s="424"/>
      <c r="TIK731" s="423" t="s">
        <v>2795</v>
      </c>
      <c r="TIL731" s="424"/>
      <c r="TIM731" s="424"/>
      <c r="TIN731" s="424"/>
      <c r="TIO731" s="423" t="s">
        <v>2795</v>
      </c>
      <c r="TIP731" s="424"/>
      <c r="TIQ731" s="424"/>
      <c r="TIR731" s="424"/>
      <c r="TIS731" s="423" t="s">
        <v>2795</v>
      </c>
      <c r="TIT731" s="424"/>
      <c r="TIU731" s="424"/>
      <c r="TIV731" s="424"/>
      <c r="TIW731" s="423" t="s">
        <v>2795</v>
      </c>
      <c r="TIX731" s="424"/>
      <c r="TIY731" s="424"/>
      <c r="TIZ731" s="424"/>
      <c r="TJA731" s="423" t="s">
        <v>2795</v>
      </c>
      <c r="TJB731" s="424"/>
      <c r="TJC731" s="424"/>
      <c r="TJD731" s="424"/>
      <c r="TJE731" s="423" t="s">
        <v>2795</v>
      </c>
      <c r="TJF731" s="424"/>
      <c r="TJG731" s="424"/>
      <c r="TJH731" s="424"/>
      <c r="TJI731" s="423" t="s">
        <v>2795</v>
      </c>
      <c r="TJJ731" s="424"/>
      <c r="TJK731" s="424"/>
      <c r="TJL731" s="424"/>
      <c r="TJM731" s="423" t="s">
        <v>2795</v>
      </c>
      <c r="TJN731" s="424"/>
      <c r="TJO731" s="424"/>
      <c r="TJP731" s="424"/>
      <c r="TJQ731" s="423" t="s">
        <v>2795</v>
      </c>
      <c r="TJR731" s="424"/>
      <c r="TJS731" s="424"/>
      <c r="TJT731" s="424"/>
      <c r="TJU731" s="423" t="s">
        <v>2795</v>
      </c>
      <c r="TJV731" s="424"/>
      <c r="TJW731" s="424"/>
      <c r="TJX731" s="424"/>
      <c r="TJY731" s="423" t="s">
        <v>2795</v>
      </c>
      <c r="TJZ731" s="424"/>
      <c r="TKA731" s="424"/>
      <c r="TKB731" s="424"/>
      <c r="TKC731" s="423" t="s">
        <v>2795</v>
      </c>
      <c r="TKD731" s="424"/>
      <c r="TKE731" s="424"/>
      <c r="TKF731" s="424"/>
      <c r="TKG731" s="423" t="s">
        <v>2795</v>
      </c>
      <c r="TKH731" s="424"/>
      <c r="TKI731" s="424"/>
      <c r="TKJ731" s="424"/>
      <c r="TKK731" s="423" t="s">
        <v>2795</v>
      </c>
      <c r="TKL731" s="424"/>
      <c r="TKM731" s="424"/>
      <c r="TKN731" s="424"/>
      <c r="TKO731" s="423" t="s">
        <v>2795</v>
      </c>
      <c r="TKP731" s="424"/>
      <c r="TKQ731" s="424"/>
      <c r="TKR731" s="424"/>
      <c r="TKS731" s="423" t="s">
        <v>2795</v>
      </c>
      <c r="TKT731" s="424"/>
      <c r="TKU731" s="424"/>
      <c r="TKV731" s="424"/>
      <c r="TKW731" s="423" t="s">
        <v>2795</v>
      </c>
      <c r="TKX731" s="424"/>
      <c r="TKY731" s="424"/>
      <c r="TKZ731" s="424"/>
      <c r="TLA731" s="423" t="s">
        <v>2795</v>
      </c>
      <c r="TLB731" s="424"/>
      <c r="TLC731" s="424"/>
      <c r="TLD731" s="424"/>
      <c r="TLE731" s="423" t="s">
        <v>2795</v>
      </c>
      <c r="TLF731" s="424"/>
      <c r="TLG731" s="424"/>
      <c r="TLH731" s="424"/>
      <c r="TLI731" s="423" t="s">
        <v>2795</v>
      </c>
      <c r="TLJ731" s="424"/>
      <c r="TLK731" s="424"/>
      <c r="TLL731" s="424"/>
      <c r="TLM731" s="423" t="s">
        <v>2795</v>
      </c>
      <c r="TLN731" s="424"/>
      <c r="TLO731" s="424"/>
      <c r="TLP731" s="424"/>
      <c r="TLQ731" s="423" t="s">
        <v>2795</v>
      </c>
      <c r="TLR731" s="424"/>
      <c r="TLS731" s="424"/>
      <c r="TLT731" s="424"/>
      <c r="TLU731" s="423" t="s">
        <v>2795</v>
      </c>
      <c r="TLV731" s="424"/>
      <c r="TLW731" s="424"/>
      <c r="TLX731" s="424"/>
      <c r="TLY731" s="423" t="s">
        <v>2795</v>
      </c>
      <c r="TLZ731" s="424"/>
      <c r="TMA731" s="424"/>
      <c r="TMB731" s="424"/>
      <c r="TMC731" s="423" t="s">
        <v>2795</v>
      </c>
      <c r="TMD731" s="424"/>
      <c r="TME731" s="424"/>
      <c r="TMF731" s="424"/>
      <c r="TMG731" s="423" t="s">
        <v>2795</v>
      </c>
      <c r="TMH731" s="424"/>
      <c r="TMI731" s="424"/>
      <c r="TMJ731" s="424"/>
      <c r="TMK731" s="423" t="s">
        <v>2795</v>
      </c>
      <c r="TML731" s="424"/>
      <c r="TMM731" s="424"/>
      <c r="TMN731" s="424"/>
      <c r="TMO731" s="423" t="s">
        <v>2795</v>
      </c>
      <c r="TMP731" s="424"/>
      <c r="TMQ731" s="424"/>
      <c r="TMR731" s="424"/>
      <c r="TMS731" s="423" t="s">
        <v>2795</v>
      </c>
      <c r="TMT731" s="424"/>
      <c r="TMU731" s="424"/>
      <c r="TMV731" s="424"/>
      <c r="TMW731" s="423" t="s">
        <v>2795</v>
      </c>
      <c r="TMX731" s="424"/>
      <c r="TMY731" s="424"/>
      <c r="TMZ731" s="424"/>
      <c r="TNA731" s="423" t="s">
        <v>2795</v>
      </c>
      <c r="TNB731" s="424"/>
      <c r="TNC731" s="424"/>
      <c r="TND731" s="424"/>
      <c r="TNE731" s="423" t="s">
        <v>2795</v>
      </c>
      <c r="TNF731" s="424"/>
      <c r="TNG731" s="424"/>
      <c r="TNH731" s="424"/>
      <c r="TNI731" s="423" t="s">
        <v>2795</v>
      </c>
      <c r="TNJ731" s="424"/>
      <c r="TNK731" s="424"/>
      <c r="TNL731" s="424"/>
      <c r="TNM731" s="423" t="s">
        <v>2795</v>
      </c>
      <c r="TNN731" s="424"/>
      <c r="TNO731" s="424"/>
      <c r="TNP731" s="424"/>
      <c r="TNQ731" s="423" t="s">
        <v>2795</v>
      </c>
      <c r="TNR731" s="424"/>
      <c r="TNS731" s="424"/>
      <c r="TNT731" s="424"/>
      <c r="TNU731" s="423" t="s">
        <v>2795</v>
      </c>
      <c r="TNV731" s="424"/>
      <c r="TNW731" s="424"/>
      <c r="TNX731" s="424"/>
      <c r="TNY731" s="423" t="s">
        <v>2795</v>
      </c>
      <c r="TNZ731" s="424"/>
      <c r="TOA731" s="424"/>
      <c r="TOB731" s="424"/>
      <c r="TOC731" s="423" t="s">
        <v>2795</v>
      </c>
      <c r="TOD731" s="424"/>
      <c r="TOE731" s="424"/>
      <c r="TOF731" s="424"/>
      <c r="TOG731" s="423" t="s">
        <v>2795</v>
      </c>
      <c r="TOH731" s="424"/>
      <c r="TOI731" s="424"/>
      <c r="TOJ731" s="424"/>
      <c r="TOK731" s="423" t="s">
        <v>2795</v>
      </c>
      <c r="TOL731" s="424"/>
      <c r="TOM731" s="424"/>
      <c r="TON731" s="424"/>
      <c r="TOO731" s="423" t="s">
        <v>2795</v>
      </c>
      <c r="TOP731" s="424"/>
      <c r="TOQ731" s="424"/>
      <c r="TOR731" s="424"/>
      <c r="TOS731" s="423" t="s">
        <v>2795</v>
      </c>
      <c r="TOT731" s="424"/>
      <c r="TOU731" s="424"/>
      <c r="TOV731" s="424"/>
      <c r="TOW731" s="423" t="s">
        <v>2795</v>
      </c>
      <c r="TOX731" s="424"/>
      <c r="TOY731" s="424"/>
      <c r="TOZ731" s="424"/>
      <c r="TPA731" s="423" t="s">
        <v>2795</v>
      </c>
      <c r="TPB731" s="424"/>
      <c r="TPC731" s="424"/>
      <c r="TPD731" s="424"/>
      <c r="TPE731" s="423" t="s">
        <v>2795</v>
      </c>
      <c r="TPF731" s="424"/>
      <c r="TPG731" s="424"/>
      <c r="TPH731" s="424"/>
      <c r="TPI731" s="423" t="s">
        <v>2795</v>
      </c>
      <c r="TPJ731" s="424"/>
      <c r="TPK731" s="424"/>
      <c r="TPL731" s="424"/>
      <c r="TPM731" s="423" t="s">
        <v>2795</v>
      </c>
      <c r="TPN731" s="424"/>
      <c r="TPO731" s="424"/>
      <c r="TPP731" s="424"/>
      <c r="TPQ731" s="423" t="s">
        <v>2795</v>
      </c>
      <c r="TPR731" s="424"/>
      <c r="TPS731" s="424"/>
      <c r="TPT731" s="424"/>
      <c r="TPU731" s="423" t="s">
        <v>2795</v>
      </c>
      <c r="TPV731" s="424"/>
      <c r="TPW731" s="424"/>
      <c r="TPX731" s="424"/>
      <c r="TPY731" s="423" t="s">
        <v>2795</v>
      </c>
      <c r="TPZ731" s="424"/>
      <c r="TQA731" s="424"/>
      <c r="TQB731" s="424"/>
      <c r="TQC731" s="423" t="s">
        <v>2795</v>
      </c>
      <c r="TQD731" s="424"/>
      <c r="TQE731" s="424"/>
      <c r="TQF731" s="424"/>
      <c r="TQG731" s="423" t="s">
        <v>2795</v>
      </c>
      <c r="TQH731" s="424"/>
      <c r="TQI731" s="424"/>
      <c r="TQJ731" s="424"/>
      <c r="TQK731" s="423" t="s">
        <v>2795</v>
      </c>
      <c r="TQL731" s="424"/>
      <c r="TQM731" s="424"/>
      <c r="TQN731" s="424"/>
      <c r="TQO731" s="423" t="s">
        <v>2795</v>
      </c>
      <c r="TQP731" s="424"/>
      <c r="TQQ731" s="424"/>
      <c r="TQR731" s="424"/>
      <c r="TQS731" s="423" t="s">
        <v>2795</v>
      </c>
      <c r="TQT731" s="424"/>
      <c r="TQU731" s="424"/>
      <c r="TQV731" s="424"/>
      <c r="TQW731" s="423" t="s">
        <v>2795</v>
      </c>
      <c r="TQX731" s="424"/>
      <c r="TQY731" s="424"/>
      <c r="TQZ731" s="424"/>
      <c r="TRA731" s="423" t="s">
        <v>2795</v>
      </c>
      <c r="TRB731" s="424"/>
      <c r="TRC731" s="424"/>
      <c r="TRD731" s="424"/>
      <c r="TRE731" s="423" t="s">
        <v>2795</v>
      </c>
      <c r="TRF731" s="424"/>
      <c r="TRG731" s="424"/>
      <c r="TRH731" s="424"/>
      <c r="TRI731" s="423" t="s">
        <v>2795</v>
      </c>
      <c r="TRJ731" s="424"/>
      <c r="TRK731" s="424"/>
      <c r="TRL731" s="424"/>
      <c r="TRM731" s="423" t="s">
        <v>2795</v>
      </c>
      <c r="TRN731" s="424"/>
      <c r="TRO731" s="424"/>
      <c r="TRP731" s="424"/>
      <c r="TRQ731" s="423" t="s">
        <v>2795</v>
      </c>
      <c r="TRR731" s="424"/>
      <c r="TRS731" s="424"/>
      <c r="TRT731" s="424"/>
      <c r="TRU731" s="423" t="s">
        <v>2795</v>
      </c>
      <c r="TRV731" s="424"/>
      <c r="TRW731" s="424"/>
      <c r="TRX731" s="424"/>
      <c r="TRY731" s="423" t="s">
        <v>2795</v>
      </c>
      <c r="TRZ731" s="424"/>
      <c r="TSA731" s="424"/>
      <c r="TSB731" s="424"/>
      <c r="TSC731" s="423" t="s">
        <v>2795</v>
      </c>
      <c r="TSD731" s="424"/>
      <c r="TSE731" s="424"/>
      <c r="TSF731" s="424"/>
      <c r="TSG731" s="423" t="s">
        <v>2795</v>
      </c>
      <c r="TSH731" s="424"/>
      <c r="TSI731" s="424"/>
      <c r="TSJ731" s="424"/>
      <c r="TSK731" s="423" t="s">
        <v>2795</v>
      </c>
      <c r="TSL731" s="424"/>
      <c r="TSM731" s="424"/>
      <c r="TSN731" s="424"/>
      <c r="TSO731" s="423" t="s">
        <v>2795</v>
      </c>
      <c r="TSP731" s="424"/>
      <c r="TSQ731" s="424"/>
      <c r="TSR731" s="424"/>
      <c r="TSS731" s="423" t="s">
        <v>2795</v>
      </c>
      <c r="TST731" s="424"/>
      <c r="TSU731" s="424"/>
      <c r="TSV731" s="424"/>
      <c r="TSW731" s="423" t="s">
        <v>2795</v>
      </c>
      <c r="TSX731" s="424"/>
      <c r="TSY731" s="424"/>
      <c r="TSZ731" s="424"/>
      <c r="TTA731" s="423" t="s">
        <v>2795</v>
      </c>
      <c r="TTB731" s="424"/>
      <c r="TTC731" s="424"/>
      <c r="TTD731" s="424"/>
      <c r="TTE731" s="423" t="s">
        <v>2795</v>
      </c>
      <c r="TTF731" s="424"/>
      <c r="TTG731" s="424"/>
      <c r="TTH731" s="424"/>
      <c r="TTI731" s="423" t="s">
        <v>2795</v>
      </c>
      <c r="TTJ731" s="424"/>
      <c r="TTK731" s="424"/>
      <c r="TTL731" s="424"/>
      <c r="TTM731" s="423" t="s">
        <v>2795</v>
      </c>
      <c r="TTN731" s="424"/>
      <c r="TTO731" s="424"/>
      <c r="TTP731" s="424"/>
      <c r="TTQ731" s="423" t="s">
        <v>2795</v>
      </c>
      <c r="TTR731" s="424"/>
      <c r="TTS731" s="424"/>
      <c r="TTT731" s="424"/>
      <c r="TTU731" s="423" t="s">
        <v>2795</v>
      </c>
      <c r="TTV731" s="424"/>
      <c r="TTW731" s="424"/>
      <c r="TTX731" s="424"/>
      <c r="TTY731" s="423" t="s">
        <v>2795</v>
      </c>
      <c r="TTZ731" s="424"/>
      <c r="TUA731" s="424"/>
      <c r="TUB731" s="424"/>
      <c r="TUC731" s="423" t="s">
        <v>2795</v>
      </c>
      <c r="TUD731" s="424"/>
      <c r="TUE731" s="424"/>
      <c r="TUF731" s="424"/>
      <c r="TUG731" s="423" t="s">
        <v>2795</v>
      </c>
      <c r="TUH731" s="424"/>
      <c r="TUI731" s="424"/>
      <c r="TUJ731" s="424"/>
      <c r="TUK731" s="423" t="s">
        <v>2795</v>
      </c>
      <c r="TUL731" s="424"/>
      <c r="TUM731" s="424"/>
      <c r="TUN731" s="424"/>
      <c r="TUO731" s="423" t="s">
        <v>2795</v>
      </c>
      <c r="TUP731" s="424"/>
      <c r="TUQ731" s="424"/>
      <c r="TUR731" s="424"/>
      <c r="TUS731" s="423" t="s">
        <v>2795</v>
      </c>
      <c r="TUT731" s="424"/>
      <c r="TUU731" s="424"/>
      <c r="TUV731" s="424"/>
      <c r="TUW731" s="423" t="s">
        <v>2795</v>
      </c>
      <c r="TUX731" s="424"/>
      <c r="TUY731" s="424"/>
      <c r="TUZ731" s="424"/>
      <c r="TVA731" s="423" t="s">
        <v>2795</v>
      </c>
      <c r="TVB731" s="424"/>
      <c r="TVC731" s="424"/>
      <c r="TVD731" s="424"/>
      <c r="TVE731" s="423" t="s">
        <v>2795</v>
      </c>
      <c r="TVF731" s="424"/>
      <c r="TVG731" s="424"/>
      <c r="TVH731" s="424"/>
      <c r="TVI731" s="423" t="s">
        <v>2795</v>
      </c>
      <c r="TVJ731" s="424"/>
      <c r="TVK731" s="424"/>
      <c r="TVL731" s="424"/>
      <c r="TVM731" s="423" t="s">
        <v>2795</v>
      </c>
      <c r="TVN731" s="424"/>
      <c r="TVO731" s="424"/>
      <c r="TVP731" s="424"/>
      <c r="TVQ731" s="423" t="s">
        <v>2795</v>
      </c>
      <c r="TVR731" s="424"/>
      <c r="TVS731" s="424"/>
      <c r="TVT731" s="424"/>
      <c r="TVU731" s="423" t="s">
        <v>2795</v>
      </c>
      <c r="TVV731" s="424"/>
      <c r="TVW731" s="424"/>
      <c r="TVX731" s="424"/>
      <c r="TVY731" s="423" t="s">
        <v>2795</v>
      </c>
      <c r="TVZ731" s="424"/>
      <c r="TWA731" s="424"/>
      <c r="TWB731" s="424"/>
      <c r="TWC731" s="423" t="s">
        <v>2795</v>
      </c>
      <c r="TWD731" s="424"/>
      <c r="TWE731" s="424"/>
      <c r="TWF731" s="424"/>
      <c r="TWG731" s="423" t="s">
        <v>2795</v>
      </c>
      <c r="TWH731" s="424"/>
      <c r="TWI731" s="424"/>
      <c r="TWJ731" s="424"/>
      <c r="TWK731" s="423" t="s">
        <v>2795</v>
      </c>
      <c r="TWL731" s="424"/>
      <c r="TWM731" s="424"/>
      <c r="TWN731" s="424"/>
      <c r="TWO731" s="423" t="s">
        <v>2795</v>
      </c>
      <c r="TWP731" s="424"/>
      <c r="TWQ731" s="424"/>
      <c r="TWR731" s="424"/>
      <c r="TWS731" s="423" t="s">
        <v>2795</v>
      </c>
      <c r="TWT731" s="424"/>
      <c r="TWU731" s="424"/>
      <c r="TWV731" s="424"/>
      <c r="TWW731" s="423" t="s">
        <v>2795</v>
      </c>
      <c r="TWX731" s="424"/>
      <c r="TWY731" s="424"/>
      <c r="TWZ731" s="424"/>
      <c r="TXA731" s="423" t="s">
        <v>2795</v>
      </c>
      <c r="TXB731" s="424"/>
      <c r="TXC731" s="424"/>
      <c r="TXD731" s="424"/>
      <c r="TXE731" s="423" t="s">
        <v>2795</v>
      </c>
      <c r="TXF731" s="424"/>
      <c r="TXG731" s="424"/>
      <c r="TXH731" s="424"/>
      <c r="TXI731" s="423" t="s">
        <v>2795</v>
      </c>
      <c r="TXJ731" s="424"/>
      <c r="TXK731" s="424"/>
      <c r="TXL731" s="424"/>
      <c r="TXM731" s="423" t="s">
        <v>2795</v>
      </c>
      <c r="TXN731" s="424"/>
      <c r="TXO731" s="424"/>
      <c r="TXP731" s="424"/>
      <c r="TXQ731" s="423" t="s">
        <v>2795</v>
      </c>
      <c r="TXR731" s="424"/>
      <c r="TXS731" s="424"/>
      <c r="TXT731" s="424"/>
      <c r="TXU731" s="423" t="s">
        <v>2795</v>
      </c>
      <c r="TXV731" s="424"/>
      <c r="TXW731" s="424"/>
      <c r="TXX731" s="424"/>
      <c r="TXY731" s="423" t="s">
        <v>2795</v>
      </c>
      <c r="TXZ731" s="424"/>
      <c r="TYA731" s="424"/>
      <c r="TYB731" s="424"/>
      <c r="TYC731" s="423" t="s">
        <v>2795</v>
      </c>
      <c r="TYD731" s="424"/>
      <c r="TYE731" s="424"/>
      <c r="TYF731" s="424"/>
      <c r="TYG731" s="423" t="s">
        <v>2795</v>
      </c>
      <c r="TYH731" s="424"/>
      <c r="TYI731" s="424"/>
      <c r="TYJ731" s="424"/>
      <c r="TYK731" s="423" t="s">
        <v>2795</v>
      </c>
      <c r="TYL731" s="424"/>
      <c r="TYM731" s="424"/>
      <c r="TYN731" s="424"/>
      <c r="TYO731" s="423" t="s">
        <v>2795</v>
      </c>
      <c r="TYP731" s="424"/>
      <c r="TYQ731" s="424"/>
      <c r="TYR731" s="424"/>
      <c r="TYS731" s="423" t="s">
        <v>2795</v>
      </c>
      <c r="TYT731" s="424"/>
      <c r="TYU731" s="424"/>
      <c r="TYV731" s="424"/>
      <c r="TYW731" s="423" t="s">
        <v>2795</v>
      </c>
      <c r="TYX731" s="424"/>
      <c r="TYY731" s="424"/>
      <c r="TYZ731" s="424"/>
      <c r="TZA731" s="423" t="s">
        <v>2795</v>
      </c>
      <c r="TZB731" s="424"/>
      <c r="TZC731" s="424"/>
      <c r="TZD731" s="424"/>
      <c r="TZE731" s="423" t="s">
        <v>2795</v>
      </c>
      <c r="TZF731" s="424"/>
      <c r="TZG731" s="424"/>
      <c r="TZH731" s="424"/>
      <c r="TZI731" s="423" t="s">
        <v>2795</v>
      </c>
      <c r="TZJ731" s="424"/>
      <c r="TZK731" s="424"/>
      <c r="TZL731" s="424"/>
      <c r="TZM731" s="423" t="s">
        <v>2795</v>
      </c>
      <c r="TZN731" s="424"/>
      <c r="TZO731" s="424"/>
      <c r="TZP731" s="424"/>
      <c r="TZQ731" s="423" t="s">
        <v>2795</v>
      </c>
      <c r="TZR731" s="424"/>
      <c r="TZS731" s="424"/>
      <c r="TZT731" s="424"/>
      <c r="TZU731" s="423" t="s">
        <v>2795</v>
      </c>
      <c r="TZV731" s="424"/>
      <c r="TZW731" s="424"/>
      <c r="TZX731" s="424"/>
      <c r="TZY731" s="423" t="s">
        <v>2795</v>
      </c>
      <c r="TZZ731" s="424"/>
      <c r="UAA731" s="424"/>
      <c r="UAB731" s="424"/>
      <c r="UAC731" s="423" t="s">
        <v>2795</v>
      </c>
      <c r="UAD731" s="424"/>
      <c r="UAE731" s="424"/>
      <c r="UAF731" s="424"/>
      <c r="UAG731" s="423" t="s">
        <v>2795</v>
      </c>
      <c r="UAH731" s="424"/>
      <c r="UAI731" s="424"/>
      <c r="UAJ731" s="424"/>
      <c r="UAK731" s="423" t="s">
        <v>2795</v>
      </c>
      <c r="UAL731" s="424"/>
      <c r="UAM731" s="424"/>
      <c r="UAN731" s="424"/>
      <c r="UAO731" s="423" t="s">
        <v>2795</v>
      </c>
      <c r="UAP731" s="424"/>
      <c r="UAQ731" s="424"/>
      <c r="UAR731" s="424"/>
      <c r="UAS731" s="423" t="s">
        <v>2795</v>
      </c>
      <c r="UAT731" s="424"/>
      <c r="UAU731" s="424"/>
      <c r="UAV731" s="424"/>
      <c r="UAW731" s="423" t="s">
        <v>2795</v>
      </c>
      <c r="UAX731" s="424"/>
      <c r="UAY731" s="424"/>
      <c r="UAZ731" s="424"/>
      <c r="UBA731" s="423" t="s">
        <v>2795</v>
      </c>
      <c r="UBB731" s="424"/>
      <c r="UBC731" s="424"/>
      <c r="UBD731" s="424"/>
      <c r="UBE731" s="423" t="s">
        <v>2795</v>
      </c>
      <c r="UBF731" s="424"/>
      <c r="UBG731" s="424"/>
      <c r="UBH731" s="424"/>
      <c r="UBI731" s="423" t="s">
        <v>2795</v>
      </c>
      <c r="UBJ731" s="424"/>
      <c r="UBK731" s="424"/>
      <c r="UBL731" s="424"/>
      <c r="UBM731" s="423" t="s">
        <v>2795</v>
      </c>
      <c r="UBN731" s="424"/>
      <c r="UBO731" s="424"/>
      <c r="UBP731" s="424"/>
      <c r="UBQ731" s="423" t="s">
        <v>2795</v>
      </c>
      <c r="UBR731" s="424"/>
      <c r="UBS731" s="424"/>
      <c r="UBT731" s="424"/>
      <c r="UBU731" s="423" t="s">
        <v>2795</v>
      </c>
      <c r="UBV731" s="424"/>
      <c r="UBW731" s="424"/>
      <c r="UBX731" s="424"/>
      <c r="UBY731" s="423" t="s">
        <v>2795</v>
      </c>
      <c r="UBZ731" s="424"/>
      <c r="UCA731" s="424"/>
      <c r="UCB731" s="424"/>
      <c r="UCC731" s="423" t="s">
        <v>2795</v>
      </c>
      <c r="UCD731" s="424"/>
      <c r="UCE731" s="424"/>
      <c r="UCF731" s="424"/>
      <c r="UCG731" s="423" t="s">
        <v>2795</v>
      </c>
      <c r="UCH731" s="424"/>
      <c r="UCI731" s="424"/>
      <c r="UCJ731" s="424"/>
      <c r="UCK731" s="423" t="s">
        <v>2795</v>
      </c>
      <c r="UCL731" s="424"/>
      <c r="UCM731" s="424"/>
      <c r="UCN731" s="424"/>
      <c r="UCO731" s="423" t="s">
        <v>2795</v>
      </c>
      <c r="UCP731" s="424"/>
      <c r="UCQ731" s="424"/>
      <c r="UCR731" s="424"/>
      <c r="UCS731" s="423" t="s">
        <v>2795</v>
      </c>
      <c r="UCT731" s="424"/>
      <c r="UCU731" s="424"/>
      <c r="UCV731" s="424"/>
      <c r="UCW731" s="423" t="s">
        <v>2795</v>
      </c>
      <c r="UCX731" s="424"/>
      <c r="UCY731" s="424"/>
      <c r="UCZ731" s="424"/>
      <c r="UDA731" s="423" t="s">
        <v>2795</v>
      </c>
      <c r="UDB731" s="424"/>
      <c r="UDC731" s="424"/>
      <c r="UDD731" s="424"/>
      <c r="UDE731" s="423" t="s">
        <v>2795</v>
      </c>
      <c r="UDF731" s="424"/>
      <c r="UDG731" s="424"/>
      <c r="UDH731" s="424"/>
      <c r="UDI731" s="423" t="s">
        <v>2795</v>
      </c>
      <c r="UDJ731" s="424"/>
      <c r="UDK731" s="424"/>
      <c r="UDL731" s="424"/>
      <c r="UDM731" s="423" t="s">
        <v>2795</v>
      </c>
      <c r="UDN731" s="424"/>
      <c r="UDO731" s="424"/>
      <c r="UDP731" s="424"/>
      <c r="UDQ731" s="423" t="s">
        <v>2795</v>
      </c>
      <c r="UDR731" s="424"/>
      <c r="UDS731" s="424"/>
      <c r="UDT731" s="424"/>
      <c r="UDU731" s="423" t="s">
        <v>2795</v>
      </c>
      <c r="UDV731" s="424"/>
      <c r="UDW731" s="424"/>
      <c r="UDX731" s="424"/>
      <c r="UDY731" s="423" t="s">
        <v>2795</v>
      </c>
      <c r="UDZ731" s="424"/>
      <c r="UEA731" s="424"/>
      <c r="UEB731" s="424"/>
      <c r="UEC731" s="423" t="s">
        <v>2795</v>
      </c>
      <c r="UED731" s="424"/>
      <c r="UEE731" s="424"/>
      <c r="UEF731" s="424"/>
      <c r="UEG731" s="423" t="s">
        <v>2795</v>
      </c>
      <c r="UEH731" s="424"/>
      <c r="UEI731" s="424"/>
      <c r="UEJ731" s="424"/>
      <c r="UEK731" s="423" t="s">
        <v>2795</v>
      </c>
      <c r="UEL731" s="424"/>
      <c r="UEM731" s="424"/>
      <c r="UEN731" s="424"/>
      <c r="UEO731" s="423" t="s">
        <v>2795</v>
      </c>
      <c r="UEP731" s="424"/>
      <c r="UEQ731" s="424"/>
      <c r="UER731" s="424"/>
      <c r="UES731" s="423" t="s">
        <v>2795</v>
      </c>
      <c r="UET731" s="424"/>
      <c r="UEU731" s="424"/>
      <c r="UEV731" s="424"/>
      <c r="UEW731" s="423" t="s">
        <v>2795</v>
      </c>
      <c r="UEX731" s="424"/>
      <c r="UEY731" s="424"/>
      <c r="UEZ731" s="424"/>
      <c r="UFA731" s="423" t="s">
        <v>2795</v>
      </c>
      <c r="UFB731" s="424"/>
      <c r="UFC731" s="424"/>
      <c r="UFD731" s="424"/>
      <c r="UFE731" s="423" t="s">
        <v>2795</v>
      </c>
      <c r="UFF731" s="424"/>
      <c r="UFG731" s="424"/>
      <c r="UFH731" s="424"/>
      <c r="UFI731" s="423" t="s">
        <v>2795</v>
      </c>
      <c r="UFJ731" s="424"/>
      <c r="UFK731" s="424"/>
      <c r="UFL731" s="424"/>
      <c r="UFM731" s="423" t="s">
        <v>2795</v>
      </c>
      <c r="UFN731" s="424"/>
      <c r="UFO731" s="424"/>
      <c r="UFP731" s="424"/>
      <c r="UFQ731" s="423" t="s">
        <v>2795</v>
      </c>
      <c r="UFR731" s="424"/>
      <c r="UFS731" s="424"/>
      <c r="UFT731" s="424"/>
      <c r="UFU731" s="423" t="s">
        <v>2795</v>
      </c>
      <c r="UFV731" s="424"/>
      <c r="UFW731" s="424"/>
      <c r="UFX731" s="424"/>
      <c r="UFY731" s="423" t="s">
        <v>2795</v>
      </c>
      <c r="UFZ731" s="424"/>
      <c r="UGA731" s="424"/>
      <c r="UGB731" s="424"/>
      <c r="UGC731" s="423" t="s">
        <v>2795</v>
      </c>
      <c r="UGD731" s="424"/>
      <c r="UGE731" s="424"/>
      <c r="UGF731" s="424"/>
      <c r="UGG731" s="423" t="s">
        <v>2795</v>
      </c>
      <c r="UGH731" s="424"/>
      <c r="UGI731" s="424"/>
      <c r="UGJ731" s="424"/>
      <c r="UGK731" s="423" t="s">
        <v>2795</v>
      </c>
      <c r="UGL731" s="424"/>
      <c r="UGM731" s="424"/>
      <c r="UGN731" s="424"/>
      <c r="UGO731" s="423" t="s">
        <v>2795</v>
      </c>
      <c r="UGP731" s="424"/>
      <c r="UGQ731" s="424"/>
      <c r="UGR731" s="424"/>
      <c r="UGS731" s="423" t="s">
        <v>2795</v>
      </c>
      <c r="UGT731" s="424"/>
      <c r="UGU731" s="424"/>
      <c r="UGV731" s="424"/>
      <c r="UGW731" s="423" t="s">
        <v>2795</v>
      </c>
      <c r="UGX731" s="424"/>
      <c r="UGY731" s="424"/>
      <c r="UGZ731" s="424"/>
      <c r="UHA731" s="423" t="s">
        <v>2795</v>
      </c>
      <c r="UHB731" s="424"/>
      <c r="UHC731" s="424"/>
      <c r="UHD731" s="424"/>
      <c r="UHE731" s="423" t="s">
        <v>2795</v>
      </c>
      <c r="UHF731" s="424"/>
      <c r="UHG731" s="424"/>
      <c r="UHH731" s="424"/>
      <c r="UHI731" s="423" t="s">
        <v>2795</v>
      </c>
      <c r="UHJ731" s="424"/>
      <c r="UHK731" s="424"/>
      <c r="UHL731" s="424"/>
      <c r="UHM731" s="423" t="s">
        <v>2795</v>
      </c>
      <c r="UHN731" s="424"/>
      <c r="UHO731" s="424"/>
      <c r="UHP731" s="424"/>
      <c r="UHQ731" s="423" t="s">
        <v>2795</v>
      </c>
      <c r="UHR731" s="424"/>
      <c r="UHS731" s="424"/>
      <c r="UHT731" s="424"/>
      <c r="UHU731" s="423" t="s">
        <v>2795</v>
      </c>
      <c r="UHV731" s="424"/>
      <c r="UHW731" s="424"/>
      <c r="UHX731" s="424"/>
      <c r="UHY731" s="423" t="s">
        <v>2795</v>
      </c>
      <c r="UHZ731" s="424"/>
      <c r="UIA731" s="424"/>
      <c r="UIB731" s="424"/>
      <c r="UIC731" s="423" t="s">
        <v>2795</v>
      </c>
      <c r="UID731" s="424"/>
      <c r="UIE731" s="424"/>
      <c r="UIF731" s="424"/>
      <c r="UIG731" s="423" t="s">
        <v>2795</v>
      </c>
      <c r="UIH731" s="424"/>
      <c r="UII731" s="424"/>
      <c r="UIJ731" s="424"/>
      <c r="UIK731" s="423" t="s">
        <v>2795</v>
      </c>
      <c r="UIL731" s="424"/>
      <c r="UIM731" s="424"/>
      <c r="UIN731" s="424"/>
      <c r="UIO731" s="423" t="s">
        <v>2795</v>
      </c>
      <c r="UIP731" s="424"/>
      <c r="UIQ731" s="424"/>
      <c r="UIR731" s="424"/>
      <c r="UIS731" s="423" t="s">
        <v>2795</v>
      </c>
      <c r="UIT731" s="424"/>
      <c r="UIU731" s="424"/>
      <c r="UIV731" s="424"/>
      <c r="UIW731" s="423" t="s">
        <v>2795</v>
      </c>
      <c r="UIX731" s="424"/>
      <c r="UIY731" s="424"/>
      <c r="UIZ731" s="424"/>
      <c r="UJA731" s="423" t="s">
        <v>2795</v>
      </c>
      <c r="UJB731" s="424"/>
      <c r="UJC731" s="424"/>
      <c r="UJD731" s="424"/>
      <c r="UJE731" s="423" t="s">
        <v>2795</v>
      </c>
      <c r="UJF731" s="424"/>
      <c r="UJG731" s="424"/>
      <c r="UJH731" s="424"/>
      <c r="UJI731" s="423" t="s">
        <v>2795</v>
      </c>
      <c r="UJJ731" s="424"/>
      <c r="UJK731" s="424"/>
      <c r="UJL731" s="424"/>
      <c r="UJM731" s="423" t="s">
        <v>2795</v>
      </c>
      <c r="UJN731" s="424"/>
      <c r="UJO731" s="424"/>
      <c r="UJP731" s="424"/>
      <c r="UJQ731" s="423" t="s">
        <v>2795</v>
      </c>
      <c r="UJR731" s="424"/>
      <c r="UJS731" s="424"/>
      <c r="UJT731" s="424"/>
      <c r="UJU731" s="423" t="s">
        <v>2795</v>
      </c>
      <c r="UJV731" s="424"/>
      <c r="UJW731" s="424"/>
      <c r="UJX731" s="424"/>
      <c r="UJY731" s="423" t="s">
        <v>2795</v>
      </c>
      <c r="UJZ731" s="424"/>
      <c r="UKA731" s="424"/>
      <c r="UKB731" s="424"/>
      <c r="UKC731" s="423" t="s">
        <v>2795</v>
      </c>
      <c r="UKD731" s="424"/>
      <c r="UKE731" s="424"/>
      <c r="UKF731" s="424"/>
      <c r="UKG731" s="423" t="s">
        <v>2795</v>
      </c>
      <c r="UKH731" s="424"/>
      <c r="UKI731" s="424"/>
      <c r="UKJ731" s="424"/>
      <c r="UKK731" s="423" t="s">
        <v>2795</v>
      </c>
      <c r="UKL731" s="424"/>
      <c r="UKM731" s="424"/>
      <c r="UKN731" s="424"/>
      <c r="UKO731" s="423" t="s">
        <v>2795</v>
      </c>
      <c r="UKP731" s="424"/>
      <c r="UKQ731" s="424"/>
      <c r="UKR731" s="424"/>
      <c r="UKS731" s="423" t="s">
        <v>2795</v>
      </c>
      <c r="UKT731" s="424"/>
      <c r="UKU731" s="424"/>
      <c r="UKV731" s="424"/>
      <c r="UKW731" s="423" t="s">
        <v>2795</v>
      </c>
      <c r="UKX731" s="424"/>
      <c r="UKY731" s="424"/>
      <c r="UKZ731" s="424"/>
      <c r="ULA731" s="423" t="s">
        <v>2795</v>
      </c>
      <c r="ULB731" s="424"/>
      <c r="ULC731" s="424"/>
      <c r="ULD731" s="424"/>
      <c r="ULE731" s="423" t="s">
        <v>2795</v>
      </c>
      <c r="ULF731" s="424"/>
      <c r="ULG731" s="424"/>
      <c r="ULH731" s="424"/>
      <c r="ULI731" s="423" t="s">
        <v>2795</v>
      </c>
      <c r="ULJ731" s="424"/>
      <c r="ULK731" s="424"/>
      <c r="ULL731" s="424"/>
      <c r="ULM731" s="423" t="s">
        <v>2795</v>
      </c>
      <c r="ULN731" s="424"/>
      <c r="ULO731" s="424"/>
      <c r="ULP731" s="424"/>
      <c r="ULQ731" s="423" t="s">
        <v>2795</v>
      </c>
      <c r="ULR731" s="424"/>
      <c r="ULS731" s="424"/>
      <c r="ULT731" s="424"/>
      <c r="ULU731" s="423" t="s">
        <v>2795</v>
      </c>
      <c r="ULV731" s="424"/>
      <c r="ULW731" s="424"/>
      <c r="ULX731" s="424"/>
      <c r="ULY731" s="423" t="s">
        <v>2795</v>
      </c>
      <c r="ULZ731" s="424"/>
      <c r="UMA731" s="424"/>
      <c r="UMB731" s="424"/>
      <c r="UMC731" s="423" t="s">
        <v>2795</v>
      </c>
      <c r="UMD731" s="424"/>
      <c r="UME731" s="424"/>
      <c r="UMF731" s="424"/>
      <c r="UMG731" s="423" t="s">
        <v>2795</v>
      </c>
      <c r="UMH731" s="424"/>
      <c r="UMI731" s="424"/>
      <c r="UMJ731" s="424"/>
      <c r="UMK731" s="423" t="s">
        <v>2795</v>
      </c>
      <c r="UML731" s="424"/>
      <c r="UMM731" s="424"/>
      <c r="UMN731" s="424"/>
      <c r="UMO731" s="423" t="s">
        <v>2795</v>
      </c>
      <c r="UMP731" s="424"/>
      <c r="UMQ731" s="424"/>
      <c r="UMR731" s="424"/>
      <c r="UMS731" s="423" t="s">
        <v>2795</v>
      </c>
      <c r="UMT731" s="424"/>
      <c r="UMU731" s="424"/>
      <c r="UMV731" s="424"/>
      <c r="UMW731" s="423" t="s">
        <v>2795</v>
      </c>
      <c r="UMX731" s="424"/>
      <c r="UMY731" s="424"/>
      <c r="UMZ731" s="424"/>
      <c r="UNA731" s="423" t="s">
        <v>2795</v>
      </c>
      <c r="UNB731" s="424"/>
      <c r="UNC731" s="424"/>
      <c r="UND731" s="424"/>
      <c r="UNE731" s="423" t="s">
        <v>2795</v>
      </c>
      <c r="UNF731" s="424"/>
      <c r="UNG731" s="424"/>
      <c r="UNH731" s="424"/>
      <c r="UNI731" s="423" t="s">
        <v>2795</v>
      </c>
      <c r="UNJ731" s="424"/>
      <c r="UNK731" s="424"/>
      <c r="UNL731" s="424"/>
      <c r="UNM731" s="423" t="s">
        <v>2795</v>
      </c>
      <c r="UNN731" s="424"/>
      <c r="UNO731" s="424"/>
      <c r="UNP731" s="424"/>
      <c r="UNQ731" s="423" t="s">
        <v>2795</v>
      </c>
      <c r="UNR731" s="424"/>
      <c r="UNS731" s="424"/>
      <c r="UNT731" s="424"/>
      <c r="UNU731" s="423" t="s">
        <v>2795</v>
      </c>
      <c r="UNV731" s="424"/>
      <c r="UNW731" s="424"/>
      <c r="UNX731" s="424"/>
      <c r="UNY731" s="423" t="s">
        <v>2795</v>
      </c>
      <c r="UNZ731" s="424"/>
      <c r="UOA731" s="424"/>
      <c r="UOB731" s="424"/>
      <c r="UOC731" s="423" t="s">
        <v>2795</v>
      </c>
      <c r="UOD731" s="424"/>
      <c r="UOE731" s="424"/>
      <c r="UOF731" s="424"/>
      <c r="UOG731" s="423" t="s">
        <v>2795</v>
      </c>
      <c r="UOH731" s="424"/>
      <c r="UOI731" s="424"/>
      <c r="UOJ731" s="424"/>
      <c r="UOK731" s="423" t="s">
        <v>2795</v>
      </c>
      <c r="UOL731" s="424"/>
      <c r="UOM731" s="424"/>
      <c r="UON731" s="424"/>
      <c r="UOO731" s="423" t="s">
        <v>2795</v>
      </c>
      <c r="UOP731" s="424"/>
      <c r="UOQ731" s="424"/>
      <c r="UOR731" s="424"/>
      <c r="UOS731" s="423" t="s">
        <v>2795</v>
      </c>
      <c r="UOT731" s="424"/>
      <c r="UOU731" s="424"/>
      <c r="UOV731" s="424"/>
      <c r="UOW731" s="423" t="s">
        <v>2795</v>
      </c>
      <c r="UOX731" s="424"/>
      <c r="UOY731" s="424"/>
      <c r="UOZ731" s="424"/>
      <c r="UPA731" s="423" t="s">
        <v>2795</v>
      </c>
      <c r="UPB731" s="424"/>
      <c r="UPC731" s="424"/>
      <c r="UPD731" s="424"/>
      <c r="UPE731" s="423" t="s">
        <v>2795</v>
      </c>
      <c r="UPF731" s="424"/>
      <c r="UPG731" s="424"/>
      <c r="UPH731" s="424"/>
      <c r="UPI731" s="423" t="s">
        <v>2795</v>
      </c>
      <c r="UPJ731" s="424"/>
      <c r="UPK731" s="424"/>
      <c r="UPL731" s="424"/>
      <c r="UPM731" s="423" t="s">
        <v>2795</v>
      </c>
      <c r="UPN731" s="424"/>
      <c r="UPO731" s="424"/>
      <c r="UPP731" s="424"/>
      <c r="UPQ731" s="423" t="s">
        <v>2795</v>
      </c>
      <c r="UPR731" s="424"/>
      <c r="UPS731" s="424"/>
      <c r="UPT731" s="424"/>
      <c r="UPU731" s="423" t="s">
        <v>2795</v>
      </c>
      <c r="UPV731" s="424"/>
      <c r="UPW731" s="424"/>
      <c r="UPX731" s="424"/>
      <c r="UPY731" s="423" t="s">
        <v>2795</v>
      </c>
      <c r="UPZ731" s="424"/>
      <c r="UQA731" s="424"/>
      <c r="UQB731" s="424"/>
      <c r="UQC731" s="423" t="s">
        <v>2795</v>
      </c>
      <c r="UQD731" s="424"/>
      <c r="UQE731" s="424"/>
      <c r="UQF731" s="424"/>
      <c r="UQG731" s="423" t="s">
        <v>2795</v>
      </c>
      <c r="UQH731" s="424"/>
      <c r="UQI731" s="424"/>
      <c r="UQJ731" s="424"/>
      <c r="UQK731" s="423" t="s">
        <v>2795</v>
      </c>
      <c r="UQL731" s="424"/>
      <c r="UQM731" s="424"/>
      <c r="UQN731" s="424"/>
      <c r="UQO731" s="423" t="s">
        <v>2795</v>
      </c>
      <c r="UQP731" s="424"/>
      <c r="UQQ731" s="424"/>
      <c r="UQR731" s="424"/>
      <c r="UQS731" s="423" t="s">
        <v>2795</v>
      </c>
      <c r="UQT731" s="424"/>
      <c r="UQU731" s="424"/>
      <c r="UQV731" s="424"/>
      <c r="UQW731" s="423" t="s">
        <v>2795</v>
      </c>
      <c r="UQX731" s="424"/>
      <c r="UQY731" s="424"/>
      <c r="UQZ731" s="424"/>
      <c r="URA731" s="423" t="s">
        <v>2795</v>
      </c>
      <c r="URB731" s="424"/>
      <c r="URC731" s="424"/>
      <c r="URD731" s="424"/>
      <c r="URE731" s="423" t="s">
        <v>2795</v>
      </c>
      <c r="URF731" s="424"/>
      <c r="URG731" s="424"/>
      <c r="URH731" s="424"/>
      <c r="URI731" s="423" t="s">
        <v>2795</v>
      </c>
      <c r="URJ731" s="424"/>
      <c r="URK731" s="424"/>
      <c r="URL731" s="424"/>
      <c r="URM731" s="423" t="s">
        <v>2795</v>
      </c>
      <c r="URN731" s="424"/>
      <c r="URO731" s="424"/>
      <c r="URP731" s="424"/>
      <c r="URQ731" s="423" t="s">
        <v>2795</v>
      </c>
      <c r="URR731" s="424"/>
      <c r="URS731" s="424"/>
      <c r="URT731" s="424"/>
      <c r="URU731" s="423" t="s">
        <v>2795</v>
      </c>
      <c r="URV731" s="424"/>
      <c r="URW731" s="424"/>
      <c r="URX731" s="424"/>
      <c r="URY731" s="423" t="s">
        <v>2795</v>
      </c>
      <c r="URZ731" s="424"/>
      <c r="USA731" s="424"/>
      <c r="USB731" s="424"/>
      <c r="USC731" s="423" t="s">
        <v>2795</v>
      </c>
      <c r="USD731" s="424"/>
      <c r="USE731" s="424"/>
      <c r="USF731" s="424"/>
      <c r="USG731" s="423" t="s">
        <v>2795</v>
      </c>
      <c r="USH731" s="424"/>
      <c r="USI731" s="424"/>
      <c r="USJ731" s="424"/>
      <c r="USK731" s="423" t="s">
        <v>2795</v>
      </c>
      <c r="USL731" s="424"/>
      <c r="USM731" s="424"/>
      <c r="USN731" s="424"/>
      <c r="USO731" s="423" t="s">
        <v>2795</v>
      </c>
      <c r="USP731" s="424"/>
      <c r="USQ731" s="424"/>
      <c r="USR731" s="424"/>
      <c r="USS731" s="423" t="s">
        <v>2795</v>
      </c>
      <c r="UST731" s="424"/>
      <c r="USU731" s="424"/>
      <c r="USV731" s="424"/>
      <c r="USW731" s="423" t="s">
        <v>2795</v>
      </c>
      <c r="USX731" s="424"/>
      <c r="USY731" s="424"/>
      <c r="USZ731" s="424"/>
      <c r="UTA731" s="423" t="s">
        <v>2795</v>
      </c>
      <c r="UTB731" s="424"/>
      <c r="UTC731" s="424"/>
      <c r="UTD731" s="424"/>
      <c r="UTE731" s="423" t="s">
        <v>2795</v>
      </c>
      <c r="UTF731" s="424"/>
      <c r="UTG731" s="424"/>
      <c r="UTH731" s="424"/>
      <c r="UTI731" s="423" t="s">
        <v>2795</v>
      </c>
      <c r="UTJ731" s="424"/>
      <c r="UTK731" s="424"/>
      <c r="UTL731" s="424"/>
      <c r="UTM731" s="423" t="s">
        <v>2795</v>
      </c>
      <c r="UTN731" s="424"/>
      <c r="UTO731" s="424"/>
      <c r="UTP731" s="424"/>
      <c r="UTQ731" s="423" t="s">
        <v>2795</v>
      </c>
      <c r="UTR731" s="424"/>
      <c r="UTS731" s="424"/>
      <c r="UTT731" s="424"/>
      <c r="UTU731" s="423" t="s">
        <v>2795</v>
      </c>
      <c r="UTV731" s="424"/>
      <c r="UTW731" s="424"/>
      <c r="UTX731" s="424"/>
      <c r="UTY731" s="423" t="s">
        <v>2795</v>
      </c>
      <c r="UTZ731" s="424"/>
      <c r="UUA731" s="424"/>
      <c r="UUB731" s="424"/>
      <c r="UUC731" s="423" t="s">
        <v>2795</v>
      </c>
      <c r="UUD731" s="424"/>
      <c r="UUE731" s="424"/>
      <c r="UUF731" s="424"/>
      <c r="UUG731" s="423" t="s">
        <v>2795</v>
      </c>
      <c r="UUH731" s="424"/>
      <c r="UUI731" s="424"/>
      <c r="UUJ731" s="424"/>
      <c r="UUK731" s="423" t="s">
        <v>2795</v>
      </c>
      <c r="UUL731" s="424"/>
      <c r="UUM731" s="424"/>
      <c r="UUN731" s="424"/>
      <c r="UUO731" s="423" t="s">
        <v>2795</v>
      </c>
      <c r="UUP731" s="424"/>
      <c r="UUQ731" s="424"/>
      <c r="UUR731" s="424"/>
      <c r="UUS731" s="423" t="s">
        <v>2795</v>
      </c>
      <c r="UUT731" s="424"/>
      <c r="UUU731" s="424"/>
      <c r="UUV731" s="424"/>
      <c r="UUW731" s="423" t="s">
        <v>2795</v>
      </c>
      <c r="UUX731" s="424"/>
      <c r="UUY731" s="424"/>
      <c r="UUZ731" s="424"/>
      <c r="UVA731" s="423" t="s">
        <v>2795</v>
      </c>
      <c r="UVB731" s="424"/>
      <c r="UVC731" s="424"/>
      <c r="UVD731" s="424"/>
      <c r="UVE731" s="423" t="s">
        <v>2795</v>
      </c>
      <c r="UVF731" s="424"/>
      <c r="UVG731" s="424"/>
      <c r="UVH731" s="424"/>
      <c r="UVI731" s="423" t="s">
        <v>2795</v>
      </c>
      <c r="UVJ731" s="424"/>
      <c r="UVK731" s="424"/>
      <c r="UVL731" s="424"/>
      <c r="UVM731" s="423" t="s">
        <v>2795</v>
      </c>
      <c r="UVN731" s="424"/>
      <c r="UVO731" s="424"/>
      <c r="UVP731" s="424"/>
      <c r="UVQ731" s="423" t="s">
        <v>2795</v>
      </c>
      <c r="UVR731" s="424"/>
      <c r="UVS731" s="424"/>
      <c r="UVT731" s="424"/>
      <c r="UVU731" s="423" t="s">
        <v>2795</v>
      </c>
      <c r="UVV731" s="424"/>
      <c r="UVW731" s="424"/>
      <c r="UVX731" s="424"/>
      <c r="UVY731" s="423" t="s">
        <v>2795</v>
      </c>
      <c r="UVZ731" s="424"/>
      <c r="UWA731" s="424"/>
      <c r="UWB731" s="424"/>
      <c r="UWC731" s="423" t="s">
        <v>2795</v>
      </c>
      <c r="UWD731" s="424"/>
      <c r="UWE731" s="424"/>
      <c r="UWF731" s="424"/>
      <c r="UWG731" s="423" t="s">
        <v>2795</v>
      </c>
      <c r="UWH731" s="424"/>
      <c r="UWI731" s="424"/>
      <c r="UWJ731" s="424"/>
      <c r="UWK731" s="423" t="s">
        <v>2795</v>
      </c>
      <c r="UWL731" s="424"/>
      <c r="UWM731" s="424"/>
      <c r="UWN731" s="424"/>
      <c r="UWO731" s="423" t="s">
        <v>2795</v>
      </c>
      <c r="UWP731" s="424"/>
      <c r="UWQ731" s="424"/>
      <c r="UWR731" s="424"/>
      <c r="UWS731" s="423" t="s">
        <v>2795</v>
      </c>
      <c r="UWT731" s="424"/>
      <c r="UWU731" s="424"/>
      <c r="UWV731" s="424"/>
      <c r="UWW731" s="423" t="s">
        <v>2795</v>
      </c>
      <c r="UWX731" s="424"/>
      <c r="UWY731" s="424"/>
      <c r="UWZ731" s="424"/>
      <c r="UXA731" s="423" t="s">
        <v>2795</v>
      </c>
      <c r="UXB731" s="424"/>
      <c r="UXC731" s="424"/>
      <c r="UXD731" s="424"/>
      <c r="UXE731" s="423" t="s">
        <v>2795</v>
      </c>
      <c r="UXF731" s="424"/>
      <c r="UXG731" s="424"/>
      <c r="UXH731" s="424"/>
      <c r="UXI731" s="423" t="s">
        <v>2795</v>
      </c>
      <c r="UXJ731" s="424"/>
      <c r="UXK731" s="424"/>
      <c r="UXL731" s="424"/>
      <c r="UXM731" s="423" t="s">
        <v>2795</v>
      </c>
      <c r="UXN731" s="424"/>
      <c r="UXO731" s="424"/>
      <c r="UXP731" s="424"/>
      <c r="UXQ731" s="423" t="s">
        <v>2795</v>
      </c>
      <c r="UXR731" s="424"/>
      <c r="UXS731" s="424"/>
      <c r="UXT731" s="424"/>
      <c r="UXU731" s="423" t="s">
        <v>2795</v>
      </c>
      <c r="UXV731" s="424"/>
      <c r="UXW731" s="424"/>
      <c r="UXX731" s="424"/>
      <c r="UXY731" s="423" t="s">
        <v>2795</v>
      </c>
      <c r="UXZ731" s="424"/>
      <c r="UYA731" s="424"/>
      <c r="UYB731" s="424"/>
      <c r="UYC731" s="423" t="s">
        <v>2795</v>
      </c>
      <c r="UYD731" s="424"/>
      <c r="UYE731" s="424"/>
      <c r="UYF731" s="424"/>
      <c r="UYG731" s="423" t="s">
        <v>2795</v>
      </c>
      <c r="UYH731" s="424"/>
      <c r="UYI731" s="424"/>
      <c r="UYJ731" s="424"/>
      <c r="UYK731" s="423" t="s">
        <v>2795</v>
      </c>
      <c r="UYL731" s="424"/>
      <c r="UYM731" s="424"/>
      <c r="UYN731" s="424"/>
      <c r="UYO731" s="423" t="s">
        <v>2795</v>
      </c>
      <c r="UYP731" s="424"/>
      <c r="UYQ731" s="424"/>
      <c r="UYR731" s="424"/>
      <c r="UYS731" s="423" t="s">
        <v>2795</v>
      </c>
      <c r="UYT731" s="424"/>
      <c r="UYU731" s="424"/>
      <c r="UYV731" s="424"/>
      <c r="UYW731" s="423" t="s">
        <v>2795</v>
      </c>
      <c r="UYX731" s="424"/>
      <c r="UYY731" s="424"/>
      <c r="UYZ731" s="424"/>
      <c r="UZA731" s="423" t="s">
        <v>2795</v>
      </c>
      <c r="UZB731" s="424"/>
      <c r="UZC731" s="424"/>
      <c r="UZD731" s="424"/>
      <c r="UZE731" s="423" t="s">
        <v>2795</v>
      </c>
      <c r="UZF731" s="424"/>
      <c r="UZG731" s="424"/>
      <c r="UZH731" s="424"/>
      <c r="UZI731" s="423" t="s">
        <v>2795</v>
      </c>
      <c r="UZJ731" s="424"/>
      <c r="UZK731" s="424"/>
      <c r="UZL731" s="424"/>
      <c r="UZM731" s="423" t="s">
        <v>2795</v>
      </c>
      <c r="UZN731" s="424"/>
      <c r="UZO731" s="424"/>
      <c r="UZP731" s="424"/>
      <c r="UZQ731" s="423" t="s">
        <v>2795</v>
      </c>
      <c r="UZR731" s="424"/>
      <c r="UZS731" s="424"/>
      <c r="UZT731" s="424"/>
      <c r="UZU731" s="423" t="s">
        <v>2795</v>
      </c>
      <c r="UZV731" s="424"/>
      <c r="UZW731" s="424"/>
      <c r="UZX731" s="424"/>
      <c r="UZY731" s="423" t="s">
        <v>2795</v>
      </c>
      <c r="UZZ731" s="424"/>
      <c r="VAA731" s="424"/>
      <c r="VAB731" s="424"/>
      <c r="VAC731" s="423" t="s">
        <v>2795</v>
      </c>
      <c r="VAD731" s="424"/>
      <c r="VAE731" s="424"/>
      <c r="VAF731" s="424"/>
      <c r="VAG731" s="423" t="s">
        <v>2795</v>
      </c>
      <c r="VAH731" s="424"/>
      <c r="VAI731" s="424"/>
      <c r="VAJ731" s="424"/>
      <c r="VAK731" s="423" t="s">
        <v>2795</v>
      </c>
      <c r="VAL731" s="424"/>
      <c r="VAM731" s="424"/>
      <c r="VAN731" s="424"/>
      <c r="VAO731" s="423" t="s">
        <v>2795</v>
      </c>
      <c r="VAP731" s="424"/>
      <c r="VAQ731" s="424"/>
      <c r="VAR731" s="424"/>
      <c r="VAS731" s="423" t="s">
        <v>2795</v>
      </c>
      <c r="VAT731" s="424"/>
      <c r="VAU731" s="424"/>
      <c r="VAV731" s="424"/>
      <c r="VAW731" s="423" t="s">
        <v>2795</v>
      </c>
      <c r="VAX731" s="424"/>
      <c r="VAY731" s="424"/>
      <c r="VAZ731" s="424"/>
      <c r="VBA731" s="423" t="s">
        <v>2795</v>
      </c>
      <c r="VBB731" s="424"/>
      <c r="VBC731" s="424"/>
      <c r="VBD731" s="424"/>
      <c r="VBE731" s="423" t="s">
        <v>2795</v>
      </c>
      <c r="VBF731" s="424"/>
      <c r="VBG731" s="424"/>
      <c r="VBH731" s="424"/>
      <c r="VBI731" s="423" t="s">
        <v>2795</v>
      </c>
      <c r="VBJ731" s="424"/>
      <c r="VBK731" s="424"/>
      <c r="VBL731" s="424"/>
      <c r="VBM731" s="423" t="s">
        <v>2795</v>
      </c>
      <c r="VBN731" s="424"/>
      <c r="VBO731" s="424"/>
      <c r="VBP731" s="424"/>
      <c r="VBQ731" s="423" t="s">
        <v>2795</v>
      </c>
      <c r="VBR731" s="424"/>
      <c r="VBS731" s="424"/>
      <c r="VBT731" s="424"/>
      <c r="VBU731" s="423" t="s">
        <v>2795</v>
      </c>
      <c r="VBV731" s="424"/>
      <c r="VBW731" s="424"/>
      <c r="VBX731" s="424"/>
      <c r="VBY731" s="423" t="s">
        <v>2795</v>
      </c>
      <c r="VBZ731" s="424"/>
      <c r="VCA731" s="424"/>
      <c r="VCB731" s="424"/>
      <c r="VCC731" s="423" t="s">
        <v>2795</v>
      </c>
      <c r="VCD731" s="424"/>
      <c r="VCE731" s="424"/>
      <c r="VCF731" s="424"/>
      <c r="VCG731" s="423" t="s">
        <v>2795</v>
      </c>
      <c r="VCH731" s="424"/>
      <c r="VCI731" s="424"/>
      <c r="VCJ731" s="424"/>
      <c r="VCK731" s="423" t="s">
        <v>2795</v>
      </c>
      <c r="VCL731" s="424"/>
      <c r="VCM731" s="424"/>
      <c r="VCN731" s="424"/>
      <c r="VCO731" s="423" t="s">
        <v>2795</v>
      </c>
      <c r="VCP731" s="424"/>
      <c r="VCQ731" s="424"/>
      <c r="VCR731" s="424"/>
      <c r="VCS731" s="423" t="s">
        <v>2795</v>
      </c>
      <c r="VCT731" s="424"/>
      <c r="VCU731" s="424"/>
      <c r="VCV731" s="424"/>
      <c r="VCW731" s="423" t="s">
        <v>2795</v>
      </c>
      <c r="VCX731" s="424"/>
      <c r="VCY731" s="424"/>
      <c r="VCZ731" s="424"/>
      <c r="VDA731" s="423" t="s">
        <v>2795</v>
      </c>
      <c r="VDB731" s="424"/>
      <c r="VDC731" s="424"/>
      <c r="VDD731" s="424"/>
      <c r="VDE731" s="423" t="s">
        <v>2795</v>
      </c>
      <c r="VDF731" s="424"/>
      <c r="VDG731" s="424"/>
      <c r="VDH731" s="424"/>
      <c r="VDI731" s="423" t="s">
        <v>2795</v>
      </c>
      <c r="VDJ731" s="424"/>
      <c r="VDK731" s="424"/>
      <c r="VDL731" s="424"/>
      <c r="VDM731" s="423" t="s">
        <v>2795</v>
      </c>
      <c r="VDN731" s="424"/>
      <c r="VDO731" s="424"/>
      <c r="VDP731" s="424"/>
      <c r="VDQ731" s="423" t="s">
        <v>2795</v>
      </c>
      <c r="VDR731" s="424"/>
      <c r="VDS731" s="424"/>
      <c r="VDT731" s="424"/>
      <c r="VDU731" s="423" t="s">
        <v>2795</v>
      </c>
      <c r="VDV731" s="424"/>
      <c r="VDW731" s="424"/>
      <c r="VDX731" s="424"/>
      <c r="VDY731" s="423" t="s">
        <v>2795</v>
      </c>
      <c r="VDZ731" s="424"/>
      <c r="VEA731" s="424"/>
      <c r="VEB731" s="424"/>
      <c r="VEC731" s="423" t="s">
        <v>2795</v>
      </c>
      <c r="VED731" s="424"/>
      <c r="VEE731" s="424"/>
      <c r="VEF731" s="424"/>
      <c r="VEG731" s="423" t="s">
        <v>2795</v>
      </c>
      <c r="VEH731" s="424"/>
      <c r="VEI731" s="424"/>
      <c r="VEJ731" s="424"/>
      <c r="VEK731" s="423" t="s">
        <v>2795</v>
      </c>
      <c r="VEL731" s="424"/>
      <c r="VEM731" s="424"/>
      <c r="VEN731" s="424"/>
      <c r="VEO731" s="423" t="s">
        <v>2795</v>
      </c>
      <c r="VEP731" s="424"/>
      <c r="VEQ731" s="424"/>
      <c r="VER731" s="424"/>
      <c r="VES731" s="423" t="s">
        <v>2795</v>
      </c>
      <c r="VET731" s="424"/>
      <c r="VEU731" s="424"/>
      <c r="VEV731" s="424"/>
      <c r="VEW731" s="423" t="s">
        <v>2795</v>
      </c>
      <c r="VEX731" s="424"/>
      <c r="VEY731" s="424"/>
      <c r="VEZ731" s="424"/>
      <c r="VFA731" s="423" t="s">
        <v>2795</v>
      </c>
      <c r="VFB731" s="424"/>
      <c r="VFC731" s="424"/>
      <c r="VFD731" s="424"/>
      <c r="VFE731" s="423" t="s">
        <v>2795</v>
      </c>
      <c r="VFF731" s="424"/>
      <c r="VFG731" s="424"/>
      <c r="VFH731" s="424"/>
      <c r="VFI731" s="423" t="s">
        <v>2795</v>
      </c>
      <c r="VFJ731" s="424"/>
      <c r="VFK731" s="424"/>
      <c r="VFL731" s="424"/>
      <c r="VFM731" s="423" t="s">
        <v>2795</v>
      </c>
      <c r="VFN731" s="424"/>
      <c r="VFO731" s="424"/>
      <c r="VFP731" s="424"/>
      <c r="VFQ731" s="423" t="s">
        <v>2795</v>
      </c>
      <c r="VFR731" s="424"/>
      <c r="VFS731" s="424"/>
      <c r="VFT731" s="424"/>
      <c r="VFU731" s="423" t="s">
        <v>2795</v>
      </c>
      <c r="VFV731" s="424"/>
      <c r="VFW731" s="424"/>
      <c r="VFX731" s="424"/>
      <c r="VFY731" s="423" t="s">
        <v>2795</v>
      </c>
      <c r="VFZ731" s="424"/>
      <c r="VGA731" s="424"/>
      <c r="VGB731" s="424"/>
      <c r="VGC731" s="423" t="s">
        <v>2795</v>
      </c>
      <c r="VGD731" s="424"/>
      <c r="VGE731" s="424"/>
      <c r="VGF731" s="424"/>
      <c r="VGG731" s="423" t="s">
        <v>2795</v>
      </c>
      <c r="VGH731" s="424"/>
      <c r="VGI731" s="424"/>
      <c r="VGJ731" s="424"/>
      <c r="VGK731" s="423" t="s">
        <v>2795</v>
      </c>
      <c r="VGL731" s="424"/>
      <c r="VGM731" s="424"/>
      <c r="VGN731" s="424"/>
      <c r="VGO731" s="423" t="s">
        <v>2795</v>
      </c>
      <c r="VGP731" s="424"/>
      <c r="VGQ731" s="424"/>
      <c r="VGR731" s="424"/>
      <c r="VGS731" s="423" t="s">
        <v>2795</v>
      </c>
      <c r="VGT731" s="424"/>
      <c r="VGU731" s="424"/>
      <c r="VGV731" s="424"/>
      <c r="VGW731" s="423" t="s">
        <v>2795</v>
      </c>
      <c r="VGX731" s="424"/>
      <c r="VGY731" s="424"/>
      <c r="VGZ731" s="424"/>
      <c r="VHA731" s="423" t="s">
        <v>2795</v>
      </c>
      <c r="VHB731" s="424"/>
      <c r="VHC731" s="424"/>
      <c r="VHD731" s="424"/>
      <c r="VHE731" s="423" t="s">
        <v>2795</v>
      </c>
      <c r="VHF731" s="424"/>
      <c r="VHG731" s="424"/>
      <c r="VHH731" s="424"/>
      <c r="VHI731" s="423" t="s">
        <v>2795</v>
      </c>
      <c r="VHJ731" s="424"/>
      <c r="VHK731" s="424"/>
      <c r="VHL731" s="424"/>
      <c r="VHM731" s="423" t="s">
        <v>2795</v>
      </c>
      <c r="VHN731" s="424"/>
      <c r="VHO731" s="424"/>
      <c r="VHP731" s="424"/>
      <c r="VHQ731" s="423" t="s">
        <v>2795</v>
      </c>
      <c r="VHR731" s="424"/>
      <c r="VHS731" s="424"/>
      <c r="VHT731" s="424"/>
      <c r="VHU731" s="423" t="s">
        <v>2795</v>
      </c>
      <c r="VHV731" s="424"/>
      <c r="VHW731" s="424"/>
      <c r="VHX731" s="424"/>
      <c r="VHY731" s="423" t="s">
        <v>2795</v>
      </c>
      <c r="VHZ731" s="424"/>
      <c r="VIA731" s="424"/>
      <c r="VIB731" s="424"/>
      <c r="VIC731" s="423" t="s">
        <v>2795</v>
      </c>
      <c r="VID731" s="424"/>
      <c r="VIE731" s="424"/>
      <c r="VIF731" s="424"/>
      <c r="VIG731" s="423" t="s">
        <v>2795</v>
      </c>
      <c r="VIH731" s="424"/>
      <c r="VII731" s="424"/>
      <c r="VIJ731" s="424"/>
      <c r="VIK731" s="423" t="s">
        <v>2795</v>
      </c>
      <c r="VIL731" s="424"/>
      <c r="VIM731" s="424"/>
      <c r="VIN731" s="424"/>
      <c r="VIO731" s="423" t="s">
        <v>2795</v>
      </c>
      <c r="VIP731" s="424"/>
      <c r="VIQ731" s="424"/>
      <c r="VIR731" s="424"/>
      <c r="VIS731" s="423" t="s">
        <v>2795</v>
      </c>
      <c r="VIT731" s="424"/>
      <c r="VIU731" s="424"/>
      <c r="VIV731" s="424"/>
      <c r="VIW731" s="423" t="s">
        <v>2795</v>
      </c>
      <c r="VIX731" s="424"/>
      <c r="VIY731" s="424"/>
      <c r="VIZ731" s="424"/>
      <c r="VJA731" s="423" t="s">
        <v>2795</v>
      </c>
      <c r="VJB731" s="424"/>
      <c r="VJC731" s="424"/>
      <c r="VJD731" s="424"/>
      <c r="VJE731" s="423" t="s">
        <v>2795</v>
      </c>
      <c r="VJF731" s="424"/>
      <c r="VJG731" s="424"/>
      <c r="VJH731" s="424"/>
      <c r="VJI731" s="423" t="s">
        <v>2795</v>
      </c>
      <c r="VJJ731" s="424"/>
      <c r="VJK731" s="424"/>
      <c r="VJL731" s="424"/>
      <c r="VJM731" s="423" t="s">
        <v>2795</v>
      </c>
      <c r="VJN731" s="424"/>
      <c r="VJO731" s="424"/>
      <c r="VJP731" s="424"/>
      <c r="VJQ731" s="423" t="s">
        <v>2795</v>
      </c>
      <c r="VJR731" s="424"/>
      <c r="VJS731" s="424"/>
      <c r="VJT731" s="424"/>
      <c r="VJU731" s="423" t="s">
        <v>2795</v>
      </c>
      <c r="VJV731" s="424"/>
      <c r="VJW731" s="424"/>
      <c r="VJX731" s="424"/>
      <c r="VJY731" s="423" t="s">
        <v>2795</v>
      </c>
      <c r="VJZ731" s="424"/>
      <c r="VKA731" s="424"/>
      <c r="VKB731" s="424"/>
      <c r="VKC731" s="423" t="s">
        <v>2795</v>
      </c>
      <c r="VKD731" s="424"/>
      <c r="VKE731" s="424"/>
      <c r="VKF731" s="424"/>
      <c r="VKG731" s="423" t="s">
        <v>2795</v>
      </c>
      <c r="VKH731" s="424"/>
      <c r="VKI731" s="424"/>
      <c r="VKJ731" s="424"/>
      <c r="VKK731" s="423" t="s">
        <v>2795</v>
      </c>
      <c r="VKL731" s="424"/>
      <c r="VKM731" s="424"/>
      <c r="VKN731" s="424"/>
      <c r="VKO731" s="423" t="s">
        <v>2795</v>
      </c>
      <c r="VKP731" s="424"/>
      <c r="VKQ731" s="424"/>
      <c r="VKR731" s="424"/>
      <c r="VKS731" s="423" t="s">
        <v>2795</v>
      </c>
      <c r="VKT731" s="424"/>
      <c r="VKU731" s="424"/>
      <c r="VKV731" s="424"/>
      <c r="VKW731" s="423" t="s">
        <v>2795</v>
      </c>
      <c r="VKX731" s="424"/>
      <c r="VKY731" s="424"/>
      <c r="VKZ731" s="424"/>
      <c r="VLA731" s="423" t="s">
        <v>2795</v>
      </c>
      <c r="VLB731" s="424"/>
      <c r="VLC731" s="424"/>
      <c r="VLD731" s="424"/>
      <c r="VLE731" s="423" t="s">
        <v>2795</v>
      </c>
      <c r="VLF731" s="424"/>
      <c r="VLG731" s="424"/>
      <c r="VLH731" s="424"/>
      <c r="VLI731" s="423" t="s">
        <v>2795</v>
      </c>
      <c r="VLJ731" s="424"/>
      <c r="VLK731" s="424"/>
      <c r="VLL731" s="424"/>
      <c r="VLM731" s="423" t="s">
        <v>2795</v>
      </c>
      <c r="VLN731" s="424"/>
      <c r="VLO731" s="424"/>
      <c r="VLP731" s="424"/>
      <c r="VLQ731" s="423" t="s">
        <v>2795</v>
      </c>
      <c r="VLR731" s="424"/>
      <c r="VLS731" s="424"/>
      <c r="VLT731" s="424"/>
      <c r="VLU731" s="423" t="s">
        <v>2795</v>
      </c>
      <c r="VLV731" s="424"/>
      <c r="VLW731" s="424"/>
      <c r="VLX731" s="424"/>
      <c r="VLY731" s="423" t="s">
        <v>2795</v>
      </c>
      <c r="VLZ731" s="424"/>
      <c r="VMA731" s="424"/>
      <c r="VMB731" s="424"/>
      <c r="VMC731" s="423" t="s">
        <v>2795</v>
      </c>
      <c r="VMD731" s="424"/>
      <c r="VME731" s="424"/>
      <c r="VMF731" s="424"/>
      <c r="VMG731" s="423" t="s">
        <v>2795</v>
      </c>
      <c r="VMH731" s="424"/>
      <c r="VMI731" s="424"/>
      <c r="VMJ731" s="424"/>
      <c r="VMK731" s="423" t="s">
        <v>2795</v>
      </c>
      <c r="VML731" s="424"/>
      <c r="VMM731" s="424"/>
      <c r="VMN731" s="424"/>
      <c r="VMO731" s="423" t="s">
        <v>2795</v>
      </c>
      <c r="VMP731" s="424"/>
      <c r="VMQ731" s="424"/>
      <c r="VMR731" s="424"/>
      <c r="VMS731" s="423" t="s">
        <v>2795</v>
      </c>
      <c r="VMT731" s="424"/>
      <c r="VMU731" s="424"/>
      <c r="VMV731" s="424"/>
      <c r="VMW731" s="423" t="s">
        <v>2795</v>
      </c>
      <c r="VMX731" s="424"/>
      <c r="VMY731" s="424"/>
      <c r="VMZ731" s="424"/>
      <c r="VNA731" s="423" t="s">
        <v>2795</v>
      </c>
      <c r="VNB731" s="424"/>
      <c r="VNC731" s="424"/>
      <c r="VND731" s="424"/>
      <c r="VNE731" s="423" t="s">
        <v>2795</v>
      </c>
      <c r="VNF731" s="424"/>
      <c r="VNG731" s="424"/>
      <c r="VNH731" s="424"/>
      <c r="VNI731" s="423" t="s">
        <v>2795</v>
      </c>
      <c r="VNJ731" s="424"/>
      <c r="VNK731" s="424"/>
      <c r="VNL731" s="424"/>
      <c r="VNM731" s="423" t="s">
        <v>2795</v>
      </c>
      <c r="VNN731" s="424"/>
      <c r="VNO731" s="424"/>
      <c r="VNP731" s="424"/>
      <c r="VNQ731" s="423" t="s">
        <v>2795</v>
      </c>
      <c r="VNR731" s="424"/>
      <c r="VNS731" s="424"/>
      <c r="VNT731" s="424"/>
      <c r="VNU731" s="423" t="s">
        <v>2795</v>
      </c>
      <c r="VNV731" s="424"/>
      <c r="VNW731" s="424"/>
      <c r="VNX731" s="424"/>
      <c r="VNY731" s="423" t="s">
        <v>2795</v>
      </c>
      <c r="VNZ731" s="424"/>
      <c r="VOA731" s="424"/>
      <c r="VOB731" s="424"/>
      <c r="VOC731" s="423" t="s">
        <v>2795</v>
      </c>
      <c r="VOD731" s="424"/>
      <c r="VOE731" s="424"/>
      <c r="VOF731" s="424"/>
      <c r="VOG731" s="423" t="s">
        <v>2795</v>
      </c>
      <c r="VOH731" s="424"/>
      <c r="VOI731" s="424"/>
      <c r="VOJ731" s="424"/>
      <c r="VOK731" s="423" t="s">
        <v>2795</v>
      </c>
      <c r="VOL731" s="424"/>
      <c r="VOM731" s="424"/>
      <c r="VON731" s="424"/>
      <c r="VOO731" s="423" t="s">
        <v>2795</v>
      </c>
      <c r="VOP731" s="424"/>
      <c r="VOQ731" s="424"/>
      <c r="VOR731" s="424"/>
      <c r="VOS731" s="423" t="s">
        <v>2795</v>
      </c>
      <c r="VOT731" s="424"/>
      <c r="VOU731" s="424"/>
      <c r="VOV731" s="424"/>
      <c r="VOW731" s="423" t="s">
        <v>2795</v>
      </c>
      <c r="VOX731" s="424"/>
      <c r="VOY731" s="424"/>
      <c r="VOZ731" s="424"/>
      <c r="VPA731" s="423" t="s">
        <v>2795</v>
      </c>
      <c r="VPB731" s="424"/>
      <c r="VPC731" s="424"/>
      <c r="VPD731" s="424"/>
      <c r="VPE731" s="423" t="s">
        <v>2795</v>
      </c>
      <c r="VPF731" s="424"/>
      <c r="VPG731" s="424"/>
      <c r="VPH731" s="424"/>
      <c r="VPI731" s="423" t="s">
        <v>2795</v>
      </c>
      <c r="VPJ731" s="424"/>
      <c r="VPK731" s="424"/>
      <c r="VPL731" s="424"/>
      <c r="VPM731" s="423" t="s">
        <v>2795</v>
      </c>
      <c r="VPN731" s="424"/>
      <c r="VPO731" s="424"/>
      <c r="VPP731" s="424"/>
      <c r="VPQ731" s="423" t="s">
        <v>2795</v>
      </c>
      <c r="VPR731" s="424"/>
      <c r="VPS731" s="424"/>
      <c r="VPT731" s="424"/>
      <c r="VPU731" s="423" t="s">
        <v>2795</v>
      </c>
      <c r="VPV731" s="424"/>
      <c r="VPW731" s="424"/>
      <c r="VPX731" s="424"/>
      <c r="VPY731" s="423" t="s">
        <v>2795</v>
      </c>
      <c r="VPZ731" s="424"/>
      <c r="VQA731" s="424"/>
      <c r="VQB731" s="424"/>
      <c r="VQC731" s="423" t="s">
        <v>2795</v>
      </c>
      <c r="VQD731" s="424"/>
      <c r="VQE731" s="424"/>
      <c r="VQF731" s="424"/>
      <c r="VQG731" s="423" t="s">
        <v>2795</v>
      </c>
      <c r="VQH731" s="424"/>
      <c r="VQI731" s="424"/>
      <c r="VQJ731" s="424"/>
      <c r="VQK731" s="423" t="s">
        <v>2795</v>
      </c>
      <c r="VQL731" s="424"/>
      <c r="VQM731" s="424"/>
      <c r="VQN731" s="424"/>
      <c r="VQO731" s="423" t="s">
        <v>2795</v>
      </c>
      <c r="VQP731" s="424"/>
      <c r="VQQ731" s="424"/>
      <c r="VQR731" s="424"/>
      <c r="VQS731" s="423" t="s">
        <v>2795</v>
      </c>
      <c r="VQT731" s="424"/>
      <c r="VQU731" s="424"/>
      <c r="VQV731" s="424"/>
      <c r="VQW731" s="423" t="s">
        <v>2795</v>
      </c>
      <c r="VQX731" s="424"/>
      <c r="VQY731" s="424"/>
      <c r="VQZ731" s="424"/>
      <c r="VRA731" s="423" t="s">
        <v>2795</v>
      </c>
      <c r="VRB731" s="424"/>
      <c r="VRC731" s="424"/>
      <c r="VRD731" s="424"/>
      <c r="VRE731" s="423" t="s">
        <v>2795</v>
      </c>
      <c r="VRF731" s="424"/>
      <c r="VRG731" s="424"/>
      <c r="VRH731" s="424"/>
      <c r="VRI731" s="423" t="s">
        <v>2795</v>
      </c>
      <c r="VRJ731" s="424"/>
      <c r="VRK731" s="424"/>
      <c r="VRL731" s="424"/>
      <c r="VRM731" s="423" t="s">
        <v>2795</v>
      </c>
      <c r="VRN731" s="424"/>
      <c r="VRO731" s="424"/>
      <c r="VRP731" s="424"/>
      <c r="VRQ731" s="423" t="s">
        <v>2795</v>
      </c>
      <c r="VRR731" s="424"/>
      <c r="VRS731" s="424"/>
      <c r="VRT731" s="424"/>
      <c r="VRU731" s="423" t="s">
        <v>2795</v>
      </c>
      <c r="VRV731" s="424"/>
      <c r="VRW731" s="424"/>
      <c r="VRX731" s="424"/>
      <c r="VRY731" s="423" t="s">
        <v>2795</v>
      </c>
      <c r="VRZ731" s="424"/>
      <c r="VSA731" s="424"/>
      <c r="VSB731" s="424"/>
      <c r="VSC731" s="423" t="s">
        <v>2795</v>
      </c>
      <c r="VSD731" s="424"/>
      <c r="VSE731" s="424"/>
      <c r="VSF731" s="424"/>
      <c r="VSG731" s="423" t="s">
        <v>2795</v>
      </c>
      <c r="VSH731" s="424"/>
      <c r="VSI731" s="424"/>
      <c r="VSJ731" s="424"/>
      <c r="VSK731" s="423" t="s">
        <v>2795</v>
      </c>
      <c r="VSL731" s="424"/>
      <c r="VSM731" s="424"/>
      <c r="VSN731" s="424"/>
      <c r="VSO731" s="423" t="s">
        <v>2795</v>
      </c>
      <c r="VSP731" s="424"/>
      <c r="VSQ731" s="424"/>
      <c r="VSR731" s="424"/>
      <c r="VSS731" s="423" t="s">
        <v>2795</v>
      </c>
      <c r="VST731" s="424"/>
      <c r="VSU731" s="424"/>
      <c r="VSV731" s="424"/>
      <c r="VSW731" s="423" t="s">
        <v>2795</v>
      </c>
      <c r="VSX731" s="424"/>
      <c r="VSY731" s="424"/>
      <c r="VSZ731" s="424"/>
      <c r="VTA731" s="423" t="s">
        <v>2795</v>
      </c>
      <c r="VTB731" s="424"/>
      <c r="VTC731" s="424"/>
      <c r="VTD731" s="424"/>
      <c r="VTE731" s="423" t="s">
        <v>2795</v>
      </c>
      <c r="VTF731" s="424"/>
      <c r="VTG731" s="424"/>
      <c r="VTH731" s="424"/>
      <c r="VTI731" s="423" t="s">
        <v>2795</v>
      </c>
      <c r="VTJ731" s="424"/>
      <c r="VTK731" s="424"/>
      <c r="VTL731" s="424"/>
      <c r="VTM731" s="423" t="s">
        <v>2795</v>
      </c>
      <c r="VTN731" s="424"/>
      <c r="VTO731" s="424"/>
      <c r="VTP731" s="424"/>
      <c r="VTQ731" s="423" t="s">
        <v>2795</v>
      </c>
      <c r="VTR731" s="424"/>
      <c r="VTS731" s="424"/>
      <c r="VTT731" s="424"/>
      <c r="VTU731" s="423" t="s">
        <v>2795</v>
      </c>
      <c r="VTV731" s="424"/>
      <c r="VTW731" s="424"/>
      <c r="VTX731" s="424"/>
      <c r="VTY731" s="423" t="s">
        <v>2795</v>
      </c>
      <c r="VTZ731" s="424"/>
      <c r="VUA731" s="424"/>
      <c r="VUB731" s="424"/>
      <c r="VUC731" s="423" t="s">
        <v>2795</v>
      </c>
      <c r="VUD731" s="424"/>
      <c r="VUE731" s="424"/>
      <c r="VUF731" s="424"/>
      <c r="VUG731" s="423" t="s">
        <v>2795</v>
      </c>
      <c r="VUH731" s="424"/>
      <c r="VUI731" s="424"/>
      <c r="VUJ731" s="424"/>
      <c r="VUK731" s="423" t="s">
        <v>2795</v>
      </c>
      <c r="VUL731" s="424"/>
      <c r="VUM731" s="424"/>
      <c r="VUN731" s="424"/>
      <c r="VUO731" s="423" t="s">
        <v>2795</v>
      </c>
      <c r="VUP731" s="424"/>
      <c r="VUQ731" s="424"/>
      <c r="VUR731" s="424"/>
      <c r="VUS731" s="423" t="s">
        <v>2795</v>
      </c>
      <c r="VUT731" s="424"/>
      <c r="VUU731" s="424"/>
      <c r="VUV731" s="424"/>
      <c r="VUW731" s="423" t="s">
        <v>2795</v>
      </c>
      <c r="VUX731" s="424"/>
      <c r="VUY731" s="424"/>
      <c r="VUZ731" s="424"/>
      <c r="VVA731" s="423" t="s">
        <v>2795</v>
      </c>
      <c r="VVB731" s="424"/>
      <c r="VVC731" s="424"/>
      <c r="VVD731" s="424"/>
      <c r="VVE731" s="423" t="s">
        <v>2795</v>
      </c>
      <c r="VVF731" s="424"/>
      <c r="VVG731" s="424"/>
      <c r="VVH731" s="424"/>
      <c r="VVI731" s="423" t="s">
        <v>2795</v>
      </c>
      <c r="VVJ731" s="424"/>
      <c r="VVK731" s="424"/>
      <c r="VVL731" s="424"/>
      <c r="VVM731" s="423" t="s">
        <v>2795</v>
      </c>
      <c r="VVN731" s="424"/>
      <c r="VVO731" s="424"/>
      <c r="VVP731" s="424"/>
      <c r="VVQ731" s="423" t="s">
        <v>2795</v>
      </c>
      <c r="VVR731" s="424"/>
      <c r="VVS731" s="424"/>
      <c r="VVT731" s="424"/>
      <c r="VVU731" s="423" t="s">
        <v>2795</v>
      </c>
      <c r="VVV731" s="424"/>
      <c r="VVW731" s="424"/>
      <c r="VVX731" s="424"/>
      <c r="VVY731" s="423" t="s">
        <v>2795</v>
      </c>
      <c r="VVZ731" s="424"/>
      <c r="VWA731" s="424"/>
      <c r="VWB731" s="424"/>
      <c r="VWC731" s="423" t="s">
        <v>2795</v>
      </c>
      <c r="VWD731" s="424"/>
      <c r="VWE731" s="424"/>
      <c r="VWF731" s="424"/>
      <c r="VWG731" s="423" t="s">
        <v>2795</v>
      </c>
      <c r="VWH731" s="424"/>
      <c r="VWI731" s="424"/>
      <c r="VWJ731" s="424"/>
      <c r="VWK731" s="423" t="s">
        <v>2795</v>
      </c>
      <c r="VWL731" s="424"/>
      <c r="VWM731" s="424"/>
      <c r="VWN731" s="424"/>
      <c r="VWO731" s="423" t="s">
        <v>2795</v>
      </c>
      <c r="VWP731" s="424"/>
      <c r="VWQ731" s="424"/>
      <c r="VWR731" s="424"/>
      <c r="VWS731" s="423" t="s">
        <v>2795</v>
      </c>
      <c r="VWT731" s="424"/>
      <c r="VWU731" s="424"/>
      <c r="VWV731" s="424"/>
      <c r="VWW731" s="423" t="s">
        <v>2795</v>
      </c>
      <c r="VWX731" s="424"/>
      <c r="VWY731" s="424"/>
      <c r="VWZ731" s="424"/>
      <c r="VXA731" s="423" t="s">
        <v>2795</v>
      </c>
      <c r="VXB731" s="424"/>
      <c r="VXC731" s="424"/>
      <c r="VXD731" s="424"/>
      <c r="VXE731" s="423" t="s">
        <v>2795</v>
      </c>
      <c r="VXF731" s="424"/>
      <c r="VXG731" s="424"/>
      <c r="VXH731" s="424"/>
      <c r="VXI731" s="423" t="s">
        <v>2795</v>
      </c>
      <c r="VXJ731" s="424"/>
      <c r="VXK731" s="424"/>
      <c r="VXL731" s="424"/>
      <c r="VXM731" s="423" t="s">
        <v>2795</v>
      </c>
      <c r="VXN731" s="424"/>
      <c r="VXO731" s="424"/>
      <c r="VXP731" s="424"/>
      <c r="VXQ731" s="423" t="s">
        <v>2795</v>
      </c>
      <c r="VXR731" s="424"/>
      <c r="VXS731" s="424"/>
      <c r="VXT731" s="424"/>
      <c r="VXU731" s="423" t="s">
        <v>2795</v>
      </c>
      <c r="VXV731" s="424"/>
      <c r="VXW731" s="424"/>
      <c r="VXX731" s="424"/>
      <c r="VXY731" s="423" t="s">
        <v>2795</v>
      </c>
      <c r="VXZ731" s="424"/>
      <c r="VYA731" s="424"/>
      <c r="VYB731" s="424"/>
      <c r="VYC731" s="423" t="s">
        <v>2795</v>
      </c>
      <c r="VYD731" s="424"/>
      <c r="VYE731" s="424"/>
      <c r="VYF731" s="424"/>
      <c r="VYG731" s="423" t="s">
        <v>2795</v>
      </c>
      <c r="VYH731" s="424"/>
      <c r="VYI731" s="424"/>
      <c r="VYJ731" s="424"/>
      <c r="VYK731" s="423" t="s">
        <v>2795</v>
      </c>
      <c r="VYL731" s="424"/>
      <c r="VYM731" s="424"/>
      <c r="VYN731" s="424"/>
      <c r="VYO731" s="423" t="s">
        <v>2795</v>
      </c>
      <c r="VYP731" s="424"/>
      <c r="VYQ731" s="424"/>
      <c r="VYR731" s="424"/>
      <c r="VYS731" s="423" t="s">
        <v>2795</v>
      </c>
      <c r="VYT731" s="424"/>
      <c r="VYU731" s="424"/>
      <c r="VYV731" s="424"/>
      <c r="VYW731" s="423" t="s">
        <v>2795</v>
      </c>
      <c r="VYX731" s="424"/>
      <c r="VYY731" s="424"/>
      <c r="VYZ731" s="424"/>
      <c r="VZA731" s="423" t="s">
        <v>2795</v>
      </c>
      <c r="VZB731" s="424"/>
      <c r="VZC731" s="424"/>
      <c r="VZD731" s="424"/>
      <c r="VZE731" s="423" t="s">
        <v>2795</v>
      </c>
      <c r="VZF731" s="424"/>
      <c r="VZG731" s="424"/>
      <c r="VZH731" s="424"/>
      <c r="VZI731" s="423" t="s">
        <v>2795</v>
      </c>
      <c r="VZJ731" s="424"/>
      <c r="VZK731" s="424"/>
      <c r="VZL731" s="424"/>
      <c r="VZM731" s="423" t="s">
        <v>2795</v>
      </c>
      <c r="VZN731" s="424"/>
      <c r="VZO731" s="424"/>
      <c r="VZP731" s="424"/>
      <c r="VZQ731" s="423" t="s">
        <v>2795</v>
      </c>
      <c r="VZR731" s="424"/>
      <c r="VZS731" s="424"/>
      <c r="VZT731" s="424"/>
      <c r="VZU731" s="423" t="s">
        <v>2795</v>
      </c>
      <c r="VZV731" s="424"/>
      <c r="VZW731" s="424"/>
      <c r="VZX731" s="424"/>
      <c r="VZY731" s="423" t="s">
        <v>2795</v>
      </c>
      <c r="VZZ731" s="424"/>
      <c r="WAA731" s="424"/>
      <c r="WAB731" s="424"/>
      <c r="WAC731" s="423" t="s">
        <v>2795</v>
      </c>
      <c r="WAD731" s="424"/>
      <c r="WAE731" s="424"/>
      <c r="WAF731" s="424"/>
      <c r="WAG731" s="423" t="s">
        <v>2795</v>
      </c>
      <c r="WAH731" s="424"/>
      <c r="WAI731" s="424"/>
      <c r="WAJ731" s="424"/>
      <c r="WAK731" s="423" t="s">
        <v>2795</v>
      </c>
      <c r="WAL731" s="424"/>
      <c r="WAM731" s="424"/>
      <c r="WAN731" s="424"/>
      <c r="WAO731" s="423" t="s">
        <v>2795</v>
      </c>
      <c r="WAP731" s="424"/>
      <c r="WAQ731" s="424"/>
      <c r="WAR731" s="424"/>
      <c r="WAS731" s="423" t="s">
        <v>2795</v>
      </c>
      <c r="WAT731" s="424"/>
      <c r="WAU731" s="424"/>
      <c r="WAV731" s="424"/>
      <c r="WAW731" s="423" t="s">
        <v>2795</v>
      </c>
      <c r="WAX731" s="424"/>
      <c r="WAY731" s="424"/>
      <c r="WAZ731" s="424"/>
      <c r="WBA731" s="423" t="s">
        <v>2795</v>
      </c>
      <c r="WBB731" s="424"/>
      <c r="WBC731" s="424"/>
      <c r="WBD731" s="424"/>
      <c r="WBE731" s="423" t="s">
        <v>2795</v>
      </c>
      <c r="WBF731" s="424"/>
      <c r="WBG731" s="424"/>
      <c r="WBH731" s="424"/>
      <c r="WBI731" s="423" t="s">
        <v>2795</v>
      </c>
      <c r="WBJ731" s="424"/>
      <c r="WBK731" s="424"/>
      <c r="WBL731" s="424"/>
      <c r="WBM731" s="423" t="s">
        <v>2795</v>
      </c>
      <c r="WBN731" s="424"/>
      <c r="WBO731" s="424"/>
      <c r="WBP731" s="424"/>
      <c r="WBQ731" s="423" t="s">
        <v>2795</v>
      </c>
      <c r="WBR731" s="424"/>
      <c r="WBS731" s="424"/>
      <c r="WBT731" s="424"/>
      <c r="WBU731" s="423" t="s">
        <v>2795</v>
      </c>
      <c r="WBV731" s="424"/>
      <c r="WBW731" s="424"/>
      <c r="WBX731" s="424"/>
      <c r="WBY731" s="423" t="s">
        <v>2795</v>
      </c>
      <c r="WBZ731" s="424"/>
      <c r="WCA731" s="424"/>
      <c r="WCB731" s="424"/>
      <c r="WCC731" s="423" t="s">
        <v>2795</v>
      </c>
      <c r="WCD731" s="424"/>
      <c r="WCE731" s="424"/>
      <c r="WCF731" s="424"/>
      <c r="WCG731" s="423" t="s">
        <v>2795</v>
      </c>
      <c r="WCH731" s="424"/>
      <c r="WCI731" s="424"/>
      <c r="WCJ731" s="424"/>
      <c r="WCK731" s="423" t="s">
        <v>2795</v>
      </c>
      <c r="WCL731" s="424"/>
      <c r="WCM731" s="424"/>
      <c r="WCN731" s="424"/>
      <c r="WCO731" s="423" t="s">
        <v>2795</v>
      </c>
      <c r="WCP731" s="424"/>
      <c r="WCQ731" s="424"/>
      <c r="WCR731" s="424"/>
      <c r="WCS731" s="423" t="s">
        <v>2795</v>
      </c>
      <c r="WCT731" s="424"/>
      <c r="WCU731" s="424"/>
      <c r="WCV731" s="424"/>
      <c r="WCW731" s="423" t="s">
        <v>2795</v>
      </c>
      <c r="WCX731" s="424"/>
      <c r="WCY731" s="424"/>
      <c r="WCZ731" s="424"/>
      <c r="WDA731" s="423" t="s">
        <v>2795</v>
      </c>
      <c r="WDB731" s="424"/>
      <c r="WDC731" s="424"/>
      <c r="WDD731" s="424"/>
      <c r="WDE731" s="423" t="s">
        <v>2795</v>
      </c>
      <c r="WDF731" s="424"/>
      <c r="WDG731" s="424"/>
      <c r="WDH731" s="424"/>
      <c r="WDI731" s="423" t="s">
        <v>2795</v>
      </c>
      <c r="WDJ731" s="424"/>
      <c r="WDK731" s="424"/>
      <c r="WDL731" s="424"/>
      <c r="WDM731" s="423" t="s">
        <v>2795</v>
      </c>
      <c r="WDN731" s="424"/>
      <c r="WDO731" s="424"/>
      <c r="WDP731" s="424"/>
      <c r="WDQ731" s="423" t="s">
        <v>2795</v>
      </c>
      <c r="WDR731" s="424"/>
      <c r="WDS731" s="424"/>
      <c r="WDT731" s="424"/>
      <c r="WDU731" s="423" t="s">
        <v>2795</v>
      </c>
      <c r="WDV731" s="424"/>
      <c r="WDW731" s="424"/>
      <c r="WDX731" s="424"/>
      <c r="WDY731" s="423" t="s">
        <v>2795</v>
      </c>
      <c r="WDZ731" s="424"/>
      <c r="WEA731" s="424"/>
      <c r="WEB731" s="424"/>
      <c r="WEC731" s="423" t="s">
        <v>2795</v>
      </c>
      <c r="WED731" s="424"/>
      <c r="WEE731" s="424"/>
      <c r="WEF731" s="424"/>
      <c r="WEG731" s="423" t="s">
        <v>2795</v>
      </c>
      <c r="WEH731" s="424"/>
      <c r="WEI731" s="424"/>
      <c r="WEJ731" s="424"/>
      <c r="WEK731" s="423" t="s">
        <v>2795</v>
      </c>
      <c r="WEL731" s="424"/>
      <c r="WEM731" s="424"/>
      <c r="WEN731" s="424"/>
      <c r="WEO731" s="423" t="s">
        <v>2795</v>
      </c>
      <c r="WEP731" s="424"/>
      <c r="WEQ731" s="424"/>
      <c r="WER731" s="424"/>
      <c r="WES731" s="423" t="s">
        <v>2795</v>
      </c>
      <c r="WET731" s="424"/>
      <c r="WEU731" s="424"/>
      <c r="WEV731" s="424"/>
      <c r="WEW731" s="423" t="s">
        <v>2795</v>
      </c>
      <c r="WEX731" s="424"/>
      <c r="WEY731" s="424"/>
      <c r="WEZ731" s="424"/>
      <c r="WFA731" s="423" t="s">
        <v>2795</v>
      </c>
      <c r="WFB731" s="424"/>
      <c r="WFC731" s="424"/>
      <c r="WFD731" s="424"/>
      <c r="WFE731" s="423" t="s">
        <v>2795</v>
      </c>
      <c r="WFF731" s="424"/>
      <c r="WFG731" s="424"/>
      <c r="WFH731" s="424"/>
      <c r="WFI731" s="423" t="s">
        <v>2795</v>
      </c>
      <c r="WFJ731" s="424"/>
      <c r="WFK731" s="424"/>
      <c r="WFL731" s="424"/>
      <c r="WFM731" s="423" t="s">
        <v>2795</v>
      </c>
      <c r="WFN731" s="424"/>
      <c r="WFO731" s="424"/>
      <c r="WFP731" s="424"/>
      <c r="WFQ731" s="423" t="s">
        <v>2795</v>
      </c>
      <c r="WFR731" s="424"/>
      <c r="WFS731" s="424"/>
      <c r="WFT731" s="424"/>
      <c r="WFU731" s="423" t="s">
        <v>2795</v>
      </c>
      <c r="WFV731" s="424"/>
      <c r="WFW731" s="424"/>
      <c r="WFX731" s="424"/>
      <c r="WFY731" s="423" t="s">
        <v>2795</v>
      </c>
      <c r="WFZ731" s="424"/>
      <c r="WGA731" s="424"/>
      <c r="WGB731" s="424"/>
      <c r="WGC731" s="423" t="s">
        <v>2795</v>
      </c>
      <c r="WGD731" s="424"/>
      <c r="WGE731" s="424"/>
      <c r="WGF731" s="424"/>
      <c r="WGG731" s="423" t="s">
        <v>2795</v>
      </c>
      <c r="WGH731" s="424"/>
      <c r="WGI731" s="424"/>
      <c r="WGJ731" s="424"/>
      <c r="WGK731" s="423" t="s">
        <v>2795</v>
      </c>
      <c r="WGL731" s="424"/>
      <c r="WGM731" s="424"/>
      <c r="WGN731" s="424"/>
      <c r="WGO731" s="423" t="s">
        <v>2795</v>
      </c>
      <c r="WGP731" s="424"/>
      <c r="WGQ731" s="424"/>
      <c r="WGR731" s="424"/>
      <c r="WGS731" s="423" t="s">
        <v>2795</v>
      </c>
      <c r="WGT731" s="424"/>
      <c r="WGU731" s="424"/>
      <c r="WGV731" s="424"/>
      <c r="WGW731" s="423" t="s">
        <v>2795</v>
      </c>
      <c r="WGX731" s="424"/>
      <c r="WGY731" s="424"/>
      <c r="WGZ731" s="424"/>
      <c r="WHA731" s="423" t="s">
        <v>2795</v>
      </c>
      <c r="WHB731" s="424"/>
      <c r="WHC731" s="424"/>
      <c r="WHD731" s="424"/>
      <c r="WHE731" s="423" t="s">
        <v>2795</v>
      </c>
      <c r="WHF731" s="424"/>
      <c r="WHG731" s="424"/>
      <c r="WHH731" s="424"/>
      <c r="WHI731" s="423" t="s">
        <v>2795</v>
      </c>
      <c r="WHJ731" s="424"/>
      <c r="WHK731" s="424"/>
      <c r="WHL731" s="424"/>
      <c r="WHM731" s="423" t="s">
        <v>2795</v>
      </c>
      <c r="WHN731" s="424"/>
      <c r="WHO731" s="424"/>
      <c r="WHP731" s="424"/>
      <c r="WHQ731" s="423" t="s">
        <v>2795</v>
      </c>
      <c r="WHR731" s="424"/>
      <c r="WHS731" s="424"/>
      <c r="WHT731" s="424"/>
      <c r="WHU731" s="423" t="s">
        <v>2795</v>
      </c>
      <c r="WHV731" s="424"/>
      <c r="WHW731" s="424"/>
      <c r="WHX731" s="424"/>
      <c r="WHY731" s="423" t="s">
        <v>2795</v>
      </c>
      <c r="WHZ731" s="424"/>
      <c r="WIA731" s="424"/>
      <c r="WIB731" s="424"/>
      <c r="WIC731" s="423" t="s">
        <v>2795</v>
      </c>
      <c r="WID731" s="424"/>
      <c r="WIE731" s="424"/>
      <c r="WIF731" s="424"/>
      <c r="WIG731" s="423" t="s">
        <v>2795</v>
      </c>
      <c r="WIH731" s="424"/>
      <c r="WII731" s="424"/>
      <c r="WIJ731" s="424"/>
      <c r="WIK731" s="423" t="s">
        <v>2795</v>
      </c>
      <c r="WIL731" s="424"/>
      <c r="WIM731" s="424"/>
      <c r="WIN731" s="424"/>
      <c r="WIO731" s="423" t="s">
        <v>2795</v>
      </c>
      <c r="WIP731" s="424"/>
      <c r="WIQ731" s="424"/>
      <c r="WIR731" s="424"/>
      <c r="WIS731" s="423" t="s">
        <v>2795</v>
      </c>
      <c r="WIT731" s="424"/>
      <c r="WIU731" s="424"/>
      <c r="WIV731" s="424"/>
      <c r="WIW731" s="423" t="s">
        <v>2795</v>
      </c>
      <c r="WIX731" s="424"/>
      <c r="WIY731" s="424"/>
      <c r="WIZ731" s="424"/>
      <c r="WJA731" s="423" t="s">
        <v>2795</v>
      </c>
      <c r="WJB731" s="424"/>
      <c r="WJC731" s="424"/>
      <c r="WJD731" s="424"/>
      <c r="WJE731" s="423" t="s">
        <v>2795</v>
      </c>
      <c r="WJF731" s="424"/>
      <c r="WJG731" s="424"/>
      <c r="WJH731" s="424"/>
      <c r="WJI731" s="423" t="s">
        <v>2795</v>
      </c>
      <c r="WJJ731" s="424"/>
      <c r="WJK731" s="424"/>
      <c r="WJL731" s="424"/>
      <c r="WJM731" s="423" t="s">
        <v>2795</v>
      </c>
      <c r="WJN731" s="424"/>
      <c r="WJO731" s="424"/>
      <c r="WJP731" s="424"/>
      <c r="WJQ731" s="423" t="s">
        <v>2795</v>
      </c>
      <c r="WJR731" s="424"/>
      <c r="WJS731" s="424"/>
      <c r="WJT731" s="424"/>
      <c r="WJU731" s="423" t="s">
        <v>2795</v>
      </c>
      <c r="WJV731" s="424"/>
      <c r="WJW731" s="424"/>
      <c r="WJX731" s="424"/>
      <c r="WJY731" s="423" t="s">
        <v>2795</v>
      </c>
      <c r="WJZ731" s="424"/>
      <c r="WKA731" s="424"/>
      <c r="WKB731" s="424"/>
      <c r="WKC731" s="423" t="s">
        <v>2795</v>
      </c>
      <c r="WKD731" s="424"/>
      <c r="WKE731" s="424"/>
      <c r="WKF731" s="424"/>
      <c r="WKG731" s="423" t="s">
        <v>2795</v>
      </c>
      <c r="WKH731" s="424"/>
      <c r="WKI731" s="424"/>
      <c r="WKJ731" s="424"/>
      <c r="WKK731" s="423" t="s">
        <v>2795</v>
      </c>
      <c r="WKL731" s="424"/>
      <c r="WKM731" s="424"/>
      <c r="WKN731" s="424"/>
      <c r="WKO731" s="423" t="s">
        <v>2795</v>
      </c>
      <c r="WKP731" s="424"/>
      <c r="WKQ731" s="424"/>
      <c r="WKR731" s="424"/>
      <c r="WKS731" s="423" t="s">
        <v>2795</v>
      </c>
      <c r="WKT731" s="424"/>
      <c r="WKU731" s="424"/>
      <c r="WKV731" s="424"/>
      <c r="WKW731" s="423" t="s">
        <v>2795</v>
      </c>
      <c r="WKX731" s="424"/>
      <c r="WKY731" s="424"/>
      <c r="WKZ731" s="424"/>
      <c r="WLA731" s="423" t="s">
        <v>2795</v>
      </c>
      <c r="WLB731" s="424"/>
      <c r="WLC731" s="424"/>
      <c r="WLD731" s="424"/>
      <c r="WLE731" s="423" t="s">
        <v>2795</v>
      </c>
      <c r="WLF731" s="424"/>
      <c r="WLG731" s="424"/>
      <c r="WLH731" s="424"/>
      <c r="WLI731" s="423" t="s">
        <v>2795</v>
      </c>
      <c r="WLJ731" s="424"/>
      <c r="WLK731" s="424"/>
      <c r="WLL731" s="424"/>
      <c r="WLM731" s="423" t="s">
        <v>2795</v>
      </c>
      <c r="WLN731" s="424"/>
      <c r="WLO731" s="424"/>
      <c r="WLP731" s="424"/>
      <c r="WLQ731" s="423" t="s">
        <v>2795</v>
      </c>
      <c r="WLR731" s="424"/>
      <c r="WLS731" s="424"/>
      <c r="WLT731" s="424"/>
      <c r="WLU731" s="423" t="s">
        <v>2795</v>
      </c>
      <c r="WLV731" s="424"/>
      <c r="WLW731" s="424"/>
      <c r="WLX731" s="424"/>
      <c r="WLY731" s="423" t="s">
        <v>2795</v>
      </c>
      <c r="WLZ731" s="424"/>
      <c r="WMA731" s="424"/>
      <c r="WMB731" s="424"/>
      <c r="WMC731" s="423" t="s">
        <v>2795</v>
      </c>
      <c r="WMD731" s="424"/>
      <c r="WME731" s="424"/>
      <c r="WMF731" s="424"/>
      <c r="WMG731" s="423" t="s">
        <v>2795</v>
      </c>
      <c r="WMH731" s="424"/>
      <c r="WMI731" s="424"/>
      <c r="WMJ731" s="424"/>
      <c r="WMK731" s="423" t="s">
        <v>2795</v>
      </c>
      <c r="WML731" s="424"/>
      <c r="WMM731" s="424"/>
      <c r="WMN731" s="424"/>
      <c r="WMO731" s="423" t="s">
        <v>2795</v>
      </c>
      <c r="WMP731" s="424"/>
      <c r="WMQ731" s="424"/>
      <c r="WMR731" s="424"/>
      <c r="WMS731" s="423" t="s">
        <v>2795</v>
      </c>
      <c r="WMT731" s="424"/>
      <c r="WMU731" s="424"/>
      <c r="WMV731" s="424"/>
      <c r="WMW731" s="423" t="s">
        <v>2795</v>
      </c>
      <c r="WMX731" s="424"/>
      <c r="WMY731" s="424"/>
      <c r="WMZ731" s="424"/>
      <c r="WNA731" s="423" t="s">
        <v>2795</v>
      </c>
      <c r="WNB731" s="424"/>
      <c r="WNC731" s="424"/>
      <c r="WND731" s="424"/>
      <c r="WNE731" s="423" t="s">
        <v>2795</v>
      </c>
      <c r="WNF731" s="424"/>
      <c r="WNG731" s="424"/>
      <c r="WNH731" s="424"/>
      <c r="WNI731" s="423" t="s">
        <v>2795</v>
      </c>
      <c r="WNJ731" s="424"/>
      <c r="WNK731" s="424"/>
      <c r="WNL731" s="424"/>
      <c r="WNM731" s="423" t="s">
        <v>2795</v>
      </c>
      <c r="WNN731" s="424"/>
      <c r="WNO731" s="424"/>
      <c r="WNP731" s="424"/>
      <c r="WNQ731" s="423" t="s">
        <v>2795</v>
      </c>
      <c r="WNR731" s="424"/>
      <c r="WNS731" s="424"/>
      <c r="WNT731" s="424"/>
      <c r="WNU731" s="423" t="s">
        <v>2795</v>
      </c>
      <c r="WNV731" s="424"/>
      <c r="WNW731" s="424"/>
      <c r="WNX731" s="424"/>
      <c r="WNY731" s="423" t="s">
        <v>2795</v>
      </c>
      <c r="WNZ731" s="424"/>
      <c r="WOA731" s="424"/>
      <c r="WOB731" s="424"/>
      <c r="WOC731" s="423" t="s">
        <v>2795</v>
      </c>
      <c r="WOD731" s="424"/>
      <c r="WOE731" s="424"/>
      <c r="WOF731" s="424"/>
      <c r="WOG731" s="423" t="s">
        <v>2795</v>
      </c>
      <c r="WOH731" s="424"/>
      <c r="WOI731" s="424"/>
      <c r="WOJ731" s="424"/>
      <c r="WOK731" s="423" t="s">
        <v>2795</v>
      </c>
      <c r="WOL731" s="424"/>
      <c r="WOM731" s="424"/>
      <c r="WON731" s="424"/>
      <c r="WOO731" s="423" t="s">
        <v>2795</v>
      </c>
      <c r="WOP731" s="424"/>
      <c r="WOQ731" s="424"/>
      <c r="WOR731" s="424"/>
      <c r="WOS731" s="423" t="s">
        <v>2795</v>
      </c>
      <c r="WOT731" s="424"/>
      <c r="WOU731" s="424"/>
      <c r="WOV731" s="424"/>
      <c r="WOW731" s="423" t="s">
        <v>2795</v>
      </c>
      <c r="WOX731" s="424"/>
      <c r="WOY731" s="424"/>
      <c r="WOZ731" s="424"/>
      <c r="WPA731" s="423" t="s">
        <v>2795</v>
      </c>
      <c r="WPB731" s="424"/>
      <c r="WPC731" s="424"/>
      <c r="WPD731" s="424"/>
      <c r="WPE731" s="423" t="s">
        <v>2795</v>
      </c>
      <c r="WPF731" s="424"/>
      <c r="WPG731" s="424"/>
      <c r="WPH731" s="424"/>
      <c r="WPI731" s="423" t="s">
        <v>2795</v>
      </c>
      <c r="WPJ731" s="424"/>
      <c r="WPK731" s="424"/>
      <c r="WPL731" s="424"/>
      <c r="WPM731" s="423" t="s">
        <v>2795</v>
      </c>
      <c r="WPN731" s="424"/>
      <c r="WPO731" s="424"/>
      <c r="WPP731" s="424"/>
      <c r="WPQ731" s="423" t="s">
        <v>2795</v>
      </c>
      <c r="WPR731" s="424"/>
      <c r="WPS731" s="424"/>
      <c r="WPT731" s="424"/>
      <c r="WPU731" s="423" t="s">
        <v>2795</v>
      </c>
      <c r="WPV731" s="424"/>
      <c r="WPW731" s="424"/>
      <c r="WPX731" s="424"/>
      <c r="WPY731" s="423" t="s">
        <v>2795</v>
      </c>
      <c r="WPZ731" s="424"/>
      <c r="WQA731" s="424"/>
      <c r="WQB731" s="424"/>
      <c r="WQC731" s="423" t="s">
        <v>2795</v>
      </c>
      <c r="WQD731" s="424"/>
      <c r="WQE731" s="424"/>
      <c r="WQF731" s="424"/>
      <c r="WQG731" s="423" t="s">
        <v>2795</v>
      </c>
      <c r="WQH731" s="424"/>
      <c r="WQI731" s="424"/>
      <c r="WQJ731" s="424"/>
      <c r="WQK731" s="423" t="s">
        <v>2795</v>
      </c>
      <c r="WQL731" s="424"/>
      <c r="WQM731" s="424"/>
      <c r="WQN731" s="424"/>
      <c r="WQO731" s="423" t="s">
        <v>2795</v>
      </c>
      <c r="WQP731" s="424"/>
      <c r="WQQ731" s="424"/>
      <c r="WQR731" s="424"/>
      <c r="WQS731" s="423" t="s">
        <v>2795</v>
      </c>
      <c r="WQT731" s="424"/>
      <c r="WQU731" s="424"/>
      <c r="WQV731" s="424"/>
      <c r="WQW731" s="423" t="s">
        <v>2795</v>
      </c>
      <c r="WQX731" s="424"/>
      <c r="WQY731" s="424"/>
      <c r="WQZ731" s="424"/>
      <c r="WRA731" s="423" t="s">
        <v>2795</v>
      </c>
      <c r="WRB731" s="424"/>
      <c r="WRC731" s="424"/>
      <c r="WRD731" s="424"/>
      <c r="WRE731" s="423" t="s">
        <v>2795</v>
      </c>
      <c r="WRF731" s="424"/>
      <c r="WRG731" s="424"/>
      <c r="WRH731" s="424"/>
      <c r="WRI731" s="423" t="s">
        <v>2795</v>
      </c>
      <c r="WRJ731" s="424"/>
      <c r="WRK731" s="424"/>
      <c r="WRL731" s="424"/>
      <c r="WRM731" s="423" t="s">
        <v>2795</v>
      </c>
      <c r="WRN731" s="424"/>
      <c r="WRO731" s="424"/>
      <c r="WRP731" s="424"/>
      <c r="WRQ731" s="423" t="s">
        <v>2795</v>
      </c>
      <c r="WRR731" s="424"/>
      <c r="WRS731" s="424"/>
      <c r="WRT731" s="424"/>
      <c r="WRU731" s="423" t="s">
        <v>2795</v>
      </c>
      <c r="WRV731" s="424"/>
      <c r="WRW731" s="424"/>
      <c r="WRX731" s="424"/>
      <c r="WRY731" s="423" t="s">
        <v>2795</v>
      </c>
      <c r="WRZ731" s="424"/>
      <c r="WSA731" s="424"/>
      <c r="WSB731" s="424"/>
      <c r="WSC731" s="423" t="s">
        <v>2795</v>
      </c>
      <c r="WSD731" s="424"/>
      <c r="WSE731" s="424"/>
      <c r="WSF731" s="424"/>
      <c r="WSG731" s="423" t="s">
        <v>2795</v>
      </c>
      <c r="WSH731" s="424"/>
      <c r="WSI731" s="424"/>
      <c r="WSJ731" s="424"/>
      <c r="WSK731" s="423" t="s">
        <v>2795</v>
      </c>
      <c r="WSL731" s="424"/>
      <c r="WSM731" s="424"/>
      <c r="WSN731" s="424"/>
      <c r="WSO731" s="423" t="s">
        <v>2795</v>
      </c>
      <c r="WSP731" s="424"/>
      <c r="WSQ731" s="424"/>
      <c r="WSR731" s="424"/>
      <c r="WSS731" s="423" t="s">
        <v>2795</v>
      </c>
      <c r="WST731" s="424"/>
      <c r="WSU731" s="424"/>
      <c r="WSV731" s="424"/>
      <c r="WSW731" s="423" t="s">
        <v>2795</v>
      </c>
      <c r="WSX731" s="424"/>
      <c r="WSY731" s="424"/>
      <c r="WSZ731" s="424"/>
      <c r="WTA731" s="423" t="s">
        <v>2795</v>
      </c>
      <c r="WTB731" s="424"/>
      <c r="WTC731" s="424"/>
      <c r="WTD731" s="424"/>
      <c r="WTE731" s="423" t="s">
        <v>2795</v>
      </c>
      <c r="WTF731" s="424"/>
      <c r="WTG731" s="424"/>
      <c r="WTH731" s="424"/>
      <c r="WTI731" s="423" t="s">
        <v>2795</v>
      </c>
      <c r="WTJ731" s="424"/>
      <c r="WTK731" s="424"/>
      <c r="WTL731" s="424"/>
      <c r="WTM731" s="423" t="s">
        <v>2795</v>
      </c>
      <c r="WTN731" s="424"/>
      <c r="WTO731" s="424"/>
      <c r="WTP731" s="424"/>
      <c r="WTQ731" s="423" t="s">
        <v>2795</v>
      </c>
      <c r="WTR731" s="424"/>
      <c r="WTS731" s="424"/>
      <c r="WTT731" s="424"/>
      <c r="WTU731" s="423" t="s">
        <v>2795</v>
      </c>
      <c r="WTV731" s="424"/>
      <c r="WTW731" s="424"/>
      <c r="WTX731" s="424"/>
      <c r="WTY731" s="423" t="s">
        <v>2795</v>
      </c>
      <c r="WTZ731" s="424"/>
      <c r="WUA731" s="424"/>
      <c r="WUB731" s="424"/>
      <c r="WUC731" s="423" t="s">
        <v>2795</v>
      </c>
      <c r="WUD731" s="424"/>
      <c r="WUE731" s="424"/>
      <c r="WUF731" s="424"/>
      <c r="WUG731" s="423" t="s">
        <v>2795</v>
      </c>
      <c r="WUH731" s="424"/>
      <c r="WUI731" s="424"/>
      <c r="WUJ731" s="424"/>
      <c r="WUK731" s="423" t="s">
        <v>2795</v>
      </c>
      <c r="WUL731" s="424"/>
      <c r="WUM731" s="424"/>
      <c r="WUN731" s="424"/>
      <c r="WUO731" s="423" t="s">
        <v>2795</v>
      </c>
      <c r="WUP731" s="424"/>
      <c r="WUQ731" s="424"/>
      <c r="WUR731" s="424"/>
      <c r="WUS731" s="423" t="s">
        <v>2795</v>
      </c>
      <c r="WUT731" s="424"/>
      <c r="WUU731" s="424"/>
      <c r="WUV731" s="424"/>
      <c r="WUW731" s="423" t="s">
        <v>2795</v>
      </c>
      <c r="WUX731" s="424"/>
      <c r="WUY731" s="424"/>
      <c r="WUZ731" s="424"/>
      <c r="WVA731" s="423" t="s">
        <v>2795</v>
      </c>
      <c r="WVB731" s="424"/>
      <c r="WVC731" s="424"/>
      <c r="WVD731" s="424"/>
      <c r="WVE731" s="423" t="s">
        <v>2795</v>
      </c>
      <c r="WVF731" s="424"/>
      <c r="WVG731" s="424"/>
      <c r="WVH731" s="424"/>
      <c r="WVI731" s="423" t="s">
        <v>2795</v>
      </c>
      <c r="WVJ731" s="424"/>
      <c r="WVK731" s="424"/>
      <c r="WVL731" s="424"/>
      <c r="WVM731" s="423" t="s">
        <v>2795</v>
      </c>
      <c r="WVN731" s="424"/>
      <c r="WVO731" s="424"/>
      <c r="WVP731" s="424"/>
      <c r="WVQ731" s="423" t="s">
        <v>2795</v>
      </c>
      <c r="WVR731" s="424"/>
      <c r="WVS731" s="424"/>
      <c r="WVT731" s="424"/>
      <c r="WVU731" s="423" t="s">
        <v>2795</v>
      </c>
      <c r="WVV731" s="424"/>
      <c r="WVW731" s="424"/>
      <c r="WVX731" s="424"/>
      <c r="WVY731" s="423" t="s">
        <v>2795</v>
      </c>
      <c r="WVZ731" s="424"/>
      <c r="WWA731" s="424"/>
      <c r="WWB731" s="424"/>
      <c r="WWC731" s="423" t="s">
        <v>2795</v>
      </c>
      <c r="WWD731" s="424"/>
      <c r="WWE731" s="424"/>
      <c r="WWF731" s="424"/>
      <c r="WWG731" s="423" t="s">
        <v>2795</v>
      </c>
      <c r="WWH731" s="424"/>
      <c r="WWI731" s="424"/>
      <c r="WWJ731" s="424"/>
      <c r="WWK731" s="423" t="s">
        <v>2795</v>
      </c>
      <c r="WWL731" s="424"/>
      <c r="WWM731" s="424"/>
      <c r="WWN731" s="424"/>
      <c r="WWO731" s="423" t="s">
        <v>2795</v>
      </c>
      <c r="WWP731" s="424"/>
      <c r="WWQ731" s="424"/>
      <c r="WWR731" s="424"/>
      <c r="WWS731" s="423" t="s">
        <v>2795</v>
      </c>
      <c r="WWT731" s="424"/>
      <c r="WWU731" s="424"/>
      <c r="WWV731" s="424"/>
      <c r="WWW731" s="423" t="s">
        <v>2795</v>
      </c>
      <c r="WWX731" s="424"/>
      <c r="WWY731" s="424"/>
      <c r="WWZ731" s="424"/>
      <c r="WXA731" s="423" t="s">
        <v>2795</v>
      </c>
      <c r="WXB731" s="424"/>
      <c r="WXC731" s="424"/>
      <c r="WXD731" s="424"/>
      <c r="WXE731" s="423" t="s">
        <v>2795</v>
      </c>
      <c r="WXF731" s="424"/>
      <c r="WXG731" s="424"/>
      <c r="WXH731" s="424"/>
      <c r="WXI731" s="423" t="s">
        <v>2795</v>
      </c>
      <c r="WXJ731" s="424"/>
      <c r="WXK731" s="424"/>
      <c r="WXL731" s="424"/>
      <c r="WXM731" s="423" t="s">
        <v>2795</v>
      </c>
      <c r="WXN731" s="424"/>
      <c r="WXO731" s="424"/>
      <c r="WXP731" s="424"/>
      <c r="WXQ731" s="423" t="s">
        <v>2795</v>
      </c>
      <c r="WXR731" s="424"/>
      <c r="WXS731" s="424"/>
      <c r="WXT731" s="424"/>
      <c r="WXU731" s="423" t="s">
        <v>2795</v>
      </c>
      <c r="WXV731" s="424"/>
      <c r="WXW731" s="424"/>
      <c r="WXX731" s="424"/>
      <c r="WXY731" s="423" t="s">
        <v>2795</v>
      </c>
      <c r="WXZ731" s="424"/>
      <c r="WYA731" s="424"/>
      <c r="WYB731" s="424"/>
      <c r="WYC731" s="423" t="s">
        <v>2795</v>
      </c>
      <c r="WYD731" s="424"/>
      <c r="WYE731" s="424"/>
      <c r="WYF731" s="424"/>
      <c r="WYG731" s="423" t="s">
        <v>2795</v>
      </c>
      <c r="WYH731" s="424"/>
      <c r="WYI731" s="424"/>
      <c r="WYJ731" s="424"/>
      <c r="WYK731" s="423" t="s">
        <v>2795</v>
      </c>
      <c r="WYL731" s="424"/>
      <c r="WYM731" s="424"/>
      <c r="WYN731" s="424"/>
      <c r="WYO731" s="423" t="s">
        <v>2795</v>
      </c>
      <c r="WYP731" s="424"/>
      <c r="WYQ731" s="424"/>
      <c r="WYR731" s="424"/>
      <c r="WYS731" s="423" t="s">
        <v>2795</v>
      </c>
      <c r="WYT731" s="424"/>
      <c r="WYU731" s="424"/>
      <c r="WYV731" s="424"/>
      <c r="WYW731" s="423" t="s">
        <v>2795</v>
      </c>
      <c r="WYX731" s="424"/>
      <c r="WYY731" s="424"/>
      <c r="WYZ731" s="424"/>
      <c r="WZA731" s="423" t="s">
        <v>2795</v>
      </c>
      <c r="WZB731" s="424"/>
      <c r="WZC731" s="424"/>
      <c r="WZD731" s="424"/>
      <c r="WZE731" s="423" t="s">
        <v>2795</v>
      </c>
      <c r="WZF731" s="424"/>
      <c r="WZG731" s="424"/>
      <c r="WZH731" s="424"/>
      <c r="WZI731" s="423" t="s">
        <v>2795</v>
      </c>
      <c r="WZJ731" s="424"/>
      <c r="WZK731" s="424"/>
      <c r="WZL731" s="424"/>
      <c r="WZM731" s="423" t="s">
        <v>2795</v>
      </c>
      <c r="WZN731" s="424"/>
      <c r="WZO731" s="424"/>
      <c r="WZP731" s="424"/>
      <c r="WZQ731" s="423" t="s">
        <v>2795</v>
      </c>
      <c r="WZR731" s="424"/>
      <c r="WZS731" s="424"/>
      <c r="WZT731" s="424"/>
      <c r="WZU731" s="423" t="s">
        <v>2795</v>
      </c>
      <c r="WZV731" s="424"/>
      <c r="WZW731" s="424"/>
      <c r="WZX731" s="424"/>
      <c r="WZY731" s="423" t="s">
        <v>2795</v>
      </c>
      <c r="WZZ731" s="424"/>
      <c r="XAA731" s="424"/>
      <c r="XAB731" s="424"/>
      <c r="XAC731" s="423" t="s">
        <v>2795</v>
      </c>
      <c r="XAD731" s="424"/>
      <c r="XAE731" s="424"/>
      <c r="XAF731" s="424"/>
      <c r="XAG731" s="423" t="s">
        <v>2795</v>
      </c>
      <c r="XAH731" s="424"/>
      <c r="XAI731" s="424"/>
      <c r="XAJ731" s="424"/>
      <c r="XAK731" s="423" t="s">
        <v>2795</v>
      </c>
      <c r="XAL731" s="424"/>
      <c r="XAM731" s="424"/>
      <c r="XAN731" s="424"/>
      <c r="XAO731" s="423" t="s">
        <v>2795</v>
      </c>
      <c r="XAP731" s="424"/>
      <c r="XAQ731" s="424"/>
      <c r="XAR731" s="424"/>
      <c r="XAS731" s="423" t="s">
        <v>2795</v>
      </c>
      <c r="XAT731" s="424"/>
      <c r="XAU731" s="424"/>
      <c r="XAV731" s="424"/>
      <c r="XAW731" s="423" t="s">
        <v>2795</v>
      </c>
      <c r="XAX731" s="424"/>
      <c r="XAY731" s="424"/>
      <c r="XAZ731" s="424"/>
      <c r="XBA731" s="423" t="s">
        <v>2795</v>
      </c>
      <c r="XBB731" s="424"/>
      <c r="XBC731" s="424"/>
      <c r="XBD731" s="424"/>
      <c r="XBE731" s="423" t="s">
        <v>2795</v>
      </c>
      <c r="XBF731" s="424"/>
      <c r="XBG731" s="424"/>
      <c r="XBH731" s="424"/>
      <c r="XBI731" s="423" t="s">
        <v>2795</v>
      </c>
      <c r="XBJ731" s="424"/>
      <c r="XBK731" s="424"/>
      <c r="XBL731" s="424"/>
      <c r="XBM731" s="423" t="s">
        <v>2795</v>
      </c>
      <c r="XBN731" s="424"/>
      <c r="XBO731" s="424"/>
      <c r="XBP731" s="424"/>
      <c r="XBQ731" s="423" t="s">
        <v>2795</v>
      </c>
      <c r="XBR731" s="424"/>
      <c r="XBS731" s="424"/>
      <c r="XBT731" s="424"/>
      <c r="XBU731" s="423" t="s">
        <v>2795</v>
      </c>
      <c r="XBV731" s="424"/>
      <c r="XBW731" s="424"/>
      <c r="XBX731" s="424"/>
      <c r="XBY731" s="423" t="s">
        <v>2795</v>
      </c>
      <c r="XBZ731" s="424"/>
      <c r="XCA731" s="424"/>
      <c r="XCB731" s="424"/>
      <c r="XCC731" s="423" t="s">
        <v>2795</v>
      </c>
      <c r="XCD731" s="424"/>
      <c r="XCE731" s="424"/>
      <c r="XCF731" s="424"/>
      <c r="XCG731" s="423" t="s">
        <v>2795</v>
      </c>
      <c r="XCH731" s="424"/>
      <c r="XCI731" s="424"/>
      <c r="XCJ731" s="424"/>
      <c r="XCK731" s="423" t="s">
        <v>2795</v>
      </c>
      <c r="XCL731" s="424"/>
      <c r="XCM731" s="424"/>
      <c r="XCN731" s="424"/>
      <c r="XCO731" s="423" t="s">
        <v>2795</v>
      </c>
      <c r="XCP731" s="424"/>
      <c r="XCQ731" s="424"/>
      <c r="XCR731" s="424"/>
      <c r="XCS731" s="423" t="s">
        <v>2795</v>
      </c>
      <c r="XCT731" s="424"/>
      <c r="XCU731" s="424"/>
      <c r="XCV731" s="424"/>
      <c r="XCW731" s="423" t="s">
        <v>2795</v>
      </c>
      <c r="XCX731" s="424"/>
      <c r="XCY731" s="424"/>
      <c r="XCZ731" s="424"/>
      <c r="XDA731" s="423" t="s">
        <v>2795</v>
      </c>
      <c r="XDB731" s="424"/>
      <c r="XDC731" s="424"/>
      <c r="XDD731" s="424"/>
      <c r="XDE731" s="423" t="s">
        <v>2795</v>
      </c>
      <c r="XDF731" s="424"/>
      <c r="XDG731" s="424"/>
      <c r="XDH731" s="424"/>
      <c r="XDI731" s="423" t="s">
        <v>2795</v>
      </c>
      <c r="XDJ731" s="424"/>
      <c r="XDK731" s="424"/>
      <c r="XDL731" s="424"/>
      <c r="XDM731" s="423" t="s">
        <v>2795</v>
      </c>
      <c r="XDN731" s="424"/>
      <c r="XDO731" s="424"/>
      <c r="XDP731" s="424"/>
      <c r="XDQ731" s="423" t="s">
        <v>2795</v>
      </c>
      <c r="XDR731" s="424"/>
      <c r="XDS731" s="424"/>
      <c r="XDT731" s="424"/>
      <c r="XDU731" s="423" t="s">
        <v>2795</v>
      </c>
      <c r="XDV731" s="424"/>
      <c r="XDW731" s="424"/>
      <c r="XDX731" s="424"/>
      <c r="XDY731" s="423" t="s">
        <v>2795</v>
      </c>
      <c r="XDZ731" s="424"/>
      <c r="XEA731" s="424"/>
      <c r="XEB731" s="424"/>
      <c r="XEC731" s="423" t="s">
        <v>2795</v>
      </c>
      <c r="XED731" s="424"/>
      <c r="XEE731" s="424"/>
      <c r="XEF731" s="424"/>
      <c r="XEG731" s="423" t="s">
        <v>2795</v>
      </c>
      <c r="XEH731" s="424"/>
      <c r="XEI731" s="424"/>
      <c r="XEJ731" s="424"/>
      <c r="XEK731" s="423" t="s">
        <v>2795</v>
      </c>
      <c r="XEL731" s="424"/>
      <c r="XEM731" s="424"/>
      <c r="XEN731" s="424"/>
      <c r="XEO731" s="423" t="s">
        <v>2795</v>
      </c>
      <c r="XEP731" s="424"/>
      <c r="XEQ731" s="424"/>
      <c r="XER731" s="424"/>
      <c r="XES731" s="423" t="s">
        <v>2795</v>
      </c>
      <c r="XET731" s="424"/>
      <c r="XEU731" s="424"/>
      <c r="XEV731" s="424"/>
      <c r="XEW731" s="423" t="s">
        <v>2795</v>
      </c>
      <c r="XEX731" s="424"/>
      <c r="XEY731" s="424"/>
      <c r="XEZ731" s="424"/>
      <c r="XFA731" s="423" t="s">
        <v>2795</v>
      </c>
      <c r="XFB731" s="424"/>
      <c r="XFC731" s="424"/>
      <c r="XFD731" s="424"/>
    </row>
    <row r="732" spans="1:16384" s="8" customFormat="1" ht="20" hidden="1">
      <c r="A732" s="423" t="s">
        <v>2795</v>
      </c>
      <c r="B732" s="424"/>
      <c r="C732" s="424"/>
      <c r="D732" s="424"/>
      <c r="E732" s="423" t="s">
        <v>2795</v>
      </c>
      <c r="F732" s="424"/>
      <c r="G732" s="424"/>
      <c r="H732" s="424"/>
      <c r="I732" s="423" t="s">
        <v>2795</v>
      </c>
      <c r="J732" s="424"/>
      <c r="K732" s="424"/>
      <c r="L732" s="424"/>
      <c r="M732" s="423" t="s">
        <v>2795</v>
      </c>
      <c r="N732" s="424"/>
      <c r="O732" s="424"/>
      <c r="P732" s="424"/>
      <c r="Q732" s="426" t="s">
        <v>2795</v>
      </c>
      <c r="R732" s="427"/>
      <c r="S732" s="427"/>
      <c r="T732" s="427"/>
      <c r="U732" s="423" t="s">
        <v>2795</v>
      </c>
      <c r="V732" s="424"/>
      <c r="W732" s="424"/>
      <c r="X732" s="424"/>
      <c r="Y732" s="423" t="s">
        <v>2795</v>
      </c>
      <c r="Z732" s="424"/>
      <c r="AA732" s="424"/>
      <c r="AB732" s="424"/>
      <c r="AC732" s="423" t="s">
        <v>2795</v>
      </c>
      <c r="AD732" s="424"/>
      <c r="AE732" s="424"/>
      <c r="AF732" s="424"/>
      <c r="AG732" s="423" t="s">
        <v>2795</v>
      </c>
      <c r="AH732" s="424"/>
      <c r="AI732" s="424"/>
      <c r="AJ732" s="424"/>
      <c r="AK732" s="423" t="s">
        <v>2795</v>
      </c>
      <c r="AL732" s="424"/>
      <c r="AM732" s="424"/>
      <c r="AN732" s="424"/>
      <c r="AO732" s="423" t="s">
        <v>2795</v>
      </c>
      <c r="AP732" s="424"/>
      <c r="AQ732" s="424"/>
      <c r="AR732" s="424"/>
      <c r="AS732" s="423" t="s">
        <v>2795</v>
      </c>
      <c r="AT732" s="424"/>
      <c r="AU732" s="424"/>
      <c r="AV732" s="424"/>
      <c r="AW732" s="423" t="s">
        <v>2795</v>
      </c>
      <c r="AX732" s="424"/>
      <c r="AY732" s="424"/>
      <c r="AZ732" s="424"/>
      <c r="BA732" s="423" t="s">
        <v>2795</v>
      </c>
      <c r="BB732" s="424"/>
      <c r="BC732" s="424"/>
      <c r="BD732" s="424"/>
      <c r="BE732" s="423" t="s">
        <v>2795</v>
      </c>
      <c r="BF732" s="424"/>
      <c r="BG732" s="424"/>
      <c r="BH732" s="424"/>
      <c r="BI732" s="423" t="s">
        <v>2795</v>
      </c>
      <c r="BJ732" s="424"/>
      <c r="BK732" s="424"/>
      <c r="BL732" s="424"/>
      <c r="BM732" s="423" t="s">
        <v>2795</v>
      </c>
      <c r="BN732" s="424"/>
      <c r="BO732" s="424"/>
      <c r="BP732" s="424"/>
      <c r="BQ732" s="423" t="s">
        <v>2795</v>
      </c>
      <c r="BR732" s="424"/>
      <c r="BS732" s="424"/>
      <c r="BT732" s="424"/>
      <c r="BU732" s="423" t="s">
        <v>2795</v>
      </c>
      <c r="BV732" s="424"/>
      <c r="BW732" s="424"/>
      <c r="BX732" s="424"/>
      <c r="BY732" s="423" t="s">
        <v>2795</v>
      </c>
      <c r="BZ732" s="424"/>
      <c r="CA732" s="424"/>
      <c r="CB732" s="424"/>
      <c r="CC732" s="423" t="s">
        <v>2795</v>
      </c>
      <c r="CD732" s="424"/>
      <c r="CE732" s="424"/>
      <c r="CF732" s="424"/>
      <c r="CG732" s="423" t="s">
        <v>2795</v>
      </c>
      <c r="CH732" s="424"/>
      <c r="CI732" s="424"/>
      <c r="CJ732" s="424"/>
      <c r="CK732" s="423" t="s">
        <v>2795</v>
      </c>
      <c r="CL732" s="424"/>
      <c r="CM732" s="424"/>
      <c r="CN732" s="424"/>
      <c r="CO732" s="423" t="s">
        <v>2795</v>
      </c>
      <c r="CP732" s="424"/>
      <c r="CQ732" s="424"/>
      <c r="CR732" s="424"/>
      <c r="CS732" s="423" t="s">
        <v>2795</v>
      </c>
      <c r="CT732" s="424"/>
      <c r="CU732" s="424"/>
      <c r="CV732" s="424"/>
      <c r="CW732" s="423" t="s">
        <v>2795</v>
      </c>
      <c r="CX732" s="424"/>
      <c r="CY732" s="424"/>
      <c r="CZ732" s="424"/>
      <c r="DA732" s="423" t="s">
        <v>2795</v>
      </c>
      <c r="DB732" s="424"/>
      <c r="DC732" s="424"/>
      <c r="DD732" s="424"/>
      <c r="DE732" s="423" t="s">
        <v>2795</v>
      </c>
      <c r="DF732" s="424"/>
      <c r="DG732" s="424"/>
      <c r="DH732" s="424"/>
      <c r="DI732" s="423" t="s">
        <v>2795</v>
      </c>
      <c r="DJ732" s="424"/>
      <c r="DK732" s="424"/>
      <c r="DL732" s="424"/>
      <c r="DM732" s="423" t="s">
        <v>2795</v>
      </c>
      <c r="DN732" s="424"/>
      <c r="DO732" s="424"/>
      <c r="DP732" s="424"/>
      <c r="DQ732" s="423" t="s">
        <v>2795</v>
      </c>
      <c r="DR732" s="424"/>
      <c r="DS732" s="424"/>
      <c r="DT732" s="424"/>
      <c r="DU732" s="423" t="s">
        <v>2795</v>
      </c>
      <c r="DV732" s="424"/>
      <c r="DW732" s="424"/>
      <c r="DX732" s="424"/>
      <c r="DY732" s="423" t="s">
        <v>2795</v>
      </c>
      <c r="DZ732" s="424"/>
      <c r="EA732" s="424"/>
      <c r="EB732" s="424"/>
      <c r="EC732" s="423" t="s">
        <v>2795</v>
      </c>
      <c r="ED732" s="424"/>
      <c r="EE732" s="424"/>
      <c r="EF732" s="424"/>
      <c r="EG732" s="423" t="s">
        <v>2795</v>
      </c>
      <c r="EH732" s="424"/>
      <c r="EI732" s="424"/>
      <c r="EJ732" s="424"/>
      <c r="EK732" s="423" t="s">
        <v>2795</v>
      </c>
      <c r="EL732" s="424"/>
      <c r="EM732" s="424"/>
      <c r="EN732" s="424"/>
      <c r="EO732" s="423" t="s">
        <v>2795</v>
      </c>
      <c r="EP732" s="424"/>
      <c r="EQ732" s="424"/>
      <c r="ER732" s="424"/>
      <c r="ES732" s="423" t="s">
        <v>2795</v>
      </c>
      <c r="ET732" s="424"/>
      <c r="EU732" s="424"/>
      <c r="EV732" s="424"/>
      <c r="EW732" s="423" t="s">
        <v>2795</v>
      </c>
      <c r="EX732" s="424"/>
      <c r="EY732" s="424"/>
      <c r="EZ732" s="424"/>
      <c r="FA732" s="423" t="s">
        <v>2795</v>
      </c>
      <c r="FB732" s="424"/>
      <c r="FC732" s="424"/>
      <c r="FD732" s="424"/>
      <c r="FE732" s="423" t="s">
        <v>2795</v>
      </c>
      <c r="FF732" s="424"/>
      <c r="FG732" s="424"/>
      <c r="FH732" s="424"/>
      <c r="FI732" s="423" t="s">
        <v>2795</v>
      </c>
      <c r="FJ732" s="424"/>
      <c r="FK732" s="424"/>
      <c r="FL732" s="424"/>
      <c r="FM732" s="423" t="s">
        <v>2795</v>
      </c>
      <c r="FN732" s="424"/>
      <c r="FO732" s="424"/>
      <c r="FP732" s="424"/>
      <c r="FQ732" s="423" t="s">
        <v>2795</v>
      </c>
      <c r="FR732" s="424"/>
      <c r="FS732" s="424"/>
      <c r="FT732" s="424"/>
      <c r="FU732" s="423" t="s">
        <v>2795</v>
      </c>
      <c r="FV732" s="424"/>
      <c r="FW732" s="424"/>
      <c r="FX732" s="424"/>
      <c r="FY732" s="423" t="s">
        <v>2795</v>
      </c>
      <c r="FZ732" s="424"/>
      <c r="GA732" s="424"/>
      <c r="GB732" s="424"/>
      <c r="GC732" s="423" t="s">
        <v>2795</v>
      </c>
      <c r="GD732" s="424"/>
      <c r="GE732" s="424"/>
      <c r="GF732" s="424"/>
      <c r="GG732" s="423" t="s">
        <v>2795</v>
      </c>
      <c r="GH732" s="424"/>
      <c r="GI732" s="424"/>
      <c r="GJ732" s="424"/>
      <c r="GK732" s="423" t="s">
        <v>2795</v>
      </c>
      <c r="GL732" s="424"/>
      <c r="GM732" s="424"/>
      <c r="GN732" s="424"/>
      <c r="GO732" s="423" t="s">
        <v>2795</v>
      </c>
      <c r="GP732" s="424"/>
      <c r="GQ732" s="424"/>
      <c r="GR732" s="424"/>
      <c r="GS732" s="423" t="s">
        <v>2795</v>
      </c>
      <c r="GT732" s="424"/>
      <c r="GU732" s="424"/>
      <c r="GV732" s="424"/>
      <c r="GW732" s="423" t="s">
        <v>2795</v>
      </c>
      <c r="GX732" s="424"/>
      <c r="GY732" s="424"/>
      <c r="GZ732" s="424"/>
      <c r="HA732" s="423" t="s">
        <v>2795</v>
      </c>
      <c r="HB732" s="424"/>
      <c r="HC732" s="424"/>
      <c r="HD732" s="424"/>
      <c r="HE732" s="423" t="s">
        <v>2795</v>
      </c>
      <c r="HF732" s="424"/>
      <c r="HG732" s="424"/>
      <c r="HH732" s="424"/>
      <c r="HI732" s="423" t="s">
        <v>2795</v>
      </c>
      <c r="HJ732" s="424"/>
      <c r="HK732" s="424"/>
      <c r="HL732" s="424"/>
      <c r="HM732" s="423" t="s">
        <v>2795</v>
      </c>
      <c r="HN732" s="424"/>
      <c r="HO732" s="424"/>
      <c r="HP732" s="424"/>
      <c r="HQ732" s="423" t="s">
        <v>2795</v>
      </c>
      <c r="HR732" s="424"/>
      <c r="HS732" s="424"/>
      <c r="HT732" s="424"/>
      <c r="HU732" s="423" t="s">
        <v>2795</v>
      </c>
      <c r="HV732" s="424"/>
      <c r="HW732" s="424"/>
      <c r="HX732" s="424"/>
      <c r="HY732" s="423" t="s">
        <v>2795</v>
      </c>
      <c r="HZ732" s="424"/>
      <c r="IA732" s="424"/>
      <c r="IB732" s="424"/>
      <c r="IC732" s="423" t="s">
        <v>2795</v>
      </c>
      <c r="ID732" s="424"/>
      <c r="IE732" s="424"/>
      <c r="IF732" s="424"/>
      <c r="IG732" s="423" t="s">
        <v>2795</v>
      </c>
      <c r="IH732" s="424"/>
      <c r="II732" s="424"/>
      <c r="IJ732" s="424"/>
      <c r="IK732" s="423" t="s">
        <v>2795</v>
      </c>
      <c r="IL732" s="424"/>
      <c r="IM732" s="424"/>
      <c r="IN732" s="424"/>
      <c r="IO732" s="423" t="s">
        <v>2795</v>
      </c>
      <c r="IP732" s="424"/>
      <c r="IQ732" s="424"/>
      <c r="IR732" s="424"/>
      <c r="IS732" s="423" t="s">
        <v>2795</v>
      </c>
      <c r="IT732" s="424"/>
      <c r="IU732" s="424"/>
      <c r="IV732" s="424"/>
      <c r="IW732" s="423" t="s">
        <v>2795</v>
      </c>
      <c r="IX732" s="424"/>
      <c r="IY732" s="424"/>
      <c r="IZ732" s="424"/>
      <c r="JA732" s="423" t="s">
        <v>2795</v>
      </c>
      <c r="JB732" s="424"/>
      <c r="JC732" s="424"/>
      <c r="JD732" s="424"/>
      <c r="JE732" s="423" t="s">
        <v>2795</v>
      </c>
      <c r="JF732" s="424"/>
      <c r="JG732" s="424"/>
      <c r="JH732" s="424"/>
      <c r="JI732" s="423" t="s">
        <v>2795</v>
      </c>
      <c r="JJ732" s="424"/>
      <c r="JK732" s="424"/>
      <c r="JL732" s="424"/>
      <c r="JM732" s="423" t="s">
        <v>2795</v>
      </c>
      <c r="JN732" s="424"/>
      <c r="JO732" s="424"/>
      <c r="JP732" s="424"/>
      <c r="JQ732" s="423" t="s">
        <v>2795</v>
      </c>
      <c r="JR732" s="424"/>
      <c r="JS732" s="424"/>
      <c r="JT732" s="424"/>
      <c r="JU732" s="423" t="s">
        <v>2795</v>
      </c>
      <c r="JV732" s="424"/>
      <c r="JW732" s="424"/>
      <c r="JX732" s="424"/>
      <c r="JY732" s="423" t="s">
        <v>2795</v>
      </c>
      <c r="JZ732" s="424"/>
      <c r="KA732" s="424"/>
      <c r="KB732" s="424"/>
      <c r="KC732" s="423" t="s">
        <v>2795</v>
      </c>
      <c r="KD732" s="424"/>
      <c r="KE732" s="424"/>
      <c r="KF732" s="424"/>
      <c r="KG732" s="423" t="s">
        <v>2795</v>
      </c>
      <c r="KH732" s="424"/>
      <c r="KI732" s="424"/>
      <c r="KJ732" s="424"/>
      <c r="KK732" s="423" t="s">
        <v>2795</v>
      </c>
      <c r="KL732" s="424"/>
      <c r="KM732" s="424"/>
      <c r="KN732" s="424"/>
      <c r="KO732" s="423" t="s">
        <v>2795</v>
      </c>
      <c r="KP732" s="424"/>
      <c r="KQ732" s="424"/>
      <c r="KR732" s="424"/>
      <c r="KS732" s="423" t="s">
        <v>2795</v>
      </c>
      <c r="KT732" s="424"/>
      <c r="KU732" s="424"/>
      <c r="KV732" s="424"/>
      <c r="KW732" s="423" t="s">
        <v>2795</v>
      </c>
      <c r="KX732" s="424"/>
      <c r="KY732" s="424"/>
      <c r="KZ732" s="424"/>
      <c r="LA732" s="423" t="s">
        <v>2795</v>
      </c>
      <c r="LB732" s="424"/>
      <c r="LC732" s="424"/>
      <c r="LD732" s="424"/>
      <c r="LE732" s="423" t="s">
        <v>2795</v>
      </c>
      <c r="LF732" s="424"/>
      <c r="LG732" s="424"/>
      <c r="LH732" s="424"/>
      <c r="LI732" s="423" t="s">
        <v>2795</v>
      </c>
      <c r="LJ732" s="424"/>
      <c r="LK732" s="424"/>
      <c r="LL732" s="424"/>
      <c r="LM732" s="423" t="s">
        <v>2795</v>
      </c>
      <c r="LN732" s="424"/>
      <c r="LO732" s="424"/>
      <c r="LP732" s="424"/>
      <c r="LQ732" s="423" t="s">
        <v>2795</v>
      </c>
      <c r="LR732" s="424"/>
      <c r="LS732" s="424"/>
      <c r="LT732" s="424"/>
      <c r="LU732" s="423" t="s">
        <v>2795</v>
      </c>
      <c r="LV732" s="424"/>
      <c r="LW732" s="424"/>
      <c r="LX732" s="424"/>
      <c r="LY732" s="423" t="s">
        <v>2795</v>
      </c>
      <c r="LZ732" s="424"/>
      <c r="MA732" s="424"/>
      <c r="MB732" s="424"/>
      <c r="MC732" s="423" t="s">
        <v>2795</v>
      </c>
      <c r="MD732" s="424"/>
      <c r="ME732" s="424"/>
      <c r="MF732" s="424"/>
      <c r="MG732" s="423" t="s">
        <v>2795</v>
      </c>
      <c r="MH732" s="424"/>
      <c r="MI732" s="424"/>
      <c r="MJ732" s="424"/>
      <c r="MK732" s="423" t="s">
        <v>2795</v>
      </c>
      <c r="ML732" s="424"/>
      <c r="MM732" s="424"/>
      <c r="MN732" s="424"/>
      <c r="MO732" s="423" t="s">
        <v>2795</v>
      </c>
      <c r="MP732" s="424"/>
      <c r="MQ732" s="424"/>
      <c r="MR732" s="424"/>
      <c r="MS732" s="423" t="s">
        <v>2795</v>
      </c>
      <c r="MT732" s="424"/>
      <c r="MU732" s="424"/>
      <c r="MV732" s="424"/>
      <c r="MW732" s="423" t="s">
        <v>2795</v>
      </c>
      <c r="MX732" s="424"/>
      <c r="MY732" s="424"/>
      <c r="MZ732" s="424"/>
      <c r="NA732" s="423" t="s">
        <v>2795</v>
      </c>
      <c r="NB732" s="424"/>
      <c r="NC732" s="424"/>
      <c r="ND732" s="424"/>
      <c r="NE732" s="423" t="s">
        <v>2795</v>
      </c>
      <c r="NF732" s="424"/>
      <c r="NG732" s="424"/>
      <c r="NH732" s="424"/>
      <c r="NI732" s="423" t="s">
        <v>2795</v>
      </c>
      <c r="NJ732" s="424"/>
      <c r="NK732" s="424"/>
      <c r="NL732" s="424"/>
      <c r="NM732" s="423" t="s">
        <v>2795</v>
      </c>
      <c r="NN732" s="424"/>
      <c r="NO732" s="424"/>
      <c r="NP732" s="424"/>
      <c r="NQ732" s="423" t="s">
        <v>2795</v>
      </c>
      <c r="NR732" s="424"/>
      <c r="NS732" s="424"/>
      <c r="NT732" s="424"/>
      <c r="NU732" s="423" t="s">
        <v>2795</v>
      </c>
      <c r="NV732" s="424"/>
      <c r="NW732" s="424"/>
      <c r="NX732" s="424"/>
      <c r="NY732" s="423" t="s">
        <v>2795</v>
      </c>
      <c r="NZ732" s="424"/>
      <c r="OA732" s="424"/>
      <c r="OB732" s="424"/>
      <c r="OC732" s="423" t="s">
        <v>2795</v>
      </c>
      <c r="OD732" s="424"/>
      <c r="OE732" s="424"/>
      <c r="OF732" s="424"/>
      <c r="OG732" s="423" t="s">
        <v>2795</v>
      </c>
      <c r="OH732" s="424"/>
      <c r="OI732" s="424"/>
      <c r="OJ732" s="424"/>
      <c r="OK732" s="423" t="s">
        <v>2795</v>
      </c>
      <c r="OL732" s="424"/>
      <c r="OM732" s="424"/>
      <c r="ON732" s="424"/>
      <c r="OO732" s="423" t="s">
        <v>2795</v>
      </c>
      <c r="OP732" s="424"/>
      <c r="OQ732" s="424"/>
      <c r="OR732" s="424"/>
      <c r="OS732" s="423" t="s">
        <v>2795</v>
      </c>
      <c r="OT732" s="424"/>
      <c r="OU732" s="424"/>
      <c r="OV732" s="424"/>
      <c r="OW732" s="423" t="s">
        <v>2795</v>
      </c>
      <c r="OX732" s="424"/>
      <c r="OY732" s="424"/>
      <c r="OZ732" s="424"/>
      <c r="PA732" s="423" t="s">
        <v>2795</v>
      </c>
      <c r="PB732" s="424"/>
      <c r="PC732" s="424"/>
      <c r="PD732" s="424"/>
      <c r="PE732" s="423" t="s">
        <v>2795</v>
      </c>
      <c r="PF732" s="424"/>
      <c r="PG732" s="424"/>
      <c r="PH732" s="424"/>
      <c r="PI732" s="423" t="s">
        <v>2795</v>
      </c>
      <c r="PJ732" s="424"/>
      <c r="PK732" s="424"/>
      <c r="PL732" s="424"/>
      <c r="PM732" s="423" t="s">
        <v>2795</v>
      </c>
      <c r="PN732" s="424"/>
      <c r="PO732" s="424"/>
      <c r="PP732" s="424"/>
      <c r="PQ732" s="423" t="s">
        <v>2795</v>
      </c>
      <c r="PR732" s="424"/>
      <c r="PS732" s="424"/>
      <c r="PT732" s="424"/>
      <c r="PU732" s="423" t="s">
        <v>2795</v>
      </c>
      <c r="PV732" s="424"/>
      <c r="PW732" s="424"/>
      <c r="PX732" s="424"/>
      <c r="PY732" s="423" t="s">
        <v>2795</v>
      </c>
      <c r="PZ732" s="424"/>
      <c r="QA732" s="424"/>
      <c r="QB732" s="424"/>
      <c r="QC732" s="423" t="s">
        <v>2795</v>
      </c>
      <c r="QD732" s="424"/>
      <c r="QE732" s="424"/>
      <c r="QF732" s="424"/>
      <c r="QG732" s="423" t="s">
        <v>2795</v>
      </c>
      <c r="QH732" s="424"/>
      <c r="QI732" s="424"/>
      <c r="QJ732" s="424"/>
      <c r="QK732" s="423" t="s">
        <v>2795</v>
      </c>
      <c r="QL732" s="424"/>
      <c r="QM732" s="424"/>
      <c r="QN732" s="424"/>
      <c r="QO732" s="423" t="s">
        <v>2795</v>
      </c>
      <c r="QP732" s="424"/>
      <c r="QQ732" s="424"/>
      <c r="QR732" s="424"/>
      <c r="QS732" s="423" t="s">
        <v>2795</v>
      </c>
      <c r="QT732" s="424"/>
      <c r="QU732" s="424"/>
      <c r="QV732" s="424"/>
      <c r="QW732" s="423" t="s">
        <v>2795</v>
      </c>
      <c r="QX732" s="424"/>
      <c r="QY732" s="424"/>
      <c r="QZ732" s="424"/>
      <c r="RA732" s="423" t="s">
        <v>2795</v>
      </c>
      <c r="RB732" s="424"/>
      <c r="RC732" s="424"/>
      <c r="RD732" s="424"/>
      <c r="RE732" s="423" t="s">
        <v>2795</v>
      </c>
      <c r="RF732" s="424"/>
      <c r="RG732" s="424"/>
      <c r="RH732" s="424"/>
      <c r="RI732" s="423" t="s">
        <v>2795</v>
      </c>
      <c r="RJ732" s="424"/>
      <c r="RK732" s="424"/>
      <c r="RL732" s="424"/>
      <c r="RM732" s="423" t="s">
        <v>2795</v>
      </c>
      <c r="RN732" s="424"/>
      <c r="RO732" s="424"/>
      <c r="RP732" s="424"/>
      <c r="RQ732" s="423" t="s">
        <v>2795</v>
      </c>
      <c r="RR732" s="424"/>
      <c r="RS732" s="424"/>
      <c r="RT732" s="424"/>
      <c r="RU732" s="423" t="s">
        <v>2795</v>
      </c>
      <c r="RV732" s="424"/>
      <c r="RW732" s="424"/>
      <c r="RX732" s="424"/>
      <c r="RY732" s="423" t="s">
        <v>2795</v>
      </c>
      <c r="RZ732" s="424"/>
      <c r="SA732" s="424"/>
      <c r="SB732" s="424"/>
      <c r="SC732" s="423" t="s">
        <v>2795</v>
      </c>
      <c r="SD732" s="424"/>
      <c r="SE732" s="424"/>
      <c r="SF732" s="424"/>
      <c r="SG732" s="423" t="s">
        <v>2795</v>
      </c>
      <c r="SH732" s="424"/>
      <c r="SI732" s="424"/>
      <c r="SJ732" s="424"/>
      <c r="SK732" s="423" t="s">
        <v>2795</v>
      </c>
      <c r="SL732" s="424"/>
      <c r="SM732" s="424"/>
      <c r="SN732" s="424"/>
      <c r="SO732" s="423" t="s">
        <v>2795</v>
      </c>
      <c r="SP732" s="424"/>
      <c r="SQ732" s="424"/>
      <c r="SR732" s="424"/>
      <c r="SS732" s="423" t="s">
        <v>2795</v>
      </c>
      <c r="ST732" s="424"/>
      <c r="SU732" s="424"/>
      <c r="SV732" s="424"/>
      <c r="SW732" s="423" t="s">
        <v>2795</v>
      </c>
      <c r="SX732" s="424"/>
      <c r="SY732" s="424"/>
      <c r="SZ732" s="424"/>
      <c r="TA732" s="423" t="s">
        <v>2795</v>
      </c>
      <c r="TB732" s="424"/>
      <c r="TC732" s="424"/>
      <c r="TD732" s="424"/>
      <c r="TE732" s="423" t="s">
        <v>2795</v>
      </c>
      <c r="TF732" s="424"/>
      <c r="TG732" s="424"/>
      <c r="TH732" s="424"/>
      <c r="TI732" s="423" t="s">
        <v>2795</v>
      </c>
      <c r="TJ732" s="424"/>
      <c r="TK732" s="424"/>
      <c r="TL732" s="424"/>
      <c r="TM732" s="423" t="s">
        <v>2795</v>
      </c>
      <c r="TN732" s="424"/>
      <c r="TO732" s="424"/>
      <c r="TP732" s="424"/>
      <c r="TQ732" s="423" t="s">
        <v>2795</v>
      </c>
      <c r="TR732" s="424"/>
      <c r="TS732" s="424"/>
      <c r="TT732" s="424"/>
      <c r="TU732" s="423" t="s">
        <v>2795</v>
      </c>
      <c r="TV732" s="424"/>
      <c r="TW732" s="424"/>
      <c r="TX732" s="424"/>
      <c r="TY732" s="423" t="s">
        <v>2795</v>
      </c>
      <c r="TZ732" s="424"/>
      <c r="UA732" s="424"/>
      <c r="UB732" s="424"/>
      <c r="UC732" s="423" t="s">
        <v>2795</v>
      </c>
      <c r="UD732" s="424"/>
      <c r="UE732" s="424"/>
      <c r="UF732" s="424"/>
      <c r="UG732" s="423" t="s">
        <v>2795</v>
      </c>
      <c r="UH732" s="424"/>
      <c r="UI732" s="424"/>
      <c r="UJ732" s="424"/>
      <c r="UK732" s="423" t="s">
        <v>2795</v>
      </c>
      <c r="UL732" s="424"/>
      <c r="UM732" s="424"/>
      <c r="UN732" s="424"/>
      <c r="UO732" s="423" t="s">
        <v>2795</v>
      </c>
      <c r="UP732" s="424"/>
      <c r="UQ732" s="424"/>
      <c r="UR732" s="424"/>
      <c r="US732" s="423" t="s">
        <v>2795</v>
      </c>
      <c r="UT732" s="424"/>
      <c r="UU732" s="424"/>
      <c r="UV732" s="424"/>
      <c r="UW732" s="423" t="s">
        <v>2795</v>
      </c>
      <c r="UX732" s="424"/>
      <c r="UY732" s="424"/>
      <c r="UZ732" s="424"/>
      <c r="VA732" s="423" t="s">
        <v>2795</v>
      </c>
      <c r="VB732" s="424"/>
      <c r="VC732" s="424"/>
      <c r="VD732" s="424"/>
      <c r="VE732" s="423" t="s">
        <v>2795</v>
      </c>
      <c r="VF732" s="424"/>
      <c r="VG732" s="424"/>
      <c r="VH732" s="424"/>
      <c r="VI732" s="423" t="s">
        <v>2795</v>
      </c>
      <c r="VJ732" s="424"/>
      <c r="VK732" s="424"/>
      <c r="VL732" s="424"/>
      <c r="VM732" s="423" t="s">
        <v>2795</v>
      </c>
      <c r="VN732" s="424"/>
      <c r="VO732" s="424"/>
      <c r="VP732" s="424"/>
      <c r="VQ732" s="423" t="s">
        <v>2795</v>
      </c>
      <c r="VR732" s="424"/>
      <c r="VS732" s="424"/>
      <c r="VT732" s="424"/>
      <c r="VU732" s="423" t="s">
        <v>2795</v>
      </c>
      <c r="VV732" s="424"/>
      <c r="VW732" s="424"/>
      <c r="VX732" s="424"/>
      <c r="VY732" s="423" t="s">
        <v>2795</v>
      </c>
      <c r="VZ732" s="424"/>
      <c r="WA732" s="424"/>
      <c r="WB732" s="424"/>
      <c r="WC732" s="423" t="s">
        <v>2795</v>
      </c>
      <c r="WD732" s="424"/>
      <c r="WE732" s="424"/>
      <c r="WF732" s="424"/>
      <c r="WG732" s="423" t="s">
        <v>2795</v>
      </c>
      <c r="WH732" s="424"/>
      <c r="WI732" s="424"/>
      <c r="WJ732" s="424"/>
      <c r="WK732" s="423" t="s">
        <v>2795</v>
      </c>
      <c r="WL732" s="424"/>
      <c r="WM732" s="424"/>
      <c r="WN732" s="424"/>
      <c r="WO732" s="423" t="s">
        <v>2795</v>
      </c>
      <c r="WP732" s="424"/>
      <c r="WQ732" s="424"/>
      <c r="WR732" s="424"/>
      <c r="WS732" s="423" t="s">
        <v>2795</v>
      </c>
      <c r="WT732" s="424"/>
      <c r="WU732" s="424"/>
      <c r="WV732" s="424"/>
      <c r="WW732" s="423" t="s">
        <v>2795</v>
      </c>
      <c r="WX732" s="424"/>
      <c r="WY732" s="424"/>
      <c r="WZ732" s="424"/>
      <c r="XA732" s="423" t="s">
        <v>2795</v>
      </c>
      <c r="XB732" s="424"/>
      <c r="XC732" s="424"/>
      <c r="XD732" s="424"/>
      <c r="XE732" s="423" t="s">
        <v>2795</v>
      </c>
      <c r="XF732" s="424"/>
      <c r="XG732" s="424"/>
      <c r="XH732" s="424"/>
      <c r="XI732" s="423" t="s">
        <v>2795</v>
      </c>
      <c r="XJ732" s="424"/>
      <c r="XK732" s="424"/>
      <c r="XL732" s="424"/>
      <c r="XM732" s="423" t="s">
        <v>2795</v>
      </c>
      <c r="XN732" s="424"/>
      <c r="XO732" s="424"/>
      <c r="XP732" s="424"/>
      <c r="XQ732" s="423" t="s">
        <v>2795</v>
      </c>
      <c r="XR732" s="424"/>
      <c r="XS732" s="424"/>
      <c r="XT732" s="424"/>
      <c r="XU732" s="423" t="s">
        <v>2795</v>
      </c>
      <c r="XV732" s="424"/>
      <c r="XW732" s="424"/>
      <c r="XX732" s="424"/>
      <c r="XY732" s="423" t="s">
        <v>2795</v>
      </c>
      <c r="XZ732" s="424"/>
      <c r="YA732" s="424"/>
      <c r="YB732" s="424"/>
      <c r="YC732" s="423" t="s">
        <v>2795</v>
      </c>
      <c r="YD732" s="424"/>
      <c r="YE732" s="424"/>
      <c r="YF732" s="424"/>
      <c r="YG732" s="423" t="s">
        <v>2795</v>
      </c>
      <c r="YH732" s="424"/>
      <c r="YI732" s="424"/>
      <c r="YJ732" s="424"/>
      <c r="YK732" s="423" t="s">
        <v>2795</v>
      </c>
      <c r="YL732" s="424"/>
      <c r="YM732" s="424"/>
      <c r="YN732" s="424"/>
      <c r="YO732" s="423" t="s">
        <v>2795</v>
      </c>
      <c r="YP732" s="424"/>
      <c r="YQ732" s="424"/>
      <c r="YR732" s="424"/>
      <c r="YS732" s="423" t="s">
        <v>2795</v>
      </c>
      <c r="YT732" s="424"/>
      <c r="YU732" s="424"/>
      <c r="YV732" s="424"/>
      <c r="YW732" s="423" t="s">
        <v>2795</v>
      </c>
      <c r="YX732" s="424"/>
      <c r="YY732" s="424"/>
      <c r="YZ732" s="424"/>
      <c r="ZA732" s="423" t="s">
        <v>2795</v>
      </c>
      <c r="ZB732" s="424"/>
      <c r="ZC732" s="424"/>
      <c r="ZD732" s="424"/>
      <c r="ZE732" s="423" t="s">
        <v>2795</v>
      </c>
      <c r="ZF732" s="424"/>
      <c r="ZG732" s="424"/>
      <c r="ZH732" s="424"/>
      <c r="ZI732" s="423" t="s">
        <v>2795</v>
      </c>
      <c r="ZJ732" s="424"/>
      <c r="ZK732" s="424"/>
      <c r="ZL732" s="424"/>
      <c r="ZM732" s="423" t="s">
        <v>2795</v>
      </c>
      <c r="ZN732" s="424"/>
      <c r="ZO732" s="424"/>
      <c r="ZP732" s="424"/>
      <c r="ZQ732" s="423" t="s">
        <v>2795</v>
      </c>
      <c r="ZR732" s="424"/>
      <c r="ZS732" s="424"/>
      <c r="ZT732" s="424"/>
      <c r="ZU732" s="423" t="s">
        <v>2795</v>
      </c>
      <c r="ZV732" s="424"/>
      <c r="ZW732" s="424"/>
      <c r="ZX732" s="424"/>
      <c r="ZY732" s="423" t="s">
        <v>2795</v>
      </c>
      <c r="ZZ732" s="424"/>
      <c r="AAA732" s="424"/>
      <c r="AAB732" s="424"/>
      <c r="AAC732" s="423" t="s">
        <v>2795</v>
      </c>
      <c r="AAD732" s="424"/>
      <c r="AAE732" s="424"/>
      <c r="AAF732" s="424"/>
      <c r="AAG732" s="423" t="s">
        <v>2795</v>
      </c>
      <c r="AAH732" s="424"/>
      <c r="AAI732" s="424"/>
      <c r="AAJ732" s="424"/>
      <c r="AAK732" s="423" t="s">
        <v>2795</v>
      </c>
      <c r="AAL732" s="424"/>
      <c r="AAM732" s="424"/>
      <c r="AAN732" s="424"/>
      <c r="AAO732" s="423" t="s">
        <v>2795</v>
      </c>
      <c r="AAP732" s="424"/>
      <c r="AAQ732" s="424"/>
      <c r="AAR732" s="424"/>
      <c r="AAS732" s="423" t="s">
        <v>2795</v>
      </c>
      <c r="AAT732" s="424"/>
      <c r="AAU732" s="424"/>
      <c r="AAV732" s="424"/>
      <c r="AAW732" s="423" t="s">
        <v>2795</v>
      </c>
      <c r="AAX732" s="424"/>
      <c r="AAY732" s="424"/>
      <c r="AAZ732" s="424"/>
      <c r="ABA732" s="423" t="s">
        <v>2795</v>
      </c>
      <c r="ABB732" s="424"/>
      <c r="ABC732" s="424"/>
      <c r="ABD732" s="424"/>
      <c r="ABE732" s="423" t="s">
        <v>2795</v>
      </c>
      <c r="ABF732" s="424"/>
      <c r="ABG732" s="424"/>
      <c r="ABH732" s="424"/>
      <c r="ABI732" s="423" t="s">
        <v>2795</v>
      </c>
      <c r="ABJ732" s="424"/>
      <c r="ABK732" s="424"/>
      <c r="ABL732" s="424"/>
      <c r="ABM732" s="423" t="s">
        <v>2795</v>
      </c>
      <c r="ABN732" s="424"/>
      <c r="ABO732" s="424"/>
      <c r="ABP732" s="424"/>
      <c r="ABQ732" s="423" t="s">
        <v>2795</v>
      </c>
      <c r="ABR732" s="424"/>
      <c r="ABS732" s="424"/>
      <c r="ABT732" s="424"/>
      <c r="ABU732" s="423" t="s">
        <v>2795</v>
      </c>
      <c r="ABV732" s="424"/>
      <c r="ABW732" s="424"/>
      <c r="ABX732" s="424"/>
      <c r="ABY732" s="423" t="s">
        <v>2795</v>
      </c>
      <c r="ABZ732" s="424"/>
      <c r="ACA732" s="424"/>
      <c r="ACB732" s="424"/>
      <c r="ACC732" s="423" t="s">
        <v>2795</v>
      </c>
      <c r="ACD732" s="424"/>
      <c r="ACE732" s="424"/>
      <c r="ACF732" s="424"/>
      <c r="ACG732" s="423" t="s">
        <v>2795</v>
      </c>
      <c r="ACH732" s="424"/>
      <c r="ACI732" s="424"/>
      <c r="ACJ732" s="424"/>
      <c r="ACK732" s="423" t="s">
        <v>2795</v>
      </c>
      <c r="ACL732" s="424"/>
      <c r="ACM732" s="424"/>
      <c r="ACN732" s="424"/>
      <c r="ACO732" s="423" t="s">
        <v>2795</v>
      </c>
      <c r="ACP732" s="424"/>
      <c r="ACQ732" s="424"/>
      <c r="ACR732" s="424"/>
      <c r="ACS732" s="423" t="s">
        <v>2795</v>
      </c>
      <c r="ACT732" s="424"/>
      <c r="ACU732" s="424"/>
      <c r="ACV732" s="424"/>
      <c r="ACW732" s="423" t="s">
        <v>2795</v>
      </c>
      <c r="ACX732" s="424"/>
      <c r="ACY732" s="424"/>
      <c r="ACZ732" s="424"/>
      <c r="ADA732" s="423" t="s">
        <v>2795</v>
      </c>
      <c r="ADB732" s="424"/>
      <c r="ADC732" s="424"/>
      <c r="ADD732" s="424"/>
      <c r="ADE732" s="423" t="s">
        <v>2795</v>
      </c>
      <c r="ADF732" s="424"/>
      <c r="ADG732" s="424"/>
      <c r="ADH732" s="424"/>
      <c r="ADI732" s="423" t="s">
        <v>2795</v>
      </c>
      <c r="ADJ732" s="424"/>
      <c r="ADK732" s="424"/>
      <c r="ADL732" s="424"/>
      <c r="ADM732" s="423" t="s">
        <v>2795</v>
      </c>
      <c r="ADN732" s="424"/>
      <c r="ADO732" s="424"/>
      <c r="ADP732" s="424"/>
      <c r="ADQ732" s="423" t="s">
        <v>2795</v>
      </c>
      <c r="ADR732" s="424"/>
      <c r="ADS732" s="424"/>
      <c r="ADT732" s="424"/>
      <c r="ADU732" s="423" t="s">
        <v>2795</v>
      </c>
      <c r="ADV732" s="424"/>
      <c r="ADW732" s="424"/>
      <c r="ADX732" s="424"/>
      <c r="ADY732" s="423" t="s">
        <v>2795</v>
      </c>
      <c r="ADZ732" s="424"/>
      <c r="AEA732" s="424"/>
      <c r="AEB732" s="424"/>
      <c r="AEC732" s="423" t="s">
        <v>2795</v>
      </c>
      <c r="AED732" s="424"/>
      <c r="AEE732" s="424"/>
      <c r="AEF732" s="424"/>
      <c r="AEG732" s="423" t="s">
        <v>2795</v>
      </c>
      <c r="AEH732" s="424"/>
      <c r="AEI732" s="424"/>
      <c r="AEJ732" s="424"/>
      <c r="AEK732" s="423" t="s">
        <v>2795</v>
      </c>
      <c r="AEL732" s="424"/>
      <c r="AEM732" s="424"/>
      <c r="AEN732" s="424"/>
      <c r="AEO732" s="423" t="s">
        <v>2795</v>
      </c>
      <c r="AEP732" s="424"/>
      <c r="AEQ732" s="424"/>
      <c r="AER732" s="424"/>
      <c r="AES732" s="423" t="s">
        <v>2795</v>
      </c>
      <c r="AET732" s="424"/>
      <c r="AEU732" s="424"/>
      <c r="AEV732" s="424"/>
      <c r="AEW732" s="423" t="s">
        <v>2795</v>
      </c>
      <c r="AEX732" s="424"/>
      <c r="AEY732" s="424"/>
      <c r="AEZ732" s="424"/>
      <c r="AFA732" s="423" t="s">
        <v>2795</v>
      </c>
      <c r="AFB732" s="424"/>
      <c r="AFC732" s="424"/>
      <c r="AFD732" s="424"/>
      <c r="AFE732" s="423" t="s">
        <v>2795</v>
      </c>
      <c r="AFF732" s="424"/>
      <c r="AFG732" s="424"/>
      <c r="AFH732" s="424"/>
      <c r="AFI732" s="423" t="s">
        <v>2795</v>
      </c>
      <c r="AFJ732" s="424"/>
      <c r="AFK732" s="424"/>
      <c r="AFL732" s="424"/>
      <c r="AFM732" s="423" t="s">
        <v>2795</v>
      </c>
      <c r="AFN732" s="424"/>
      <c r="AFO732" s="424"/>
      <c r="AFP732" s="424"/>
      <c r="AFQ732" s="423" t="s">
        <v>2795</v>
      </c>
      <c r="AFR732" s="424"/>
      <c r="AFS732" s="424"/>
      <c r="AFT732" s="424"/>
      <c r="AFU732" s="423" t="s">
        <v>2795</v>
      </c>
      <c r="AFV732" s="424"/>
      <c r="AFW732" s="424"/>
      <c r="AFX732" s="424"/>
      <c r="AFY732" s="423" t="s">
        <v>2795</v>
      </c>
      <c r="AFZ732" s="424"/>
      <c r="AGA732" s="424"/>
      <c r="AGB732" s="424"/>
      <c r="AGC732" s="423" t="s">
        <v>2795</v>
      </c>
      <c r="AGD732" s="424"/>
      <c r="AGE732" s="424"/>
      <c r="AGF732" s="424"/>
      <c r="AGG732" s="423" t="s">
        <v>2795</v>
      </c>
      <c r="AGH732" s="424"/>
      <c r="AGI732" s="424"/>
      <c r="AGJ732" s="424"/>
      <c r="AGK732" s="423" t="s">
        <v>2795</v>
      </c>
      <c r="AGL732" s="424"/>
      <c r="AGM732" s="424"/>
      <c r="AGN732" s="424"/>
      <c r="AGO732" s="423" t="s">
        <v>2795</v>
      </c>
      <c r="AGP732" s="424"/>
      <c r="AGQ732" s="424"/>
      <c r="AGR732" s="424"/>
      <c r="AGS732" s="423" t="s">
        <v>2795</v>
      </c>
      <c r="AGT732" s="424"/>
      <c r="AGU732" s="424"/>
      <c r="AGV732" s="424"/>
      <c r="AGW732" s="423" t="s">
        <v>2795</v>
      </c>
      <c r="AGX732" s="424"/>
      <c r="AGY732" s="424"/>
      <c r="AGZ732" s="424"/>
      <c r="AHA732" s="423" t="s">
        <v>2795</v>
      </c>
      <c r="AHB732" s="424"/>
      <c r="AHC732" s="424"/>
      <c r="AHD732" s="424"/>
      <c r="AHE732" s="423" t="s">
        <v>2795</v>
      </c>
      <c r="AHF732" s="424"/>
      <c r="AHG732" s="424"/>
      <c r="AHH732" s="424"/>
      <c r="AHI732" s="423" t="s">
        <v>2795</v>
      </c>
      <c r="AHJ732" s="424"/>
      <c r="AHK732" s="424"/>
      <c r="AHL732" s="424"/>
      <c r="AHM732" s="423" t="s">
        <v>2795</v>
      </c>
      <c r="AHN732" s="424"/>
      <c r="AHO732" s="424"/>
      <c r="AHP732" s="424"/>
      <c r="AHQ732" s="423" t="s">
        <v>2795</v>
      </c>
      <c r="AHR732" s="424"/>
      <c r="AHS732" s="424"/>
      <c r="AHT732" s="424"/>
      <c r="AHU732" s="423" t="s">
        <v>2795</v>
      </c>
      <c r="AHV732" s="424"/>
      <c r="AHW732" s="424"/>
      <c r="AHX732" s="424"/>
      <c r="AHY732" s="423" t="s">
        <v>2795</v>
      </c>
      <c r="AHZ732" s="424"/>
      <c r="AIA732" s="424"/>
      <c r="AIB732" s="424"/>
      <c r="AIC732" s="423" t="s">
        <v>2795</v>
      </c>
      <c r="AID732" s="424"/>
      <c r="AIE732" s="424"/>
      <c r="AIF732" s="424"/>
      <c r="AIG732" s="423" t="s">
        <v>2795</v>
      </c>
      <c r="AIH732" s="424"/>
      <c r="AII732" s="424"/>
      <c r="AIJ732" s="424"/>
      <c r="AIK732" s="423" t="s">
        <v>2795</v>
      </c>
      <c r="AIL732" s="424"/>
      <c r="AIM732" s="424"/>
      <c r="AIN732" s="424"/>
      <c r="AIO732" s="423" t="s">
        <v>2795</v>
      </c>
      <c r="AIP732" s="424"/>
      <c r="AIQ732" s="424"/>
      <c r="AIR732" s="424"/>
      <c r="AIS732" s="423" t="s">
        <v>2795</v>
      </c>
      <c r="AIT732" s="424"/>
      <c r="AIU732" s="424"/>
      <c r="AIV732" s="424"/>
      <c r="AIW732" s="423" t="s">
        <v>2795</v>
      </c>
      <c r="AIX732" s="424"/>
      <c r="AIY732" s="424"/>
      <c r="AIZ732" s="424"/>
      <c r="AJA732" s="423" t="s">
        <v>2795</v>
      </c>
      <c r="AJB732" s="424"/>
      <c r="AJC732" s="424"/>
      <c r="AJD732" s="424"/>
      <c r="AJE732" s="423" t="s">
        <v>2795</v>
      </c>
      <c r="AJF732" s="424"/>
      <c r="AJG732" s="424"/>
      <c r="AJH732" s="424"/>
      <c r="AJI732" s="423" t="s">
        <v>2795</v>
      </c>
      <c r="AJJ732" s="424"/>
      <c r="AJK732" s="424"/>
      <c r="AJL732" s="424"/>
      <c r="AJM732" s="423" t="s">
        <v>2795</v>
      </c>
      <c r="AJN732" s="424"/>
      <c r="AJO732" s="424"/>
      <c r="AJP732" s="424"/>
      <c r="AJQ732" s="423" t="s">
        <v>2795</v>
      </c>
      <c r="AJR732" s="424"/>
      <c r="AJS732" s="424"/>
      <c r="AJT732" s="424"/>
      <c r="AJU732" s="423" t="s">
        <v>2795</v>
      </c>
      <c r="AJV732" s="424"/>
      <c r="AJW732" s="424"/>
      <c r="AJX732" s="424"/>
      <c r="AJY732" s="423" t="s">
        <v>2795</v>
      </c>
      <c r="AJZ732" s="424"/>
      <c r="AKA732" s="424"/>
      <c r="AKB732" s="424"/>
      <c r="AKC732" s="423" t="s">
        <v>2795</v>
      </c>
      <c r="AKD732" s="424"/>
      <c r="AKE732" s="424"/>
      <c r="AKF732" s="424"/>
      <c r="AKG732" s="423" t="s">
        <v>2795</v>
      </c>
      <c r="AKH732" s="424"/>
      <c r="AKI732" s="424"/>
      <c r="AKJ732" s="424"/>
      <c r="AKK732" s="423" t="s">
        <v>2795</v>
      </c>
      <c r="AKL732" s="424"/>
      <c r="AKM732" s="424"/>
      <c r="AKN732" s="424"/>
      <c r="AKO732" s="423" t="s">
        <v>2795</v>
      </c>
      <c r="AKP732" s="424"/>
      <c r="AKQ732" s="424"/>
      <c r="AKR732" s="424"/>
      <c r="AKS732" s="423" t="s">
        <v>2795</v>
      </c>
      <c r="AKT732" s="424"/>
      <c r="AKU732" s="424"/>
      <c r="AKV732" s="424"/>
      <c r="AKW732" s="423" t="s">
        <v>2795</v>
      </c>
      <c r="AKX732" s="424"/>
      <c r="AKY732" s="424"/>
      <c r="AKZ732" s="424"/>
      <c r="ALA732" s="423" t="s">
        <v>2795</v>
      </c>
      <c r="ALB732" s="424"/>
      <c r="ALC732" s="424"/>
      <c r="ALD732" s="424"/>
      <c r="ALE732" s="423" t="s">
        <v>2795</v>
      </c>
      <c r="ALF732" s="424"/>
      <c r="ALG732" s="424"/>
      <c r="ALH732" s="424"/>
      <c r="ALI732" s="423" t="s">
        <v>2795</v>
      </c>
      <c r="ALJ732" s="424"/>
      <c r="ALK732" s="424"/>
      <c r="ALL732" s="424"/>
      <c r="ALM732" s="423" t="s">
        <v>2795</v>
      </c>
      <c r="ALN732" s="424"/>
      <c r="ALO732" s="424"/>
      <c r="ALP732" s="424"/>
      <c r="ALQ732" s="423" t="s">
        <v>2795</v>
      </c>
      <c r="ALR732" s="424"/>
      <c r="ALS732" s="424"/>
      <c r="ALT732" s="424"/>
      <c r="ALU732" s="423" t="s">
        <v>2795</v>
      </c>
      <c r="ALV732" s="424"/>
      <c r="ALW732" s="424"/>
      <c r="ALX732" s="424"/>
      <c r="ALY732" s="423" t="s">
        <v>2795</v>
      </c>
      <c r="ALZ732" s="424"/>
      <c r="AMA732" s="424"/>
      <c r="AMB732" s="424"/>
      <c r="AMC732" s="423" t="s">
        <v>2795</v>
      </c>
      <c r="AMD732" s="424"/>
      <c r="AME732" s="424"/>
      <c r="AMF732" s="424"/>
      <c r="AMG732" s="423" t="s">
        <v>2795</v>
      </c>
      <c r="AMH732" s="424"/>
      <c r="AMI732" s="424"/>
      <c r="AMJ732" s="424"/>
      <c r="AMK732" s="423" t="s">
        <v>2795</v>
      </c>
      <c r="AML732" s="424"/>
      <c r="AMM732" s="424"/>
      <c r="AMN732" s="424"/>
      <c r="AMO732" s="423" t="s">
        <v>2795</v>
      </c>
      <c r="AMP732" s="424"/>
      <c r="AMQ732" s="424"/>
      <c r="AMR732" s="424"/>
      <c r="AMS732" s="423" t="s">
        <v>2795</v>
      </c>
      <c r="AMT732" s="424"/>
      <c r="AMU732" s="424"/>
      <c r="AMV732" s="424"/>
      <c r="AMW732" s="423" t="s">
        <v>2795</v>
      </c>
      <c r="AMX732" s="424"/>
      <c r="AMY732" s="424"/>
      <c r="AMZ732" s="424"/>
      <c r="ANA732" s="423" t="s">
        <v>2795</v>
      </c>
      <c r="ANB732" s="424"/>
      <c r="ANC732" s="424"/>
      <c r="AND732" s="424"/>
      <c r="ANE732" s="423" t="s">
        <v>2795</v>
      </c>
      <c r="ANF732" s="424"/>
      <c r="ANG732" s="424"/>
      <c r="ANH732" s="424"/>
      <c r="ANI732" s="423" t="s">
        <v>2795</v>
      </c>
      <c r="ANJ732" s="424"/>
      <c r="ANK732" s="424"/>
      <c r="ANL732" s="424"/>
      <c r="ANM732" s="423" t="s">
        <v>2795</v>
      </c>
      <c r="ANN732" s="424"/>
      <c r="ANO732" s="424"/>
      <c r="ANP732" s="424"/>
      <c r="ANQ732" s="423" t="s">
        <v>2795</v>
      </c>
      <c r="ANR732" s="424"/>
      <c r="ANS732" s="424"/>
      <c r="ANT732" s="424"/>
      <c r="ANU732" s="423" t="s">
        <v>2795</v>
      </c>
      <c r="ANV732" s="424"/>
      <c r="ANW732" s="424"/>
      <c r="ANX732" s="424"/>
      <c r="ANY732" s="423" t="s">
        <v>2795</v>
      </c>
      <c r="ANZ732" s="424"/>
      <c r="AOA732" s="424"/>
      <c r="AOB732" s="424"/>
      <c r="AOC732" s="423" t="s">
        <v>2795</v>
      </c>
      <c r="AOD732" s="424"/>
      <c r="AOE732" s="424"/>
      <c r="AOF732" s="424"/>
      <c r="AOG732" s="423" t="s">
        <v>2795</v>
      </c>
      <c r="AOH732" s="424"/>
      <c r="AOI732" s="424"/>
      <c r="AOJ732" s="424"/>
      <c r="AOK732" s="423" t="s">
        <v>2795</v>
      </c>
      <c r="AOL732" s="424"/>
      <c r="AOM732" s="424"/>
      <c r="AON732" s="424"/>
      <c r="AOO732" s="423" t="s">
        <v>2795</v>
      </c>
      <c r="AOP732" s="424"/>
      <c r="AOQ732" s="424"/>
      <c r="AOR732" s="424"/>
      <c r="AOS732" s="423" t="s">
        <v>2795</v>
      </c>
      <c r="AOT732" s="424"/>
      <c r="AOU732" s="424"/>
      <c r="AOV732" s="424"/>
      <c r="AOW732" s="423" t="s">
        <v>2795</v>
      </c>
      <c r="AOX732" s="424"/>
      <c r="AOY732" s="424"/>
      <c r="AOZ732" s="424"/>
      <c r="APA732" s="423" t="s">
        <v>2795</v>
      </c>
      <c r="APB732" s="424"/>
      <c r="APC732" s="424"/>
      <c r="APD732" s="424"/>
      <c r="APE732" s="423" t="s">
        <v>2795</v>
      </c>
      <c r="APF732" s="424"/>
      <c r="APG732" s="424"/>
      <c r="APH732" s="424"/>
      <c r="API732" s="423" t="s">
        <v>2795</v>
      </c>
      <c r="APJ732" s="424"/>
      <c r="APK732" s="424"/>
      <c r="APL732" s="424"/>
      <c r="APM732" s="423" t="s">
        <v>2795</v>
      </c>
      <c r="APN732" s="424"/>
      <c r="APO732" s="424"/>
      <c r="APP732" s="424"/>
      <c r="APQ732" s="423" t="s">
        <v>2795</v>
      </c>
      <c r="APR732" s="424"/>
      <c r="APS732" s="424"/>
      <c r="APT732" s="424"/>
      <c r="APU732" s="423" t="s">
        <v>2795</v>
      </c>
      <c r="APV732" s="424"/>
      <c r="APW732" s="424"/>
      <c r="APX732" s="424"/>
      <c r="APY732" s="423" t="s">
        <v>2795</v>
      </c>
      <c r="APZ732" s="424"/>
      <c r="AQA732" s="424"/>
      <c r="AQB732" s="424"/>
      <c r="AQC732" s="423" t="s">
        <v>2795</v>
      </c>
      <c r="AQD732" s="424"/>
      <c r="AQE732" s="424"/>
      <c r="AQF732" s="424"/>
      <c r="AQG732" s="423" t="s">
        <v>2795</v>
      </c>
      <c r="AQH732" s="424"/>
      <c r="AQI732" s="424"/>
      <c r="AQJ732" s="424"/>
      <c r="AQK732" s="423" t="s">
        <v>2795</v>
      </c>
      <c r="AQL732" s="424"/>
      <c r="AQM732" s="424"/>
      <c r="AQN732" s="424"/>
      <c r="AQO732" s="423" t="s">
        <v>2795</v>
      </c>
      <c r="AQP732" s="424"/>
      <c r="AQQ732" s="424"/>
      <c r="AQR732" s="424"/>
      <c r="AQS732" s="423" t="s">
        <v>2795</v>
      </c>
      <c r="AQT732" s="424"/>
      <c r="AQU732" s="424"/>
      <c r="AQV732" s="424"/>
      <c r="AQW732" s="423" t="s">
        <v>2795</v>
      </c>
      <c r="AQX732" s="424"/>
      <c r="AQY732" s="424"/>
      <c r="AQZ732" s="424"/>
      <c r="ARA732" s="423" t="s">
        <v>2795</v>
      </c>
      <c r="ARB732" s="424"/>
      <c r="ARC732" s="424"/>
      <c r="ARD732" s="424"/>
      <c r="ARE732" s="423" t="s">
        <v>2795</v>
      </c>
      <c r="ARF732" s="424"/>
      <c r="ARG732" s="424"/>
      <c r="ARH732" s="424"/>
      <c r="ARI732" s="423" t="s">
        <v>2795</v>
      </c>
      <c r="ARJ732" s="424"/>
      <c r="ARK732" s="424"/>
      <c r="ARL732" s="424"/>
      <c r="ARM732" s="423" t="s">
        <v>2795</v>
      </c>
      <c r="ARN732" s="424"/>
      <c r="ARO732" s="424"/>
      <c r="ARP732" s="424"/>
      <c r="ARQ732" s="423" t="s">
        <v>2795</v>
      </c>
      <c r="ARR732" s="424"/>
      <c r="ARS732" s="424"/>
      <c r="ART732" s="424"/>
      <c r="ARU732" s="423" t="s">
        <v>2795</v>
      </c>
      <c r="ARV732" s="424"/>
      <c r="ARW732" s="424"/>
      <c r="ARX732" s="424"/>
      <c r="ARY732" s="423" t="s">
        <v>2795</v>
      </c>
      <c r="ARZ732" s="424"/>
      <c r="ASA732" s="424"/>
      <c r="ASB732" s="424"/>
      <c r="ASC732" s="423" t="s">
        <v>2795</v>
      </c>
      <c r="ASD732" s="424"/>
      <c r="ASE732" s="424"/>
      <c r="ASF732" s="424"/>
      <c r="ASG732" s="423" t="s">
        <v>2795</v>
      </c>
      <c r="ASH732" s="424"/>
      <c r="ASI732" s="424"/>
      <c r="ASJ732" s="424"/>
      <c r="ASK732" s="423" t="s">
        <v>2795</v>
      </c>
      <c r="ASL732" s="424"/>
      <c r="ASM732" s="424"/>
      <c r="ASN732" s="424"/>
      <c r="ASO732" s="423" t="s">
        <v>2795</v>
      </c>
      <c r="ASP732" s="424"/>
      <c r="ASQ732" s="424"/>
      <c r="ASR732" s="424"/>
      <c r="ASS732" s="423" t="s">
        <v>2795</v>
      </c>
      <c r="AST732" s="424"/>
      <c r="ASU732" s="424"/>
      <c r="ASV732" s="424"/>
      <c r="ASW732" s="423" t="s">
        <v>2795</v>
      </c>
      <c r="ASX732" s="424"/>
      <c r="ASY732" s="424"/>
      <c r="ASZ732" s="424"/>
      <c r="ATA732" s="423" t="s">
        <v>2795</v>
      </c>
      <c r="ATB732" s="424"/>
      <c r="ATC732" s="424"/>
      <c r="ATD732" s="424"/>
      <c r="ATE732" s="423" t="s">
        <v>2795</v>
      </c>
      <c r="ATF732" s="424"/>
      <c r="ATG732" s="424"/>
      <c r="ATH732" s="424"/>
      <c r="ATI732" s="423" t="s">
        <v>2795</v>
      </c>
      <c r="ATJ732" s="424"/>
      <c r="ATK732" s="424"/>
      <c r="ATL732" s="424"/>
      <c r="ATM732" s="423" t="s">
        <v>2795</v>
      </c>
      <c r="ATN732" s="424"/>
      <c r="ATO732" s="424"/>
      <c r="ATP732" s="424"/>
      <c r="ATQ732" s="423" t="s">
        <v>2795</v>
      </c>
      <c r="ATR732" s="424"/>
      <c r="ATS732" s="424"/>
      <c r="ATT732" s="424"/>
      <c r="ATU732" s="423" t="s">
        <v>2795</v>
      </c>
      <c r="ATV732" s="424"/>
      <c r="ATW732" s="424"/>
      <c r="ATX732" s="424"/>
      <c r="ATY732" s="423" t="s">
        <v>2795</v>
      </c>
      <c r="ATZ732" s="424"/>
      <c r="AUA732" s="424"/>
      <c r="AUB732" s="424"/>
      <c r="AUC732" s="423" t="s">
        <v>2795</v>
      </c>
      <c r="AUD732" s="424"/>
      <c r="AUE732" s="424"/>
      <c r="AUF732" s="424"/>
      <c r="AUG732" s="423" t="s">
        <v>2795</v>
      </c>
      <c r="AUH732" s="424"/>
      <c r="AUI732" s="424"/>
      <c r="AUJ732" s="424"/>
      <c r="AUK732" s="423" t="s">
        <v>2795</v>
      </c>
      <c r="AUL732" s="424"/>
      <c r="AUM732" s="424"/>
      <c r="AUN732" s="424"/>
      <c r="AUO732" s="423" t="s">
        <v>2795</v>
      </c>
      <c r="AUP732" s="424"/>
      <c r="AUQ732" s="424"/>
      <c r="AUR732" s="424"/>
      <c r="AUS732" s="423" t="s">
        <v>2795</v>
      </c>
      <c r="AUT732" s="424"/>
      <c r="AUU732" s="424"/>
      <c r="AUV732" s="424"/>
      <c r="AUW732" s="423" t="s">
        <v>2795</v>
      </c>
      <c r="AUX732" s="424"/>
      <c r="AUY732" s="424"/>
      <c r="AUZ732" s="424"/>
      <c r="AVA732" s="423" t="s">
        <v>2795</v>
      </c>
      <c r="AVB732" s="424"/>
      <c r="AVC732" s="424"/>
      <c r="AVD732" s="424"/>
      <c r="AVE732" s="423" t="s">
        <v>2795</v>
      </c>
      <c r="AVF732" s="424"/>
      <c r="AVG732" s="424"/>
      <c r="AVH732" s="424"/>
      <c r="AVI732" s="423" t="s">
        <v>2795</v>
      </c>
      <c r="AVJ732" s="424"/>
      <c r="AVK732" s="424"/>
      <c r="AVL732" s="424"/>
      <c r="AVM732" s="423" t="s">
        <v>2795</v>
      </c>
      <c r="AVN732" s="424"/>
      <c r="AVO732" s="424"/>
      <c r="AVP732" s="424"/>
      <c r="AVQ732" s="423" t="s">
        <v>2795</v>
      </c>
      <c r="AVR732" s="424"/>
      <c r="AVS732" s="424"/>
      <c r="AVT732" s="424"/>
      <c r="AVU732" s="423" t="s">
        <v>2795</v>
      </c>
      <c r="AVV732" s="424"/>
      <c r="AVW732" s="424"/>
      <c r="AVX732" s="424"/>
      <c r="AVY732" s="423" t="s">
        <v>2795</v>
      </c>
      <c r="AVZ732" s="424"/>
      <c r="AWA732" s="424"/>
      <c r="AWB732" s="424"/>
      <c r="AWC732" s="423" t="s">
        <v>2795</v>
      </c>
      <c r="AWD732" s="424"/>
      <c r="AWE732" s="424"/>
      <c r="AWF732" s="424"/>
      <c r="AWG732" s="423" t="s">
        <v>2795</v>
      </c>
      <c r="AWH732" s="424"/>
      <c r="AWI732" s="424"/>
      <c r="AWJ732" s="424"/>
      <c r="AWK732" s="423" t="s">
        <v>2795</v>
      </c>
      <c r="AWL732" s="424"/>
      <c r="AWM732" s="424"/>
      <c r="AWN732" s="424"/>
      <c r="AWO732" s="423" t="s">
        <v>2795</v>
      </c>
      <c r="AWP732" s="424"/>
      <c r="AWQ732" s="424"/>
      <c r="AWR732" s="424"/>
      <c r="AWS732" s="423" t="s">
        <v>2795</v>
      </c>
      <c r="AWT732" s="424"/>
      <c r="AWU732" s="424"/>
      <c r="AWV732" s="424"/>
      <c r="AWW732" s="423" t="s">
        <v>2795</v>
      </c>
      <c r="AWX732" s="424"/>
      <c r="AWY732" s="424"/>
      <c r="AWZ732" s="424"/>
      <c r="AXA732" s="423" t="s">
        <v>2795</v>
      </c>
      <c r="AXB732" s="424"/>
      <c r="AXC732" s="424"/>
      <c r="AXD732" s="424"/>
      <c r="AXE732" s="423" t="s">
        <v>2795</v>
      </c>
      <c r="AXF732" s="424"/>
      <c r="AXG732" s="424"/>
      <c r="AXH732" s="424"/>
      <c r="AXI732" s="423" t="s">
        <v>2795</v>
      </c>
      <c r="AXJ732" s="424"/>
      <c r="AXK732" s="424"/>
      <c r="AXL732" s="424"/>
      <c r="AXM732" s="423" t="s">
        <v>2795</v>
      </c>
      <c r="AXN732" s="424"/>
      <c r="AXO732" s="424"/>
      <c r="AXP732" s="424"/>
      <c r="AXQ732" s="423" t="s">
        <v>2795</v>
      </c>
      <c r="AXR732" s="424"/>
      <c r="AXS732" s="424"/>
      <c r="AXT732" s="424"/>
      <c r="AXU732" s="423" t="s">
        <v>2795</v>
      </c>
      <c r="AXV732" s="424"/>
      <c r="AXW732" s="424"/>
      <c r="AXX732" s="424"/>
      <c r="AXY732" s="423" t="s">
        <v>2795</v>
      </c>
      <c r="AXZ732" s="424"/>
      <c r="AYA732" s="424"/>
      <c r="AYB732" s="424"/>
      <c r="AYC732" s="423" t="s">
        <v>2795</v>
      </c>
      <c r="AYD732" s="424"/>
      <c r="AYE732" s="424"/>
      <c r="AYF732" s="424"/>
      <c r="AYG732" s="423" t="s">
        <v>2795</v>
      </c>
      <c r="AYH732" s="424"/>
      <c r="AYI732" s="424"/>
      <c r="AYJ732" s="424"/>
      <c r="AYK732" s="423" t="s">
        <v>2795</v>
      </c>
      <c r="AYL732" s="424"/>
      <c r="AYM732" s="424"/>
      <c r="AYN732" s="424"/>
      <c r="AYO732" s="423" t="s">
        <v>2795</v>
      </c>
      <c r="AYP732" s="424"/>
      <c r="AYQ732" s="424"/>
      <c r="AYR732" s="424"/>
      <c r="AYS732" s="423" t="s">
        <v>2795</v>
      </c>
      <c r="AYT732" s="424"/>
      <c r="AYU732" s="424"/>
      <c r="AYV732" s="424"/>
      <c r="AYW732" s="423" t="s">
        <v>2795</v>
      </c>
      <c r="AYX732" s="424"/>
      <c r="AYY732" s="424"/>
      <c r="AYZ732" s="424"/>
      <c r="AZA732" s="423" t="s">
        <v>2795</v>
      </c>
      <c r="AZB732" s="424"/>
      <c r="AZC732" s="424"/>
      <c r="AZD732" s="424"/>
      <c r="AZE732" s="423" t="s">
        <v>2795</v>
      </c>
      <c r="AZF732" s="424"/>
      <c r="AZG732" s="424"/>
      <c r="AZH732" s="424"/>
      <c r="AZI732" s="423" t="s">
        <v>2795</v>
      </c>
      <c r="AZJ732" s="424"/>
      <c r="AZK732" s="424"/>
      <c r="AZL732" s="424"/>
      <c r="AZM732" s="423" t="s">
        <v>2795</v>
      </c>
      <c r="AZN732" s="424"/>
      <c r="AZO732" s="424"/>
      <c r="AZP732" s="424"/>
      <c r="AZQ732" s="423" t="s">
        <v>2795</v>
      </c>
      <c r="AZR732" s="424"/>
      <c r="AZS732" s="424"/>
      <c r="AZT732" s="424"/>
      <c r="AZU732" s="423" t="s">
        <v>2795</v>
      </c>
      <c r="AZV732" s="424"/>
      <c r="AZW732" s="424"/>
      <c r="AZX732" s="424"/>
      <c r="AZY732" s="423" t="s">
        <v>2795</v>
      </c>
      <c r="AZZ732" s="424"/>
      <c r="BAA732" s="424"/>
      <c r="BAB732" s="424"/>
      <c r="BAC732" s="423" t="s">
        <v>2795</v>
      </c>
      <c r="BAD732" s="424"/>
      <c r="BAE732" s="424"/>
      <c r="BAF732" s="424"/>
      <c r="BAG732" s="423" t="s">
        <v>2795</v>
      </c>
      <c r="BAH732" s="424"/>
      <c r="BAI732" s="424"/>
      <c r="BAJ732" s="424"/>
      <c r="BAK732" s="423" t="s">
        <v>2795</v>
      </c>
      <c r="BAL732" s="424"/>
      <c r="BAM732" s="424"/>
      <c r="BAN732" s="424"/>
      <c r="BAO732" s="423" t="s">
        <v>2795</v>
      </c>
      <c r="BAP732" s="424"/>
      <c r="BAQ732" s="424"/>
      <c r="BAR732" s="424"/>
      <c r="BAS732" s="423" t="s">
        <v>2795</v>
      </c>
      <c r="BAT732" s="424"/>
      <c r="BAU732" s="424"/>
      <c r="BAV732" s="424"/>
      <c r="BAW732" s="423" t="s">
        <v>2795</v>
      </c>
      <c r="BAX732" s="424"/>
      <c r="BAY732" s="424"/>
      <c r="BAZ732" s="424"/>
      <c r="BBA732" s="423" t="s">
        <v>2795</v>
      </c>
      <c r="BBB732" s="424"/>
      <c r="BBC732" s="424"/>
      <c r="BBD732" s="424"/>
      <c r="BBE732" s="423" t="s">
        <v>2795</v>
      </c>
      <c r="BBF732" s="424"/>
      <c r="BBG732" s="424"/>
      <c r="BBH732" s="424"/>
      <c r="BBI732" s="423" t="s">
        <v>2795</v>
      </c>
      <c r="BBJ732" s="424"/>
      <c r="BBK732" s="424"/>
      <c r="BBL732" s="424"/>
      <c r="BBM732" s="423" t="s">
        <v>2795</v>
      </c>
      <c r="BBN732" s="424"/>
      <c r="BBO732" s="424"/>
      <c r="BBP732" s="424"/>
      <c r="BBQ732" s="423" t="s">
        <v>2795</v>
      </c>
      <c r="BBR732" s="424"/>
      <c r="BBS732" s="424"/>
      <c r="BBT732" s="424"/>
      <c r="BBU732" s="423" t="s">
        <v>2795</v>
      </c>
      <c r="BBV732" s="424"/>
      <c r="BBW732" s="424"/>
      <c r="BBX732" s="424"/>
      <c r="BBY732" s="423" t="s">
        <v>2795</v>
      </c>
      <c r="BBZ732" s="424"/>
      <c r="BCA732" s="424"/>
      <c r="BCB732" s="424"/>
      <c r="BCC732" s="423" t="s">
        <v>2795</v>
      </c>
      <c r="BCD732" s="424"/>
      <c r="BCE732" s="424"/>
      <c r="BCF732" s="424"/>
      <c r="BCG732" s="423" t="s">
        <v>2795</v>
      </c>
      <c r="BCH732" s="424"/>
      <c r="BCI732" s="424"/>
      <c r="BCJ732" s="424"/>
      <c r="BCK732" s="423" t="s">
        <v>2795</v>
      </c>
      <c r="BCL732" s="424"/>
      <c r="BCM732" s="424"/>
      <c r="BCN732" s="424"/>
      <c r="BCO732" s="423" t="s">
        <v>2795</v>
      </c>
      <c r="BCP732" s="424"/>
      <c r="BCQ732" s="424"/>
      <c r="BCR732" s="424"/>
      <c r="BCS732" s="423" t="s">
        <v>2795</v>
      </c>
      <c r="BCT732" s="424"/>
      <c r="BCU732" s="424"/>
      <c r="BCV732" s="424"/>
      <c r="BCW732" s="423" t="s">
        <v>2795</v>
      </c>
      <c r="BCX732" s="424"/>
      <c r="BCY732" s="424"/>
      <c r="BCZ732" s="424"/>
      <c r="BDA732" s="423" t="s">
        <v>2795</v>
      </c>
      <c r="BDB732" s="424"/>
      <c r="BDC732" s="424"/>
      <c r="BDD732" s="424"/>
      <c r="BDE732" s="423" t="s">
        <v>2795</v>
      </c>
      <c r="BDF732" s="424"/>
      <c r="BDG732" s="424"/>
      <c r="BDH732" s="424"/>
      <c r="BDI732" s="423" t="s">
        <v>2795</v>
      </c>
      <c r="BDJ732" s="424"/>
      <c r="BDK732" s="424"/>
      <c r="BDL732" s="424"/>
      <c r="BDM732" s="423" t="s">
        <v>2795</v>
      </c>
      <c r="BDN732" s="424"/>
      <c r="BDO732" s="424"/>
      <c r="BDP732" s="424"/>
      <c r="BDQ732" s="423" t="s">
        <v>2795</v>
      </c>
      <c r="BDR732" s="424"/>
      <c r="BDS732" s="424"/>
      <c r="BDT732" s="424"/>
      <c r="BDU732" s="423" t="s">
        <v>2795</v>
      </c>
      <c r="BDV732" s="424"/>
      <c r="BDW732" s="424"/>
      <c r="BDX732" s="424"/>
      <c r="BDY732" s="423" t="s">
        <v>2795</v>
      </c>
      <c r="BDZ732" s="424"/>
      <c r="BEA732" s="424"/>
      <c r="BEB732" s="424"/>
      <c r="BEC732" s="423" t="s">
        <v>2795</v>
      </c>
      <c r="BED732" s="424"/>
      <c r="BEE732" s="424"/>
      <c r="BEF732" s="424"/>
      <c r="BEG732" s="423" t="s">
        <v>2795</v>
      </c>
      <c r="BEH732" s="424"/>
      <c r="BEI732" s="424"/>
      <c r="BEJ732" s="424"/>
      <c r="BEK732" s="423" t="s">
        <v>2795</v>
      </c>
      <c r="BEL732" s="424"/>
      <c r="BEM732" s="424"/>
      <c r="BEN732" s="424"/>
      <c r="BEO732" s="423" t="s">
        <v>2795</v>
      </c>
      <c r="BEP732" s="424"/>
      <c r="BEQ732" s="424"/>
      <c r="BER732" s="424"/>
      <c r="BES732" s="423" t="s">
        <v>2795</v>
      </c>
      <c r="BET732" s="424"/>
      <c r="BEU732" s="424"/>
      <c r="BEV732" s="424"/>
      <c r="BEW732" s="423" t="s">
        <v>2795</v>
      </c>
      <c r="BEX732" s="424"/>
      <c r="BEY732" s="424"/>
      <c r="BEZ732" s="424"/>
      <c r="BFA732" s="423" t="s">
        <v>2795</v>
      </c>
      <c r="BFB732" s="424"/>
      <c r="BFC732" s="424"/>
      <c r="BFD732" s="424"/>
      <c r="BFE732" s="423" t="s">
        <v>2795</v>
      </c>
      <c r="BFF732" s="424"/>
      <c r="BFG732" s="424"/>
      <c r="BFH732" s="424"/>
      <c r="BFI732" s="423" t="s">
        <v>2795</v>
      </c>
      <c r="BFJ732" s="424"/>
      <c r="BFK732" s="424"/>
      <c r="BFL732" s="424"/>
      <c r="BFM732" s="423" t="s">
        <v>2795</v>
      </c>
      <c r="BFN732" s="424"/>
      <c r="BFO732" s="424"/>
      <c r="BFP732" s="424"/>
      <c r="BFQ732" s="423" t="s">
        <v>2795</v>
      </c>
      <c r="BFR732" s="424"/>
      <c r="BFS732" s="424"/>
      <c r="BFT732" s="424"/>
      <c r="BFU732" s="423" t="s">
        <v>2795</v>
      </c>
      <c r="BFV732" s="424"/>
      <c r="BFW732" s="424"/>
      <c r="BFX732" s="424"/>
      <c r="BFY732" s="423" t="s">
        <v>2795</v>
      </c>
      <c r="BFZ732" s="424"/>
      <c r="BGA732" s="424"/>
      <c r="BGB732" s="424"/>
      <c r="BGC732" s="423" t="s">
        <v>2795</v>
      </c>
      <c r="BGD732" s="424"/>
      <c r="BGE732" s="424"/>
      <c r="BGF732" s="424"/>
      <c r="BGG732" s="423" t="s">
        <v>2795</v>
      </c>
      <c r="BGH732" s="424"/>
      <c r="BGI732" s="424"/>
      <c r="BGJ732" s="424"/>
      <c r="BGK732" s="423" t="s">
        <v>2795</v>
      </c>
      <c r="BGL732" s="424"/>
      <c r="BGM732" s="424"/>
      <c r="BGN732" s="424"/>
      <c r="BGO732" s="423" t="s">
        <v>2795</v>
      </c>
      <c r="BGP732" s="424"/>
      <c r="BGQ732" s="424"/>
      <c r="BGR732" s="424"/>
      <c r="BGS732" s="423" t="s">
        <v>2795</v>
      </c>
      <c r="BGT732" s="424"/>
      <c r="BGU732" s="424"/>
      <c r="BGV732" s="424"/>
      <c r="BGW732" s="423" t="s">
        <v>2795</v>
      </c>
      <c r="BGX732" s="424"/>
      <c r="BGY732" s="424"/>
      <c r="BGZ732" s="424"/>
      <c r="BHA732" s="423" t="s">
        <v>2795</v>
      </c>
      <c r="BHB732" s="424"/>
      <c r="BHC732" s="424"/>
      <c r="BHD732" s="424"/>
      <c r="BHE732" s="423" t="s">
        <v>2795</v>
      </c>
      <c r="BHF732" s="424"/>
      <c r="BHG732" s="424"/>
      <c r="BHH732" s="424"/>
      <c r="BHI732" s="423" t="s">
        <v>2795</v>
      </c>
      <c r="BHJ732" s="424"/>
      <c r="BHK732" s="424"/>
      <c r="BHL732" s="424"/>
      <c r="BHM732" s="423" t="s">
        <v>2795</v>
      </c>
      <c r="BHN732" s="424"/>
      <c r="BHO732" s="424"/>
      <c r="BHP732" s="424"/>
      <c r="BHQ732" s="423" t="s">
        <v>2795</v>
      </c>
      <c r="BHR732" s="424"/>
      <c r="BHS732" s="424"/>
      <c r="BHT732" s="424"/>
      <c r="BHU732" s="423" t="s">
        <v>2795</v>
      </c>
      <c r="BHV732" s="424"/>
      <c r="BHW732" s="424"/>
      <c r="BHX732" s="424"/>
      <c r="BHY732" s="423" t="s">
        <v>2795</v>
      </c>
      <c r="BHZ732" s="424"/>
      <c r="BIA732" s="424"/>
      <c r="BIB732" s="424"/>
      <c r="BIC732" s="423" t="s">
        <v>2795</v>
      </c>
      <c r="BID732" s="424"/>
      <c r="BIE732" s="424"/>
      <c r="BIF732" s="424"/>
      <c r="BIG732" s="423" t="s">
        <v>2795</v>
      </c>
      <c r="BIH732" s="424"/>
      <c r="BII732" s="424"/>
      <c r="BIJ732" s="424"/>
      <c r="BIK732" s="423" t="s">
        <v>2795</v>
      </c>
      <c r="BIL732" s="424"/>
      <c r="BIM732" s="424"/>
      <c r="BIN732" s="424"/>
      <c r="BIO732" s="423" t="s">
        <v>2795</v>
      </c>
      <c r="BIP732" s="424"/>
      <c r="BIQ732" s="424"/>
      <c r="BIR732" s="424"/>
      <c r="BIS732" s="423" t="s">
        <v>2795</v>
      </c>
      <c r="BIT732" s="424"/>
      <c r="BIU732" s="424"/>
      <c r="BIV732" s="424"/>
      <c r="BIW732" s="423" t="s">
        <v>2795</v>
      </c>
      <c r="BIX732" s="424"/>
      <c r="BIY732" s="424"/>
      <c r="BIZ732" s="424"/>
      <c r="BJA732" s="423" t="s">
        <v>2795</v>
      </c>
      <c r="BJB732" s="424"/>
      <c r="BJC732" s="424"/>
      <c r="BJD732" s="424"/>
      <c r="BJE732" s="423" t="s">
        <v>2795</v>
      </c>
      <c r="BJF732" s="424"/>
      <c r="BJG732" s="424"/>
      <c r="BJH732" s="424"/>
      <c r="BJI732" s="423" t="s">
        <v>2795</v>
      </c>
      <c r="BJJ732" s="424"/>
      <c r="BJK732" s="424"/>
      <c r="BJL732" s="424"/>
      <c r="BJM732" s="423" t="s">
        <v>2795</v>
      </c>
      <c r="BJN732" s="424"/>
      <c r="BJO732" s="424"/>
      <c r="BJP732" s="424"/>
      <c r="BJQ732" s="423" t="s">
        <v>2795</v>
      </c>
      <c r="BJR732" s="424"/>
      <c r="BJS732" s="424"/>
      <c r="BJT732" s="424"/>
      <c r="BJU732" s="423" t="s">
        <v>2795</v>
      </c>
      <c r="BJV732" s="424"/>
      <c r="BJW732" s="424"/>
      <c r="BJX732" s="424"/>
      <c r="BJY732" s="423" t="s">
        <v>2795</v>
      </c>
      <c r="BJZ732" s="424"/>
      <c r="BKA732" s="424"/>
      <c r="BKB732" s="424"/>
      <c r="BKC732" s="423" t="s">
        <v>2795</v>
      </c>
      <c r="BKD732" s="424"/>
      <c r="BKE732" s="424"/>
      <c r="BKF732" s="424"/>
      <c r="BKG732" s="423" t="s">
        <v>2795</v>
      </c>
      <c r="BKH732" s="424"/>
      <c r="BKI732" s="424"/>
      <c r="BKJ732" s="424"/>
      <c r="BKK732" s="423" t="s">
        <v>2795</v>
      </c>
      <c r="BKL732" s="424"/>
      <c r="BKM732" s="424"/>
      <c r="BKN732" s="424"/>
      <c r="BKO732" s="423" t="s">
        <v>2795</v>
      </c>
      <c r="BKP732" s="424"/>
      <c r="BKQ732" s="424"/>
      <c r="BKR732" s="424"/>
      <c r="BKS732" s="423" t="s">
        <v>2795</v>
      </c>
      <c r="BKT732" s="424"/>
      <c r="BKU732" s="424"/>
      <c r="BKV732" s="424"/>
      <c r="BKW732" s="423" t="s">
        <v>2795</v>
      </c>
      <c r="BKX732" s="424"/>
      <c r="BKY732" s="424"/>
      <c r="BKZ732" s="424"/>
      <c r="BLA732" s="423" t="s">
        <v>2795</v>
      </c>
      <c r="BLB732" s="424"/>
      <c r="BLC732" s="424"/>
      <c r="BLD732" s="424"/>
      <c r="BLE732" s="423" t="s">
        <v>2795</v>
      </c>
      <c r="BLF732" s="424"/>
      <c r="BLG732" s="424"/>
      <c r="BLH732" s="424"/>
      <c r="BLI732" s="423" t="s">
        <v>2795</v>
      </c>
      <c r="BLJ732" s="424"/>
      <c r="BLK732" s="424"/>
      <c r="BLL732" s="424"/>
      <c r="BLM732" s="423" t="s">
        <v>2795</v>
      </c>
      <c r="BLN732" s="424"/>
      <c r="BLO732" s="424"/>
      <c r="BLP732" s="424"/>
      <c r="BLQ732" s="423" t="s">
        <v>2795</v>
      </c>
      <c r="BLR732" s="424"/>
      <c r="BLS732" s="424"/>
      <c r="BLT732" s="424"/>
      <c r="BLU732" s="423" t="s">
        <v>2795</v>
      </c>
      <c r="BLV732" s="424"/>
      <c r="BLW732" s="424"/>
      <c r="BLX732" s="424"/>
      <c r="BLY732" s="423" t="s">
        <v>2795</v>
      </c>
      <c r="BLZ732" s="424"/>
      <c r="BMA732" s="424"/>
      <c r="BMB732" s="424"/>
      <c r="BMC732" s="423" t="s">
        <v>2795</v>
      </c>
      <c r="BMD732" s="424"/>
      <c r="BME732" s="424"/>
      <c r="BMF732" s="424"/>
      <c r="BMG732" s="423" t="s">
        <v>2795</v>
      </c>
      <c r="BMH732" s="424"/>
      <c r="BMI732" s="424"/>
      <c r="BMJ732" s="424"/>
      <c r="BMK732" s="423" t="s">
        <v>2795</v>
      </c>
      <c r="BML732" s="424"/>
      <c r="BMM732" s="424"/>
      <c r="BMN732" s="424"/>
      <c r="BMO732" s="423" t="s">
        <v>2795</v>
      </c>
      <c r="BMP732" s="424"/>
      <c r="BMQ732" s="424"/>
      <c r="BMR732" s="424"/>
      <c r="BMS732" s="423" t="s">
        <v>2795</v>
      </c>
      <c r="BMT732" s="424"/>
      <c r="BMU732" s="424"/>
      <c r="BMV732" s="424"/>
      <c r="BMW732" s="423" t="s">
        <v>2795</v>
      </c>
      <c r="BMX732" s="424"/>
      <c r="BMY732" s="424"/>
      <c r="BMZ732" s="424"/>
      <c r="BNA732" s="423" t="s">
        <v>2795</v>
      </c>
      <c r="BNB732" s="424"/>
      <c r="BNC732" s="424"/>
      <c r="BND732" s="424"/>
      <c r="BNE732" s="423" t="s">
        <v>2795</v>
      </c>
      <c r="BNF732" s="424"/>
      <c r="BNG732" s="424"/>
      <c r="BNH732" s="424"/>
      <c r="BNI732" s="423" t="s">
        <v>2795</v>
      </c>
      <c r="BNJ732" s="424"/>
      <c r="BNK732" s="424"/>
      <c r="BNL732" s="424"/>
      <c r="BNM732" s="423" t="s">
        <v>2795</v>
      </c>
      <c r="BNN732" s="424"/>
      <c r="BNO732" s="424"/>
      <c r="BNP732" s="424"/>
      <c r="BNQ732" s="423" t="s">
        <v>2795</v>
      </c>
      <c r="BNR732" s="424"/>
      <c r="BNS732" s="424"/>
      <c r="BNT732" s="424"/>
      <c r="BNU732" s="423" t="s">
        <v>2795</v>
      </c>
      <c r="BNV732" s="424"/>
      <c r="BNW732" s="424"/>
      <c r="BNX732" s="424"/>
      <c r="BNY732" s="423" t="s">
        <v>2795</v>
      </c>
      <c r="BNZ732" s="424"/>
      <c r="BOA732" s="424"/>
      <c r="BOB732" s="424"/>
      <c r="BOC732" s="423" t="s">
        <v>2795</v>
      </c>
      <c r="BOD732" s="424"/>
      <c r="BOE732" s="424"/>
      <c r="BOF732" s="424"/>
      <c r="BOG732" s="423" t="s">
        <v>2795</v>
      </c>
      <c r="BOH732" s="424"/>
      <c r="BOI732" s="424"/>
      <c r="BOJ732" s="424"/>
      <c r="BOK732" s="423" t="s">
        <v>2795</v>
      </c>
      <c r="BOL732" s="424"/>
      <c r="BOM732" s="424"/>
      <c r="BON732" s="424"/>
      <c r="BOO732" s="423" t="s">
        <v>2795</v>
      </c>
      <c r="BOP732" s="424"/>
      <c r="BOQ732" s="424"/>
      <c r="BOR732" s="424"/>
      <c r="BOS732" s="423" t="s">
        <v>2795</v>
      </c>
      <c r="BOT732" s="424"/>
      <c r="BOU732" s="424"/>
      <c r="BOV732" s="424"/>
      <c r="BOW732" s="423" t="s">
        <v>2795</v>
      </c>
      <c r="BOX732" s="424"/>
      <c r="BOY732" s="424"/>
      <c r="BOZ732" s="424"/>
      <c r="BPA732" s="423" t="s">
        <v>2795</v>
      </c>
      <c r="BPB732" s="424"/>
      <c r="BPC732" s="424"/>
      <c r="BPD732" s="424"/>
      <c r="BPE732" s="423" t="s">
        <v>2795</v>
      </c>
      <c r="BPF732" s="424"/>
      <c r="BPG732" s="424"/>
      <c r="BPH732" s="424"/>
      <c r="BPI732" s="423" t="s">
        <v>2795</v>
      </c>
      <c r="BPJ732" s="424"/>
      <c r="BPK732" s="424"/>
      <c r="BPL732" s="424"/>
      <c r="BPM732" s="423" t="s">
        <v>2795</v>
      </c>
      <c r="BPN732" s="424"/>
      <c r="BPO732" s="424"/>
      <c r="BPP732" s="424"/>
      <c r="BPQ732" s="423" t="s">
        <v>2795</v>
      </c>
      <c r="BPR732" s="424"/>
      <c r="BPS732" s="424"/>
      <c r="BPT732" s="424"/>
      <c r="BPU732" s="423" t="s">
        <v>2795</v>
      </c>
      <c r="BPV732" s="424"/>
      <c r="BPW732" s="424"/>
      <c r="BPX732" s="424"/>
      <c r="BPY732" s="423" t="s">
        <v>2795</v>
      </c>
      <c r="BPZ732" s="424"/>
      <c r="BQA732" s="424"/>
      <c r="BQB732" s="424"/>
      <c r="BQC732" s="423" t="s">
        <v>2795</v>
      </c>
      <c r="BQD732" s="424"/>
      <c r="BQE732" s="424"/>
      <c r="BQF732" s="424"/>
      <c r="BQG732" s="423" t="s">
        <v>2795</v>
      </c>
      <c r="BQH732" s="424"/>
      <c r="BQI732" s="424"/>
      <c r="BQJ732" s="424"/>
      <c r="BQK732" s="423" t="s">
        <v>2795</v>
      </c>
      <c r="BQL732" s="424"/>
      <c r="BQM732" s="424"/>
      <c r="BQN732" s="424"/>
      <c r="BQO732" s="423" t="s">
        <v>2795</v>
      </c>
      <c r="BQP732" s="424"/>
      <c r="BQQ732" s="424"/>
      <c r="BQR732" s="424"/>
      <c r="BQS732" s="423" t="s">
        <v>2795</v>
      </c>
      <c r="BQT732" s="424"/>
      <c r="BQU732" s="424"/>
      <c r="BQV732" s="424"/>
      <c r="BQW732" s="423" t="s">
        <v>2795</v>
      </c>
      <c r="BQX732" s="424"/>
      <c r="BQY732" s="424"/>
      <c r="BQZ732" s="424"/>
      <c r="BRA732" s="423" t="s">
        <v>2795</v>
      </c>
      <c r="BRB732" s="424"/>
      <c r="BRC732" s="424"/>
      <c r="BRD732" s="424"/>
      <c r="BRE732" s="423" t="s">
        <v>2795</v>
      </c>
      <c r="BRF732" s="424"/>
      <c r="BRG732" s="424"/>
      <c r="BRH732" s="424"/>
      <c r="BRI732" s="423" t="s">
        <v>2795</v>
      </c>
      <c r="BRJ732" s="424"/>
      <c r="BRK732" s="424"/>
      <c r="BRL732" s="424"/>
      <c r="BRM732" s="423" t="s">
        <v>2795</v>
      </c>
      <c r="BRN732" s="424"/>
      <c r="BRO732" s="424"/>
      <c r="BRP732" s="424"/>
      <c r="BRQ732" s="423" t="s">
        <v>2795</v>
      </c>
      <c r="BRR732" s="424"/>
      <c r="BRS732" s="424"/>
      <c r="BRT732" s="424"/>
      <c r="BRU732" s="423" t="s">
        <v>2795</v>
      </c>
      <c r="BRV732" s="424"/>
      <c r="BRW732" s="424"/>
      <c r="BRX732" s="424"/>
      <c r="BRY732" s="423" t="s">
        <v>2795</v>
      </c>
      <c r="BRZ732" s="424"/>
      <c r="BSA732" s="424"/>
      <c r="BSB732" s="424"/>
      <c r="BSC732" s="423" t="s">
        <v>2795</v>
      </c>
      <c r="BSD732" s="424"/>
      <c r="BSE732" s="424"/>
      <c r="BSF732" s="424"/>
      <c r="BSG732" s="423" t="s">
        <v>2795</v>
      </c>
      <c r="BSH732" s="424"/>
      <c r="BSI732" s="424"/>
      <c r="BSJ732" s="424"/>
      <c r="BSK732" s="423" t="s">
        <v>2795</v>
      </c>
      <c r="BSL732" s="424"/>
      <c r="BSM732" s="424"/>
      <c r="BSN732" s="424"/>
      <c r="BSO732" s="423" t="s">
        <v>2795</v>
      </c>
      <c r="BSP732" s="424"/>
      <c r="BSQ732" s="424"/>
      <c r="BSR732" s="424"/>
      <c r="BSS732" s="423" t="s">
        <v>2795</v>
      </c>
      <c r="BST732" s="424"/>
      <c r="BSU732" s="424"/>
      <c r="BSV732" s="424"/>
      <c r="BSW732" s="423" t="s">
        <v>2795</v>
      </c>
      <c r="BSX732" s="424"/>
      <c r="BSY732" s="424"/>
      <c r="BSZ732" s="424"/>
      <c r="BTA732" s="423" t="s">
        <v>2795</v>
      </c>
      <c r="BTB732" s="424"/>
      <c r="BTC732" s="424"/>
      <c r="BTD732" s="424"/>
      <c r="BTE732" s="423" t="s">
        <v>2795</v>
      </c>
      <c r="BTF732" s="424"/>
      <c r="BTG732" s="424"/>
      <c r="BTH732" s="424"/>
      <c r="BTI732" s="423" t="s">
        <v>2795</v>
      </c>
      <c r="BTJ732" s="424"/>
      <c r="BTK732" s="424"/>
      <c r="BTL732" s="424"/>
      <c r="BTM732" s="423" t="s">
        <v>2795</v>
      </c>
      <c r="BTN732" s="424"/>
      <c r="BTO732" s="424"/>
      <c r="BTP732" s="424"/>
      <c r="BTQ732" s="423" t="s">
        <v>2795</v>
      </c>
      <c r="BTR732" s="424"/>
      <c r="BTS732" s="424"/>
      <c r="BTT732" s="424"/>
      <c r="BTU732" s="423" t="s">
        <v>2795</v>
      </c>
      <c r="BTV732" s="424"/>
      <c r="BTW732" s="424"/>
      <c r="BTX732" s="424"/>
      <c r="BTY732" s="423" t="s">
        <v>2795</v>
      </c>
      <c r="BTZ732" s="424"/>
      <c r="BUA732" s="424"/>
      <c r="BUB732" s="424"/>
      <c r="BUC732" s="423" t="s">
        <v>2795</v>
      </c>
      <c r="BUD732" s="424"/>
      <c r="BUE732" s="424"/>
      <c r="BUF732" s="424"/>
      <c r="BUG732" s="423" t="s">
        <v>2795</v>
      </c>
      <c r="BUH732" s="424"/>
      <c r="BUI732" s="424"/>
      <c r="BUJ732" s="424"/>
      <c r="BUK732" s="423" t="s">
        <v>2795</v>
      </c>
      <c r="BUL732" s="424"/>
      <c r="BUM732" s="424"/>
      <c r="BUN732" s="424"/>
      <c r="BUO732" s="423" t="s">
        <v>2795</v>
      </c>
      <c r="BUP732" s="424"/>
      <c r="BUQ732" s="424"/>
      <c r="BUR732" s="424"/>
      <c r="BUS732" s="423" t="s">
        <v>2795</v>
      </c>
      <c r="BUT732" s="424"/>
      <c r="BUU732" s="424"/>
      <c r="BUV732" s="424"/>
      <c r="BUW732" s="423" t="s">
        <v>2795</v>
      </c>
      <c r="BUX732" s="424"/>
      <c r="BUY732" s="424"/>
      <c r="BUZ732" s="424"/>
      <c r="BVA732" s="423" t="s">
        <v>2795</v>
      </c>
      <c r="BVB732" s="424"/>
      <c r="BVC732" s="424"/>
      <c r="BVD732" s="424"/>
      <c r="BVE732" s="423" t="s">
        <v>2795</v>
      </c>
      <c r="BVF732" s="424"/>
      <c r="BVG732" s="424"/>
      <c r="BVH732" s="424"/>
      <c r="BVI732" s="423" t="s">
        <v>2795</v>
      </c>
      <c r="BVJ732" s="424"/>
      <c r="BVK732" s="424"/>
      <c r="BVL732" s="424"/>
      <c r="BVM732" s="423" t="s">
        <v>2795</v>
      </c>
      <c r="BVN732" s="424"/>
      <c r="BVO732" s="424"/>
      <c r="BVP732" s="424"/>
      <c r="BVQ732" s="423" t="s">
        <v>2795</v>
      </c>
      <c r="BVR732" s="424"/>
      <c r="BVS732" s="424"/>
      <c r="BVT732" s="424"/>
      <c r="BVU732" s="423" t="s">
        <v>2795</v>
      </c>
      <c r="BVV732" s="424"/>
      <c r="BVW732" s="424"/>
      <c r="BVX732" s="424"/>
      <c r="BVY732" s="423" t="s">
        <v>2795</v>
      </c>
      <c r="BVZ732" s="424"/>
      <c r="BWA732" s="424"/>
      <c r="BWB732" s="424"/>
      <c r="BWC732" s="423" t="s">
        <v>2795</v>
      </c>
      <c r="BWD732" s="424"/>
      <c r="BWE732" s="424"/>
      <c r="BWF732" s="424"/>
      <c r="BWG732" s="423" t="s">
        <v>2795</v>
      </c>
      <c r="BWH732" s="424"/>
      <c r="BWI732" s="424"/>
      <c r="BWJ732" s="424"/>
      <c r="BWK732" s="423" t="s">
        <v>2795</v>
      </c>
      <c r="BWL732" s="424"/>
      <c r="BWM732" s="424"/>
      <c r="BWN732" s="424"/>
      <c r="BWO732" s="423" t="s">
        <v>2795</v>
      </c>
      <c r="BWP732" s="424"/>
      <c r="BWQ732" s="424"/>
      <c r="BWR732" s="424"/>
      <c r="BWS732" s="423" t="s">
        <v>2795</v>
      </c>
      <c r="BWT732" s="424"/>
      <c r="BWU732" s="424"/>
      <c r="BWV732" s="424"/>
      <c r="BWW732" s="423" t="s">
        <v>2795</v>
      </c>
      <c r="BWX732" s="424"/>
      <c r="BWY732" s="424"/>
      <c r="BWZ732" s="424"/>
      <c r="BXA732" s="423" t="s">
        <v>2795</v>
      </c>
      <c r="BXB732" s="424"/>
      <c r="BXC732" s="424"/>
      <c r="BXD732" s="424"/>
      <c r="BXE732" s="423" t="s">
        <v>2795</v>
      </c>
      <c r="BXF732" s="424"/>
      <c r="BXG732" s="424"/>
      <c r="BXH732" s="424"/>
      <c r="BXI732" s="423" t="s">
        <v>2795</v>
      </c>
      <c r="BXJ732" s="424"/>
      <c r="BXK732" s="424"/>
      <c r="BXL732" s="424"/>
      <c r="BXM732" s="423" t="s">
        <v>2795</v>
      </c>
      <c r="BXN732" s="424"/>
      <c r="BXO732" s="424"/>
      <c r="BXP732" s="424"/>
      <c r="BXQ732" s="423" t="s">
        <v>2795</v>
      </c>
      <c r="BXR732" s="424"/>
      <c r="BXS732" s="424"/>
      <c r="BXT732" s="424"/>
      <c r="BXU732" s="423" t="s">
        <v>2795</v>
      </c>
      <c r="BXV732" s="424"/>
      <c r="BXW732" s="424"/>
      <c r="BXX732" s="424"/>
      <c r="BXY732" s="423" t="s">
        <v>2795</v>
      </c>
      <c r="BXZ732" s="424"/>
      <c r="BYA732" s="424"/>
      <c r="BYB732" s="424"/>
      <c r="BYC732" s="423" t="s">
        <v>2795</v>
      </c>
      <c r="BYD732" s="424"/>
      <c r="BYE732" s="424"/>
      <c r="BYF732" s="424"/>
      <c r="BYG732" s="423" t="s">
        <v>2795</v>
      </c>
      <c r="BYH732" s="424"/>
      <c r="BYI732" s="424"/>
      <c r="BYJ732" s="424"/>
      <c r="BYK732" s="423" t="s">
        <v>2795</v>
      </c>
      <c r="BYL732" s="424"/>
      <c r="BYM732" s="424"/>
      <c r="BYN732" s="424"/>
      <c r="BYO732" s="423" t="s">
        <v>2795</v>
      </c>
      <c r="BYP732" s="424"/>
      <c r="BYQ732" s="424"/>
      <c r="BYR732" s="424"/>
      <c r="BYS732" s="423" t="s">
        <v>2795</v>
      </c>
      <c r="BYT732" s="424"/>
      <c r="BYU732" s="424"/>
      <c r="BYV732" s="424"/>
      <c r="BYW732" s="423" t="s">
        <v>2795</v>
      </c>
      <c r="BYX732" s="424"/>
      <c r="BYY732" s="424"/>
      <c r="BYZ732" s="424"/>
      <c r="BZA732" s="423" t="s">
        <v>2795</v>
      </c>
      <c r="BZB732" s="424"/>
      <c r="BZC732" s="424"/>
      <c r="BZD732" s="424"/>
      <c r="BZE732" s="423" t="s">
        <v>2795</v>
      </c>
      <c r="BZF732" s="424"/>
      <c r="BZG732" s="424"/>
      <c r="BZH732" s="424"/>
      <c r="BZI732" s="423" t="s">
        <v>2795</v>
      </c>
      <c r="BZJ732" s="424"/>
      <c r="BZK732" s="424"/>
      <c r="BZL732" s="424"/>
      <c r="BZM732" s="423" t="s">
        <v>2795</v>
      </c>
      <c r="BZN732" s="424"/>
      <c r="BZO732" s="424"/>
      <c r="BZP732" s="424"/>
      <c r="BZQ732" s="423" t="s">
        <v>2795</v>
      </c>
      <c r="BZR732" s="424"/>
      <c r="BZS732" s="424"/>
      <c r="BZT732" s="424"/>
      <c r="BZU732" s="423" t="s">
        <v>2795</v>
      </c>
      <c r="BZV732" s="424"/>
      <c r="BZW732" s="424"/>
      <c r="BZX732" s="424"/>
      <c r="BZY732" s="423" t="s">
        <v>2795</v>
      </c>
      <c r="BZZ732" s="424"/>
      <c r="CAA732" s="424"/>
      <c r="CAB732" s="424"/>
      <c r="CAC732" s="423" t="s">
        <v>2795</v>
      </c>
      <c r="CAD732" s="424"/>
      <c r="CAE732" s="424"/>
      <c r="CAF732" s="424"/>
      <c r="CAG732" s="423" t="s">
        <v>2795</v>
      </c>
      <c r="CAH732" s="424"/>
      <c r="CAI732" s="424"/>
      <c r="CAJ732" s="424"/>
      <c r="CAK732" s="423" t="s">
        <v>2795</v>
      </c>
      <c r="CAL732" s="424"/>
      <c r="CAM732" s="424"/>
      <c r="CAN732" s="424"/>
      <c r="CAO732" s="423" t="s">
        <v>2795</v>
      </c>
      <c r="CAP732" s="424"/>
      <c r="CAQ732" s="424"/>
      <c r="CAR732" s="424"/>
      <c r="CAS732" s="423" t="s">
        <v>2795</v>
      </c>
      <c r="CAT732" s="424"/>
      <c r="CAU732" s="424"/>
      <c r="CAV732" s="424"/>
      <c r="CAW732" s="423" t="s">
        <v>2795</v>
      </c>
      <c r="CAX732" s="424"/>
      <c r="CAY732" s="424"/>
      <c r="CAZ732" s="424"/>
      <c r="CBA732" s="423" t="s">
        <v>2795</v>
      </c>
      <c r="CBB732" s="424"/>
      <c r="CBC732" s="424"/>
      <c r="CBD732" s="424"/>
      <c r="CBE732" s="423" t="s">
        <v>2795</v>
      </c>
      <c r="CBF732" s="424"/>
      <c r="CBG732" s="424"/>
      <c r="CBH732" s="424"/>
      <c r="CBI732" s="423" t="s">
        <v>2795</v>
      </c>
      <c r="CBJ732" s="424"/>
      <c r="CBK732" s="424"/>
      <c r="CBL732" s="424"/>
      <c r="CBM732" s="423" t="s">
        <v>2795</v>
      </c>
      <c r="CBN732" s="424"/>
      <c r="CBO732" s="424"/>
      <c r="CBP732" s="424"/>
      <c r="CBQ732" s="423" t="s">
        <v>2795</v>
      </c>
      <c r="CBR732" s="424"/>
      <c r="CBS732" s="424"/>
      <c r="CBT732" s="424"/>
      <c r="CBU732" s="423" t="s">
        <v>2795</v>
      </c>
      <c r="CBV732" s="424"/>
      <c r="CBW732" s="424"/>
      <c r="CBX732" s="424"/>
      <c r="CBY732" s="423" t="s">
        <v>2795</v>
      </c>
      <c r="CBZ732" s="424"/>
      <c r="CCA732" s="424"/>
      <c r="CCB732" s="424"/>
      <c r="CCC732" s="423" t="s">
        <v>2795</v>
      </c>
      <c r="CCD732" s="424"/>
      <c r="CCE732" s="424"/>
      <c r="CCF732" s="424"/>
      <c r="CCG732" s="423" t="s">
        <v>2795</v>
      </c>
      <c r="CCH732" s="424"/>
      <c r="CCI732" s="424"/>
      <c r="CCJ732" s="424"/>
      <c r="CCK732" s="423" t="s">
        <v>2795</v>
      </c>
      <c r="CCL732" s="424"/>
      <c r="CCM732" s="424"/>
      <c r="CCN732" s="424"/>
      <c r="CCO732" s="423" t="s">
        <v>2795</v>
      </c>
      <c r="CCP732" s="424"/>
      <c r="CCQ732" s="424"/>
      <c r="CCR732" s="424"/>
      <c r="CCS732" s="423" t="s">
        <v>2795</v>
      </c>
      <c r="CCT732" s="424"/>
      <c r="CCU732" s="424"/>
      <c r="CCV732" s="424"/>
      <c r="CCW732" s="423" t="s">
        <v>2795</v>
      </c>
      <c r="CCX732" s="424"/>
      <c r="CCY732" s="424"/>
      <c r="CCZ732" s="424"/>
      <c r="CDA732" s="423" t="s">
        <v>2795</v>
      </c>
      <c r="CDB732" s="424"/>
      <c r="CDC732" s="424"/>
      <c r="CDD732" s="424"/>
      <c r="CDE732" s="423" t="s">
        <v>2795</v>
      </c>
      <c r="CDF732" s="424"/>
      <c r="CDG732" s="424"/>
      <c r="CDH732" s="424"/>
      <c r="CDI732" s="423" t="s">
        <v>2795</v>
      </c>
      <c r="CDJ732" s="424"/>
      <c r="CDK732" s="424"/>
      <c r="CDL732" s="424"/>
      <c r="CDM732" s="423" t="s">
        <v>2795</v>
      </c>
      <c r="CDN732" s="424"/>
      <c r="CDO732" s="424"/>
      <c r="CDP732" s="424"/>
      <c r="CDQ732" s="423" t="s">
        <v>2795</v>
      </c>
      <c r="CDR732" s="424"/>
      <c r="CDS732" s="424"/>
      <c r="CDT732" s="424"/>
      <c r="CDU732" s="423" t="s">
        <v>2795</v>
      </c>
      <c r="CDV732" s="424"/>
      <c r="CDW732" s="424"/>
      <c r="CDX732" s="424"/>
      <c r="CDY732" s="423" t="s">
        <v>2795</v>
      </c>
      <c r="CDZ732" s="424"/>
      <c r="CEA732" s="424"/>
      <c r="CEB732" s="424"/>
      <c r="CEC732" s="423" t="s">
        <v>2795</v>
      </c>
      <c r="CED732" s="424"/>
      <c r="CEE732" s="424"/>
      <c r="CEF732" s="424"/>
      <c r="CEG732" s="423" t="s">
        <v>2795</v>
      </c>
      <c r="CEH732" s="424"/>
      <c r="CEI732" s="424"/>
      <c r="CEJ732" s="424"/>
      <c r="CEK732" s="423" t="s">
        <v>2795</v>
      </c>
      <c r="CEL732" s="424"/>
      <c r="CEM732" s="424"/>
      <c r="CEN732" s="424"/>
      <c r="CEO732" s="423" t="s">
        <v>2795</v>
      </c>
      <c r="CEP732" s="424"/>
      <c r="CEQ732" s="424"/>
      <c r="CER732" s="424"/>
      <c r="CES732" s="423" t="s">
        <v>2795</v>
      </c>
      <c r="CET732" s="424"/>
      <c r="CEU732" s="424"/>
      <c r="CEV732" s="424"/>
      <c r="CEW732" s="423" t="s">
        <v>2795</v>
      </c>
      <c r="CEX732" s="424"/>
      <c r="CEY732" s="424"/>
      <c r="CEZ732" s="424"/>
      <c r="CFA732" s="423" t="s">
        <v>2795</v>
      </c>
      <c r="CFB732" s="424"/>
      <c r="CFC732" s="424"/>
      <c r="CFD732" s="424"/>
      <c r="CFE732" s="423" t="s">
        <v>2795</v>
      </c>
      <c r="CFF732" s="424"/>
      <c r="CFG732" s="424"/>
      <c r="CFH732" s="424"/>
      <c r="CFI732" s="423" t="s">
        <v>2795</v>
      </c>
      <c r="CFJ732" s="424"/>
      <c r="CFK732" s="424"/>
      <c r="CFL732" s="424"/>
      <c r="CFM732" s="423" t="s">
        <v>2795</v>
      </c>
      <c r="CFN732" s="424"/>
      <c r="CFO732" s="424"/>
      <c r="CFP732" s="424"/>
      <c r="CFQ732" s="423" t="s">
        <v>2795</v>
      </c>
      <c r="CFR732" s="424"/>
      <c r="CFS732" s="424"/>
      <c r="CFT732" s="424"/>
      <c r="CFU732" s="423" t="s">
        <v>2795</v>
      </c>
      <c r="CFV732" s="424"/>
      <c r="CFW732" s="424"/>
      <c r="CFX732" s="424"/>
      <c r="CFY732" s="423" t="s">
        <v>2795</v>
      </c>
      <c r="CFZ732" s="424"/>
      <c r="CGA732" s="424"/>
      <c r="CGB732" s="424"/>
      <c r="CGC732" s="423" t="s">
        <v>2795</v>
      </c>
      <c r="CGD732" s="424"/>
      <c r="CGE732" s="424"/>
      <c r="CGF732" s="424"/>
      <c r="CGG732" s="423" t="s">
        <v>2795</v>
      </c>
      <c r="CGH732" s="424"/>
      <c r="CGI732" s="424"/>
      <c r="CGJ732" s="424"/>
      <c r="CGK732" s="423" t="s">
        <v>2795</v>
      </c>
      <c r="CGL732" s="424"/>
      <c r="CGM732" s="424"/>
      <c r="CGN732" s="424"/>
      <c r="CGO732" s="423" t="s">
        <v>2795</v>
      </c>
      <c r="CGP732" s="424"/>
      <c r="CGQ732" s="424"/>
      <c r="CGR732" s="424"/>
      <c r="CGS732" s="423" t="s">
        <v>2795</v>
      </c>
      <c r="CGT732" s="424"/>
      <c r="CGU732" s="424"/>
      <c r="CGV732" s="424"/>
      <c r="CGW732" s="423" t="s">
        <v>2795</v>
      </c>
      <c r="CGX732" s="424"/>
      <c r="CGY732" s="424"/>
      <c r="CGZ732" s="424"/>
      <c r="CHA732" s="423" t="s">
        <v>2795</v>
      </c>
      <c r="CHB732" s="424"/>
      <c r="CHC732" s="424"/>
      <c r="CHD732" s="424"/>
      <c r="CHE732" s="423" t="s">
        <v>2795</v>
      </c>
      <c r="CHF732" s="424"/>
      <c r="CHG732" s="424"/>
      <c r="CHH732" s="424"/>
      <c r="CHI732" s="423" t="s">
        <v>2795</v>
      </c>
      <c r="CHJ732" s="424"/>
      <c r="CHK732" s="424"/>
      <c r="CHL732" s="424"/>
      <c r="CHM732" s="423" t="s">
        <v>2795</v>
      </c>
      <c r="CHN732" s="424"/>
      <c r="CHO732" s="424"/>
      <c r="CHP732" s="424"/>
      <c r="CHQ732" s="423" t="s">
        <v>2795</v>
      </c>
      <c r="CHR732" s="424"/>
      <c r="CHS732" s="424"/>
      <c r="CHT732" s="424"/>
      <c r="CHU732" s="423" t="s">
        <v>2795</v>
      </c>
      <c r="CHV732" s="424"/>
      <c r="CHW732" s="424"/>
      <c r="CHX732" s="424"/>
      <c r="CHY732" s="423" t="s">
        <v>2795</v>
      </c>
      <c r="CHZ732" s="424"/>
      <c r="CIA732" s="424"/>
      <c r="CIB732" s="424"/>
      <c r="CIC732" s="423" t="s">
        <v>2795</v>
      </c>
      <c r="CID732" s="424"/>
      <c r="CIE732" s="424"/>
      <c r="CIF732" s="424"/>
      <c r="CIG732" s="423" t="s">
        <v>2795</v>
      </c>
      <c r="CIH732" s="424"/>
      <c r="CII732" s="424"/>
      <c r="CIJ732" s="424"/>
      <c r="CIK732" s="423" t="s">
        <v>2795</v>
      </c>
      <c r="CIL732" s="424"/>
      <c r="CIM732" s="424"/>
      <c r="CIN732" s="424"/>
      <c r="CIO732" s="423" t="s">
        <v>2795</v>
      </c>
      <c r="CIP732" s="424"/>
      <c r="CIQ732" s="424"/>
      <c r="CIR732" s="424"/>
      <c r="CIS732" s="423" t="s">
        <v>2795</v>
      </c>
      <c r="CIT732" s="424"/>
      <c r="CIU732" s="424"/>
      <c r="CIV732" s="424"/>
      <c r="CIW732" s="423" t="s">
        <v>2795</v>
      </c>
      <c r="CIX732" s="424"/>
      <c r="CIY732" s="424"/>
      <c r="CIZ732" s="424"/>
      <c r="CJA732" s="423" t="s">
        <v>2795</v>
      </c>
      <c r="CJB732" s="424"/>
      <c r="CJC732" s="424"/>
      <c r="CJD732" s="424"/>
      <c r="CJE732" s="423" t="s">
        <v>2795</v>
      </c>
      <c r="CJF732" s="424"/>
      <c r="CJG732" s="424"/>
      <c r="CJH732" s="424"/>
      <c r="CJI732" s="423" t="s">
        <v>2795</v>
      </c>
      <c r="CJJ732" s="424"/>
      <c r="CJK732" s="424"/>
      <c r="CJL732" s="424"/>
      <c r="CJM732" s="423" t="s">
        <v>2795</v>
      </c>
      <c r="CJN732" s="424"/>
      <c r="CJO732" s="424"/>
      <c r="CJP732" s="424"/>
      <c r="CJQ732" s="423" t="s">
        <v>2795</v>
      </c>
      <c r="CJR732" s="424"/>
      <c r="CJS732" s="424"/>
      <c r="CJT732" s="424"/>
      <c r="CJU732" s="423" t="s">
        <v>2795</v>
      </c>
      <c r="CJV732" s="424"/>
      <c r="CJW732" s="424"/>
      <c r="CJX732" s="424"/>
      <c r="CJY732" s="423" t="s">
        <v>2795</v>
      </c>
      <c r="CJZ732" s="424"/>
      <c r="CKA732" s="424"/>
      <c r="CKB732" s="424"/>
      <c r="CKC732" s="423" t="s">
        <v>2795</v>
      </c>
      <c r="CKD732" s="424"/>
      <c r="CKE732" s="424"/>
      <c r="CKF732" s="424"/>
      <c r="CKG732" s="423" t="s">
        <v>2795</v>
      </c>
      <c r="CKH732" s="424"/>
      <c r="CKI732" s="424"/>
      <c r="CKJ732" s="424"/>
      <c r="CKK732" s="423" t="s">
        <v>2795</v>
      </c>
      <c r="CKL732" s="424"/>
      <c r="CKM732" s="424"/>
      <c r="CKN732" s="424"/>
      <c r="CKO732" s="423" t="s">
        <v>2795</v>
      </c>
      <c r="CKP732" s="424"/>
      <c r="CKQ732" s="424"/>
      <c r="CKR732" s="424"/>
      <c r="CKS732" s="423" t="s">
        <v>2795</v>
      </c>
      <c r="CKT732" s="424"/>
      <c r="CKU732" s="424"/>
      <c r="CKV732" s="424"/>
      <c r="CKW732" s="423" t="s">
        <v>2795</v>
      </c>
      <c r="CKX732" s="424"/>
      <c r="CKY732" s="424"/>
      <c r="CKZ732" s="424"/>
      <c r="CLA732" s="423" t="s">
        <v>2795</v>
      </c>
      <c r="CLB732" s="424"/>
      <c r="CLC732" s="424"/>
      <c r="CLD732" s="424"/>
      <c r="CLE732" s="423" t="s">
        <v>2795</v>
      </c>
      <c r="CLF732" s="424"/>
      <c r="CLG732" s="424"/>
      <c r="CLH732" s="424"/>
      <c r="CLI732" s="423" t="s">
        <v>2795</v>
      </c>
      <c r="CLJ732" s="424"/>
      <c r="CLK732" s="424"/>
      <c r="CLL732" s="424"/>
      <c r="CLM732" s="423" t="s">
        <v>2795</v>
      </c>
      <c r="CLN732" s="424"/>
      <c r="CLO732" s="424"/>
      <c r="CLP732" s="424"/>
      <c r="CLQ732" s="423" t="s">
        <v>2795</v>
      </c>
      <c r="CLR732" s="424"/>
      <c r="CLS732" s="424"/>
      <c r="CLT732" s="424"/>
      <c r="CLU732" s="423" t="s">
        <v>2795</v>
      </c>
      <c r="CLV732" s="424"/>
      <c r="CLW732" s="424"/>
      <c r="CLX732" s="424"/>
      <c r="CLY732" s="423" t="s">
        <v>2795</v>
      </c>
      <c r="CLZ732" s="424"/>
      <c r="CMA732" s="424"/>
      <c r="CMB732" s="424"/>
      <c r="CMC732" s="423" t="s">
        <v>2795</v>
      </c>
      <c r="CMD732" s="424"/>
      <c r="CME732" s="424"/>
      <c r="CMF732" s="424"/>
      <c r="CMG732" s="423" t="s">
        <v>2795</v>
      </c>
      <c r="CMH732" s="424"/>
      <c r="CMI732" s="424"/>
      <c r="CMJ732" s="424"/>
      <c r="CMK732" s="423" t="s">
        <v>2795</v>
      </c>
      <c r="CML732" s="424"/>
      <c r="CMM732" s="424"/>
      <c r="CMN732" s="424"/>
      <c r="CMO732" s="423" t="s">
        <v>2795</v>
      </c>
      <c r="CMP732" s="424"/>
      <c r="CMQ732" s="424"/>
      <c r="CMR732" s="424"/>
      <c r="CMS732" s="423" t="s">
        <v>2795</v>
      </c>
      <c r="CMT732" s="424"/>
      <c r="CMU732" s="424"/>
      <c r="CMV732" s="424"/>
      <c r="CMW732" s="423" t="s">
        <v>2795</v>
      </c>
      <c r="CMX732" s="424"/>
      <c r="CMY732" s="424"/>
      <c r="CMZ732" s="424"/>
      <c r="CNA732" s="423" t="s">
        <v>2795</v>
      </c>
      <c r="CNB732" s="424"/>
      <c r="CNC732" s="424"/>
      <c r="CND732" s="424"/>
      <c r="CNE732" s="423" t="s">
        <v>2795</v>
      </c>
      <c r="CNF732" s="424"/>
      <c r="CNG732" s="424"/>
      <c r="CNH732" s="424"/>
      <c r="CNI732" s="423" t="s">
        <v>2795</v>
      </c>
      <c r="CNJ732" s="424"/>
      <c r="CNK732" s="424"/>
      <c r="CNL732" s="424"/>
      <c r="CNM732" s="423" t="s">
        <v>2795</v>
      </c>
      <c r="CNN732" s="424"/>
      <c r="CNO732" s="424"/>
      <c r="CNP732" s="424"/>
      <c r="CNQ732" s="423" t="s">
        <v>2795</v>
      </c>
      <c r="CNR732" s="424"/>
      <c r="CNS732" s="424"/>
      <c r="CNT732" s="424"/>
      <c r="CNU732" s="423" t="s">
        <v>2795</v>
      </c>
      <c r="CNV732" s="424"/>
      <c r="CNW732" s="424"/>
      <c r="CNX732" s="424"/>
      <c r="CNY732" s="423" t="s">
        <v>2795</v>
      </c>
      <c r="CNZ732" s="424"/>
      <c r="COA732" s="424"/>
      <c r="COB732" s="424"/>
      <c r="COC732" s="423" t="s">
        <v>2795</v>
      </c>
      <c r="COD732" s="424"/>
      <c r="COE732" s="424"/>
      <c r="COF732" s="424"/>
      <c r="COG732" s="423" t="s">
        <v>2795</v>
      </c>
      <c r="COH732" s="424"/>
      <c r="COI732" s="424"/>
      <c r="COJ732" s="424"/>
      <c r="COK732" s="423" t="s">
        <v>2795</v>
      </c>
      <c r="COL732" s="424"/>
      <c r="COM732" s="424"/>
      <c r="CON732" s="424"/>
      <c r="COO732" s="423" t="s">
        <v>2795</v>
      </c>
      <c r="COP732" s="424"/>
      <c r="COQ732" s="424"/>
      <c r="COR732" s="424"/>
      <c r="COS732" s="423" t="s">
        <v>2795</v>
      </c>
      <c r="COT732" s="424"/>
      <c r="COU732" s="424"/>
      <c r="COV732" s="424"/>
      <c r="COW732" s="423" t="s">
        <v>2795</v>
      </c>
      <c r="COX732" s="424"/>
      <c r="COY732" s="424"/>
      <c r="COZ732" s="424"/>
      <c r="CPA732" s="423" t="s">
        <v>2795</v>
      </c>
      <c r="CPB732" s="424"/>
      <c r="CPC732" s="424"/>
      <c r="CPD732" s="424"/>
      <c r="CPE732" s="423" t="s">
        <v>2795</v>
      </c>
      <c r="CPF732" s="424"/>
      <c r="CPG732" s="424"/>
      <c r="CPH732" s="424"/>
      <c r="CPI732" s="423" t="s">
        <v>2795</v>
      </c>
      <c r="CPJ732" s="424"/>
      <c r="CPK732" s="424"/>
      <c r="CPL732" s="424"/>
      <c r="CPM732" s="423" t="s">
        <v>2795</v>
      </c>
      <c r="CPN732" s="424"/>
      <c r="CPO732" s="424"/>
      <c r="CPP732" s="424"/>
      <c r="CPQ732" s="423" t="s">
        <v>2795</v>
      </c>
      <c r="CPR732" s="424"/>
      <c r="CPS732" s="424"/>
      <c r="CPT732" s="424"/>
      <c r="CPU732" s="423" t="s">
        <v>2795</v>
      </c>
      <c r="CPV732" s="424"/>
      <c r="CPW732" s="424"/>
      <c r="CPX732" s="424"/>
      <c r="CPY732" s="423" t="s">
        <v>2795</v>
      </c>
      <c r="CPZ732" s="424"/>
      <c r="CQA732" s="424"/>
      <c r="CQB732" s="424"/>
      <c r="CQC732" s="423" t="s">
        <v>2795</v>
      </c>
      <c r="CQD732" s="424"/>
      <c r="CQE732" s="424"/>
      <c r="CQF732" s="424"/>
      <c r="CQG732" s="423" t="s">
        <v>2795</v>
      </c>
      <c r="CQH732" s="424"/>
      <c r="CQI732" s="424"/>
      <c r="CQJ732" s="424"/>
      <c r="CQK732" s="423" t="s">
        <v>2795</v>
      </c>
      <c r="CQL732" s="424"/>
      <c r="CQM732" s="424"/>
      <c r="CQN732" s="424"/>
      <c r="CQO732" s="423" t="s">
        <v>2795</v>
      </c>
      <c r="CQP732" s="424"/>
      <c r="CQQ732" s="424"/>
      <c r="CQR732" s="424"/>
      <c r="CQS732" s="423" t="s">
        <v>2795</v>
      </c>
      <c r="CQT732" s="424"/>
      <c r="CQU732" s="424"/>
      <c r="CQV732" s="424"/>
      <c r="CQW732" s="423" t="s">
        <v>2795</v>
      </c>
      <c r="CQX732" s="424"/>
      <c r="CQY732" s="424"/>
      <c r="CQZ732" s="424"/>
      <c r="CRA732" s="423" t="s">
        <v>2795</v>
      </c>
      <c r="CRB732" s="424"/>
      <c r="CRC732" s="424"/>
      <c r="CRD732" s="424"/>
      <c r="CRE732" s="423" t="s">
        <v>2795</v>
      </c>
      <c r="CRF732" s="424"/>
      <c r="CRG732" s="424"/>
      <c r="CRH732" s="424"/>
      <c r="CRI732" s="423" t="s">
        <v>2795</v>
      </c>
      <c r="CRJ732" s="424"/>
      <c r="CRK732" s="424"/>
      <c r="CRL732" s="424"/>
      <c r="CRM732" s="423" t="s">
        <v>2795</v>
      </c>
      <c r="CRN732" s="424"/>
      <c r="CRO732" s="424"/>
      <c r="CRP732" s="424"/>
      <c r="CRQ732" s="423" t="s">
        <v>2795</v>
      </c>
      <c r="CRR732" s="424"/>
      <c r="CRS732" s="424"/>
      <c r="CRT732" s="424"/>
      <c r="CRU732" s="423" t="s">
        <v>2795</v>
      </c>
      <c r="CRV732" s="424"/>
      <c r="CRW732" s="424"/>
      <c r="CRX732" s="424"/>
      <c r="CRY732" s="423" t="s">
        <v>2795</v>
      </c>
      <c r="CRZ732" s="424"/>
      <c r="CSA732" s="424"/>
      <c r="CSB732" s="424"/>
      <c r="CSC732" s="423" t="s">
        <v>2795</v>
      </c>
      <c r="CSD732" s="424"/>
      <c r="CSE732" s="424"/>
      <c r="CSF732" s="424"/>
      <c r="CSG732" s="423" t="s">
        <v>2795</v>
      </c>
      <c r="CSH732" s="424"/>
      <c r="CSI732" s="424"/>
      <c r="CSJ732" s="424"/>
      <c r="CSK732" s="423" t="s">
        <v>2795</v>
      </c>
      <c r="CSL732" s="424"/>
      <c r="CSM732" s="424"/>
      <c r="CSN732" s="424"/>
      <c r="CSO732" s="423" t="s">
        <v>2795</v>
      </c>
      <c r="CSP732" s="424"/>
      <c r="CSQ732" s="424"/>
      <c r="CSR732" s="424"/>
      <c r="CSS732" s="423" t="s">
        <v>2795</v>
      </c>
      <c r="CST732" s="424"/>
      <c r="CSU732" s="424"/>
      <c r="CSV732" s="424"/>
      <c r="CSW732" s="423" t="s">
        <v>2795</v>
      </c>
      <c r="CSX732" s="424"/>
      <c r="CSY732" s="424"/>
      <c r="CSZ732" s="424"/>
      <c r="CTA732" s="423" t="s">
        <v>2795</v>
      </c>
      <c r="CTB732" s="424"/>
      <c r="CTC732" s="424"/>
      <c r="CTD732" s="424"/>
      <c r="CTE732" s="423" t="s">
        <v>2795</v>
      </c>
      <c r="CTF732" s="424"/>
      <c r="CTG732" s="424"/>
      <c r="CTH732" s="424"/>
      <c r="CTI732" s="423" t="s">
        <v>2795</v>
      </c>
      <c r="CTJ732" s="424"/>
      <c r="CTK732" s="424"/>
      <c r="CTL732" s="424"/>
      <c r="CTM732" s="423" t="s">
        <v>2795</v>
      </c>
      <c r="CTN732" s="424"/>
      <c r="CTO732" s="424"/>
      <c r="CTP732" s="424"/>
      <c r="CTQ732" s="423" t="s">
        <v>2795</v>
      </c>
      <c r="CTR732" s="424"/>
      <c r="CTS732" s="424"/>
      <c r="CTT732" s="424"/>
      <c r="CTU732" s="423" t="s">
        <v>2795</v>
      </c>
      <c r="CTV732" s="424"/>
      <c r="CTW732" s="424"/>
      <c r="CTX732" s="424"/>
      <c r="CTY732" s="423" t="s">
        <v>2795</v>
      </c>
      <c r="CTZ732" s="424"/>
      <c r="CUA732" s="424"/>
      <c r="CUB732" s="424"/>
      <c r="CUC732" s="423" t="s">
        <v>2795</v>
      </c>
      <c r="CUD732" s="424"/>
      <c r="CUE732" s="424"/>
      <c r="CUF732" s="424"/>
      <c r="CUG732" s="423" t="s">
        <v>2795</v>
      </c>
      <c r="CUH732" s="424"/>
      <c r="CUI732" s="424"/>
      <c r="CUJ732" s="424"/>
      <c r="CUK732" s="423" t="s">
        <v>2795</v>
      </c>
      <c r="CUL732" s="424"/>
      <c r="CUM732" s="424"/>
      <c r="CUN732" s="424"/>
      <c r="CUO732" s="423" t="s">
        <v>2795</v>
      </c>
      <c r="CUP732" s="424"/>
      <c r="CUQ732" s="424"/>
      <c r="CUR732" s="424"/>
      <c r="CUS732" s="423" t="s">
        <v>2795</v>
      </c>
      <c r="CUT732" s="424"/>
      <c r="CUU732" s="424"/>
      <c r="CUV732" s="424"/>
      <c r="CUW732" s="423" t="s">
        <v>2795</v>
      </c>
      <c r="CUX732" s="424"/>
      <c r="CUY732" s="424"/>
      <c r="CUZ732" s="424"/>
      <c r="CVA732" s="423" t="s">
        <v>2795</v>
      </c>
      <c r="CVB732" s="424"/>
      <c r="CVC732" s="424"/>
      <c r="CVD732" s="424"/>
      <c r="CVE732" s="423" t="s">
        <v>2795</v>
      </c>
      <c r="CVF732" s="424"/>
      <c r="CVG732" s="424"/>
      <c r="CVH732" s="424"/>
      <c r="CVI732" s="423" t="s">
        <v>2795</v>
      </c>
      <c r="CVJ732" s="424"/>
      <c r="CVK732" s="424"/>
      <c r="CVL732" s="424"/>
      <c r="CVM732" s="423" t="s">
        <v>2795</v>
      </c>
      <c r="CVN732" s="424"/>
      <c r="CVO732" s="424"/>
      <c r="CVP732" s="424"/>
      <c r="CVQ732" s="423" t="s">
        <v>2795</v>
      </c>
      <c r="CVR732" s="424"/>
      <c r="CVS732" s="424"/>
      <c r="CVT732" s="424"/>
      <c r="CVU732" s="423" t="s">
        <v>2795</v>
      </c>
      <c r="CVV732" s="424"/>
      <c r="CVW732" s="424"/>
      <c r="CVX732" s="424"/>
      <c r="CVY732" s="423" t="s">
        <v>2795</v>
      </c>
      <c r="CVZ732" s="424"/>
      <c r="CWA732" s="424"/>
      <c r="CWB732" s="424"/>
      <c r="CWC732" s="423" t="s">
        <v>2795</v>
      </c>
      <c r="CWD732" s="424"/>
      <c r="CWE732" s="424"/>
      <c r="CWF732" s="424"/>
      <c r="CWG732" s="423" t="s">
        <v>2795</v>
      </c>
      <c r="CWH732" s="424"/>
      <c r="CWI732" s="424"/>
      <c r="CWJ732" s="424"/>
      <c r="CWK732" s="423" t="s">
        <v>2795</v>
      </c>
      <c r="CWL732" s="424"/>
      <c r="CWM732" s="424"/>
      <c r="CWN732" s="424"/>
      <c r="CWO732" s="423" t="s">
        <v>2795</v>
      </c>
      <c r="CWP732" s="424"/>
      <c r="CWQ732" s="424"/>
      <c r="CWR732" s="424"/>
      <c r="CWS732" s="423" t="s">
        <v>2795</v>
      </c>
      <c r="CWT732" s="424"/>
      <c r="CWU732" s="424"/>
      <c r="CWV732" s="424"/>
      <c r="CWW732" s="423" t="s">
        <v>2795</v>
      </c>
      <c r="CWX732" s="424"/>
      <c r="CWY732" s="424"/>
      <c r="CWZ732" s="424"/>
      <c r="CXA732" s="423" t="s">
        <v>2795</v>
      </c>
      <c r="CXB732" s="424"/>
      <c r="CXC732" s="424"/>
      <c r="CXD732" s="424"/>
      <c r="CXE732" s="423" t="s">
        <v>2795</v>
      </c>
      <c r="CXF732" s="424"/>
      <c r="CXG732" s="424"/>
      <c r="CXH732" s="424"/>
      <c r="CXI732" s="423" t="s">
        <v>2795</v>
      </c>
      <c r="CXJ732" s="424"/>
      <c r="CXK732" s="424"/>
      <c r="CXL732" s="424"/>
      <c r="CXM732" s="423" t="s">
        <v>2795</v>
      </c>
      <c r="CXN732" s="424"/>
      <c r="CXO732" s="424"/>
      <c r="CXP732" s="424"/>
      <c r="CXQ732" s="423" t="s">
        <v>2795</v>
      </c>
      <c r="CXR732" s="424"/>
      <c r="CXS732" s="424"/>
      <c r="CXT732" s="424"/>
      <c r="CXU732" s="423" t="s">
        <v>2795</v>
      </c>
      <c r="CXV732" s="424"/>
      <c r="CXW732" s="424"/>
      <c r="CXX732" s="424"/>
      <c r="CXY732" s="423" t="s">
        <v>2795</v>
      </c>
      <c r="CXZ732" s="424"/>
      <c r="CYA732" s="424"/>
      <c r="CYB732" s="424"/>
      <c r="CYC732" s="423" t="s">
        <v>2795</v>
      </c>
      <c r="CYD732" s="424"/>
      <c r="CYE732" s="424"/>
      <c r="CYF732" s="424"/>
      <c r="CYG732" s="423" t="s">
        <v>2795</v>
      </c>
      <c r="CYH732" s="424"/>
      <c r="CYI732" s="424"/>
      <c r="CYJ732" s="424"/>
      <c r="CYK732" s="423" t="s">
        <v>2795</v>
      </c>
      <c r="CYL732" s="424"/>
      <c r="CYM732" s="424"/>
      <c r="CYN732" s="424"/>
      <c r="CYO732" s="423" t="s">
        <v>2795</v>
      </c>
      <c r="CYP732" s="424"/>
      <c r="CYQ732" s="424"/>
      <c r="CYR732" s="424"/>
      <c r="CYS732" s="423" t="s">
        <v>2795</v>
      </c>
      <c r="CYT732" s="424"/>
      <c r="CYU732" s="424"/>
      <c r="CYV732" s="424"/>
      <c r="CYW732" s="423" t="s">
        <v>2795</v>
      </c>
      <c r="CYX732" s="424"/>
      <c r="CYY732" s="424"/>
      <c r="CYZ732" s="424"/>
      <c r="CZA732" s="423" t="s">
        <v>2795</v>
      </c>
      <c r="CZB732" s="424"/>
      <c r="CZC732" s="424"/>
      <c r="CZD732" s="424"/>
      <c r="CZE732" s="423" t="s">
        <v>2795</v>
      </c>
      <c r="CZF732" s="424"/>
      <c r="CZG732" s="424"/>
      <c r="CZH732" s="424"/>
      <c r="CZI732" s="423" t="s">
        <v>2795</v>
      </c>
      <c r="CZJ732" s="424"/>
      <c r="CZK732" s="424"/>
      <c r="CZL732" s="424"/>
      <c r="CZM732" s="423" t="s">
        <v>2795</v>
      </c>
      <c r="CZN732" s="424"/>
      <c r="CZO732" s="424"/>
      <c r="CZP732" s="424"/>
      <c r="CZQ732" s="423" t="s">
        <v>2795</v>
      </c>
      <c r="CZR732" s="424"/>
      <c r="CZS732" s="424"/>
      <c r="CZT732" s="424"/>
      <c r="CZU732" s="423" t="s">
        <v>2795</v>
      </c>
      <c r="CZV732" s="424"/>
      <c r="CZW732" s="424"/>
      <c r="CZX732" s="424"/>
      <c r="CZY732" s="423" t="s">
        <v>2795</v>
      </c>
      <c r="CZZ732" s="424"/>
      <c r="DAA732" s="424"/>
      <c r="DAB732" s="424"/>
      <c r="DAC732" s="423" t="s">
        <v>2795</v>
      </c>
      <c r="DAD732" s="424"/>
      <c r="DAE732" s="424"/>
      <c r="DAF732" s="424"/>
      <c r="DAG732" s="423" t="s">
        <v>2795</v>
      </c>
      <c r="DAH732" s="424"/>
      <c r="DAI732" s="424"/>
      <c r="DAJ732" s="424"/>
      <c r="DAK732" s="423" t="s">
        <v>2795</v>
      </c>
      <c r="DAL732" s="424"/>
      <c r="DAM732" s="424"/>
      <c r="DAN732" s="424"/>
      <c r="DAO732" s="423" t="s">
        <v>2795</v>
      </c>
      <c r="DAP732" s="424"/>
      <c r="DAQ732" s="424"/>
      <c r="DAR732" s="424"/>
      <c r="DAS732" s="423" t="s">
        <v>2795</v>
      </c>
      <c r="DAT732" s="424"/>
      <c r="DAU732" s="424"/>
      <c r="DAV732" s="424"/>
      <c r="DAW732" s="423" t="s">
        <v>2795</v>
      </c>
      <c r="DAX732" s="424"/>
      <c r="DAY732" s="424"/>
      <c r="DAZ732" s="424"/>
      <c r="DBA732" s="423" t="s">
        <v>2795</v>
      </c>
      <c r="DBB732" s="424"/>
      <c r="DBC732" s="424"/>
      <c r="DBD732" s="424"/>
      <c r="DBE732" s="423" t="s">
        <v>2795</v>
      </c>
      <c r="DBF732" s="424"/>
      <c r="DBG732" s="424"/>
      <c r="DBH732" s="424"/>
      <c r="DBI732" s="423" t="s">
        <v>2795</v>
      </c>
      <c r="DBJ732" s="424"/>
      <c r="DBK732" s="424"/>
      <c r="DBL732" s="424"/>
      <c r="DBM732" s="423" t="s">
        <v>2795</v>
      </c>
      <c r="DBN732" s="424"/>
      <c r="DBO732" s="424"/>
      <c r="DBP732" s="424"/>
      <c r="DBQ732" s="423" t="s">
        <v>2795</v>
      </c>
      <c r="DBR732" s="424"/>
      <c r="DBS732" s="424"/>
      <c r="DBT732" s="424"/>
      <c r="DBU732" s="423" t="s">
        <v>2795</v>
      </c>
      <c r="DBV732" s="424"/>
      <c r="DBW732" s="424"/>
      <c r="DBX732" s="424"/>
      <c r="DBY732" s="423" t="s">
        <v>2795</v>
      </c>
      <c r="DBZ732" s="424"/>
      <c r="DCA732" s="424"/>
      <c r="DCB732" s="424"/>
      <c r="DCC732" s="423" t="s">
        <v>2795</v>
      </c>
      <c r="DCD732" s="424"/>
      <c r="DCE732" s="424"/>
      <c r="DCF732" s="424"/>
      <c r="DCG732" s="423" t="s">
        <v>2795</v>
      </c>
      <c r="DCH732" s="424"/>
      <c r="DCI732" s="424"/>
      <c r="DCJ732" s="424"/>
      <c r="DCK732" s="423" t="s">
        <v>2795</v>
      </c>
      <c r="DCL732" s="424"/>
      <c r="DCM732" s="424"/>
      <c r="DCN732" s="424"/>
      <c r="DCO732" s="423" t="s">
        <v>2795</v>
      </c>
      <c r="DCP732" s="424"/>
      <c r="DCQ732" s="424"/>
      <c r="DCR732" s="424"/>
      <c r="DCS732" s="423" t="s">
        <v>2795</v>
      </c>
      <c r="DCT732" s="424"/>
      <c r="DCU732" s="424"/>
      <c r="DCV732" s="424"/>
      <c r="DCW732" s="423" t="s">
        <v>2795</v>
      </c>
      <c r="DCX732" s="424"/>
      <c r="DCY732" s="424"/>
      <c r="DCZ732" s="424"/>
      <c r="DDA732" s="423" t="s">
        <v>2795</v>
      </c>
      <c r="DDB732" s="424"/>
      <c r="DDC732" s="424"/>
      <c r="DDD732" s="424"/>
      <c r="DDE732" s="423" t="s">
        <v>2795</v>
      </c>
      <c r="DDF732" s="424"/>
      <c r="DDG732" s="424"/>
      <c r="DDH732" s="424"/>
      <c r="DDI732" s="423" t="s">
        <v>2795</v>
      </c>
      <c r="DDJ732" s="424"/>
      <c r="DDK732" s="424"/>
      <c r="DDL732" s="424"/>
      <c r="DDM732" s="423" t="s">
        <v>2795</v>
      </c>
      <c r="DDN732" s="424"/>
      <c r="DDO732" s="424"/>
      <c r="DDP732" s="424"/>
      <c r="DDQ732" s="423" t="s">
        <v>2795</v>
      </c>
      <c r="DDR732" s="424"/>
      <c r="DDS732" s="424"/>
      <c r="DDT732" s="424"/>
      <c r="DDU732" s="423" t="s">
        <v>2795</v>
      </c>
      <c r="DDV732" s="424"/>
      <c r="DDW732" s="424"/>
      <c r="DDX732" s="424"/>
      <c r="DDY732" s="423" t="s">
        <v>2795</v>
      </c>
      <c r="DDZ732" s="424"/>
      <c r="DEA732" s="424"/>
      <c r="DEB732" s="424"/>
      <c r="DEC732" s="423" t="s">
        <v>2795</v>
      </c>
      <c r="DED732" s="424"/>
      <c r="DEE732" s="424"/>
      <c r="DEF732" s="424"/>
      <c r="DEG732" s="423" t="s">
        <v>2795</v>
      </c>
      <c r="DEH732" s="424"/>
      <c r="DEI732" s="424"/>
      <c r="DEJ732" s="424"/>
      <c r="DEK732" s="423" t="s">
        <v>2795</v>
      </c>
      <c r="DEL732" s="424"/>
      <c r="DEM732" s="424"/>
      <c r="DEN732" s="424"/>
      <c r="DEO732" s="423" t="s">
        <v>2795</v>
      </c>
      <c r="DEP732" s="424"/>
      <c r="DEQ732" s="424"/>
      <c r="DER732" s="424"/>
      <c r="DES732" s="423" t="s">
        <v>2795</v>
      </c>
      <c r="DET732" s="424"/>
      <c r="DEU732" s="424"/>
      <c r="DEV732" s="424"/>
      <c r="DEW732" s="423" t="s">
        <v>2795</v>
      </c>
      <c r="DEX732" s="424"/>
      <c r="DEY732" s="424"/>
      <c r="DEZ732" s="424"/>
      <c r="DFA732" s="423" t="s">
        <v>2795</v>
      </c>
      <c r="DFB732" s="424"/>
      <c r="DFC732" s="424"/>
      <c r="DFD732" s="424"/>
      <c r="DFE732" s="423" t="s">
        <v>2795</v>
      </c>
      <c r="DFF732" s="424"/>
      <c r="DFG732" s="424"/>
      <c r="DFH732" s="424"/>
      <c r="DFI732" s="423" t="s">
        <v>2795</v>
      </c>
      <c r="DFJ732" s="424"/>
      <c r="DFK732" s="424"/>
      <c r="DFL732" s="424"/>
      <c r="DFM732" s="423" t="s">
        <v>2795</v>
      </c>
      <c r="DFN732" s="424"/>
      <c r="DFO732" s="424"/>
      <c r="DFP732" s="424"/>
      <c r="DFQ732" s="423" t="s">
        <v>2795</v>
      </c>
      <c r="DFR732" s="424"/>
      <c r="DFS732" s="424"/>
      <c r="DFT732" s="424"/>
      <c r="DFU732" s="423" t="s">
        <v>2795</v>
      </c>
      <c r="DFV732" s="424"/>
      <c r="DFW732" s="424"/>
      <c r="DFX732" s="424"/>
      <c r="DFY732" s="423" t="s">
        <v>2795</v>
      </c>
      <c r="DFZ732" s="424"/>
      <c r="DGA732" s="424"/>
      <c r="DGB732" s="424"/>
      <c r="DGC732" s="423" t="s">
        <v>2795</v>
      </c>
      <c r="DGD732" s="424"/>
      <c r="DGE732" s="424"/>
      <c r="DGF732" s="424"/>
      <c r="DGG732" s="423" t="s">
        <v>2795</v>
      </c>
      <c r="DGH732" s="424"/>
      <c r="DGI732" s="424"/>
      <c r="DGJ732" s="424"/>
      <c r="DGK732" s="423" t="s">
        <v>2795</v>
      </c>
      <c r="DGL732" s="424"/>
      <c r="DGM732" s="424"/>
      <c r="DGN732" s="424"/>
      <c r="DGO732" s="423" t="s">
        <v>2795</v>
      </c>
      <c r="DGP732" s="424"/>
      <c r="DGQ732" s="424"/>
      <c r="DGR732" s="424"/>
      <c r="DGS732" s="423" t="s">
        <v>2795</v>
      </c>
      <c r="DGT732" s="424"/>
      <c r="DGU732" s="424"/>
      <c r="DGV732" s="424"/>
      <c r="DGW732" s="423" t="s">
        <v>2795</v>
      </c>
      <c r="DGX732" s="424"/>
      <c r="DGY732" s="424"/>
      <c r="DGZ732" s="424"/>
      <c r="DHA732" s="423" t="s">
        <v>2795</v>
      </c>
      <c r="DHB732" s="424"/>
      <c r="DHC732" s="424"/>
      <c r="DHD732" s="424"/>
      <c r="DHE732" s="423" t="s">
        <v>2795</v>
      </c>
      <c r="DHF732" s="424"/>
      <c r="DHG732" s="424"/>
      <c r="DHH732" s="424"/>
      <c r="DHI732" s="423" t="s">
        <v>2795</v>
      </c>
      <c r="DHJ732" s="424"/>
      <c r="DHK732" s="424"/>
      <c r="DHL732" s="424"/>
      <c r="DHM732" s="423" t="s">
        <v>2795</v>
      </c>
      <c r="DHN732" s="424"/>
      <c r="DHO732" s="424"/>
      <c r="DHP732" s="424"/>
      <c r="DHQ732" s="423" t="s">
        <v>2795</v>
      </c>
      <c r="DHR732" s="424"/>
      <c r="DHS732" s="424"/>
      <c r="DHT732" s="424"/>
      <c r="DHU732" s="423" t="s">
        <v>2795</v>
      </c>
      <c r="DHV732" s="424"/>
      <c r="DHW732" s="424"/>
      <c r="DHX732" s="424"/>
      <c r="DHY732" s="423" t="s">
        <v>2795</v>
      </c>
      <c r="DHZ732" s="424"/>
      <c r="DIA732" s="424"/>
      <c r="DIB732" s="424"/>
      <c r="DIC732" s="423" t="s">
        <v>2795</v>
      </c>
      <c r="DID732" s="424"/>
      <c r="DIE732" s="424"/>
      <c r="DIF732" s="424"/>
      <c r="DIG732" s="423" t="s">
        <v>2795</v>
      </c>
      <c r="DIH732" s="424"/>
      <c r="DII732" s="424"/>
      <c r="DIJ732" s="424"/>
      <c r="DIK732" s="423" t="s">
        <v>2795</v>
      </c>
      <c r="DIL732" s="424"/>
      <c r="DIM732" s="424"/>
      <c r="DIN732" s="424"/>
      <c r="DIO732" s="423" t="s">
        <v>2795</v>
      </c>
      <c r="DIP732" s="424"/>
      <c r="DIQ732" s="424"/>
      <c r="DIR732" s="424"/>
      <c r="DIS732" s="423" t="s">
        <v>2795</v>
      </c>
      <c r="DIT732" s="424"/>
      <c r="DIU732" s="424"/>
      <c r="DIV732" s="424"/>
      <c r="DIW732" s="423" t="s">
        <v>2795</v>
      </c>
      <c r="DIX732" s="424"/>
      <c r="DIY732" s="424"/>
      <c r="DIZ732" s="424"/>
      <c r="DJA732" s="423" t="s">
        <v>2795</v>
      </c>
      <c r="DJB732" s="424"/>
      <c r="DJC732" s="424"/>
      <c r="DJD732" s="424"/>
      <c r="DJE732" s="423" t="s">
        <v>2795</v>
      </c>
      <c r="DJF732" s="424"/>
      <c r="DJG732" s="424"/>
      <c r="DJH732" s="424"/>
      <c r="DJI732" s="423" t="s">
        <v>2795</v>
      </c>
      <c r="DJJ732" s="424"/>
      <c r="DJK732" s="424"/>
      <c r="DJL732" s="424"/>
      <c r="DJM732" s="423" t="s">
        <v>2795</v>
      </c>
      <c r="DJN732" s="424"/>
      <c r="DJO732" s="424"/>
      <c r="DJP732" s="424"/>
      <c r="DJQ732" s="423" t="s">
        <v>2795</v>
      </c>
      <c r="DJR732" s="424"/>
      <c r="DJS732" s="424"/>
      <c r="DJT732" s="424"/>
      <c r="DJU732" s="423" t="s">
        <v>2795</v>
      </c>
      <c r="DJV732" s="424"/>
      <c r="DJW732" s="424"/>
      <c r="DJX732" s="424"/>
      <c r="DJY732" s="423" t="s">
        <v>2795</v>
      </c>
      <c r="DJZ732" s="424"/>
      <c r="DKA732" s="424"/>
      <c r="DKB732" s="424"/>
      <c r="DKC732" s="423" t="s">
        <v>2795</v>
      </c>
      <c r="DKD732" s="424"/>
      <c r="DKE732" s="424"/>
      <c r="DKF732" s="424"/>
      <c r="DKG732" s="423" t="s">
        <v>2795</v>
      </c>
      <c r="DKH732" s="424"/>
      <c r="DKI732" s="424"/>
      <c r="DKJ732" s="424"/>
      <c r="DKK732" s="423" t="s">
        <v>2795</v>
      </c>
      <c r="DKL732" s="424"/>
      <c r="DKM732" s="424"/>
      <c r="DKN732" s="424"/>
      <c r="DKO732" s="423" t="s">
        <v>2795</v>
      </c>
      <c r="DKP732" s="424"/>
      <c r="DKQ732" s="424"/>
      <c r="DKR732" s="424"/>
      <c r="DKS732" s="423" t="s">
        <v>2795</v>
      </c>
      <c r="DKT732" s="424"/>
      <c r="DKU732" s="424"/>
      <c r="DKV732" s="424"/>
      <c r="DKW732" s="423" t="s">
        <v>2795</v>
      </c>
      <c r="DKX732" s="424"/>
      <c r="DKY732" s="424"/>
      <c r="DKZ732" s="424"/>
      <c r="DLA732" s="423" t="s">
        <v>2795</v>
      </c>
      <c r="DLB732" s="424"/>
      <c r="DLC732" s="424"/>
      <c r="DLD732" s="424"/>
      <c r="DLE732" s="423" t="s">
        <v>2795</v>
      </c>
      <c r="DLF732" s="424"/>
      <c r="DLG732" s="424"/>
      <c r="DLH732" s="424"/>
      <c r="DLI732" s="423" t="s">
        <v>2795</v>
      </c>
      <c r="DLJ732" s="424"/>
      <c r="DLK732" s="424"/>
      <c r="DLL732" s="424"/>
      <c r="DLM732" s="423" t="s">
        <v>2795</v>
      </c>
      <c r="DLN732" s="424"/>
      <c r="DLO732" s="424"/>
      <c r="DLP732" s="424"/>
      <c r="DLQ732" s="423" t="s">
        <v>2795</v>
      </c>
      <c r="DLR732" s="424"/>
      <c r="DLS732" s="424"/>
      <c r="DLT732" s="424"/>
      <c r="DLU732" s="423" t="s">
        <v>2795</v>
      </c>
      <c r="DLV732" s="424"/>
      <c r="DLW732" s="424"/>
      <c r="DLX732" s="424"/>
      <c r="DLY732" s="423" t="s">
        <v>2795</v>
      </c>
      <c r="DLZ732" s="424"/>
      <c r="DMA732" s="424"/>
      <c r="DMB732" s="424"/>
      <c r="DMC732" s="423" t="s">
        <v>2795</v>
      </c>
      <c r="DMD732" s="424"/>
      <c r="DME732" s="424"/>
      <c r="DMF732" s="424"/>
      <c r="DMG732" s="423" t="s">
        <v>2795</v>
      </c>
      <c r="DMH732" s="424"/>
      <c r="DMI732" s="424"/>
      <c r="DMJ732" s="424"/>
      <c r="DMK732" s="423" t="s">
        <v>2795</v>
      </c>
      <c r="DML732" s="424"/>
      <c r="DMM732" s="424"/>
      <c r="DMN732" s="424"/>
      <c r="DMO732" s="423" t="s">
        <v>2795</v>
      </c>
      <c r="DMP732" s="424"/>
      <c r="DMQ732" s="424"/>
      <c r="DMR732" s="424"/>
      <c r="DMS732" s="423" t="s">
        <v>2795</v>
      </c>
      <c r="DMT732" s="424"/>
      <c r="DMU732" s="424"/>
      <c r="DMV732" s="424"/>
      <c r="DMW732" s="423" t="s">
        <v>2795</v>
      </c>
      <c r="DMX732" s="424"/>
      <c r="DMY732" s="424"/>
      <c r="DMZ732" s="424"/>
      <c r="DNA732" s="423" t="s">
        <v>2795</v>
      </c>
      <c r="DNB732" s="424"/>
      <c r="DNC732" s="424"/>
      <c r="DND732" s="424"/>
      <c r="DNE732" s="423" t="s">
        <v>2795</v>
      </c>
      <c r="DNF732" s="424"/>
      <c r="DNG732" s="424"/>
      <c r="DNH732" s="424"/>
      <c r="DNI732" s="423" t="s">
        <v>2795</v>
      </c>
      <c r="DNJ732" s="424"/>
      <c r="DNK732" s="424"/>
      <c r="DNL732" s="424"/>
      <c r="DNM732" s="423" t="s">
        <v>2795</v>
      </c>
      <c r="DNN732" s="424"/>
      <c r="DNO732" s="424"/>
      <c r="DNP732" s="424"/>
      <c r="DNQ732" s="423" t="s">
        <v>2795</v>
      </c>
      <c r="DNR732" s="424"/>
      <c r="DNS732" s="424"/>
      <c r="DNT732" s="424"/>
      <c r="DNU732" s="423" t="s">
        <v>2795</v>
      </c>
      <c r="DNV732" s="424"/>
      <c r="DNW732" s="424"/>
      <c r="DNX732" s="424"/>
      <c r="DNY732" s="423" t="s">
        <v>2795</v>
      </c>
      <c r="DNZ732" s="424"/>
      <c r="DOA732" s="424"/>
      <c r="DOB732" s="424"/>
      <c r="DOC732" s="423" t="s">
        <v>2795</v>
      </c>
      <c r="DOD732" s="424"/>
      <c r="DOE732" s="424"/>
      <c r="DOF732" s="424"/>
      <c r="DOG732" s="423" t="s">
        <v>2795</v>
      </c>
      <c r="DOH732" s="424"/>
      <c r="DOI732" s="424"/>
      <c r="DOJ732" s="424"/>
      <c r="DOK732" s="423" t="s">
        <v>2795</v>
      </c>
      <c r="DOL732" s="424"/>
      <c r="DOM732" s="424"/>
      <c r="DON732" s="424"/>
      <c r="DOO732" s="423" t="s">
        <v>2795</v>
      </c>
      <c r="DOP732" s="424"/>
      <c r="DOQ732" s="424"/>
      <c r="DOR732" s="424"/>
      <c r="DOS732" s="423" t="s">
        <v>2795</v>
      </c>
      <c r="DOT732" s="424"/>
      <c r="DOU732" s="424"/>
      <c r="DOV732" s="424"/>
      <c r="DOW732" s="423" t="s">
        <v>2795</v>
      </c>
      <c r="DOX732" s="424"/>
      <c r="DOY732" s="424"/>
      <c r="DOZ732" s="424"/>
      <c r="DPA732" s="423" t="s">
        <v>2795</v>
      </c>
      <c r="DPB732" s="424"/>
      <c r="DPC732" s="424"/>
      <c r="DPD732" s="424"/>
      <c r="DPE732" s="423" t="s">
        <v>2795</v>
      </c>
      <c r="DPF732" s="424"/>
      <c r="DPG732" s="424"/>
      <c r="DPH732" s="424"/>
      <c r="DPI732" s="423" t="s">
        <v>2795</v>
      </c>
      <c r="DPJ732" s="424"/>
      <c r="DPK732" s="424"/>
      <c r="DPL732" s="424"/>
      <c r="DPM732" s="423" t="s">
        <v>2795</v>
      </c>
      <c r="DPN732" s="424"/>
      <c r="DPO732" s="424"/>
      <c r="DPP732" s="424"/>
      <c r="DPQ732" s="423" t="s">
        <v>2795</v>
      </c>
      <c r="DPR732" s="424"/>
      <c r="DPS732" s="424"/>
      <c r="DPT732" s="424"/>
      <c r="DPU732" s="423" t="s">
        <v>2795</v>
      </c>
      <c r="DPV732" s="424"/>
      <c r="DPW732" s="424"/>
      <c r="DPX732" s="424"/>
      <c r="DPY732" s="423" t="s">
        <v>2795</v>
      </c>
      <c r="DPZ732" s="424"/>
      <c r="DQA732" s="424"/>
      <c r="DQB732" s="424"/>
      <c r="DQC732" s="423" t="s">
        <v>2795</v>
      </c>
      <c r="DQD732" s="424"/>
      <c r="DQE732" s="424"/>
      <c r="DQF732" s="424"/>
      <c r="DQG732" s="423" t="s">
        <v>2795</v>
      </c>
      <c r="DQH732" s="424"/>
      <c r="DQI732" s="424"/>
      <c r="DQJ732" s="424"/>
      <c r="DQK732" s="423" t="s">
        <v>2795</v>
      </c>
      <c r="DQL732" s="424"/>
      <c r="DQM732" s="424"/>
      <c r="DQN732" s="424"/>
      <c r="DQO732" s="423" t="s">
        <v>2795</v>
      </c>
      <c r="DQP732" s="424"/>
      <c r="DQQ732" s="424"/>
      <c r="DQR732" s="424"/>
      <c r="DQS732" s="423" t="s">
        <v>2795</v>
      </c>
      <c r="DQT732" s="424"/>
      <c r="DQU732" s="424"/>
      <c r="DQV732" s="424"/>
      <c r="DQW732" s="423" t="s">
        <v>2795</v>
      </c>
      <c r="DQX732" s="424"/>
      <c r="DQY732" s="424"/>
      <c r="DQZ732" s="424"/>
      <c r="DRA732" s="423" t="s">
        <v>2795</v>
      </c>
      <c r="DRB732" s="424"/>
      <c r="DRC732" s="424"/>
      <c r="DRD732" s="424"/>
      <c r="DRE732" s="423" t="s">
        <v>2795</v>
      </c>
      <c r="DRF732" s="424"/>
      <c r="DRG732" s="424"/>
      <c r="DRH732" s="424"/>
      <c r="DRI732" s="423" t="s">
        <v>2795</v>
      </c>
      <c r="DRJ732" s="424"/>
      <c r="DRK732" s="424"/>
      <c r="DRL732" s="424"/>
      <c r="DRM732" s="423" t="s">
        <v>2795</v>
      </c>
      <c r="DRN732" s="424"/>
      <c r="DRO732" s="424"/>
      <c r="DRP732" s="424"/>
      <c r="DRQ732" s="423" t="s">
        <v>2795</v>
      </c>
      <c r="DRR732" s="424"/>
      <c r="DRS732" s="424"/>
      <c r="DRT732" s="424"/>
      <c r="DRU732" s="423" t="s">
        <v>2795</v>
      </c>
      <c r="DRV732" s="424"/>
      <c r="DRW732" s="424"/>
      <c r="DRX732" s="424"/>
      <c r="DRY732" s="423" t="s">
        <v>2795</v>
      </c>
      <c r="DRZ732" s="424"/>
      <c r="DSA732" s="424"/>
      <c r="DSB732" s="424"/>
      <c r="DSC732" s="423" t="s">
        <v>2795</v>
      </c>
      <c r="DSD732" s="424"/>
      <c r="DSE732" s="424"/>
      <c r="DSF732" s="424"/>
      <c r="DSG732" s="423" t="s">
        <v>2795</v>
      </c>
      <c r="DSH732" s="424"/>
      <c r="DSI732" s="424"/>
      <c r="DSJ732" s="424"/>
      <c r="DSK732" s="423" t="s">
        <v>2795</v>
      </c>
      <c r="DSL732" s="424"/>
      <c r="DSM732" s="424"/>
      <c r="DSN732" s="424"/>
      <c r="DSO732" s="423" t="s">
        <v>2795</v>
      </c>
      <c r="DSP732" s="424"/>
      <c r="DSQ732" s="424"/>
      <c r="DSR732" s="424"/>
      <c r="DSS732" s="423" t="s">
        <v>2795</v>
      </c>
      <c r="DST732" s="424"/>
      <c r="DSU732" s="424"/>
      <c r="DSV732" s="424"/>
      <c r="DSW732" s="423" t="s">
        <v>2795</v>
      </c>
      <c r="DSX732" s="424"/>
      <c r="DSY732" s="424"/>
      <c r="DSZ732" s="424"/>
      <c r="DTA732" s="423" t="s">
        <v>2795</v>
      </c>
      <c r="DTB732" s="424"/>
      <c r="DTC732" s="424"/>
      <c r="DTD732" s="424"/>
      <c r="DTE732" s="423" t="s">
        <v>2795</v>
      </c>
      <c r="DTF732" s="424"/>
      <c r="DTG732" s="424"/>
      <c r="DTH732" s="424"/>
      <c r="DTI732" s="423" t="s">
        <v>2795</v>
      </c>
      <c r="DTJ732" s="424"/>
      <c r="DTK732" s="424"/>
      <c r="DTL732" s="424"/>
      <c r="DTM732" s="423" t="s">
        <v>2795</v>
      </c>
      <c r="DTN732" s="424"/>
      <c r="DTO732" s="424"/>
      <c r="DTP732" s="424"/>
      <c r="DTQ732" s="423" t="s">
        <v>2795</v>
      </c>
      <c r="DTR732" s="424"/>
      <c r="DTS732" s="424"/>
      <c r="DTT732" s="424"/>
      <c r="DTU732" s="423" t="s">
        <v>2795</v>
      </c>
      <c r="DTV732" s="424"/>
      <c r="DTW732" s="424"/>
      <c r="DTX732" s="424"/>
      <c r="DTY732" s="423" t="s">
        <v>2795</v>
      </c>
      <c r="DTZ732" s="424"/>
      <c r="DUA732" s="424"/>
      <c r="DUB732" s="424"/>
      <c r="DUC732" s="423" t="s">
        <v>2795</v>
      </c>
      <c r="DUD732" s="424"/>
      <c r="DUE732" s="424"/>
      <c r="DUF732" s="424"/>
      <c r="DUG732" s="423" t="s">
        <v>2795</v>
      </c>
      <c r="DUH732" s="424"/>
      <c r="DUI732" s="424"/>
      <c r="DUJ732" s="424"/>
      <c r="DUK732" s="423" t="s">
        <v>2795</v>
      </c>
      <c r="DUL732" s="424"/>
      <c r="DUM732" s="424"/>
      <c r="DUN732" s="424"/>
      <c r="DUO732" s="423" t="s">
        <v>2795</v>
      </c>
      <c r="DUP732" s="424"/>
      <c r="DUQ732" s="424"/>
      <c r="DUR732" s="424"/>
      <c r="DUS732" s="423" t="s">
        <v>2795</v>
      </c>
      <c r="DUT732" s="424"/>
      <c r="DUU732" s="424"/>
      <c r="DUV732" s="424"/>
      <c r="DUW732" s="423" t="s">
        <v>2795</v>
      </c>
      <c r="DUX732" s="424"/>
      <c r="DUY732" s="424"/>
      <c r="DUZ732" s="424"/>
      <c r="DVA732" s="423" t="s">
        <v>2795</v>
      </c>
      <c r="DVB732" s="424"/>
      <c r="DVC732" s="424"/>
      <c r="DVD732" s="424"/>
      <c r="DVE732" s="423" t="s">
        <v>2795</v>
      </c>
      <c r="DVF732" s="424"/>
      <c r="DVG732" s="424"/>
      <c r="DVH732" s="424"/>
      <c r="DVI732" s="423" t="s">
        <v>2795</v>
      </c>
      <c r="DVJ732" s="424"/>
      <c r="DVK732" s="424"/>
      <c r="DVL732" s="424"/>
      <c r="DVM732" s="423" t="s">
        <v>2795</v>
      </c>
      <c r="DVN732" s="424"/>
      <c r="DVO732" s="424"/>
      <c r="DVP732" s="424"/>
      <c r="DVQ732" s="423" t="s">
        <v>2795</v>
      </c>
      <c r="DVR732" s="424"/>
      <c r="DVS732" s="424"/>
      <c r="DVT732" s="424"/>
      <c r="DVU732" s="423" t="s">
        <v>2795</v>
      </c>
      <c r="DVV732" s="424"/>
      <c r="DVW732" s="424"/>
      <c r="DVX732" s="424"/>
      <c r="DVY732" s="423" t="s">
        <v>2795</v>
      </c>
      <c r="DVZ732" s="424"/>
      <c r="DWA732" s="424"/>
      <c r="DWB732" s="424"/>
      <c r="DWC732" s="423" t="s">
        <v>2795</v>
      </c>
      <c r="DWD732" s="424"/>
      <c r="DWE732" s="424"/>
      <c r="DWF732" s="424"/>
      <c r="DWG732" s="423" t="s">
        <v>2795</v>
      </c>
      <c r="DWH732" s="424"/>
      <c r="DWI732" s="424"/>
      <c r="DWJ732" s="424"/>
      <c r="DWK732" s="423" t="s">
        <v>2795</v>
      </c>
      <c r="DWL732" s="424"/>
      <c r="DWM732" s="424"/>
      <c r="DWN732" s="424"/>
      <c r="DWO732" s="423" t="s">
        <v>2795</v>
      </c>
      <c r="DWP732" s="424"/>
      <c r="DWQ732" s="424"/>
      <c r="DWR732" s="424"/>
      <c r="DWS732" s="423" t="s">
        <v>2795</v>
      </c>
      <c r="DWT732" s="424"/>
      <c r="DWU732" s="424"/>
      <c r="DWV732" s="424"/>
      <c r="DWW732" s="423" t="s">
        <v>2795</v>
      </c>
      <c r="DWX732" s="424"/>
      <c r="DWY732" s="424"/>
      <c r="DWZ732" s="424"/>
      <c r="DXA732" s="423" t="s">
        <v>2795</v>
      </c>
      <c r="DXB732" s="424"/>
      <c r="DXC732" s="424"/>
      <c r="DXD732" s="424"/>
      <c r="DXE732" s="423" t="s">
        <v>2795</v>
      </c>
      <c r="DXF732" s="424"/>
      <c r="DXG732" s="424"/>
      <c r="DXH732" s="424"/>
      <c r="DXI732" s="423" t="s">
        <v>2795</v>
      </c>
      <c r="DXJ732" s="424"/>
      <c r="DXK732" s="424"/>
      <c r="DXL732" s="424"/>
      <c r="DXM732" s="423" t="s">
        <v>2795</v>
      </c>
      <c r="DXN732" s="424"/>
      <c r="DXO732" s="424"/>
      <c r="DXP732" s="424"/>
      <c r="DXQ732" s="423" t="s">
        <v>2795</v>
      </c>
      <c r="DXR732" s="424"/>
      <c r="DXS732" s="424"/>
      <c r="DXT732" s="424"/>
      <c r="DXU732" s="423" t="s">
        <v>2795</v>
      </c>
      <c r="DXV732" s="424"/>
      <c r="DXW732" s="424"/>
      <c r="DXX732" s="424"/>
      <c r="DXY732" s="423" t="s">
        <v>2795</v>
      </c>
      <c r="DXZ732" s="424"/>
      <c r="DYA732" s="424"/>
      <c r="DYB732" s="424"/>
      <c r="DYC732" s="423" t="s">
        <v>2795</v>
      </c>
      <c r="DYD732" s="424"/>
      <c r="DYE732" s="424"/>
      <c r="DYF732" s="424"/>
      <c r="DYG732" s="423" t="s">
        <v>2795</v>
      </c>
      <c r="DYH732" s="424"/>
      <c r="DYI732" s="424"/>
      <c r="DYJ732" s="424"/>
      <c r="DYK732" s="423" t="s">
        <v>2795</v>
      </c>
      <c r="DYL732" s="424"/>
      <c r="DYM732" s="424"/>
      <c r="DYN732" s="424"/>
      <c r="DYO732" s="423" t="s">
        <v>2795</v>
      </c>
      <c r="DYP732" s="424"/>
      <c r="DYQ732" s="424"/>
      <c r="DYR732" s="424"/>
      <c r="DYS732" s="423" t="s">
        <v>2795</v>
      </c>
      <c r="DYT732" s="424"/>
      <c r="DYU732" s="424"/>
      <c r="DYV732" s="424"/>
      <c r="DYW732" s="423" t="s">
        <v>2795</v>
      </c>
      <c r="DYX732" s="424"/>
      <c r="DYY732" s="424"/>
      <c r="DYZ732" s="424"/>
      <c r="DZA732" s="423" t="s">
        <v>2795</v>
      </c>
      <c r="DZB732" s="424"/>
      <c r="DZC732" s="424"/>
      <c r="DZD732" s="424"/>
      <c r="DZE732" s="423" t="s">
        <v>2795</v>
      </c>
      <c r="DZF732" s="424"/>
      <c r="DZG732" s="424"/>
      <c r="DZH732" s="424"/>
      <c r="DZI732" s="423" t="s">
        <v>2795</v>
      </c>
      <c r="DZJ732" s="424"/>
      <c r="DZK732" s="424"/>
      <c r="DZL732" s="424"/>
      <c r="DZM732" s="423" t="s">
        <v>2795</v>
      </c>
      <c r="DZN732" s="424"/>
      <c r="DZO732" s="424"/>
      <c r="DZP732" s="424"/>
      <c r="DZQ732" s="423" t="s">
        <v>2795</v>
      </c>
      <c r="DZR732" s="424"/>
      <c r="DZS732" s="424"/>
      <c r="DZT732" s="424"/>
      <c r="DZU732" s="423" t="s">
        <v>2795</v>
      </c>
      <c r="DZV732" s="424"/>
      <c r="DZW732" s="424"/>
      <c r="DZX732" s="424"/>
      <c r="DZY732" s="423" t="s">
        <v>2795</v>
      </c>
      <c r="DZZ732" s="424"/>
      <c r="EAA732" s="424"/>
      <c r="EAB732" s="424"/>
      <c r="EAC732" s="423" t="s">
        <v>2795</v>
      </c>
      <c r="EAD732" s="424"/>
      <c r="EAE732" s="424"/>
      <c r="EAF732" s="424"/>
      <c r="EAG732" s="423" t="s">
        <v>2795</v>
      </c>
      <c r="EAH732" s="424"/>
      <c r="EAI732" s="424"/>
      <c r="EAJ732" s="424"/>
      <c r="EAK732" s="423" t="s">
        <v>2795</v>
      </c>
      <c r="EAL732" s="424"/>
      <c r="EAM732" s="424"/>
      <c r="EAN732" s="424"/>
      <c r="EAO732" s="423" t="s">
        <v>2795</v>
      </c>
      <c r="EAP732" s="424"/>
      <c r="EAQ732" s="424"/>
      <c r="EAR732" s="424"/>
      <c r="EAS732" s="423" t="s">
        <v>2795</v>
      </c>
      <c r="EAT732" s="424"/>
      <c r="EAU732" s="424"/>
      <c r="EAV732" s="424"/>
      <c r="EAW732" s="423" t="s">
        <v>2795</v>
      </c>
      <c r="EAX732" s="424"/>
      <c r="EAY732" s="424"/>
      <c r="EAZ732" s="424"/>
      <c r="EBA732" s="423" t="s">
        <v>2795</v>
      </c>
      <c r="EBB732" s="424"/>
      <c r="EBC732" s="424"/>
      <c r="EBD732" s="424"/>
      <c r="EBE732" s="423" t="s">
        <v>2795</v>
      </c>
      <c r="EBF732" s="424"/>
      <c r="EBG732" s="424"/>
      <c r="EBH732" s="424"/>
      <c r="EBI732" s="423" t="s">
        <v>2795</v>
      </c>
      <c r="EBJ732" s="424"/>
      <c r="EBK732" s="424"/>
      <c r="EBL732" s="424"/>
      <c r="EBM732" s="423" t="s">
        <v>2795</v>
      </c>
      <c r="EBN732" s="424"/>
      <c r="EBO732" s="424"/>
      <c r="EBP732" s="424"/>
      <c r="EBQ732" s="423" t="s">
        <v>2795</v>
      </c>
      <c r="EBR732" s="424"/>
      <c r="EBS732" s="424"/>
      <c r="EBT732" s="424"/>
      <c r="EBU732" s="423" t="s">
        <v>2795</v>
      </c>
      <c r="EBV732" s="424"/>
      <c r="EBW732" s="424"/>
      <c r="EBX732" s="424"/>
      <c r="EBY732" s="423" t="s">
        <v>2795</v>
      </c>
      <c r="EBZ732" s="424"/>
      <c r="ECA732" s="424"/>
      <c r="ECB732" s="424"/>
      <c r="ECC732" s="423" t="s">
        <v>2795</v>
      </c>
      <c r="ECD732" s="424"/>
      <c r="ECE732" s="424"/>
      <c r="ECF732" s="424"/>
      <c r="ECG732" s="423" t="s">
        <v>2795</v>
      </c>
      <c r="ECH732" s="424"/>
      <c r="ECI732" s="424"/>
      <c r="ECJ732" s="424"/>
      <c r="ECK732" s="423" t="s">
        <v>2795</v>
      </c>
      <c r="ECL732" s="424"/>
      <c r="ECM732" s="424"/>
      <c r="ECN732" s="424"/>
      <c r="ECO732" s="423" t="s">
        <v>2795</v>
      </c>
      <c r="ECP732" s="424"/>
      <c r="ECQ732" s="424"/>
      <c r="ECR732" s="424"/>
      <c r="ECS732" s="423" t="s">
        <v>2795</v>
      </c>
      <c r="ECT732" s="424"/>
      <c r="ECU732" s="424"/>
      <c r="ECV732" s="424"/>
      <c r="ECW732" s="423" t="s">
        <v>2795</v>
      </c>
      <c r="ECX732" s="424"/>
      <c r="ECY732" s="424"/>
      <c r="ECZ732" s="424"/>
      <c r="EDA732" s="423" t="s">
        <v>2795</v>
      </c>
      <c r="EDB732" s="424"/>
      <c r="EDC732" s="424"/>
      <c r="EDD732" s="424"/>
      <c r="EDE732" s="423" t="s">
        <v>2795</v>
      </c>
      <c r="EDF732" s="424"/>
      <c r="EDG732" s="424"/>
      <c r="EDH732" s="424"/>
      <c r="EDI732" s="423" t="s">
        <v>2795</v>
      </c>
      <c r="EDJ732" s="424"/>
      <c r="EDK732" s="424"/>
      <c r="EDL732" s="424"/>
      <c r="EDM732" s="423" t="s">
        <v>2795</v>
      </c>
      <c r="EDN732" s="424"/>
      <c r="EDO732" s="424"/>
      <c r="EDP732" s="424"/>
      <c r="EDQ732" s="423" t="s">
        <v>2795</v>
      </c>
      <c r="EDR732" s="424"/>
      <c r="EDS732" s="424"/>
      <c r="EDT732" s="424"/>
      <c r="EDU732" s="423" t="s">
        <v>2795</v>
      </c>
      <c r="EDV732" s="424"/>
      <c r="EDW732" s="424"/>
      <c r="EDX732" s="424"/>
      <c r="EDY732" s="423" t="s">
        <v>2795</v>
      </c>
      <c r="EDZ732" s="424"/>
      <c r="EEA732" s="424"/>
      <c r="EEB732" s="424"/>
      <c r="EEC732" s="423" t="s">
        <v>2795</v>
      </c>
      <c r="EED732" s="424"/>
      <c r="EEE732" s="424"/>
      <c r="EEF732" s="424"/>
      <c r="EEG732" s="423" t="s">
        <v>2795</v>
      </c>
      <c r="EEH732" s="424"/>
      <c r="EEI732" s="424"/>
      <c r="EEJ732" s="424"/>
      <c r="EEK732" s="423" t="s">
        <v>2795</v>
      </c>
      <c r="EEL732" s="424"/>
      <c r="EEM732" s="424"/>
      <c r="EEN732" s="424"/>
      <c r="EEO732" s="423" t="s">
        <v>2795</v>
      </c>
      <c r="EEP732" s="424"/>
      <c r="EEQ732" s="424"/>
      <c r="EER732" s="424"/>
      <c r="EES732" s="423" t="s">
        <v>2795</v>
      </c>
      <c r="EET732" s="424"/>
      <c r="EEU732" s="424"/>
      <c r="EEV732" s="424"/>
      <c r="EEW732" s="423" t="s">
        <v>2795</v>
      </c>
      <c r="EEX732" s="424"/>
      <c r="EEY732" s="424"/>
      <c r="EEZ732" s="424"/>
      <c r="EFA732" s="423" t="s">
        <v>2795</v>
      </c>
      <c r="EFB732" s="424"/>
      <c r="EFC732" s="424"/>
      <c r="EFD732" s="424"/>
      <c r="EFE732" s="423" t="s">
        <v>2795</v>
      </c>
      <c r="EFF732" s="424"/>
      <c r="EFG732" s="424"/>
      <c r="EFH732" s="424"/>
      <c r="EFI732" s="423" t="s">
        <v>2795</v>
      </c>
      <c r="EFJ732" s="424"/>
      <c r="EFK732" s="424"/>
      <c r="EFL732" s="424"/>
      <c r="EFM732" s="423" t="s">
        <v>2795</v>
      </c>
      <c r="EFN732" s="424"/>
      <c r="EFO732" s="424"/>
      <c r="EFP732" s="424"/>
      <c r="EFQ732" s="423" t="s">
        <v>2795</v>
      </c>
      <c r="EFR732" s="424"/>
      <c r="EFS732" s="424"/>
      <c r="EFT732" s="424"/>
      <c r="EFU732" s="423" t="s">
        <v>2795</v>
      </c>
      <c r="EFV732" s="424"/>
      <c r="EFW732" s="424"/>
      <c r="EFX732" s="424"/>
      <c r="EFY732" s="423" t="s">
        <v>2795</v>
      </c>
      <c r="EFZ732" s="424"/>
      <c r="EGA732" s="424"/>
      <c r="EGB732" s="424"/>
      <c r="EGC732" s="423" t="s">
        <v>2795</v>
      </c>
      <c r="EGD732" s="424"/>
      <c r="EGE732" s="424"/>
      <c r="EGF732" s="424"/>
      <c r="EGG732" s="423" t="s">
        <v>2795</v>
      </c>
      <c r="EGH732" s="424"/>
      <c r="EGI732" s="424"/>
      <c r="EGJ732" s="424"/>
      <c r="EGK732" s="423" t="s">
        <v>2795</v>
      </c>
      <c r="EGL732" s="424"/>
      <c r="EGM732" s="424"/>
      <c r="EGN732" s="424"/>
      <c r="EGO732" s="423" t="s">
        <v>2795</v>
      </c>
      <c r="EGP732" s="424"/>
      <c r="EGQ732" s="424"/>
      <c r="EGR732" s="424"/>
      <c r="EGS732" s="423" t="s">
        <v>2795</v>
      </c>
      <c r="EGT732" s="424"/>
      <c r="EGU732" s="424"/>
      <c r="EGV732" s="424"/>
      <c r="EGW732" s="423" t="s">
        <v>2795</v>
      </c>
      <c r="EGX732" s="424"/>
      <c r="EGY732" s="424"/>
      <c r="EGZ732" s="424"/>
      <c r="EHA732" s="423" t="s">
        <v>2795</v>
      </c>
      <c r="EHB732" s="424"/>
      <c r="EHC732" s="424"/>
      <c r="EHD732" s="424"/>
      <c r="EHE732" s="423" t="s">
        <v>2795</v>
      </c>
      <c r="EHF732" s="424"/>
      <c r="EHG732" s="424"/>
      <c r="EHH732" s="424"/>
      <c r="EHI732" s="423" t="s">
        <v>2795</v>
      </c>
      <c r="EHJ732" s="424"/>
      <c r="EHK732" s="424"/>
      <c r="EHL732" s="424"/>
      <c r="EHM732" s="423" t="s">
        <v>2795</v>
      </c>
      <c r="EHN732" s="424"/>
      <c r="EHO732" s="424"/>
      <c r="EHP732" s="424"/>
      <c r="EHQ732" s="423" t="s">
        <v>2795</v>
      </c>
      <c r="EHR732" s="424"/>
      <c r="EHS732" s="424"/>
      <c r="EHT732" s="424"/>
      <c r="EHU732" s="423" t="s">
        <v>2795</v>
      </c>
      <c r="EHV732" s="424"/>
      <c r="EHW732" s="424"/>
      <c r="EHX732" s="424"/>
      <c r="EHY732" s="423" t="s">
        <v>2795</v>
      </c>
      <c r="EHZ732" s="424"/>
      <c r="EIA732" s="424"/>
      <c r="EIB732" s="424"/>
      <c r="EIC732" s="423" t="s">
        <v>2795</v>
      </c>
      <c r="EID732" s="424"/>
      <c r="EIE732" s="424"/>
      <c r="EIF732" s="424"/>
      <c r="EIG732" s="423" t="s">
        <v>2795</v>
      </c>
      <c r="EIH732" s="424"/>
      <c r="EII732" s="424"/>
      <c r="EIJ732" s="424"/>
      <c r="EIK732" s="423" t="s">
        <v>2795</v>
      </c>
      <c r="EIL732" s="424"/>
      <c r="EIM732" s="424"/>
      <c r="EIN732" s="424"/>
      <c r="EIO732" s="423" t="s">
        <v>2795</v>
      </c>
      <c r="EIP732" s="424"/>
      <c r="EIQ732" s="424"/>
      <c r="EIR732" s="424"/>
      <c r="EIS732" s="423" t="s">
        <v>2795</v>
      </c>
      <c r="EIT732" s="424"/>
      <c r="EIU732" s="424"/>
      <c r="EIV732" s="424"/>
      <c r="EIW732" s="423" t="s">
        <v>2795</v>
      </c>
      <c r="EIX732" s="424"/>
      <c r="EIY732" s="424"/>
      <c r="EIZ732" s="424"/>
      <c r="EJA732" s="423" t="s">
        <v>2795</v>
      </c>
      <c r="EJB732" s="424"/>
      <c r="EJC732" s="424"/>
      <c r="EJD732" s="424"/>
      <c r="EJE732" s="423" t="s">
        <v>2795</v>
      </c>
      <c r="EJF732" s="424"/>
      <c r="EJG732" s="424"/>
      <c r="EJH732" s="424"/>
      <c r="EJI732" s="423" t="s">
        <v>2795</v>
      </c>
      <c r="EJJ732" s="424"/>
      <c r="EJK732" s="424"/>
      <c r="EJL732" s="424"/>
      <c r="EJM732" s="423" t="s">
        <v>2795</v>
      </c>
      <c r="EJN732" s="424"/>
      <c r="EJO732" s="424"/>
      <c r="EJP732" s="424"/>
      <c r="EJQ732" s="423" t="s">
        <v>2795</v>
      </c>
      <c r="EJR732" s="424"/>
      <c r="EJS732" s="424"/>
      <c r="EJT732" s="424"/>
      <c r="EJU732" s="423" t="s">
        <v>2795</v>
      </c>
      <c r="EJV732" s="424"/>
      <c r="EJW732" s="424"/>
      <c r="EJX732" s="424"/>
      <c r="EJY732" s="423" t="s">
        <v>2795</v>
      </c>
      <c r="EJZ732" s="424"/>
      <c r="EKA732" s="424"/>
      <c r="EKB732" s="424"/>
      <c r="EKC732" s="423" t="s">
        <v>2795</v>
      </c>
      <c r="EKD732" s="424"/>
      <c r="EKE732" s="424"/>
      <c r="EKF732" s="424"/>
      <c r="EKG732" s="423" t="s">
        <v>2795</v>
      </c>
      <c r="EKH732" s="424"/>
      <c r="EKI732" s="424"/>
      <c r="EKJ732" s="424"/>
      <c r="EKK732" s="423" t="s">
        <v>2795</v>
      </c>
      <c r="EKL732" s="424"/>
      <c r="EKM732" s="424"/>
      <c r="EKN732" s="424"/>
      <c r="EKO732" s="423" t="s">
        <v>2795</v>
      </c>
      <c r="EKP732" s="424"/>
      <c r="EKQ732" s="424"/>
      <c r="EKR732" s="424"/>
      <c r="EKS732" s="423" t="s">
        <v>2795</v>
      </c>
      <c r="EKT732" s="424"/>
      <c r="EKU732" s="424"/>
      <c r="EKV732" s="424"/>
      <c r="EKW732" s="423" t="s">
        <v>2795</v>
      </c>
      <c r="EKX732" s="424"/>
      <c r="EKY732" s="424"/>
      <c r="EKZ732" s="424"/>
      <c r="ELA732" s="423" t="s">
        <v>2795</v>
      </c>
      <c r="ELB732" s="424"/>
      <c r="ELC732" s="424"/>
      <c r="ELD732" s="424"/>
      <c r="ELE732" s="423" t="s">
        <v>2795</v>
      </c>
      <c r="ELF732" s="424"/>
      <c r="ELG732" s="424"/>
      <c r="ELH732" s="424"/>
      <c r="ELI732" s="423" t="s">
        <v>2795</v>
      </c>
      <c r="ELJ732" s="424"/>
      <c r="ELK732" s="424"/>
      <c r="ELL732" s="424"/>
      <c r="ELM732" s="423" t="s">
        <v>2795</v>
      </c>
      <c r="ELN732" s="424"/>
      <c r="ELO732" s="424"/>
      <c r="ELP732" s="424"/>
      <c r="ELQ732" s="423" t="s">
        <v>2795</v>
      </c>
      <c r="ELR732" s="424"/>
      <c r="ELS732" s="424"/>
      <c r="ELT732" s="424"/>
      <c r="ELU732" s="423" t="s">
        <v>2795</v>
      </c>
      <c r="ELV732" s="424"/>
      <c r="ELW732" s="424"/>
      <c r="ELX732" s="424"/>
      <c r="ELY732" s="423" t="s">
        <v>2795</v>
      </c>
      <c r="ELZ732" s="424"/>
      <c r="EMA732" s="424"/>
      <c r="EMB732" s="424"/>
      <c r="EMC732" s="423" t="s">
        <v>2795</v>
      </c>
      <c r="EMD732" s="424"/>
      <c r="EME732" s="424"/>
      <c r="EMF732" s="424"/>
      <c r="EMG732" s="423" t="s">
        <v>2795</v>
      </c>
      <c r="EMH732" s="424"/>
      <c r="EMI732" s="424"/>
      <c r="EMJ732" s="424"/>
      <c r="EMK732" s="423" t="s">
        <v>2795</v>
      </c>
      <c r="EML732" s="424"/>
      <c r="EMM732" s="424"/>
      <c r="EMN732" s="424"/>
      <c r="EMO732" s="423" t="s">
        <v>2795</v>
      </c>
      <c r="EMP732" s="424"/>
      <c r="EMQ732" s="424"/>
      <c r="EMR732" s="424"/>
      <c r="EMS732" s="423" t="s">
        <v>2795</v>
      </c>
      <c r="EMT732" s="424"/>
      <c r="EMU732" s="424"/>
      <c r="EMV732" s="424"/>
      <c r="EMW732" s="423" t="s">
        <v>2795</v>
      </c>
      <c r="EMX732" s="424"/>
      <c r="EMY732" s="424"/>
      <c r="EMZ732" s="424"/>
      <c r="ENA732" s="423" t="s">
        <v>2795</v>
      </c>
      <c r="ENB732" s="424"/>
      <c r="ENC732" s="424"/>
      <c r="END732" s="424"/>
      <c r="ENE732" s="423" t="s">
        <v>2795</v>
      </c>
      <c r="ENF732" s="424"/>
      <c r="ENG732" s="424"/>
      <c r="ENH732" s="424"/>
      <c r="ENI732" s="423" t="s">
        <v>2795</v>
      </c>
      <c r="ENJ732" s="424"/>
      <c r="ENK732" s="424"/>
      <c r="ENL732" s="424"/>
      <c r="ENM732" s="423" t="s">
        <v>2795</v>
      </c>
      <c r="ENN732" s="424"/>
      <c r="ENO732" s="424"/>
      <c r="ENP732" s="424"/>
      <c r="ENQ732" s="423" t="s">
        <v>2795</v>
      </c>
      <c r="ENR732" s="424"/>
      <c r="ENS732" s="424"/>
      <c r="ENT732" s="424"/>
      <c r="ENU732" s="423" t="s">
        <v>2795</v>
      </c>
      <c r="ENV732" s="424"/>
      <c r="ENW732" s="424"/>
      <c r="ENX732" s="424"/>
      <c r="ENY732" s="423" t="s">
        <v>2795</v>
      </c>
      <c r="ENZ732" s="424"/>
      <c r="EOA732" s="424"/>
      <c r="EOB732" s="424"/>
      <c r="EOC732" s="423" t="s">
        <v>2795</v>
      </c>
      <c r="EOD732" s="424"/>
      <c r="EOE732" s="424"/>
      <c r="EOF732" s="424"/>
      <c r="EOG732" s="423" t="s">
        <v>2795</v>
      </c>
      <c r="EOH732" s="424"/>
      <c r="EOI732" s="424"/>
      <c r="EOJ732" s="424"/>
      <c r="EOK732" s="423" t="s">
        <v>2795</v>
      </c>
      <c r="EOL732" s="424"/>
      <c r="EOM732" s="424"/>
      <c r="EON732" s="424"/>
      <c r="EOO732" s="423" t="s">
        <v>2795</v>
      </c>
      <c r="EOP732" s="424"/>
      <c r="EOQ732" s="424"/>
      <c r="EOR732" s="424"/>
      <c r="EOS732" s="423" t="s">
        <v>2795</v>
      </c>
      <c r="EOT732" s="424"/>
      <c r="EOU732" s="424"/>
      <c r="EOV732" s="424"/>
      <c r="EOW732" s="423" t="s">
        <v>2795</v>
      </c>
      <c r="EOX732" s="424"/>
      <c r="EOY732" s="424"/>
      <c r="EOZ732" s="424"/>
      <c r="EPA732" s="423" t="s">
        <v>2795</v>
      </c>
      <c r="EPB732" s="424"/>
      <c r="EPC732" s="424"/>
      <c r="EPD732" s="424"/>
      <c r="EPE732" s="423" t="s">
        <v>2795</v>
      </c>
      <c r="EPF732" s="424"/>
      <c r="EPG732" s="424"/>
      <c r="EPH732" s="424"/>
      <c r="EPI732" s="423" t="s">
        <v>2795</v>
      </c>
      <c r="EPJ732" s="424"/>
      <c r="EPK732" s="424"/>
      <c r="EPL732" s="424"/>
      <c r="EPM732" s="423" t="s">
        <v>2795</v>
      </c>
      <c r="EPN732" s="424"/>
      <c r="EPO732" s="424"/>
      <c r="EPP732" s="424"/>
      <c r="EPQ732" s="423" t="s">
        <v>2795</v>
      </c>
      <c r="EPR732" s="424"/>
      <c r="EPS732" s="424"/>
      <c r="EPT732" s="424"/>
      <c r="EPU732" s="423" t="s">
        <v>2795</v>
      </c>
      <c r="EPV732" s="424"/>
      <c r="EPW732" s="424"/>
      <c r="EPX732" s="424"/>
      <c r="EPY732" s="423" t="s">
        <v>2795</v>
      </c>
      <c r="EPZ732" s="424"/>
      <c r="EQA732" s="424"/>
      <c r="EQB732" s="424"/>
      <c r="EQC732" s="423" t="s">
        <v>2795</v>
      </c>
      <c r="EQD732" s="424"/>
      <c r="EQE732" s="424"/>
      <c r="EQF732" s="424"/>
      <c r="EQG732" s="423" t="s">
        <v>2795</v>
      </c>
      <c r="EQH732" s="424"/>
      <c r="EQI732" s="424"/>
      <c r="EQJ732" s="424"/>
      <c r="EQK732" s="423" t="s">
        <v>2795</v>
      </c>
      <c r="EQL732" s="424"/>
      <c r="EQM732" s="424"/>
      <c r="EQN732" s="424"/>
      <c r="EQO732" s="423" t="s">
        <v>2795</v>
      </c>
      <c r="EQP732" s="424"/>
      <c r="EQQ732" s="424"/>
      <c r="EQR732" s="424"/>
      <c r="EQS732" s="423" t="s">
        <v>2795</v>
      </c>
      <c r="EQT732" s="424"/>
      <c r="EQU732" s="424"/>
      <c r="EQV732" s="424"/>
      <c r="EQW732" s="423" t="s">
        <v>2795</v>
      </c>
      <c r="EQX732" s="424"/>
      <c r="EQY732" s="424"/>
      <c r="EQZ732" s="424"/>
      <c r="ERA732" s="423" t="s">
        <v>2795</v>
      </c>
      <c r="ERB732" s="424"/>
      <c r="ERC732" s="424"/>
      <c r="ERD732" s="424"/>
      <c r="ERE732" s="423" t="s">
        <v>2795</v>
      </c>
      <c r="ERF732" s="424"/>
      <c r="ERG732" s="424"/>
      <c r="ERH732" s="424"/>
      <c r="ERI732" s="423" t="s">
        <v>2795</v>
      </c>
      <c r="ERJ732" s="424"/>
      <c r="ERK732" s="424"/>
      <c r="ERL732" s="424"/>
      <c r="ERM732" s="423" t="s">
        <v>2795</v>
      </c>
      <c r="ERN732" s="424"/>
      <c r="ERO732" s="424"/>
      <c r="ERP732" s="424"/>
      <c r="ERQ732" s="423" t="s">
        <v>2795</v>
      </c>
      <c r="ERR732" s="424"/>
      <c r="ERS732" s="424"/>
      <c r="ERT732" s="424"/>
      <c r="ERU732" s="423" t="s">
        <v>2795</v>
      </c>
      <c r="ERV732" s="424"/>
      <c r="ERW732" s="424"/>
      <c r="ERX732" s="424"/>
      <c r="ERY732" s="423" t="s">
        <v>2795</v>
      </c>
      <c r="ERZ732" s="424"/>
      <c r="ESA732" s="424"/>
      <c r="ESB732" s="424"/>
      <c r="ESC732" s="423" t="s">
        <v>2795</v>
      </c>
      <c r="ESD732" s="424"/>
      <c r="ESE732" s="424"/>
      <c r="ESF732" s="424"/>
      <c r="ESG732" s="423" t="s">
        <v>2795</v>
      </c>
      <c r="ESH732" s="424"/>
      <c r="ESI732" s="424"/>
      <c r="ESJ732" s="424"/>
      <c r="ESK732" s="423" t="s">
        <v>2795</v>
      </c>
      <c r="ESL732" s="424"/>
      <c r="ESM732" s="424"/>
      <c r="ESN732" s="424"/>
      <c r="ESO732" s="423" t="s">
        <v>2795</v>
      </c>
      <c r="ESP732" s="424"/>
      <c r="ESQ732" s="424"/>
      <c r="ESR732" s="424"/>
      <c r="ESS732" s="423" t="s">
        <v>2795</v>
      </c>
      <c r="EST732" s="424"/>
      <c r="ESU732" s="424"/>
      <c r="ESV732" s="424"/>
      <c r="ESW732" s="423" t="s">
        <v>2795</v>
      </c>
      <c r="ESX732" s="424"/>
      <c r="ESY732" s="424"/>
      <c r="ESZ732" s="424"/>
      <c r="ETA732" s="423" t="s">
        <v>2795</v>
      </c>
      <c r="ETB732" s="424"/>
      <c r="ETC732" s="424"/>
      <c r="ETD732" s="424"/>
      <c r="ETE732" s="423" t="s">
        <v>2795</v>
      </c>
      <c r="ETF732" s="424"/>
      <c r="ETG732" s="424"/>
      <c r="ETH732" s="424"/>
      <c r="ETI732" s="423" t="s">
        <v>2795</v>
      </c>
      <c r="ETJ732" s="424"/>
      <c r="ETK732" s="424"/>
      <c r="ETL732" s="424"/>
      <c r="ETM732" s="423" t="s">
        <v>2795</v>
      </c>
      <c r="ETN732" s="424"/>
      <c r="ETO732" s="424"/>
      <c r="ETP732" s="424"/>
      <c r="ETQ732" s="423" t="s">
        <v>2795</v>
      </c>
      <c r="ETR732" s="424"/>
      <c r="ETS732" s="424"/>
      <c r="ETT732" s="424"/>
      <c r="ETU732" s="423" t="s">
        <v>2795</v>
      </c>
      <c r="ETV732" s="424"/>
      <c r="ETW732" s="424"/>
      <c r="ETX732" s="424"/>
      <c r="ETY732" s="423" t="s">
        <v>2795</v>
      </c>
      <c r="ETZ732" s="424"/>
      <c r="EUA732" s="424"/>
      <c r="EUB732" s="424"/>
      <c r="EUC732" s="423" t="s">
        <v>2795</v>
      </c>
      <c r="EUD732" s="424"/>
      <c r="EUE732" s="424"/>
      <c r="EUF732" s="424"/>
      <c r="EUG732" s="423" t="s">
        <v>2795</v>
      </c>
      <c r="EUH732" s="424"/>
      <c r="EUI732" s="424"/>
      <c r="EUJ732" s="424"/>
      <c r="EUK732" s="423" t="s">
        <v>2795</v>
      </c>
      <c r="EUL732" s="424"/>
      <c r="EUM732" s="424"/>
      <c r="EUN732" s="424"/>
      <c r="EUO732" s="423" t="s">
        <v>2795</v>
      </c>
      <c r="EUP732" s="424"/>
      <c r="EUQ732" s="424"/>
      <c r="EUR732" s="424"/>
      <c r="EUS732" s="423" t="s">
        <v>2795</v>
      </c>
      <c r="EUT732" s="424"/>
      <c r="EUU732" s="424"/>
      <c r="EUV732" s="424"/>
      <c r="EUW732" s="423" t="s">
        <v>2795</v>
      </c>
      <c r="EUX732" s="424"/>
      <c r="EUY732" s="424"/>
      <c r="EUZ732" s="424"/>
      <c r="EVA732" s="423" t="s">
        <v>2795</v>
      </c>
      <c r="EVB732" s="424"/>
      <c r="EVC732" s="424"/>
      <c r="EVD732" s="424"/>
      <c r="EVE732" s="423" t="s">
        <v>2795</v>
      </c>
      <c r="EVF732" s="424"/>
      <c r="EVG732" s="424"/>
      <c r="EVH732" s="424"/>
      <c r="EVI732" s="423" t="s">
        <v>2795</v>
      </c>
      <c r="EVJ732" s="424"/>
      <c r="EVK732" s="424"/>
      <c r="EVL732" s="424"/>
      <c r="EVM732" s="423" t="s">
        <v>2795</v>
      </c>
      <c r="EVN732" s="424"/>
      <c r="EVO732" s="424"/>
      <c r="EVP732" s="424"/>
      <c r="EVQ732" s="423" t="s">
        <v>2795</v>
      </c>
      <c r="EVR732" s="424"/>
      <c r="EVS732" s="424"/>
      <c r="EVT732" s="424"/>
      <c r="EVU732" s="423" t="s">
        <v>2795</v>
      </c>
      <c r="EVV732" s="424"/>
      <c r="EVW732" s="424"/>
      <c r="EVX732" s="424"/>
      <c r="EVY732" s="423" t="s">
        <v>2795</v>
      </c>
      <c r="EVZ732" s="424"/>
      <c r="EWA732" s="424"/>
      <c r="EWB732" s="424"/>
      <c r="EWC732" s="423" t="s">
        <v>2795</v>
      </c>
      <c r="EWD732" s="424"/>
      <c r="EWE732" s="424"/>
      <c r="EWF732" s="424"/>
      <c r="EWG732" s="423" t="s">
        <v>2795</v>
      </c>
      <c r="EWH732" s="424"/>
      <c r="EWI732" s="424"/>
      <c r="EWJ732" s="424"/>
      <c r="EWK732" s="423" t="s">
        <v>2795</v>
      </c>
      <c r="EWL732" s="424"/>
      <c r="EWM732" s="424"/>
      <c r="EWN732" s="424"/>
      <c r="EWO732" s="423" t="s">
        <v>2795</v>
      </c>
      <c r="EWP732" s="424"/>
      <c r="EWQ732" s="424"/>
      <c r="EWR732" s="424"/>
      <c r="EWS732" s="423" t="s">
        <v>2795</v>
      </c>
      <c r="EWT732" s="424"/>
      <c r="EWU732" s="424"/>
      <c r="EWV732" s="424"/>
      <c r="EWW732" s="423" t="s">
        <v>2795</v>
      </c>
      <c r="EWX732" s="424"/>
      <c r="EWY732" s="424"/>
      <c r="EWZ732" s="424"/>
      <c r="EXA732" s="423" t="s">
        <v>2795</v>
      </c>
      <c r="EXB732" s="424"/>
      <c r="EXC732" s="424"/>
      <c r="EXD732" s="424"/>
      <c r="EXE732" s="423" t="s">
        <v>2795</v>
      </c>
      <c r="EXF732" s="424"/>
      <c r="EXG732" s="424"/>
      <c r="EXH732" s="424"/>
      <c r="EXI732" s="423" t="s">
        <v>2795</v>
      </c>
      <c r="EXJ732" s="424"/>
      <c r="EXK732" s="424"/>
      <c r="EXL732" s="424"/>
      <c r="EXM732" s="423" t="s">
        <v>2795</v>
      </c>
      <c r="EXN732" s="424"/>
      <c r="EXO732" s="424"/>
      <c r="EXP732" s="424"/>
      <c r="EXQ732" s="423" t="s">
        <v>2795</v>
      </c>
      <c r="EXR732" s="424"/>
      <c r="EXS732" s="424"/>
      <c r="EXT732" s="424"/>
      <c r="EXU732" s="423" t="s">
        <v>2795</v>
      </c>
      <c r="EXV732" s="424"/>
      <c r="EXW732" s="424"/>
      <c r="EXX732" s="424"/>
      <c r="EXY732" s="423" t="s">
        <v>2795</v>
      </c>
      <c r="EXZ732" s="424"/>
      <c r="EYA732" s="424"/>
      <c r="EYB732" s="424"/>
      <c r="EYC732" s="423" t="s">
        <v>2795</v>
      </c>
      <c r="EYD732" s="424"/>
      <c r="EYE732" s="424"/>
      <c r="EYF732" s="424"/>
      <c r="EYG732" s="423" t="s">
        <v>2795</v>
      </c>
      <c r="EYH732" s="424"/>
      <c r="EYI732" s="424"/>
      <c r="EYJ732" s="424"/>
      <c r="EYK732" s="423" t="s">
        <v>2795</v>
      </c>
      <c r="EYL732" s="424"/>
      <c r="EYM732" s="424"/>
      <c r="EYN732" s="424"/>
      <c r="EYO732" s="423" t="s">
        <v>2795</v>
      </c>
      <c r="EYP732" s="424"/>
      <c r="EYQ732" s="424"/>
      <c r="EYR732" s="424"/>
      <c r="EYS732" s="423" t="s">
        <v>2795</v>
      </c>
      <c r="EYT732" s="424"/>
      <c r="EYU732" s="424"/>
      <c r="EYV732" s="424"/>
      <c r="EYW732" s="423" t="s">
        <v>2795</v>
      </c>
      <c r="EYX732" s="424"/>
      <c r="EYY732" s="424"/>
      <c r="EYZ732" s="424"/>
      <c r="EZA732" s="423" t="s">
        <v>2795</v>
      </c>
      <c r="EZB732" s="424"/>
      <c r="EZC732" s="424"/>
      <c r="EZD732" s="424"/>
      <c r="EZE732" s="423" t="s">
        <v>2795</v>
      </c>
      <c r="EZF732" s="424"/>
      <c r="EZG732" s="424"/>
      <c r="EZH732" s="424"/>
      <c r="EZI732" s="423" t="s">
        <v>2795</v>
      </c>
      <c r="EZJ732" s="424"/>
      <c r="EZK732" s="424"/>
      <c r="EZL732" s="424"/>
      <c r="EZM732" s="423" t="s">
        <v>2795</v>
      </c>
      <c r="EZN732" s="424"/>
      <c r="EZO732" s="424"/>
      <c r="EZP732" s="424"/>
      <c r="EZQ732" s="423" t="s">
        <v>2795</v>
      </c>
      <c r="EZR732" s="424"/>
      <c r="EZS732" s="424"/>
      <c r="EZT732" s="424"/>
      <c r="EZU732" s="423" t="s">
        <v>2795</v>
      </c>
      <c r="EZV732" s="424"/>
      <c r="EZW732" s="424"/>
      <c r="EZX732" s="424"/>
      <c r="EZY732" s="423" t="s">
        <v>2795</v>
      </c>
      <c r="EZZ732" s="424"/>
      <c r="FAA732" s="424"/>
      <c r="FAB732" s="424"/>
      <c r="FAC732" s="423" t="s">
        <v>2795</v>
      </c>
      <c r="FAD732" s="424"/>
      <c r="FAE732" s="424"/>
      <c r="FAF732" s="424"/>
      <c r="FAG732" s="423" t="s">
        <v>2795</v>
      </c>
      <c r="FAH732" s="424"/>
      <c r="FAI732" s="424"/>
      <c r="FAJ732" s="424"/>
      <c r="FAK732" s="423" t="s">
        <v>2795</v>
      </c>
      <c r="FAL732" s="424"/>
      <c r="FAM732" s="424"/>
      <c r="FAN732" s="424"/>
      <c r="FAO732" s="423" t="s">
        <v>2795</v>
      </c>
      <c r="FAP732" s="424"/>
      <c r="FAQ732" s="424"/>
      <c r="FAR732" s="424"/>
      <c r="FAS732" s="423" t="s">
        <v>2795</v>
      </c>
      <c r="FAT732" s="424"/>
      <c r="FAU732" s="424"/>
      <c r="FAV732" s="424"/>
      <c r="FAW732" s="423" t="s">
        <v>2795</v>
      </c>
      <c r="FAX732" s="424"/>
      <c r="FAY732" s="424"/>
      <c r="FAZ732" s="424"/>
      <c r="FBA732" s="423" t="s">
        <v>2795</v>
      </c>
      <c r="FBB732" s="424"/>
      <c r="FBC732" s="424"/>
      <c r="FBD732" s="424"/>
      <c r="FBE732" s="423" t="s">
        <v>2795</v>
      </c>
      <c r="FBF732" s="424"/>
      <c r="FBG732" s="424"/>
      <c r="FBH732" s="424"/>
      <c r="FBI732" s="423" t="s">
        <v>2795</v>
      </c>
      <c r="FBJ732" s="424"/>
      <c r="FBK732" s="424"/>
      <c r="FBL732" s="424"/>
      <c r="FBM732" s="423" t="s">
        <v>2795</v>
      </c>
      <c r="FBN732" s="424"/>
      <c r="FBO732" s="424"/>
      <c r="FBP732" s="424"/>
      <c r="FBQ732" s="423" t="s">
        <v>2795</v>
      </c>
      <c r="FBR732" s="424"/>
      <c r="FBS732" s="424"/>
      <c r="FBT732" s="424"/>
      <c r="FBU732" s="423" t="s">
        <v>2795</v>
      </c>
      <c r="FBV732" s="424"/>
      <c r="FBW732" s="424"/>
      <c r="FBX732" s="424"/>
      <c r="FBY732" s="423" t="s">
        <v>2795</v>
      </c>
      <c r="FBZ732" s="424"/>
      <c r="FCA732" s="424"/>
      <c r="FCB732" s="424"/>
      <c r="FCC732" s="423" t="s">
        <v>2795</v>
      </c>
      <c r="FCD732" s="424"/>
      <c r="FCE732" s="424"/>
      <c r="FCF732" s="424"/>
      <c r="FCG732" s="423" t="s">
        <v>2795</v>
      </c>
      <c r="FCH732" s="424"/>
      <c r="FCI732" s="424"/>
      <c r="FCJ732" s="424"/>
      <c r="FCK732" s="423" t="s">
        <v>2795</v>
      </c>
      <c r="FCL732" s="424"/>
      <c r="FCM732" s="424"/>
      <c r="FCN732" s="424"/>
      <c r="FCO732" s="423" t="s">
        <v>2795</v>
      </c>
      <c r="FCP732" s="424"/>
      <c r="FCQ732" s="424"/>
      <c r="FCR732" s="424"/>
      <c r="FCS732" s="423" t="s">
        <v>2795</v>
      </c>
      <c r="FCT732" s="424"/>
      <c r="FCU732" s="424"/>
      <c r="FCV732" s="424"/>
      <c r="FCW732" s="423" t="s">
        <v>2795</v>
      </c>
      <c r="FCX732" s="424"/>
      <c r="FCY732" s="424"/>
      <c r="FCZ732" s="424"/>
      <c r="FDA732" s="423" t="s">
        <v>2795</v>
      </c>
      <c r="FDB732" s="424"/>
      <c r="FDC732" s="424"/>
      <c r="FDD732" s="424"/>
      <c r="FDE732" s="423" t="s">
        <v>2795</v>
      </c>
      <c r="FDF732" s="424"/>
      <c r="FDG732" s="424"/>
      <c r="FDH732" s="424"/>
      <c r="FDI732" s="423" t="s">
        <v>2795</v>
      </c>
      <c r="FDJ732" s="424"/>
      <c r="FDK732" s="424"/>
      <c r="FDL732" s="424"/>
      <c r="FDM732" s="423" t="s">
        <v>2795</v>
      </c>
      <c r="FDN732" s="424"/>
      <c r="FDO732" s="424"/>
      <c r="FDP732" s="424"/>
      <c r="FDQ732" s="423" t="s">
        <v>2795</v>
      </c>
      <c r="FDR732" s="424"/>
      <c r="FDS732" s="424"/>
      <c r="FDT732" s="424"/>
      <c r="FDU732" s="423" t="s">
        <v>2795</v>
      </c>
      <c r="FDV732" s="424"/>
      <c r="FDW732" s="424"/>
      <c r="FDX732" s="424"/>
      <c r="FDY732" s="423" t="s">
        <v>2795</v>
      </c>
      <c r="FDZ732" s="424"/>
      <c r="FEA732" s="424"/>
      <c r="FEB732" s="424"/>
      <c r="FEC732" s="423" t="s">
        <v>2795</v>
      </c>
      <c r="FED732" s="424"/>
      <c r="FEE732" s="424"/>
      <c r="FEF732" s="424"/>
      <c r="FEG732" s="423" t="s">
        <v>2795</v>
      </c>
      <c r="FEH732" s="424"/>
      <c r="FEI732" s="424"/>
      <c r="FEJ732" s="424"/>
      <c r="FEK732" s="423" t="s">
        <v>2795</v>
      </c>
      <c r="FEL732" s="424"/>
      <c r="FEM732" s="424"/>
      <c r="FEN732" s="424"/>
      <c r="FEO732" s="423" t="s">
        <v>2795</v>
      </c>
      <c r="FEP732" s="424"/>
      <c r="FEQ732" s="424"/>
      <c r="FER732" s="424"/>
      <c r="FES732" s="423" t="s">
        <v>2795</v>
      </c>
      <c r="FET732" s="424"/>
      <c r="FEU732" s="424"/>
      <c r="FEV732" s="424"/>
      <c r="FEW732" s="423" t="s">
        <v>2795</v>
      </c>
      <c r="FEX732" s="424"/>
      <c r="FEY732" s="424"/>
      <c r="FEZ732" s="424"/>
      <c r="FFA732" s="423" t="s">
        <v>2795</v>
      </c>
      <c r="FFB732" s="424"/>
      <c r="FFC732" s="424"/>
      <c r="FFD732" s="424"/>
      <c r="FFE732" s="423" t="s">
        <v>2795</v>
      </c>
      <c r="FFF732" s="424"/>
      <c r="FFG732" s="424"/>
      <c r="FFH732" s="424"/>
      <c r="FFI732" s="423" t="s">
        <v>2795</v>
      </c>
      <c r="FFJ732" s="424"/>
      <c r="FFK732" s="424"/>
      <c r="FFL732" s="424"/>
      <c r="FFM732" s="423" t="s">
        <v>2795</v>
      </c>
      <c r="FFN732" s="424"/>
      <c r="FFO732" s="424"/>
      <c r="FFP732" s="424"/>
      <c r="FFQ732" s="423" t="s">
        <v>2795</v>
      </c>
      <c r="FFR732" s="424"/>
      <c r="FFS732" s="424"/>
      <c r="FFT732" s="424"/>
      <c r="FFU732" s="423" t="s">
        <v>2795</v>
      </c>
      <c r="FFV732" s="424"/>
      <c r="FFW732" s="424"/>
      <c r="FFX732" s="424"/>
      <c r="FFY732" s="423" t="s">
        <v>2795</v>
      </c>
      <c r="FFZ732" s="424"/>
      <c r="FGA732" s="424"/>
      <c r="FGB732" s="424"/>
      <c r="FGC732" s="423" t="s">
        <v>2795</v>
      </c>
      <c r="FGD732" s="424"/>
      <c r="FGE732" s="424"/>
      <c r="FGF732" s="424"/>
      <c r="FGG732" s="423" t="s">
        <v>2795</v>
      </c>
      <c r="FGH732" s="424"/>
      <c r="FGI732" s="424"/>
      <c r="FGJ732" s="424"/>
      <c r="FGK732" s="423" t="s">
        <v>2795</v>
      </c>
      <c r="FGL732" s="424"/>
      <c r="FGM732" s="424"/>
      <c r="FGN732" s="424"/>
      <c r="FGO732" s="423" t="s">
        <v>2795</v>
      </c>
      <c r="FGP732" s="424"/>
      <c r="FGQ732" s="424"/>
      <c r="FGR732" s="424"/>
      <c r="FGS732" s="423" t="s">
        <v>2795</v>
      </c>
      <c r="FGT732" s="424"/>
      <c r="FGU732" s="424"/>
      <c r="FGV732" s="424"/>
      <c r="FGW732" s="423" t="s">
        <v>2795</v>
      </c>
      <c r="FGX732" s="424"/>
      <c r="FGY732" s="424"/>
      <c r="FGZ732" s="424"/>
      <c r="FHA732" s="423" t="s">
        <v>2795</v>
      </c>
      <c r="FHB732" s="424"/>
      <c r="FHC732" s="424"/>
      <c r="FHD732" s="424"/>
      <c r="FHE732" s="423" t="s">
        <v>2795</v>
      </c>
      <c r="FHF732" s="424"/>
      <c r="FHG732" s="424"/>
      <c r="FHH732" s="424"/>
      <c r="FHI732" s="423" t="s">
        <v>2795</v>
      </c>
      <c r="FHJ732" s="424"/>
      <c r="FHK732" s="424"/>
      <c r="FHL732" s="424"/>
      <c r="FHM732" s="423" t="s">
        <v>2795</v>
      </c>
      <c r="FHN732" s="424"/>
      <c r="FHO732" s="424"/>
      <c r="FHP732" s="424"/>
      <c r="FHQ732" s="423" t="s">
        <v>2795</v>
      </c>
      <c r="FHR732" s="424"/>
      <c r="FHS732" s="424"/>
      <c r="FHT732" s="424"/>
      <c r="FHU732" s="423" t="s">
        <v>2795</v>
      </c>
      <c r="FHV732" s="424"/>
      <c r="FHW732" s="424"/>
      <c r="FHX732" s="424"/>
      <c r="FHY732" s="423" t="s">
        <v>2795</v>
      </c>
      <c r="FHZ732" s="424"/>
      <c r="FIA732" s="424"/>
      <c r="FIB732" s="424"/>
      <c r="FIC732" s="423" t="s">
        <v>2795</v>
      </c>
      <c r="FID732" s="424"/>
      <c r="FIE732" s="424"/>
      <c r="FIF732" s="424"/>
      <c r="FIG732" s="423" t="s">
        <v>2795</v>
      </c>
      <c r="FIH732" s="424"/>
      <c r="FII732" s="424"/>
      <c r="FIJ732" s="424"/>
      <c r="FIK732" s="423" t="s">
        <v>2795</v>
      </c>
      <c r="FIL732" s="424"/>
      <c r="FIM732" s="424"/>
      <c r="FIN732" s="424"/>
      <c r="FIO732" s="423" t="s">
        <v>2795</v>
      </c>
      <c r="FIP732" s="424"/>
      <c r="FIQ732" s="424"/>
      <c r="FIR732" s="424"/>
      <c r="FIS732" s="423" t="s">
        <v>2795</v>
      </c>
      <c r="FIT732" s="424"/>
      <c r="FIU732" s="424"/>
      <c r="FIV732" s="424"/>
      <c r="FIW732" s="423" t="s">
        <v>2795</v>
      </c>
      <c r="FIX732" s="424"/>
      <c r="FIY732" s="424"/>
      <c r="FIZ732" s="424"/>
      <c r="FJA732" s="423" t="s">
        <v>2795</v>
      </c>
      <c r="FJB732" s="424"/>
      <c r="FJC732" s="424"/>
      <c r="FJD732" s="424"/>
      <c r="FJE732" s="423" t="s">
        <v>2795</v>
      </c>
      <c r="FJF732" s="424"/>
      <c r="FJG732" s="424"/>
      <c r="FJH732" s="424"/>
      <c r="FJI732" s="423" t="s">
        <v>2795</v>
      </c>
      <c r="FJJ732" s="424"/>
      <c r="FJK732" s="424"/>
      <c r="FJL732" s="424"/>
      <c r="FJM732" s="423" t="s">
        <v>2795</v>
      </c>
      <c r="FJN732" s="424"/>
      <c r="FJO732" s="424"/>
      <c r="FJP732" s="424"/>
      <c r="FJQ732" s="423" t="s">
        <v>2795</v>
      </c>
      <c r="FJR732" s="424"/>
      <c r="FJS732" s="424"/>
      <c r="FJT732" s="424"/>
      <c r="FJU732" s="423" t="s">
        <v>2795</v>
      </c>
      <c r="FJV732" s="424"/>
      <c r="FJW732" s="424"/>
      <c r="FJX732" s="424"/>
      <c r="FJY732" s="423" t="s">
        <v>2795</v>
      </c>
      <c r="FJZ732" s="424"/>
      <c r="FKA732" s="424"/>
      <c r="FKB732" s="424"/>
      <c r="FKC732" s="423" t="s">
        <v>2795</v>
      </c>
      <c r="FKD732" s="424"/>
      <c r="FKE732" s="424"/>
      <c r="FKF732" s="424"/>
      <c r="FKG732" s="423" t="s">
        <v>2795</v>
      </c>
      <c r="FKH732" s="424"/>
      <c r="FKI732" s="424"/>
      <c r="FKJ732" s="424"/>
      <c r="FKK732" s="423" t="s">
        <v>2795</v>
      </c>
      <c r="FKL732" s="424"/>
      <c r="FKM732" s="424"/>
      <c r="FKN732" s="424"/>
      <c r="FKO732" s="423" t="s">
        <v>2795</v>
      </c>
      <c r="FKP732" s="424"/>
      <c r="FKQ732" s="424"/>
      <c r="FKR732" s="424"/>
      <c r="FKS732" s="423" t="s">
        <v>2795</v>
      </c>
      <c r="FKT732" s="424"/>
      <c r="FKU732" s="424"/>
      <c r="FKV732" s="424"/>
      <c r="FKW732" s="423" t="s">
        <v>2795</v>
      </c>
      <c r="FKX732" s="424"/>
      <c r="FKY732" s="424"/>
      <c r="FKZ732" s="424"/>
      <c r="FLA732" s="423" t="s">
        <v>2795</v>
      </c>
      <c r="FLB732" s="424"/>
      <c r="FLC732" s="424"/>
      <c r="FLD732" s="424"/>
      <c r="FLE732" s="423" t="s">
        <v>2795</v>
      </c>
      <c r="FLF732" s="424"/>
      <c r="FLG732" s="424"/>
      <c r="FLH732" s="424"/>
      <c r="FLI732" s="423" t="s">
        <v>2795</v>
      </c>
      <c r="FLJ732" s="424"/>
      <c r="FLK732" s="424"/>
      <c r="FLL732" s="424"/>
      <c r="FLM732" s="423" t="s">
        <v>2795</v>
      </c>
      <c r="FLN732" s="424"/>
      <c r="FLO732" s="424"/>
      <c r="FLP732" s="424"/>
      <c r="FLQ732" s="423" t="s">
        <v>2795</v>
      </c>
      <c r="FLR732" s="424"/>
      <c r="FLS732" s="424"/>
      <c r="FLT732" s="424"/>
      <c r="FLU732" s="423" t="s">
        <v>2795</v>
      </c>
      <c r="FLV732" s="424"/>
      <c r="FLW732" s="424"/>
      <c r="FLX732" s="424"/>
      <c r="FLY732" s="423" t="s">
        <v>2795</v>
      </c>
      <c r="FLZ732" s="424"/>
      <c r="FMA732" s="424"/>
      <c r="FMB732" s="424"/>
      <c r="FMC732" s="423" t="s">
        <v>2795</v>
      </c>
      <c r="FMD732" s="424"/>
      <c r="FME732" s="424"/>
      <c r="FMF732" s="424"/>
      <c r="FMG732" s="423" t="s">
        <v>2795</v>
      </c>
      <c r="FMH732" s="424"/>
      <c r="FMI732" s="424"/>
      <c r="FMJ732" s="424"/>
      <c r="FMK732" s="423" t="s">
        <v>2795</v>
      </c>
      <c r="FML732" s="424"/>
      <c r="FMM732" s="424"/>
      <c r="FMN732" s="424"/>
      <c r="FMO732" s="423" t="s">
        <v>2795</v>
      </c>
      <c r="FMP732" s="424"/>
      <c r="FMQ732" s="424"/>
      <c r="FMR732" s="424"/>
      <c r="FMS732" s="423" t="s">
        <v>2795</v>
      </c>
      <c r="FMT732" s="424"/>
      <c r="FMU732" s="424"/>
      <c r="FMV732" s="424"/>
      <c r="FMW732" s="423" t="s">
        <v>2795</v>
      </c>
      <c r="FMX732" s="424"/>
      <c r="FMY732" s="424"/>
      <c r="FMZ732" s="424"/>
      <c r="FNA732" s="423" t="s">
        <v>2795</v>
      </c>
      <c r="FNB732" s="424"/>
      <c r="FNC732" s="424"/>
      <c r="FND732" s="424"/>
      <c r="FNE732" s="423" t="s">
        <v>2795</v>
      </c>
      <c r="FNF732" s="424"/>
      <c r="FNG732" s="424"/>
      <c r="FNH732" s="424"/>
      <c r="FNI732" s="423" t="s">
        <v>2795</v>
      </c>
      <c r="FNJ732" s="424"/>
      <c r="FNK732" s="424"/>
      <c r="FNL732" s="424"/>
      <c r="FNM732" s="423" t="s">
        <v>2795</v>
      </c>
      <c r="FNN732" s="424"/>
      <c r="FNO732" s="424"/>
      <c r="FNP732" s="424"/>
      <c r="FNQ732" s="423" t="s">
        <v>2795</v>
      </c>
      <c r="FNR732" s="424"/>
      <c r="FNS732" s="424"/>
      <c r="FNT732" s="424"/>
      <c r="FNU732" s="423" t="s">
        <v>2795</v>
      </c>
      <c r="FNV732" s="424"/>
      <c r="FNW732" s="424"/>
      <c r="FNX732" s="424"/>
      <c r="FNY732" s="423" t="s">
        <v>2795</v>
      </c>
      <c r="FNZ732" s="424"/>
      <c r="FOA732" s="424"/>
      <c r="FOB732" s="424"/>
      <c r="FOC732" s="423" t="s">
        <v>2795</v>
      </c>
      <c r="FOD732" s="424"/>
      <c r="FOE732" s="424"/>
      <c r="FOF732" s="424"/>
      <c r="FOG732" s="423" t="s">
        <v>2795</v>
      </c>
      <c r="FOH732" s="424"/>
      <c r="FOI732" s="424"/>
      <c r="FOJ732" s="424"/>
      <c r="FOK732" s="423" t="s">
        <v>2795</v>
      </c>
      <c r="FOL732" s="424"/>
      <c r="FOM732" s="424"/>
      <c r="FON732" s="424"/>
      <c r="FOO732" s="423" t="s">
        <v>2795</v>
      </c>
      <c r="FOP732" s="424"/>
      <c r="FOQ732" s="424"/>
      <c r="FOR732" s="424"/>
      <c r="FOS732" s="423" t="s">
        <v>2795</v>
      </c>
      <c r="FOT732" s="424"/>
      <c r="FOU732" s="424"/>
      <c r="FOV732" s="424"/>
      <c r="FOW732" s="423" t="s">
        <v>2795</v>
      </c>
      <c r="FOX732" s="424"/>
      <c r="FOY732" s="424"/>
      <c r="FOZ732" s="424"/>
      <c r="FPA732" s="423" t="s">
        <v>2795</v>
      </c>
      <c r="FPB732" s="424"/>
      <c r="FPC732" s="424"/>
      <c r="FPD732" s="424"/>
      <c r="FPE732" s="423" t="s">
        <v>2795</v>
      </c>
      <c r="FPF732" s="424"/>
      <c r="FPG732" s="424"/>
      <c r="FPH732" s="424"/>
      <c r="FPI732" s="423" t="s">
        <v>2795</v>
      </c>
      <c r="FPJ732" s="424"/>
      <c r="FPK732" s="424"/>
      <c r="FPL732" s="424"/>
      <c r="FPM732" s="423" t="s">
        <v>2795</v>
      </c>
      <c r="FPN732" s="424"/>
      <c r="FPO732" s="424"/>
      <c r="FPP732" s="424"/>
      <c r="FPQ732" s="423" t="s">
        <v>2795</v>
      </c>
      <c r="FPR732" s="424"/>
      <c r="FPS732" s="424"/>
      <c r="FPT732" s="424"/>
      <c r="FPU732" s="423" t="s">
        <v>2795</v>
      </c>
      <c r="FPV732" s="424"/>
      <c r="FPW732" s="424"/>
      <c r="FPX732" s="424"/>
      <c r="FPY732" s="423" t="s">
        <v>2795</v>
      </c>
      <c r="FPZ732" s="424"/>
      <c r="FQA732" s="424"/>
      <c r="FQB732" s="424"/>
      <c r="FQC732" s="423" t="s">
        <v>2795</v>
      </c>
      <c r="FQD732" s="424"/>
      <c r="FQE732" s="424"/>
      <c r="FQF732" s="424"/>
      <c r="FQG732" s="423" t="s">
        <v>2795</v>
      </c>
      <c r="FQH732" s="424"/>
      <c r="FQI732" s="424"/>
      <c r="FQJ732" s="424"/>
      <c r="FQK732" s="423" t="s">
        <v>2795</v>
      </c>
      <c r="FQL732" s="424"/>
      <c r="FQM732" s="424"/>
      <c r="FQN732" s="424"/>
      <c r="FQO732" s="423" t="s">
        <v>2795</v>
      </c>
      <c r="FQP732" s="424"/>
      <c r="FQQ732" s="424"/>
      <c r="FQR732" s="424"/>
      <c r="FQS732" s="423" t="s">
        <v>2795</v>
      </c>
      <c r="FQT732" s="424"/>
      <c r="FQU732" s="424"/>
      <c r="FQV732" s="424"/>
      <c r="FQW732" s="423" t="s">
        <v>2795</v>
      </c>
      <c r="FQX732" s="424"/>
      <c r="FQY732" s="424"/>
      <c r="FQZ732" s="424"/>
      <c r="FRA732" s="423" t="s">
        <v>2795</v>
      </c>
      <c r="FRB732" s="424"/>
      <c r="FRC732" s="424"/>
      <c r="FRD732" s="424"/>
      <c r="FRE732" s="423" t="s">
        <v>2795</v>
      </c>
      <c r="FRF732" s="424"/>
      <c r="FRG732" s="424"/>
      <c r="FRH732" s="424"/>
      <c r="FRI732" s="423" t="s">
        <v>2795</v>
      </c>
      <c r="FRJ732" s="424"/>
      <c r="FRK732" s="424"/>
      <c r="FRL732" s="424"/>
      <c r="FRM732" s="423" t="s">
        <v>2795</v>
      </c>
      <c r="FRN732" s="424"/>
      <c r="FRO732" s="424"/>
      <c r="FRP732" s="424"/>
      <c r="FRQ732" s="423" t="s">
        <v>2795</v>
      </c>
      <c r="FRR732" s="424"/>
      <c r="FRS732" s="424"/>
      <c r="FRT732" s="424"/>
      <c r="FRU732" s="423" t="s">
        <v>2795</v>
      </c>
      <c r="FRV732" s="424"/>
      <c r="FRW732" s="424"/>
      <c r="FRX732" s="424"/>
      <c r="FRY732" s="423" t="s">
        <v>2795</v>
      </c>
      <c r="FRZ732" s="424"/>
      <c r="FSA732" s="424"/>
      <c r="FSB732" s="424"/>
      <c r="FSC732" s="423" t="s">
        <v>2795</v>
      </c>
      <c r="FSD732" s="424"/>
      <c r="FSE732" s="424"/>
      <c r="FSF732" s="424"/>
      <c r="FSG732" s="423" t="s">
        <v>2795</v>
      </c>
      <c r="FSH732" s="424"/>
      <c r="FSI732" s="424"/>
      <c r="FSJ732" s="424"/>
      <c r="FSK732" s="423" t="s">
        <v>2795</v>
      </c>
      <c r="FSL732" s="424"/>
      <c r="FSM732" s="424"/>
      <c r="FSN732" s="424"/>
      <c r="FSO732" s="423" t="s">
        <v>2795</v>
      </c>
      <c r="FSP732" s="424"/>
      <c r="FSQ732" s="424"/>
      <c r="FSR732" s="424"/>
      <c r="FSS732" s="423" t="s">
        <v>2795</v>
      </c>
      <c r="FST732" s="424"/>
      <c r="FSU732" s="424"/>
      <c r="FSV732" s="424"/>
      <c r="FSW732" s="423" t="s">
        <v>2795</v>
      </c>
      <c r="FSX732" s="424"/>
      <c r="FSY732" s="424"/>
      <c r="FSZ732" s="424"/>
      <c r="FTA732" s="423" t="s">
        <v>2795</v>
      </c>
      <c r="FTB732" s="424"/>
      <c r="FTC732" s="424"/>
      <c r="FTD732" s="424"/>
      <c r="FTE732" s="423" t="s">
        <v>2795</v>
      </c>
      <c r="FTF732" s="424"/>
      <c r="FTG732" s="424"/>
      <c r="FTH732" s="424"/>
      <c r="FTI732" s="423" t="s">
        <v>2795</v>
      </c>
      <c r="FTJ732" s="424"/>
      <c r="FTK732" s="424"/>
      <c r="FTL732" s="424"/>
      <c r="FTM732" s="423" t="s">
        <v>2795</v>
      </c>
      <c r="FTN732" s="424"/>
      <c r="FTO732" s="424"/>
      <c r="FTP732" s="424"/>
      <c r="FTQ732" s="423" t="s">
        <v>2795</v>
      </c>
      <c r="FTR732" s="424"/>
      <c r="FTS732" s="424"/>
      <c r="FTT732" s="424"/>
      <c r="FTU732" s="423" t="s">
        <v>2795</v>
      </c>
      <c r="FTV732" s="424"/>
      <c r="FTW732" s="424"/>
      <c r="FTX732" s="424"/>
      <c r="FTY732" s="423" t="s">
        <v>2795</v>
      </c>
      <c r="FTZ732" s="424"/>
      <c r="FUA732" s="424"/>
      <c r="FUB732" s="424"/>
      <c r="FUC732" s="423" t="s">
        <v>2795</v>
      </c>
      <c r="FUD732" s="424"/>
      <c r="FUE732" s="424"/>
      <c r="FUF732" s="424"/>
      <c r="FUG732" s="423" t="s">
        <v>2795</v>
      </c>
      <c r="FUH732" s="424"/>
      <c r="FUI732" s="424"/>
      <c r="FUJ732" s="424"/>
      <c r="FUK732" s="423" t="s">
        <v>2795</v>
      </c>
      <c r="FUL732" s="424"/>
      <c r="FUM732" s="424"/>
      <c r="FUN732" s="424"/>
      <c r="FUO732" s="423" t="s">
        <v>2795</v>
      </c>
      <c r="FUP732" s="424"/>
      <c r="FUQ732" s="424"/>
      <c r="FUR732" s="424"/>
      <c r="FUS732" s="423" t="s">
        <v>2795</v>
      </c>
      <c r="FUT732" s="424"/>
      <c r="FUU732" s="424"/>
      <c r="FUV732" s="424"/>
      <c r="FUW732" s="423" t="s">
        <v>2795</v>
      </c>
      <c r="FUX732" s="424"/>
      <c r="FUY732" s="424"/>
      <c r="FUZ732" s="424"/>
      <c r="FVA732" s="423" t="s">
        <v>2795</v>
      </c>
      <c r="FVB732" s="424"/>
      <c r="FVC732" s="424"/>
      <c r="FVD732" s="424"/>
      <c r="FVE732" s="423" t="s">
        <v>2795</v>
      </c>
      <c r="FVF732" s="424"/>
      <c r="FVG732" s="424"/>
      <c r="FVH732" s="424"/>
      <c r="FVI732" s="423" t="s">
        <v>2795</v>
      </c>
      <c r="FVJ732" s="424"/>
      <c r="FVK732" s="424"/>
      <c r="FVL732" s="424"/>
      <c r="FVM732" s="423" t="s">
        <v>2795</v>
      </c>
      <c r="FVN732" s="424"/>
      <c r="FVO732" s="424"/>
      <c r="FVP732" s="424"/>
      <c r="FVQ732" s="423" t="s">
        <v>2795</v>
      </c>
      <c r="FVR732" s="424"/>
      <c r="FVS732" s="424"/>
      <c r="FVT732" s="424"/>
      <c r="FVU732" s="423" t="s">
        <v>2795</v>
      </c>
      <c r="FVV732" s="424"/>
      <c r="FVW732" s="424"/>
      <c r="FVX732" s="424"/>
      <c r="FVY732" s="423" t="s">
        <v>2795</v>
      </c>
      <c r="FVZ732" s="424"/>
      <c r="FWA732" s="424"/>
      <c r="FWB732" s="424"/>
      <c r="FWC732" s="423" t="s">
        <v>2795</v>
      </c>
      <c r="FWD732" s="424"/>
      <c r="FWE732" s="424"/>
      <c r="FWF732" s="424"/>
      <c r="FWG732" s="423" t="s">
        <v>2795</v>
      </c>
      <c r="FWH732" s="424"/>
      <c r="FWI732" s="424"/>
      <c r="FWJ732" s="424"/>
      <c r="FWK732" s="423" t="s">
        <v>2795</v>
      </c>
      <c r="FWL732" s="424"/>
      <c r="FWM732" s="424"/>
      <c r="FWN732" s="424"/>
      <c r="FWO732" s="423" t="s">
        <v>2795</v>
      </c>
      <c r="FWP732" s="424"/>
      <c r="FWQ732" s="424"/>
      <c r="FWR732" s="424"/>
      <c r="FWS732" s="423" t="s">
        <v>2795</v>
      </c>
      <c r="FWT732" s="424"/>
      <c r="FWU732" s="424"/>
      <c r="FWV732" s="424"/>
      <c r="FWW732" s="423" t="s">
        <v>2795</v>
      </c>
      <c r="FWX732" s="424"/>
      <c r="FWY732" s="424"/>
      <c r="FWZ732" s="424"/>
      <c r="FXA732" s="423" t="s">
        <v>2795</v>
      </c>
      <c r="FXB732" s="424"/>
      <c r="FXC732" s="424"/>
      <c r="FXD732" s="424"/>
      <c r="FXE732" s="423" t="s">
        <v>2795</v>
      </c>
      <c r="FXF732" s="424"/>
      <c r="FXG732" s="424"/>
      <c r="FXH732" s="424"/>
      <c r="FXI732" s="423" t="s">
        <v>2795</v>
      </c>
      <c r="FXJ732" s="424"/>
      <c r="FXK732" s="424"/>
      <c r="FXL732" s="424"/>
      <c r="FXM732" s="423" t="s">
        <v>2795</v>
      </c>
      <c r="FXN732" s="424"/>
      <c r="FXO732" s="424"/>
      <c r="FXP732" s="424"/>
      <c r="FXQ732" s="423" t="s">
        <v>2795</v>
      </c>
      <c r="FXR732" s="424"/>
      <c r="FXS732" s="424"/>
      <c r="FXT732" s="424"/>
      <c r="FXU732" s="423" t="s">
        <v>2795</v>
      </c>
      <c r="FXV732" s="424"/>
      <c r="FXW732" s="424"/>
      <c r="FXX732" s="424"/>
      <c r="FXY732" s="423" t="s">
        <v>2795</v>
      </c>
      <c r="FXZ732" s="424"/>
      <c r="FYA732" s="424"/>
      <c r="FYB732" s="424"/>
      <c r="FYC732" s="423" t="s">
        <v>2795</v>
      </c>
      <c r="FYD732" s="424"/>
      <c r="FYE732" s="424"/>
      <c r="FYF732" s="424"/>
      <c r="FYG732" s="423" t="s">
        <v>2795</v>
      </c>
      <c r="FYH732" s="424"/>
      <c r="FYI732" s="424"/>
      <c r="FYJ732" s="424"/>
      <c r="FYK732" s="423" t="s">
        <v>2795</v>
      </c>
      <c r="FYL732" s="424"/>
      <c r="FYM732" s="424"/>
      <c r="FYN732" s="424"/>
      <c r="FYO732" s="423" t="s">
        <v>2795</v>
      </c>
      <c r="FYP732" s="424"/>
      <c r="FYQ732" s="424"/>
      <c r="FYR732" s="424"/>
      <c r="FYS732" s="423" t="s">
        <v>2795</v>
      </c>
      <c r="FYT732" s="424"/>
      <c r="FYU732" s="424"/>
      <c r="FYV732" s="424"/>
      <c r="FYW732" s="423" t="s">
        <v>2795</v>
      </c>
      <c r="FYX732" s="424"/>
      <c r="FYY732" s="424"/>
      <c r="FYZ732" s="424"/>
      <c r="FZA732" s="423" t="s">
        <v>2795</v>
      </c>
      <c r="FZB732" s="424"/>
      <c r="FZC732" s="424"/>
      <c r="FZD732" s="424"/>
      <c r="FZE732" s="423" t="s">
        <v>2795</v>
      </c>
      <c r="FZF732" s="424"/>
      <c r="FZG732" s="424"/>
      <c r="FZH732" s="424"/>
      <c r="FZI732" s="423" t="s">
        <v>2795</v>
      </c>
      <c r="FZJ732" s="424"/>
      <c r="FZK732" s="424"/>
      <c r="FZL732" s="424"/>
      <c r="FZM732" s="423" t="s">
        <v>2795</v>
      </c>
      <c r="FZN732" s="424"/>
      <c r="FZO732" s="424"/>
      <c r="FZP732" s="424"/>
      <c r="FZQ732" s="423" t="s">
        <v>2795</v>
      </c>
      <c r="FZR732" s="424"/>
      <c r="FZS732" s="424"/>
      <c r="FZT732" s="424"/>
      <c r="FZU732" s="423" t="s">
        <v>2795</v>
      </c>
      <c r="FZV732" s="424"/>
      <c r="FZW732" s="424"/>
      <c r="FZX732" s="424"/>
      <c r="FZY732" s="423" t="s">
        <v>2795</v>
      </c>
      <c r="FZZ732" s="424"/>
      <c r="GAA732" s="424"/>
      <c r="GAB732" s="424"/>
      <c r="GAC732" s="423" t="s">
        <v>2795</v>
      </c>
      <c r="GAD732" s="424"/>
      <c r="GAE732" s="424"/>
      <c r="GAF732" s="424"/>
      <c r="GAG732" s="423" t="s">
        <v>2795</v>
      </c>
      <c r="GAH732" s="424"/>
      <c r="GAI732" s="424"/>
      <c r="GAJ732" s="424"/>
      <c r="GAK732" s="423" t="s">
        <v>2795</v>
      </c>
      <c r="GAL732" s="424"/>
      <c r="GAM732" s="424"/>
      <c r="GAN732" s="424"/>
      <c r="GAO732" s="423" t="s">
        <v>2795</v>
      </c>
      <c r="GAP732" s="424"/>
      <c r="GAQ732" s="424"/>
      <c r="GAR732" s="424"/>
      <c r="GAS732" s="423" t="s">
        <v>2795</v>
      </c>
      <c r="GAT732" s="424"/>
      <c r="GAU732" s="424"/>
      <c r="GAV732" s="424"/>
      <c r="GAW732" s="423" t="s">
        <v>2795</v>
      </c>
      <c r="GAX732" s="424"/>
      <c r="GAY732" s="424"/>
      <c r="GAZ732" s="424"/>
      <c r="GBA732" s="423" t="s">
        <v>2795</v>
      </c>
      <c r="GBB732" s="424"/>
      <c r="GBC732" s="424"/>
      <c r="GBD732" s="424"/>
      <c r="GBE732" s="423" t="s">
        <v>2795</v>
      </c>
      <c r="GBF732" s="424"/>
      <c r="GBG732" s="424"/>
      <c r="GBH732" s="424"/>
      <c r="GBI732" s="423" t="s">
        <v>2795</v>
      </c>
      <c r="GBJ732" s="424"/>
      <c r="GBK732" s="424"/>
      <c r="GBL732" s="424"/>
      <c r="GBM732" s="423" t="s">
        <v>2795</v>
      </c>
      <c r="GBN732" s="424"/>
      <c r="GBO732" s="424"/>
      <c r="GBP732" s="424"/>
      <c r="GBQ732" s="423" t="s">
        <v>2795</v>
      </c>
      <c r="GBR732" s="424"/>
      <c r="GBS732" s="424"/>
      <c r="GBT732" s="424"/>
      <c r="GBU732" s="423" t="s">
        <v>2795</v>
      </c>
      <c r="GBV732" s="424"/>
      <c r="GBW732" s="424"/>
      <c r="GBX732" s="424"/>
      <c r="GBY732" s="423" t="s">
        <v>2795</v>
      </c>
      <c r="GBZ732" s="424"/>
      <c r="GCA732" s="424"/>
      <c r="GCB732" s="424"/>
      <c r="GCC732" s="423" t="s">
        <v>2795</v>
      </c>
      <c r="GCD732" s="424"/>
      <c r="GCE732" s="424"/>
      <c r="GCF732" s="424"/>
      <c r="GCG732" s="423" t="s">
        <v>2795</v>
      </c>
      <c r="GCH732" s="424"/>
      <c r="GCI732" s="424"/>
      <c r="GCJ732" s="424"/>
      <c r="GCK732" s="423" t="s">
        <v>2795</v>
      </c>
      <c r="GCL732" s="424"/>
      <c r="GCM732" s="424"/>
      <c r="GCN732" s="424"/>
      <c r="GCO732" s="423" t="s">
        <v>2795</v>
      </c>
      <c r="GCP732" s="424"/>
      <c r="GCQ732" s="424"/>
      <c r="GCR732" s="424"/>
      <c r="GCS732" s="423" t="s">
        <v>2795</v>
      </c>
      <c r="GCT732" s="424"/>
      <c r="GCU732" s="424"/>
      <c r="GCV732" s="424"/>
      <c r="GCW732" s="423" t="s">
        <v>2795</v>
      </c>
      <c r="GCX732" s="424"/>
      <c r="GCY732" s="424"/>
      <c r="GCZ732" s="424"/>
      <c r="GDA732" s="423" t="s">
        <v>2795</v>
      </c>
      <c r="GDB732" s="424"/>
      <c r="GDC732" s="424"/>
      <c r="GDD732" s="424"/>
      <c r="GDE732" s="423" t="s">
        <v>2795</v>
      </c>
      <c r="GDF732" s="424"/>
      <c r="GDG732" s="424"/>
      <c r="GDH732" s="424"/>
      <c r="GDI732" s="423" t="s">
        <v>2795</v>
      </c>
      <c r="GDJ732" s="424"/>
      <c r="GDK732" s="424"/>
      <c r="GDL732" s="424"/>
      <c r="GDM732" s="423" t="s">
        <v>2795</v>
      </c>
      <c r="GDN732" s="424"/>
      <c r="GDO732" s="424"/>
      <c r="GDP732" s="424"/>
      <c r="GDQ732" s="423" t="s">
        <v>2795</v>
      </c>
      <c r="GDR732" s="424"/>
      <c r="GDS732" s="424"/>
      <c r="GDT732" s="424"/>
      <c r="GDU732" s="423" t="s">
        <v>2795</v>
      </c>
      <c r="GDV732" s="424"/>
      <c r="GDW732" s="424"/>
      <c r="GDX732" s="424"/>
      <c r="GDY732" s="423" t="s">
        <v>2795</v>
      </c>
      <c r="GDZ732" s="424"/>
      <c r="GEA732" s="424"/>
      <c r="GEB732" s="424"/>
      <c r="GEC732" s="423" t="s">
        <v>2795</v>
      </c>
      <c r="GED732" s="424"/>
      <c r="GEE732" s="424"/>
      <c r="GEF732" s="424"/>
      <c r="GEG732" s="423" t="s">
        <v>2795</v>
      </c>
      <c r="GEH732" s="424"/>
      <c r="GEI732" s="424"/>
      <c r="GEJ732" s="424"/>
      <c r="GEK732" s="423" t="s">
        <v>2795</v>
      </c>
      <c r="GEL732" s="424"/>
      <c r="GEM732" s="424"/>
      <c r="GEN732" s="424"/>
      <c r="GEO732" s="423" t="s">
        <v>2795</v>
      </c>
      <c r="GEP732" s="424"/>
      <c r="GEQ732" s="424"/>
      <c r="GER732" s="424"/>
      <c r="GES732" s="423" t="s">
        <v>2795</v>
      </c>
      <c r="GET732" s="424"/>
      <c r="GEU732" s="424"/>
      <c r="GEV732" s="424"/>
      <c r="GEW732" s="423" t="s">
        <v>2795</v>
      </c>
      <c r="GEX732" s="424"/>
      <c r="GEY732" s="424"/>
      <c r="GEZ732" s="424"/>
      <c r="GFA732" s="423" t="s">
        <v>2795</v>
      </c>
      <c r="GFB732" s="424"/>
      <c r="GFC732" s="424"/>
      <c r="GFD732" s="424"/>
      <c r="GFE732" s="423" t="s">
        <v>2795</v>
      </c>
      <c r="GFF732" s="424"/>
      <c r="GFG732" s="424"/>
      <c r="GFH732" s="424"/>
      <c r="GFI732" s="423" t="s">
        <v>2795</v>
      </c>
      <c r="GFJ732" s="424"/>
      <c r="GFK732" s="424"/>
      <c r="GFL732" s="424"/>
      <c r="GFM732" s="423" t="s">
        <v>2795</v>
      </c>
      <c r="GFN732" s="424"/>
      <c r="GFO732" s="424"/>
      <c r="GFP732" s="424"/>
      <c r="GFQ732" s="423" t="s">
        <v>2795</v>
      </c>
      <c r="GFR732" s="424"/>
      <c r="GFS732" s="424"/>
      <c r="GFT732" s="424"/>
      <c r="GFU732" s="423" t="s">
        <v>2795</v>
      </c>
      <c r="GFV732" s="424"/>
      <c r="GFW732" s="424"/>
      <c r="GFX732" s="424"/>
      <c r="GFY732" s="423" t="s">
        <v>2795</v>
      </c>
      <c r="GFZ732" s="424"/>
      <c r="GGA732" s="424"/>
      <c r="GGB732" s="424"/>
      <c r="GGC732" s="423" t="s">
        <v>2795</v>
      </c>
      <c r="GGD732" s="424"/>
      <c r="GGE732" s="424"/>
      <c r="GGF732" s="424"/>
      <c r="GGG732" s="423" t="s">
        <v>2795</v>
      </c>
      <c r="GGH732" s="424"/>
      <c r="GGI732" s="424"/>
      <c r="GGJ732" s="424"/>
      <c r="GGK732" s="423" t="s">
        <v>2795</v>
      </c>
      <c r="GGL732" s="424"/>
      <c r="GGM732" s="424"/>
      <c r="GGN732" s="424"/>
      <c r="GGO732" s="423" t="s">
        <v>2795</v>
      </c>
      <c r="GGP732" s="424"/>
      <c r="GGQ732" s="424"/>
      <c r="GGR732" s="424"/>
      <c r="GGS732" s="423" t="s">
        <v>2795</v>
      </c>
      <c r="GGT732" s="424"/>
      <c r="GGU732" s="424"/>
      <c r="GGV732" s="424"/>
      <c r="GGW732" s="423" t="s">
        <v>2795</v>
      </c>
      <c r="GGX732" s="424"/>
      <c r="GGY732" s="424"/>
      <c r="GGZ732" s="424"/>
      <c r="GHA732" s="423" t="s">
        <v>2795</v>
      </c>
      <c r="GHB732" s="424"/>
      <c r="GHC732" s="424"/>
      <c r="GHD732" s="424"/>
      <c r="GHE732" s="423" t="s">
        <v>2795</v>
      </c>
      <c r="GHF732" s="424"/>
      <c r="GHG732" s="424"/>
      <c r="GHH732" s="424"/>
      <c r="GHI732" s="423" t="s">
        <v>2795</v>
      </c>
      <c r="GHJ732" s="424"/>
      <c r="GHK732" s="424"/>
      <c r="GHL732" s="424"/>
      <c r="GHM732" s="423" t="s">
        <v>2795</v>
      </c>
      <c r="GHN732" s="424"/>
      <c r="GHO732" s="424"/>
      <c r="GHP732" s="424"/>
      <c r="GHQ732" s="423" t="s">
        <v>2795</v>
      </c>
      <c r="GHR732" s="424"/>
      <c r="GHS732" s="424"/>
      <c r="GHT732" s="424"/>
      <c r="GHU732" s="423" t="s">
        <v>2795</v>
      </c>
      <c r="GHV732" s="424"/>
      <c r="GHW732" s="424"/>
      <c r="GHX732" s="424"/>
      <c r="GHY732" s="423" t="s">
        <v>2795</v>
      </c>
      <c r="GHZ732" s="424"/>
      <c r="GIA732" s="424"/>
      <c r="GIB732" s="424"/>
      <c r="GIC732" s="423" t="s">
        <v>2795</v>
      </c>
      <c r="GID732" s="424"/>
      <c r="GIE732" s="424"/>
      <c r="GIF732" s="424"/>
      <c r="GIG732" s="423" t="s">
        <v>2795</v>
      </c>
      <c r="GIH732" s="424"/>
      <c r="GII732" s="424"/>
      <c r="GIJ732" s="424"/>
      <c r="GIK732" s="423" t="s">
        <v>2795</v>
      </c>
      <c r="GIL732" s="424"/>
      <c r="GIM732" s="424"/>
      <c r="GIN732" s="424"/>
      <c r="GIO732" s="423" t="s">
        <v>2795</v>
      </c>
      <c r="GIP732" s="424"/>
      <c r="GIQ732" s="424"/>
      <c r="GIR732" s="424"/>
      <c r="GIS732" s="423" t="s">
        <v>2795</v>
      </c>
      <c r="GIT732" s="424"/>
      <c r="GIU732" s="424"/>
      <c r="GIV732" s="424"/>
      <c r="GIW732" s="423" t="s">
        <v>2795</v>
      </c>
      <c r="GIX732" s="424"/>
      <c r="GIY732" s="424"/>
      <c r="GIZ732" s="424"/>
      <c r="GJA732" s="423" t="s">
        <v>2795</v>
      </c>
      <c r="GJB732" s="424"/>
      <c r="GJC732" s="424"/>
      <c r="GJD732" s="424"/>
      <c r="GJE732" s="423" t="s">
        <v>2795</v>
      </c>
      <c r="GJF732" s="424"/>
      <c r="GJG732" s="424"/>
      <c r="GJH732" s="424"/>
      <c r="GJI732" s="423" t="s">
        <v>2795</v>
      </c>
      <c r="GJJ732" s="424"/>
      <c r="GJK732" s="424"/>
      <c r="GJL732" s="424"/>
      <c r="GJM732" s="423" t="s">
        <v>2795</v>
      </c>
      <c r="GJN732" s="424"/>
      <c r="GJO732" s="424"/>
      <c r="GJP732" s="424"/>
      <c r="GJQ732" s="423" t="s">
        <v>2795</v>
      </c>
      <c r="GJR732" s="424"/>
      <c r="GJS732" s="424"/>
      <c r="GJT732" s="424"/>
      <c r="GJU732" s="423" t="s">
        <v>2795</v>
      </c>
      <c r="GJV732" s="424"/>
      <c r="GJW732" s="424"/>
      <c r="GJX732" s="424"/>
      <c r="GJY732" s="423" t="s">
        <v>2795</v>
      </c>
      <c r="GJZ732" s="424"/>
      <c r="GKA732" s="424"/>
      <c r="GKB732" s="424"/>
      <c r="GKC732" s="423" t="s">
        <v>2795</v>
      </c>
      <c r="GKD732" s="424"/>
      <c r="GKE732" s="424"/>
      <c r="GKF732" s="424"/>
      <c r="GKG732" s="423" t="s">
        <v>2795</v>
      </c>
      <c r="GKH732" s="424"/>
      <c r="GKI732" s="424"/>
      <c r="GKJ732" s="424"/>
      <c r="GKK732" s="423" t="s">
        <v>2795</v>
      </c>
      <c r="GKL732" s="424"/>
      <c r="GKM732" s="424"/>
      <c r="GKN732" s="424"/>
      <c r="GKO732" s="423" t="s">
        <v>2795</v>
      </c>
      <c r="GKP732" s="424"/>
      <c r="GKQ732" s="424"/>
      <c r="GKR732" s="424"/>
      <c r="GKS732" s="423" t="s">
        <v>2795</v>
      </c>
      <c r="GKT732" s="424"/>
      <c r="GKU732" s="424"/>
      <c r="GKV732" s="424"/>
      <c r="GKW732" s="423" t="s">
        <v>2795</v>
      </c>
      <c r="GKX732" s="424"/>
      <c r="GKY732" s="424"/>
      <c r="GKZ732" s="424"/>
      <c r="GLA732" s="423" t="s">
        <v>2795</v>
      </c>
      <c r="GLB732" s="424"/>
      <c r="GLC732" s="424"/>
      <c r="GLD732" s="424"/>
      <c r="GLE732" s="423" t="s">
        <v>2795</v>
      </c>
      <c r="GLF732" s="424"/>
      <c r="GLG732" s="424"/>
      <c r="GLH732" s="424"/>
      <c r="GLI732" s="423" t="s">
        <v>2795</v>
      </c>
      <c r="GLJ732" s="424"/>
      <c r="GLK732" s="424"/>
      <c r="GLL732" s="424"/>
      <c r="GLM732" s="423" t="s">
        <v>2795</v>
      </c>
      <c r="GLN732" s="424"/>
      <c r="GLO732" s="424"/>
      <c r="GLP732" s="424"/>
      <c r="GLQ732" s="423" t="s">
        <v>2795</v>
      </c>
      <c r="GLR732" s="424"/>
      <c r="GLS732" s="424"/>
      <c r="GLT732" s="424"/>
      <c r="GLU732" s="423" t="s">
        <v>2795</v>
      </c>
      <c r="GLV732" s="424"/>
      <c r="GLW732" s="424"/>
      <c r="GLX732" s="424"/>
      <c r="GLY732" s="423" t="s">
        <v>2795</v>
      </c>
      <c r="GLZ732" s="424"/>
      <c r="GMA732" s="424"/>
      <c r="GMB732" s="424"/>
      <c r="GMC732" s="423" t="s">
        <v>2795</v>
      </c>
      <c r="GMD732" s="424"/>
      <c r="GME732" s="424"/>
      <c r="GMF732" s="424"/>
      <c r="GMG732" s="423" t="s">
        <v>2795</v>
      </c>
      <c r="GMH732" s="424"/>
      <c r="GMI732" s="424"/>
      <c r="GMJ732" s="424"/>
      <c r="GMK732" s="423" t="s">
        <v>2795</v>
      </c>
      <c r="GML732" s="424"/>
      <c r="GMM732" s="424"/>
      <c r="GMN732" s="424"/>
      <c r="GMO732" s="423" t="s">
        <v>2795</v>
      </c>
      <c r="GMP732" s="424"/>
      <c r="GMQ732" s="424"/>
      <c r="GMR732" s="424"/>
      <c r="GMS732" s="423" t="s">
        <v>2795</v>
      </c>
      <c r="GMT732" s="424"/>
      <c r="GMU732" s="424"/>
      <c r="GMV732" s="424"/>
      <c r="GMW732" s="423" t="s">
        <v>2795</v>
      </c>
      <c r="GMX732" s="424"/>
      <c r="GMY732" s="424"/>
      <c r="GMZ732" s="424"/>
      <c r="GNA732" s="423" t="s">
        <v>2795</v>
      </c>
      <c r="GNB732" s="424"/>
      <c r="GNC732" s="424"/>
      <c r="GND732" s="424"/>
      <c r="GNE732" s="423" t="s">
        <v>2795</v>
      </c>
      <c r="GNF732" s="424"/>
      <c r="GNG732" s="424"/>
      <c r="GNH732" s="424"/>
      <c r="GNI732" s="423" t="s">
        <v>2795</v>
      </c>
      <c r="GNJ732" s="424"/>
      <c r="GNK732" s="424"/>
      <c r="GNL732" s="424"/>
      <c r="GNM732" s="423" t="s">
        <v>2795</v>
      </c>
      <c r="GNN732" s="424"/>
      <c r="GNO732" s="424"/>
      <c r="GNP732" s="424"/>
      <c r="GNQ732" s="423" t="s">
        <v>2795</v>
      </c>
      <c r="GNR732" s="424"/>
      <c r="GNS732" s="424"/>
      <c r="GNT732" s="424"/>
      <c r="GNU732" s="423" t="s">
        <v>2795</v>
      </c>
      <c r="GNV732" s="424"/>
      <c r="GNW732" s="424"/>
      <c r="GNX732" s="424"/>
      <c r="GNY732" s="423" t="s">
        <v>2795</v>
      </c>
      <c r="GNZ732" s="424"/>
      <c r="GOA732" s="424"/>
      <c r="GOB732" s="424"/>
      <c r="GOC732" s="423" t="s">
        <v>2795</v>
      </c>
      <c r="GOD732" s="424"/>
      <c r="GOE732" s="424"/>
      <c r="GOF732" s="424"/>
      <c r="GOG732" s="423" t="s">
        <v>2795</v>
      </c>
      <c r="GOH732" s="424"/>
      <c r="GOI732" s="424"/>
      <c r="GOJ732" s="424"/>
      <c r="GOK732" s="423" t="s">
        <v>2795</v>
      </c>
      <c r="GOL732" s="424"/>
      <c r="GOM732" s="424"/>
      <c r="GON732" s="424"/>
      <c r="GOO732" s="423" t="s">
        <v>2795</v>
      </c>
      <c r="GOP732" s="424"/>
      <c r="GOQ732" s="424"/>
      <c r="GOR732" s="424"/>
      <c r="GOS732" s="423" t="s">
        <v>2795</v>
      </c>
      <c r="GOT732" s="424"/>
      <c r="GOU732" s="424"/>
      <c r="GOV732" s="424"/>
      <c r="GOW732" s="423" t="s">
        <v>2795</v>
      </c>
      <c r="GOX732" s="424"/>
      <c r="GOY732" s="424"/>
      <c r="GOZ732" s="424"/>
      <c r="GPA732" s="423" t="s">
        <v>2795</v>
      </c>
      <c r="GPB732" s="424"/>
      <c r="GPC732" s="424"/>
      <c r="GPD732" s="424"/>
      <c r="GPE732" s="423" t="s">
        <v>2795</v>
      </c>
      <c r="GPF732" s="424"/>
      <c r="GPG732" s="424"/>
      <c r="GPH732" s="424"/>
      <c r="GPI732" s="423" t="s">
        <v>2795</v>
      </c>
      <c r="GPJ732" s="424"/>
      <c r="GPK732" s="424"/>
      <c r="GPL732" s="424"/>
      <c r="GPM732" s="423" t="s">
        <v>2795</v>
      </c>
      <c r="GPN732" s="424"/>
      <c r="GPO732" s="424"/>
      <c r="GPP732" s="424"/>
      <c r="GPQ732" s="423" t="s">
        <v>2795</v>
      </c>
      <c r="GPR732" s="424"/>
      <c r="GPS732" s="424"/>
      <c r="GPT732" s="424"/>
      <c r="GPU732" s="423" t="s">
        <v>2795</v>
      </c>
      <c r="GPV732" s="424"/>
      <c r="GPW732" s="424"/>
      <c r="GPX732" s="424"/>
      <c r="GPY732" s="423" t="s">
        <v>2795</v>
      </c>
      <c r="GPZ732" s="424"/>
      <c r="GQA732" s="424"/>
      <c r="GQB732" s="424"/>
      <c r="GQC732" s="423" t="s">
        <v>2795</v>
      </c>
      <c r="GQD732" s="424"/>
      <c r="GQE732" s="424"/>
      <c r="GQF732" s="424"/>
      <c r="GQG732" s="423" t="s">
        <v>2795</v>
      </c>
      <c r="GQH732" s="424"/>
      <c r="GQI732" s="424"/>
      <c r="GQJ732" s="424"/>
      <c r="GQK732" s="423" t="s">
        <v>2795</v>
      </c>
      <c r="GQL732" s="424"/>
      <c r="GQM732" s="424"/>
      <c r="GQN732" s="424"/>
      <c r="GQO732" s="423" t="s">
        <v>2795</v>
      </c>
      <c r="GQP732" s="424"/>
      <c r="GQQ732" s="424"/>
      <c r="GQR732" s="424"/>
      <c r="GQS732" s="423" t="s">
        <v>2795</v>
      </c>
      <c r="GQT732" s="424"/>
      <c r="GQU732" s="424"/>
      <c r="GQV732" s="424"/>
      <c r="GQW732" s="423" t="s">
        <v>2795</v>
      </c>
      <c r="GQX732" s="424"/>
      <c r="GQY732" s="424"/>
      <c r="GQZ732" s="424"/>
      <c r="GRA732" s="423" t="s">
        <v>2795</v>
      </c>
      <c r="GRB732" s="424"/>
      <c r="GRC732" s="424"/>
      <c r="GRD732" s="424"/>
      <c r="GRE732" s="423" t="s">
        <v>2795</v>
      </c>
      <c r="GRF732" s="424"/>
      <c r="GRG732" s="424"/>
      <c r="GRH732" s="424"/>
      <c r="GRI732" s="423" t="s">
        <v>2795</v>
      </c>
      <c r="GRJ732" s="424"/>
      <c r="GRK732" s="424"/>
      <c r="GRL732" s="424"/>
      <c r="GRM732" s="423" t="s">
        <v>2795</v>
      </c>
      <c r="GRN732" s="424"/>
      <c r="GRO732" s="424"/>
      <c r="GRP732" s="424"/>
      <c r="GRQ732" s="423" t="s">
        <v>2795</v>
      </c>
      <c r="GRR732" s="424"/>
      <c r="GRS732" s="424"/>
      <c r="GRT732" s="424"/>
      <c r="GRU732" s="423" t="s">
        <v>2795</v>
      </c>
      <c r="GRV732" s="424"/>
      <c r="GRW732" s="424"/>
      <c r="GRX732" s="424"/>
      <c r="GRY732" s="423" t="s">
        <v>2795</v>
      </c>
      <c r="GRZ732" s="424"/>
      <c r="GSA732" s="424"/>
      <c r="GSB732" s="424"/>
      <c r="GSC732" s="423" t="s">
        <v>2795</v>
      </c>
      <c r="GSD732" s="424"/>
      <c r="GSE732" s="424"/>
      <c r="GSF732" s="424"/>
      <c r="GSG732" s="423" t="s">
        <v>2795</v>
      </c>
      <c r="GSH732" s="424"/>
      <c r="GSI732" s="424"/>
      <c r="GSJ732" s="424"/>
      <c r="GSK732" s="423" t="s">
        <v>2795</v>
      </c>
      <c r="GSL732" s="424"/>
      <c r="GSM732" s="424"/>
      <c r="GSN732" s="424"/>
      <c r="GSO732" s="423" t="s">
        <v>2795</v>
      </c>
      <c r="GSP732" s="424"/>
      <c r="GSQ732" s="424"/>
      <c r="GSR732" s="424"/>
      <c r="GSS732" s="423" t="s">
        <v>2795</v>
      </c>
      <c r="GST732" s="424"/>
      <c r="GSU732" s="424"/>
      <c r="GSV732" s="424"/>
      <c r="GSW732" s="423" t="s">
        <v>2795</v>
      </c>
      <c r="GSX732" s="424"/>
      <c r="GSY732" s="424"/>
      <c r="GSZ732" s="424"/>
      <c r="GTA732" s="423" t="s">
        <v>2795</v>
      </c>
      <c r="GTB732" s="424"/>
      <c r="GTC732" s="424"/>
      <c r="GTD732" s="424"/>
      <c r="GTE732" s="423" t="s">
        <v>2795</v>
      </c>
      <c r="GTF732" s="424"/>
      <c r="GTG732" s="424"/>
      <c r="GTH732" s="424"/>
      <c r="GTI732" s="423" t="s">
        <v>2795</v>
      </c>
      <c r="GTJ732" s="424"/>
      <c r="GTK732" s="424"/>
      <c r="GTL732" s="424"/>
      <c r="GTM732" s="423" t="s">
        <v>2795</v>
      </c>
      <c r="GTN732" s="424"/>
      <c r="GTO732" s="424"/>
      <c r="GTP732" s="424"/>
      <c r="GTQ732" s="423" t="s">
        <v>2795</v>
      </c>
      <c r="GTR732" s="424"/>
      <c r="GTS732" s="424"/>
      <c r="GTT732" s="424"/>
      <c r="GTU732" s="423" t="s">
        <v>2795</v>
      </c>
      <c r="GTV732" s="424"/>
      <c r="GTW732" s="424"/>
      <c r="GTX732" s="424"/>
      <c r="GTY732" s="423" t="s">
        <v>2795</v>
      </c>
      <c r="GTZ732" s="424"/>
      <c r="GUA732" s="424"/>
      <c r="GUB732" s="424"/>
      <c r="GUC732" s="423" t="s">
        <v>2795</v>
      </c>
      <c r="GUD732" s="424"/>
      <c r="GUE732" s="424"/>
      <c r="GUF732" s="424"/>
      <c r="GUG732" s="423" t="s">
        <v>2795</v>
      </c>
      <c r="GUH732" s="424"/>
      <c r="GUI732" s="424"/>
      <c r="GUJ732" s="424"/>
      <c r="GUK732" s="423" t="s">
        <v>2795</v>
      </c>
      <c r="GUL732" s="424"/>
      <c r="GUM732" s="424"/>
      <c r="GUN732" s="424"/>
      <c r="GUO732" s="423" t="s">
        <v>2795</v>
      </c>
      <c r="GUP732" s="424"/>
      <c r="GUQ732" s="424"/>
      <c r="GUR732" s="424"/>
      <c r="GUS732" s="423" t="s">
        <v>2795</v>
      </c>
      <c r="GUT732" s="424"/>
      <c r="GUU732" s="424"/>
      <c r="GUV732" s="424"/>
      <c r="GUW732" s="423" t="s">
        <v>2795</v>
      </c>
      <c r="GUX732" s="424"/>
      <c r="GUY732" s="424"/>
      <c r="GUZ732" s="424"/>
      <c r="GVA732" s="423" t="s">
        <v>2795</v>
      </c>
      <c r="GVB732" s="424"/>
      <c r="GVC732" s="424"/>
      <c r="GVD732" s="424"/>
      <c r="GVE732" s="423" t="s">
        <v>2795</v>
      </c>
      <c r="GVF732" s="424"/>
      <c r="GVG732" s="424"/>
      <c r="GVH732" s="424"/>
      <c r="GVI732" s="423" t="s">
        <v>2795</v>
      </c>
      <c r="GVJ732" s="424"/>
      <c r="GVK732" s="424"/>
      <c r="GVL732" s="424"/>
      <c r="GVM732" s="423" t="s">
        <v>2795</v>
      </c>
      <c r="GVN732" s="424"/>
      <c r="GVO732" s="424"/>
      <c r="GVP732" s="424"/>
      <c r="GVQ732" s="423" t="s">
        <v>2795</v>
      </c>
      <c r="GVR732" s="424"/>
      <c r="GVS732" s="424"/>
      <c r="GVT732" s="424"/>
      <c r="GVU732" s="423" t="s">
        <v>2795</v>
      </c>
      <c r="GVV732" s="424"/>
      <c r="GVW732" s="424"/>
      <c r="GVX732" s="424"/>
      <c r="GVY732" s="423" t="s">
        <v>2795</v>
      </c>
      <c r="GVZ732" s="424"/>
      <c r="GWA732" s="424"/>
      <c r="GWB732" s="424"/>
      <c r="GWC732" s="423" t="s">
        <v>2795</v>
      </c>
      <c r="GWD732" s="424"/>
      <c r="GWE732" s="424"/>
      <c r="GWF732" s="424"/>
      <c r="GWG732" s="423" t="s">
        <v>2795</v>
      </c>
      <c r="GWH732" s="424"/>
      <c r="GWI732" s="424"/>
      <c r="GWJ732" s="424"/>
      <c r="GWK732" s="423" t="s">
        <v>2795</v>
      </c>
      <c r="GWL732" s="424"/>
      <c r="GWM732" s="424"/>
      <c r="GWN732" s="424"/>
      <c r="GWO732" s="423" t="s">
        <v>2795</v>
      </c>
      <c r="GWP732" s="424"/>
      <c r="GWQ732" s="424"/>
      <c r="GWR732" s="424"/>
      <c r="GWS732" s="423" t="s">
        <v>2795</v>
      </c>
      <c r="GWT732" s="424"/>
      <c r="GWU732" s="424"/>
      <c r="GWV732" s="424"/>
      <c r="GWW732" s="423" t="s">
        <v>2795</v>
      </c>
      <c r="GWX732" s="424"/>
      <c r="GWY732" s="424"/>
      <c r="GWZ732" s="424"/>
      <c r="GXA732" s="423" t="s">
        <v>2795</v>
      </c>
      <c r="GXB732" s="424"/>
      <c r="GXC732" s="424"/>
      <c r="GXD732" s="424"/>
      <c r="GXE732" s="423" t="s">
        <v>2795</v>
      </c>
      <c r="GXF732" s="424"/>
      <c r="GXG732" s="424"/>
      <c r="GXH732" s="424"/>
      <c r="GXI732" s="423" t="s">
        <v>2795</v>
      </c>
      <c r="GXJ732" s="424"/>
      <c r="GXK732" s="424"/>
      <c r="GXL732" s="424"/>
      <c r="GXM732" s="423" t="s">
        <v>2795</v>
      </c>
      <c r="GXN732" s="424"/>
      <c r="GXO732" s="424"/>
      <c r="GXP732" s="424"/>
      <c r="GXQ732" s="423" t="s">
        <v>2795</v>
      </c>
      <c r="GXR732" s="424"/>
      <c r="GXS732" s="424"/>
      <c r="GXT732" s="424"/>
      <c r="GXU732" s="423" t="s">
        <v>2795</v>
      </c>
      <c r="GXV732" s="424"/>
      <c r="GXW732" s="424"/>
      <c r="GXX732" s="424"/>
      <c r="GXY732" s="423" t="s">
        <v>2795</v>
      </c>
      <c r="GXZ732" s="424"/>
      <c r="GYA732" s="424"/>
      <c r="GYB732" s="424"/>
      <c r="GYC732" s="423" t="s">
        <v>2795</v>
      </c>
      <c r="GYD732" s="424"/>
      <c r="GYE732" s="424"/>
      <c r="GYF732" s="424"/>
      <c r="GYG732" s="423" t="s">
        <v>2795</v>
      </c>
      <c r="GYH732" s="424"/>
      <c r="GYI732" s="424"/>
      <c r="GYJ732" s="424"/>
      <c r="GYK732" s="423" t="s">
        <v>2795</v>
      </c>
      <c r="GYL732" s="424"/>
      <c r="GYM732" s="424"/>
      <c r="GYN732" s="424"/>
      <c r="GYO732" s="423" t="s">
        <v>2795</v>
      </c>
      <c r="GYP732" s="424"/>
      <c r="GYQ732" s="424"/>
      <c r="GYR732" s="424"/>
      <c r="GYS732" s="423" t="s">
        <v>2795</v>
      </c>
      <c r="GYT732" s="424"/>
      <c r="GYU732" s="424"/>
      <c r="GYV732" s="424"/>
      <c r="GYW732" s="423" t="s">
        <v>2795</v>
      </c>
      <c r="GYX732" s="424"/>
      <c r="GYY732" s="424"/>
      <c r="GYZ732" s="424"/>
      <c r="GZA732" s="423" t="s">
        <v>2795</v>
      </c>
      <c r="GZB732" s="424"/>
      <c r="GZC732" s="424"/>
      <c r="GZD732" s="424"/>
      <c r="GZE732" s="423" t="s">
        <v>2795</v>
      </c>
      <c r="GZF732" s="424"/>
      <c r="GZG732" s="424"/>
      <c r="GZH732" s="424"/>
      <c r="GZI732" s="423" t="s">
        <v>2795</v>
      </c>
      <c r="GZJ732" s="424"/>
      <c r="GZK732" s="424"/>
      <c r="GZL732" s="424"/>
      <c r="GZM732" s="423" t="s">
        <v>2795</v>
      </c>
      <c r="GZN732" s="424"/>
      <c r="GZO732" s="424"/>
      <c r="GZP732" s="424"/>
      <c r="GZQ732" s="423" t="s">
        <v>2795</v>
      </c>
      <c r="GZR732" s="424"/>
      <c r="GZS732" s="424"/>
      <c r="GZT732" s="424"/>
      <c r="GZU732" s="423" t="s">
        <v>2795</v>
      </c>
      <c r="GZV732" s="424"/>
      <c r="GZW732" s="424"/>
      <c r="GZX732" s="424"/>
      <c r="GZY732" s="423" t="s">
        <v>2795</v>
      </c>
      <c r="GZZ732" s="424"/>
      <c r="HAA732" s="424"/>
      <c r="HAB732" s="424"/>
      <c r="HAC732" s="423" t="s">
        <v>2795</v>
      </c>
      <c r="HAD732" s="424"/>
      <c r="HAE732" s="424"/>
      <c r="HAF732" s="424"/>
      <c r="HAG732" s="423" t="s">
        <v>2795</v>
      </c>
      <c r="HAH732" s="424"/>
      <c r="HAI732" s="424"/>
      <c r="HAJ732" s="424"/>
      <c r="HAK732" s="423" t="s">
        <v>2795</v>
      </c>
      <c r="HAL732" s="424"/>
      <c r="HAM732" s="424"/>
      <c r="HAN732" s="424"/>
      <c r="HAO732" s="423" t="s">
        <v>2795</v>
      </c>
      <c r="HAP732" s="424"/>
      <c r="HAQ732" s="424"/>
      <c r="HAR732" s="424"/>
      <c r="HAS732" s="423" t="s">
        <v>2795</v>
      </c>
      <c r="HAT732" s="424"/>
      <c r="HAU732" s="424"/>
      <c r="HAV732" s="424"/>
      <c r="HAW732" s="423" t="s">
        <v>2795</v>
      </c>
      <c r="HAX732" s="424"/>
      <c r="HAY732" s="424"/>
      <c r="HAZ732" s="424"/>
      <c r="HBA732" s="423" t="s">
        <v>2795</v>
      </c>
      <c r="HBB732" s="424"/>
      <c r="HBC732" s="424"/>
      <c r="HBD732" s="424"/>
      <c r="HBE732" s="423" t="s">
        <v>2795</v>
      </c>
      <c r="HBF732" s="424"/>
      <c r="HBG732" s="424"/>
      <c r="HBH732" s="424"/>
      <c r="HBI732" s="423" t="s">
        <v>2795</v>
      </c>
      <c r="HBJ732" s="424"/>
      <c r="HBK732" s="424"/>
      <c r="HBL732" s="424"/>
      <c r="HBM732" s="423" t="s">
        <v>2795</v>
      </c>
      <c r="HBN732" s="424"/>
      <c r="HBO732" s="424"/>
      <c r="HBP732" s="424"/>
      <c r="HBQ732" s="423" t="s">
        <v>2795</v>
      </c>
      <c r="HBR732" s="424"/>
      <c r="HBS732" s="424"/>
      <c r="HBT732" s="424"/>
      <c r="HBU732" s="423" t="s">
        <v>2795</v>
      </c>
      <c r="HBV732" s="424"/>
      <c r="HBW732" s="424"/>
      <c r="HBX732" s="424"/>
      <c r="HBY732" s="423" t="s">
        <v>2795</v>
      </c>
      <c r="HBZ732" s="424"/>
      <c r="HCA732" s="424"/>
      <c r="HCB732" s="424"/>
      <c r="HCC732" s="423" t="s">
        <v>2795</v>
      </c>
      <c r="HCD732" s="424"/>
      <c r="HCE732" s="424"/>
      <c r="HCF732" s="424"/>
      <c r="HCG732" s="423" t="s">
        <v>2795</v>
      </c>
      <c r="HCH732" s="424"/>
      <c r="HCI732" s="424"/>
      <c r="HCJ732" s="424"/>
      <c r="HCK732" s="423" t="s">
        <v>2795</v>
      </c>
      <c r="HCL732" s="424"/>
      <c r="HCM732" s="424"/>
      <c r="HCN732" s="424"/>
      <c r="HCO732" s="423" t="s">
        <v>2795</v>
      </c>
      <c r="HCP732" s="424"/>
      <c r="HCQ732" s="424"/>
      <c r="HCR732" s="424"/>
      <c r="HCS732" s="423" t="s">
        <v>2795</v>
      </c>
      <c r="HCT732" s="424"/>
      <c r="HCU732" s="424"/>
      <c r="HCV732" s="424"/>
      <c r="HCW732" s="423" t="s">
        <v>2795</v>
      </c>
      <c r="HCX732" s="424"/>
      <c r="HCY732" s="424"/>
      <c r="HCZ732" s="424"/>
      <c r="HDA732" s="423" t="s">
        <v>2795</v>
      </c>
      <c r="HDB732" s="424"/>
      <c r="HDC732" s="424"/>
      <c r="HDD732" s="424"/>
      <c r="HDE732" s="423" t="s">
        <v>2795</v>
      </c>
      <c r="HDF732" s="424"/>
      <c r="HDG732" s="424"/>
      <c r="HDH732" s="424"/>
      <c r="HDI732" s="423" t="s">
        <v>2795</v>
      </c>
      <c r="HDJ732" s="424"/>
      <c r="HDK732" s="424"/>
      <c r="HDL732" s="424"/>
      <c r="HDM732" s="423" t="s">
        <v>2795</v>
      </c>
      <c r="HDN732" s="424"/>
      <c r="HDO732" s="424"/>
      <c r="HDP732" s="424"/>
      <c r="HDQ732" s="423" t="s">
        <v>2795</v>
      </c>
      <c r="HDR732" s="424"/>
      <c r="HDS732" s="424"/>
      <c r="HDT732" s="424"/>
      <c r="HDU732" s="423" t="s">
        <v>2795</v>
      </c>
      <c r="HDV732" s="424"/>
      <c r="HDW732" s="424"/>
      <c r="HDX732" s="424"/>
      <c r="HDY732" s="423" t="s">
        <v>2795</v>
      </c>
      <c r="HDZ732" s="424"/>
      <c r="HEA732" s="424"/>
      <c r="HEB732" s="424"/>
      <c r="HEC732" s="423" t="s">
        <v>2795</v>
      </c>
      <c r="HED732" s="424"/>
      <c r="HEE732" s="424"/>
      <c r="HEF732" s="424"/>
      <c r="HEG732" s="423" t="s">
        <v>2795</v>
      </c>
      <c r="HEH732" s="424"/>
      <c r="HEI732" s="424"/>
      <c r="HEJ732" s="424"/>
      <c r="HEK732" s="423" t="s">
        <v>2795</v>
      </c>
      <c r="HEL732" s="424"/>
      <c r="HEM732" s="424"/>
      <c r="HEN732" s="424"/>
      <c r="HEO732" s="423" t="s">
        <v>2795</v>
      </c>
      <c r="HEP732" s="424"/>
      <c r="HEQ732" s="424"/>
      <c r="HER732" s="424"/>
      <c r="HES732" s="423" t="s">
        <v>2795</v>
      </c>
      <c r="HET732" s="424"/>
      <c r="HEU732" s="424"/>
      <c r="HEV732" s="424"/>
      <c r="HEW732" s="423" t="s">
        <v>2795</v>
      </c>
      <c r="HEX732" s="424"/>
      <c r="HEY732" s="424"/>
      <c r="HEZ732" s="424"/>
      <c r="HFA732" s="423" t="s">
        <v>2795</v>
      </c>
      <c r="HFB732" s="424"/>
      <c r="HFC732" s="424"/>
      <c r="HFD732" s="424"/>
      <c r="HFE732" s="423" t="s">
        <v>2795</v>
      </c>
      <c r="HFF732" s="424"/>
      <c r="HFG732" s="424"/>
      <c r="HFH732" s="424"/>
      <c r="HFI732" s="423" t="s">
        <v>2795</v>
      </c>
      <c r="HFJ732" s="424"/>
      <c r="HFK732" s="424"/>
      <c r="HFL732" s="424"/>
      <c r="HFM732" s="423" t="s">
        <v>2795</v>
      </c>
      <c r="HFN732" s="424"/>
      <c r="HFO732" s="424"/>
      <c r="HFP732" s="424"/>
      <c r="HFQ732" s="423" t="s">
        <v>2795</v>
      </c>
      <c r="HFR732" s="424"/>
      <c r="HFS732" s="424"/>
      <c r="HFT732" s="424"/>
      <c r="HFU732" s="423" t="s">
        <v>2795</v>
      </c>
      <c r="HFV732" s="424"/>
      <c r="HFW732" s="424"/>
      <c r="HFX732" s="424"/>
      <c r="HFY732" s="423" t="s">
        <v>2795</v>
      </c>
      <c r="HFZ732" s="424"/>
      <c r="HGA732" s="424"/>
      <c r="HGB732" s="424"/>
      <c r="HGC732" s="423" t="s">
        <v>2795</v>
      </c>
      <c r="HGD732" s="424"/>
      <c r="HGE732" s="424"/>
      <c r="HGF732" s="424"/>
      <c r="HGG732" s="423" t="s">
        <v>2795</v>
      </c>
      <c r="HGH732" s="424"/>
      <c r="HGI732" s="424"/>
      <c r="HGJ732" s="424"/>
      <c r="HGK732" s="423" t="s">
        <v>2795</v>
      </c>
      <c r="HGL732" s="424"/>
      <c r="HGM732" s="424"/>
      <c r="HGN732" s="424"/>
      <c r="HGO732" s="423" t="s">
        <v>2795</v>
      </c>
      <c r="HGP732" s="424"/>
      <c r="HGQ732" s="424"/>
      <c r="HGR732" s="424"/>
      <c r="HGS732" s="423" t="s">
        <v>2795</v>
      </c>
      <c r="HGT732" s="424"/>
      <c r="HGU732" s="424"/>
      <c r="HGV732" s="424"/>
      <c r="HGW732" s="423" t="s">
        <v>2795</v>
      </c>
      <c r="HGX732" s="424"/>
      <c r="HGY732" s="424"/>
      <c r="HGZ732" s="424"/>
      <c r="HHA732" s="423" t="s">
        <v>2795</v>
      </c>
      <c r="HHB732" s="424"/>
      <c r="HHC732" s="424"/>
      <c r="HHD732" s="424"/>
      <c r="HHE732" s="423" t="s">
        <v>2795</v>
      </c>
      <c r="HHF732" s="424"/>
      <c r="HHG732" s="424"/>
      <c r="HHH732" s="424"/>
      <c r="HHI732" s="423" t="s">
        <v>2795</v>
      </c>
      <c r="HHJ732" s="424"/>
      <c r="HHK732" s="424"/>
      <c r="HHL732" s="424"/>
      <c r="HHM732" s="423" t="s">
        <v>2795</v>
      </c>
      <c r="HHN732" s="424"/>
      <c r="HHO732" s="424"/>
      <c r="HHP732" s="424"/>
      <c r="HHQ732" s="423" t="s">
        <v>2795</v>
      </c>
      <c r="HHR732" s="424"/>
      <c r="HHS732" s="424"/>
      <c r="HHT732" s="424"/>
      <c r="HHU732" s="423" t="s">
        <v>2795</v>
      </c>
      <c r="HHV732" s="424"/>
      <c r="HHW732" s="424"/>
      <c r="HHX732" s="424"/>
      <c r="HHY732" s="423" t="s">
        <v>2795</v>
      </c>
      <c r="HHZ732" s="424"/>
      <c r="HIA732" s="424"/>
      <c r="HIB732" s="424"/>
      <c r="HIC732" s="423" t="s">
        <v>2795</v>
      </c>
      <c r="HID732" s="424"/>
      <c r="HIE732" s="424"/>
      <c r="HIF732" s="424"/>
      <c r="HIG732" s="423" t="s">
        <v>2795</v>
      </c>
      <c r="HIH732" s="424"/>
      <c r="HII732" s="424"/>
      <c r="HIJ732" s="424"/>
      <c r="HIK732" s="423" t="s">
        <v>2795</v>
      </c>
      <c r="HIL732" s="424"/>
      <c r="HIM732" s="424"/>
      <c r="HIN732" s="424"/>
      <c r="HIO732" s="423" t="s">
        <v>2795</v>
      </c>
      <c r="HIP732" s="424"/>
      <c r="HIQ732" s="424"/>
      <c r="HIR732" s="424"/>
      <c r="HIS732" s="423" t="s">
        <v>2795</v>
      </c>
      <c r="HIT732" s="424"/>
      <c r="HIU732" s="424"/>
      <c r="HIV732" s="424"/>
      <c r="HIW732" s="423" t="s">
        <v>2795</v>
      </c>
      <c r="HIX732" s="424"/>
      <c r="HIY732" s="424"/>
      <c r="HIZ732" s="424"/>
      <c r="HJA732" s="423" t="s">
        <v>2795</v>
      </c>
      <c r="HJB732" s="424"/>
      <c r="HJC732" s="424"/>
      <c r="HJD732" s="424"/>
      <c r="HJE732" s="423" t="s">
        <v>2795</v>
      </c>
      <c r="HJF732" s="424"/>
      <c r="HJG732" s="424"/>
      <c r="HJH732" s="424"/>
      <c r="HJI732" s="423" t="s">
        <v>2795</v>
      </c>
      <c r="HJJ732" s="424"/>
      <c r="HJK732" s="424"/>
      <c r="HJL732" s="424"/>
      <c r="HJM732" s="423" t="s">
        <v>2795</v>
      </c>
      <c r="HJN732" s="424"/>
      <c r="HJO732" s="424"/>
      <c r="HJP732" s="424"/>
      <c r="HJQ732" s="423" t="s">
        <v>2795</v>
      </c>
      <c r="HJR732" s="424"/>
      <c r="HJS732" s="424"/>
      <c r="HJT732" s="424"/>
      <c r="HJU732" s="423" t="s">
        <v>2795</v>
      </c>
      <c r="HJV732" s="424"/>
      <c r="HJW732" s="424"/>
      <c r="HJX732" s="424"/>
      <c r="HJY732" s="423" t="s">
        <v>2795</v>
      </c>
      <c r="HJZ732" s="424"/>
      <c r="HKA732" s="424"/>
      <c r="HKB732" s="424"/>
      <c r="HKC732" s="423" t="s">
        <v>2795</v>
      </c>
      <c r="HKD732" s="424"/>
      <c r="HKE732" s="424"/>
      <c r="HKF732" s="424"/>
      <c r="HKG732" s="423" t="s">
        <v>2795</v>
      </c>
      <c r="HKH732" s="424"/>
      <c r="HKI732" s="424"/>
      <c r="HKJ732" s="424"/>
      <c r="HKK732" s="423" t="s">
        <v>2795</v>
      </c>
      <c r="HKL732" s="424"/>
      <c r="HKM732" s="424"/>
      <c r="HKN732" s="424"/>
      <c r="HKO732" s="423" t="s">
        <v>2795</v>
      </c>
      <c r="HKP732" s="424"/>
      <c r="HKQ732" s="424"/>
      <c r="HKR732" s="424"/>
      <c r="HKS732" s="423" t="s">
        <v>2795</v>
      </c>
      <c r="HKT732" s="424"/>
      <c r="HKU732" s="424"/>
      <c r="HKV732" s="424"/>
      <c r="HKW732" s="423" t="s">
        <v>2795</v>
      </c>
      <c r="HKX732" s="424"/>
      <c r="HKY732" s="424"/>
      <c r="HKZ732" s="424"/>
      <c r="HLA732" s="423" t="s">
        <v>2795</v>
      </c>
      <c r="HLB732" s="424"/>
      <c r="HLC732" s="424"/>
      <c r="HLD732" s="424"/>
      <c r="HLE732" s="423" t="s">
        <v>2795</v>
      </c>
      <c r="HLF732" s="424"/>
      <c r="HLG732" s="424"/>
      <c r="HLH732" s="424"/>
      <c r="HLI732" s="423" t="s">
        <v>2795</v>
      </c>
      <c r="HLJ732" s="424"/>
      <c r="HLK732" s="424"/>
      <c r="HLL732" s="424"/>
      <c r="HLM732" s="423" t="s">
        <v>2795</v>
      </c>
      <c r="HLN732" s="424"/>
      <c r="HLO732" s="424"/>
      <c r="HLP732" s="424"/>
      <c r="HLQ732" s="423" t="s">
        <v>2795</v>
      </c>
      <c r="HLR732" s="424"/>
      <c r="HLS732" s="424"/>
      <c r="HLT732" s="424"/>
      <c r="HLU732" s="423" t="s">
        <v>2795</v>
      </c>
      <c r="HLV732" s="424"/>
      <c r="HLW732" s="424"/>
      <c r="HLX732" s="424"/>
      <c r="HLY732" s="423" t="s">
        <v>2795</v>
      </c>
      <c r="HLZ732" s="424"/>
      <c r="HMA732" s="424"/>
      <c r="HMB732" s="424"/>
      <c r="HMC732" s="423" t="s">
        <v>2795</v>
      </c>
      <c r="HMD732" s="424"/>
      <c r="HME732" s="424"/>
      <c r="HMF732" s="424"/>
      <c r="HMG732" s="423" t="s">
        <v>2795</v>
      </c>
      <c r="HMH732" s="424"/>
      <c r="HMI732" s="424"/>
      <c r="HMJ732" s="424"/>
      <c r="HMK732" s="423" t="s">
        <v>2795</v>
      </c>
      <c r="HML732" s="424"/>
      <c r="HMM732" s="424"/>
      <c r="HMN732" s="424"/>
      <c r="HMO732" s="423" t="s">
        <v>2795</v>
      </c>
      <c r="HMP732" s="424"/>
      <c r="HMQ732" s="424"/>
      <c r="HMR732" s="424"/>
      <c r="HMS732" s="423" t="s">
        <v>2795</v>
      </c>
      <c r="HMT732" s="424"/>
      <c r="HMU732" s="424"/>
      <c r="HMV732" s="424"/>
      <c r="HMW732" s="423" t="s">
        <v>2795</v>
      </c>
      <c r="HMX732" s="424"/>
      <c r="HMY732" s="424"/>
      <c r="HMZ732" s="424"/>
      <c r="HNA732" s="423" t="s">
        <v>2795</v>
      </c>
      <c r="HNB732" s="424"/>
      <c r="HNC732" s="424"/>
      <c r="HND732" s="424"/>
      <c r="HNE732" s="423" t="s">
        <v>2795</v>
      </c>
      <c r="HNF732" s="424"/>
      <c r="HNG732" s="424"/>
      <c r="HNH732" s="424"/>
      <c r="HNI732" s="423" t="s">
        <v>2795</v>
      </c>
      <c r="HNJ732" s="424"/>
      <c r="HNK732" s="424"/>
      <c r="HNL732" s="424"/>
      <c r="HNM732" s="423" t="s">
        <v>2795</v>
      </c>
      <c r="HNN732" s="424"/>
      <c r="HNO732" s="424"/>
      <c r="HNP732" s="424"/>
      <c r="HNQ732" s="423" t="s">
        <v>2795</v>
      </c>
      <c r="HNR732" s="424"/>
      <c r="HNS732" s="424"/>
      <c r="HNT732" s="424"/>
      <c r="HNU732" s="423" t="s">
        <v>2795</v>
      </c>
      <c r="HNV732" s="424"/>
      <c r="HNW732" s="424"/>
      <c r="HNX732" s="424"/>
      <c r="HNY732" s="423" t="s">
        <v>2795</v>
      </c>
      <c r="HNZ732" s="424"/>
      <c r="HOA732" s="424"/>
      <c r="HOB732" s="424"/>
      <c r="HOC732" s="423" t="s">
        <v>2795</v>
      </c>
      <c r="HOD732" s="424"/>
      <c r="HOE732" s="424"/>
      <c r="HOF732" s="424"/>
      <c r="HOG732" s="423" t="s">
        <v>2795</v>
      </c>
      <c r="HOH732" s="424"/>
      <c r="HOI732" s="424"/>
      <c r="HOJ732" s="424"/>
      <c r="HOK732" s="423" t="s">
        <v>2795</v>
      </c>
      <c r="HOL732" s="424"/>
      <c r="HOM732" s="424"/>
      <c r="HON732" s="424"/>
      <c r="HOO732" s="423" t="s">
        <v>2795</v>
      </c>
      <c r="HOP732" s="424"/>
      <c r="HOQ732" s="424"/>
      <c r="HOR732" s="424"/>
      <c r="HOS732" s="423" t="s">
        <v>2795</v>
      </c>
      <c r="HOT732" s="424"/>
      <c r="HOU732" s="424"/>
      <c r="HOV732" s="424"/>
      <c r="HOW732" s="423" t="s">
        <v>2795</v>
      </c>
      <c r="HOX732" s="424"/>
      <c r="HOY732" s="424"/>
      <c r="HOZ732" s="424"/>
      <c r="HPA732" s="423" t="s">
        <v>2795</v>
      </c>
      <c r="HPB732" s="424"/>
      <c r="HPC732" s="424"/>
      <c r="HPD732" s="424"/>
      <c r="HPE732" s="423" t="s">
        <v>2795</v>
      </c>
      <c r="HPF732" s="424"/>
      <c r="HPG732" s="424"/>
      <c r="HPH732" s="424"/>
      <c r="HPI732" s="423" t="s">
        <v>2795</v>
      </c>
      <c r="HPJ732" s="424"/>
      <c r="HPK732" s="424"/>
      <c r="HPL732" s="424"/>
      <c r="HPM732" s="423" t="s">
        <v>2795</v>
      </c>
      <c r="HPN732" s="424"/>
      <c r="HPO732" s="424"/>
      <c r="HPP732" s="424"/>
      <c r="HPQ732" s="423" t="s">
        <v>2795</v>
      </c>
      <c r="HPR732" s="424"/>
      <c r="HPS732" s="424"/>
      <c r="HPT732" s="424"/>
      <c r="HPU732" s="423" t="s">
        <v>2795</v>
      </c>
      <c r="HPV732" s="424"/>
      <c r="HPW732" s="424"/>
      <c r="HPX732" s="424"/>
      <c r="HPY732" s="423" t="s">
        <v>2795</v>
      </c>
      <c r="HPZ732" s="424"/>
      <c r="HQA732" s="424"/>
      <c r="HQB732" s="424"/>
      <c r="HQC732" s="423" t="s">
        <v>2795</v>
      </c>
      <c r="HQD732" s="424"/>
      <c r="HQE732" s="424"/>
      <c r="HQF732" s="424"/>
      <c r="HQG732" s="423" t="s">
        <v>2795</v>
      </c>
      <c r="HQH732" s="424"/>
      <c r="HQI732" s="424"/>
      <c r="HQJ732" s="424"/>
      <c r="HQK732" s="423" t="s">
        <v>2795</v>
      </c>
      <c r="HQL732" s="424"/>
      <c r="HQM732" s="424"/>
      <c r="HQN732" s="424"/>
      <c r="HQO732" s="423" t="s">
        <v>2795</v>
      </c>
      <c r="HQP732" s="424"/>
      <c r="HQQ732" s="424"/>
      <c r="HQR732" s="424"/>
      <c r="HQS732" s="423" t="s">
        <v>2795</v>
      </c>
      <c r="HQT732" s="424"/>
      <c r="HQU732" s="424"/>
      <c r="HQV732" s="424"/>
      <c r="HQW732" s="423" t="s">
        <v>2795</v>
      </c>
      <c r="HQX732" s="424"/>
      <c r="HQY732" s="424"/>
      <c r="HQZ732" s="424"/>
      <c r="HRA732" s="423" t="s">
        <v>2795</v>
      </c>
      <c r="HRB732" s="424"/>
      <c r="HRC732" s="424"/>
      <c r="HRD732" s="424"/>
      <c r="HRE732" s="423" t="s">
        <v>2795</v>
      </c>
      <c r="HRF732" s="424"/>
      <c r="HRG732" s="424"/>
      <c r="HRH732" s="424"/>
      <c r="HRI732" s="423" t="s">
        <v>2795</v>
      </c>
      <c r="HRJ732" s="424"/>
      <c r="HRK732" s="424"/>
      <c r="HRL732" s="424"/>
      <c r="HRM732" s="423" t="s">
        <v>2795</v>
      </c>
      <c r="HRN732" s="424"/>
      <c r="HRO732" s="424"/>
      <c r="HRP732" s="424"/>
      <c r="HRQ732" s="423" t="s">
        <v>2795</v>
      </c>
      <c r="HRR732" s="424"/>
      <c r="HRS732" s="424"/>
      <c r="HRT732" s="424"/>
      <c r="HRU732" s="423" t="s">
        <v>2795</v>
      </c>
      <c r="HRV732" s="424"/>
      <c r="HRW732" s="424"/>
      <c r="HRX732" s="424"/>
      <c r="HRY732" s="423" t="s">
        <v>2795</v>
      </c>
      <c r="HRZ732" s="424"/>
      <c r="HSA732" s="424"/>
      <c r="HSB732" s="424"/>
      <c r="HSC732" s="423" t="s">
        <v>2795</v>
      </c>
      <c r="HSD732" s="424"/>
      <c r="HSE732" s="424"/>
      <c r="HSF732" s="424"/>
      <c r="HSG732" s="423" t="s">
        <v>2795</v>
      </c>
      <c r="HSH732" s="424"/>
      <c r="HSI732" s="424"/>
      <c r="HSJ732" s="424"/>
      <c r="HSK732" s="423" t="s">
        <v>2795</v>
      </c>
      <c r="HSL732" s="424"/>
      <c r="HSM732" s="424"/>
      <c r="HSN732" s="424"/>
      <c r="HSO732" s="423" t="s">
        <v>2795</v>
      </c>
      <c r="HSP732" s="424"/>
      <c r="HSQ732" s="424"/>
      <c r="HSR732" s="424"/>
      <c r="HSS732" s="423" t="s">
        <v>2795</v>
      </c>
      <c r="HST732" s="424"/>
      <c r="HSU732" s="424"/>
      <c r="HSV732" s="424"/>
      <c r="HSW732" s="423" t="s">
        <v>2795</v>
      </c>
      <c r="HSX732" s="424"/>
      <c r="HSY732" s="424"/>
      <c r="HSZ732" s="424"/>
      <c r="HTA732" s="423" t="s">
        <v>2795</v>
      </c>
      <c r="HTB732" s="424"/>
      <c r="HTC732" s="424"/>
      <c r="HTD732" s="424"/>
      <c r="HTE732" s="423" t="s">
        <v>2795</v>
      </c>
      <c r="HTF732" s="424"/>
      <c r="HTG732" s="424"/>
      <c r="HTH732" s="424"/>
      <c r="HTI732" s="423" t="s">
        <v>2795</v>
      </c>
      <c r="HTJ732" s="424"/>
      <c r="HTK732" s="424"/>
      <c r="HTL732" s="424"/>
      <c r="HTM732" s="423" t="s">
        <v>2795</v>
      </c>
      <c r="HTN732" s="424"/>
      <c r="HTO732" s="424"/>
      <c r="HTP732" s="424"/>
      <c r="HTQ732" s="423" t="s">
        <v>2795</v>
      </c>
      <c r="HTR732" s="424"/>
      <c r="HTS732" s="424"/>
      <c r="HTT732" s="424"/>
      <c r="HTU732" s="423" t="s">
        <v>2795</v>
      </c>
      <c r="HTV732" s="424"/>
      <c r="HTW732" s="424"/>
      <c r="HTX732" s="424"/>
      <c r="HTY732" s="423" t="s">
        <v>2795</v>
      </c>
      <c r="HTZ732" s="424"/>
      <c r="HUA732" s="424"/>
      <c r="HUB732" s="424"/>
      <c r="HUC732" s="423" t="s">
        <v>2795</v>
      </c>
      <c r="HUD732" s="424"/>
      <c r="HUE732" s="424"/>
      <c r="HUF732" s="424"/>
      <c r="HUG732" s="423" t="s">
        <v>2795</v>
      </c>
      <c r="HUH732" s="424"/>
      <c r="HUI732" s="424"/>
      <c r="HUJ732" s="424"/>
      <c r="HUK732" s="423" t="s">
        <v>2795</v>
      </c>
      <c r="HUL732" s="424"/>
      <c r="HUM732" s="424"/>
      <c r="HUN732" s="424"/>
      <c r="HUO732" s="423" t="s">
        <v>2795</v>
      </c>
      <c r="HUP732" s="424"/>
      <c r="HUQ732" s="424"/>
      <c r="HUR732" s="424"/>
      <c r="HUS732" s="423" t="s">
        <v>2795</v>
      </c>
      <c r="HUT732" s="424"/>
      <c r="HUU732" s="424"/>
      <c r="HUV732" s="424"/>
      <c r="HUW732" s="423" t="s">
        <v>2795</v>
      </c>
      <c r="HUX732" s="424"/>
      <c r="HUY732" s="424"/>
      <c r="HUZ732" s="424"/>
      <c r="HVA732" s="423" t="s">
        <v>2795</v>
      </c>
      <c r="HVB732" s="424"/>
      <c r="HVC732" s="424"/>
      <c r="HVD732" s="424"/>
      <c r="HVE732" s="423" t="s">
        <v>2795</v>
      </c>
      <c r="HVF732" s="424"/>
      <c r="HVG732" s="424"/>
      <c r="HVH732" s="424"/>
      <c r="HVI732" s="423" t="s">
        <v>2795</v>
      </c>
      <c r="HVJ732" s="424"/>
      <c r="HVK732" s="424"/>
      <c r="HVL732" s="424"/>
      <c r="HVM732" s="423" t="s">
        <v>2795</v>
      </c>
      <c r="HVN732" s="424"/>
      <c r="HVO732" s="424"/>
      <c r="HVP732" s="424"/>
      <c r="HVQ732" s="423" t="s">
        <v>2795</v>
      </c>
      <c r="HVR732" s="424"/>
      <c r="HVS732" s="424"/>
      <c r="HVT732" s="424"/>
      <c r="HVU732" s="423" t="s">
        <v>2795</v>
      </c>
      <c r="HVV732" s="424"/>
      <c r="HVW732" s="424"/>
      <c r="HVX732" s="424"/>
      <c r="HVY732" s="423" t="s">
        <v>2795</v>
      </c>
      <c r="HVZ732" s="424"/>
      <c r="HWA732" s="424"/>
      <c r="HWB732" s="424"/>
      <c r="HWC732" s="423" t="s">
        <v>2795</v>
      </c>
      <c r="HWD732" s="424"/>
      <c r="HWE732" s="424"/>
      <c r="HWF732" s="424"/>
      <c r="HWG732" s="423" t="s">
        <v>2795</v>
      </c>
      <c r="HWH732" s="424"/>
      <c r="HWI732" s="424"/>
      <c r="HWJ732" s="424"/>
      <c r="HWK732" s="423" t="s">
        <v>2795</v>
      </c>
      <c r="HWL732" s="424"/>
      <c r="HWM732" s="424"/>
      <c r="HWN732" s="424"/>
      <c r="HWO732" s="423" t="s">
        <v>2795</v>
      </c>
      <c r="HWP732" s="424"/>
      <c r="HWQ732" s="424"/>
      <c r="HWR732" s="424"/>
      <c r="HWS732" s="423" t="s">
        <v>2795</v>
      </c>
      <c r="HWT732" s="424"/>
      <c r="HWU732" s="424"/>
      <c r="HWV732" s="424"/>
      <c r="HWW732" s="423" t="s">
        <v>2795</v>
      </c>
      <c r="HWX732" s="424"/>
      <c r="HWY732" s="424"/>
      <c r="HWZ732" s="424"/>
      <c r="HXA732" s="423" t="s">
        <v>2795</v>
      </c>
      <c r="HXB732" s="424"/>
      <c r="HXC732" s="424"/>
      <c r="HXD732" s="424"/>
      <c r="HXE732" s="423" t="s">
        <v>2795</v>
      </c>
      <c r="HXF732" s="424"/>
      <c r="HXG732" s="424"/>
      <c r="HXH732" s="424"/>
      <c r="HXI732" s="423" t="s">
        <v>2795</v>
      </c>
      <c r="HXJ732" s="424"/>
      <c r="HXK732" s="424"/>
      <c r="HXL732" s="424"/>
      <c r="HXM732" s="423" t="s">
        <v>2795</v>
      </c>
      <c r="HXN732" s="424"/>
      <c r="HXO732" s="424"/>
      <c r="HXP732" s="424"/>
      <c r="HXQ732" s="423" t="s">
        <v>2795</v>
      </c>
      <c r="HXR732" s="424"/>
      <c r="HXS732" s="424"/>
      <c r="HXT732" s="424"/>
      <c r="HXU732" s="423" t="s">
        <v>2795</v>
      </c>
      <c r="HXV732" s="424"/>
      <c r="HXW732" s="424"/>
      <c r="HXX732" s="424"/>
      <c r="HXY732" s="423" t="s">
        <v>2795</v>
      </c>
      <c r="HXZ732" s="424"/>
      <c r="HYA732" s="424"/>
      <c r="HYB732" s="424"/>
      <c r="HYC732" s="423" t="s">
        <v>2795</v>
      </c>
      <c r="HYD732" s="424"/>
      <c r="HYE732" s="424"/>
      <c r="HYF732" s="424"/>
      <c r="HYG732" s="423" t="s">
        <v>2795</v>
      </c>
      <c r="HYH732" s="424"/>
      <c r="HYI732" s="424"/>
      <c r="HYJ732" s="424"/>
      <c r="HYK732" s="423" t="s">
        <v>2795</v>
      </c>
      <c r="HYL732" s="424"/>
      <c r="HYM732" s="424"/>
      <c r="HYN732" s="424"/>
      <c r="HYO732" s="423" t="s">
        <v>2795</v>
      </c>
      <c r="HYP732" s="424"/>
      <c r="HYQ732" s="424"/>
      <c r="HYR732" s="424"/>
      <c r="HYS732" s="423" t="s">
        <v>2795</v>
      </c>
      <c r="HYT732" s="424"/>
      <c r="HYU732" s="424"/>
      <c r="HYV732" s="424"/>
      <c r="HYW732" s="423" t="s">
        <v>2795</v>
      </c>
      <c r="HYX732" s="424"/>
      <c r="HYY732" s="424"/>
      <c r="HYZ732" s="424"/>
      <c r="HZA732" s="423" t="s">
        <v>2795</v>
      </c>
      <c r="HZB732" s="424"/>
      <c r="HZC732" s="424"/>
      <c r="HZD732" s="424"/>
      <c r="HZE732" s="423" t="s">
        <v>2795</v>
      </c>
      <c r="HZF732" s="424"/>
      <c r="HZG732" s="424"/>
      <c r="HZH732" s="424"/>
      <c r="HZI732" s="423" t="s">
        <v>2795</v>
      </c>
      <c r="HZJ732" s="424"/>
      <c r="HZK732" s="424"/>
      <c r="HZL732" s="424"/>
      <c r="HZM732" s="423" t="s">
        <v>2795</v>
      </c>
      <c r="HZN732" s="424"/>
      <c r="HZO732" s="424"/>
      <c r="HZP732" s="424"/>
      <c r="HZQ732" s="423" t="s">
        <v>2795</v>
      </c>
      <c r="HZR732" s="424"/>
      <c r="HZS732" s="424"/>
      <c r="HZT732" s="424"/>
      <c r="HZU732" s="423" t="s">
        <v>2795</v>
      </c>
      <c r="HZV732" s="424"/>
      <c r="HZW732" s="424"/>
      <c r="HZX732" s="424"/>
      <c r="HZY732" s="423" t="s">
        <v>2795</v>
      </c>
      <c r="HZZ732" s="424"/>
      <c r="IAA732" s="424"/>
      <c r="IAB732" s="424"/>
      <c r="IAC732" s="423" t="s">
        <v>2795</v>
      </c>
      <c r="IAD732" s="424"/>
      <c r="IAE732" s="424"/>
      <c r="IAF732" s="424"/>
      <c r="IAG732" s="423" t="s">
        <v>2795</v>
      </c>
      <c r="IAH732" s="424"/>
      <c r="IAI732" s="424"/>
      <c r="IAJ732" s="424"/>
      <c r="IAK732" s="423" t="s">
        <v>2795</v>
      </c>
      <c r="IAL732" s="424"/>
      <c r="IAM732" s="424"/>
      <c r="IAN732" s="424"/>
      <c r="IAO732" s="423" t="s">
        <v>2795</v>
      </c>
      <c r="IAP732" s="424"/>
      <c r="IAQ732" s="424"/>
      <c r="IAR732" s="424"/>
      <c r="IAS732" s="423" t="s">
        <v>2795</v>
      </c>
      <c r="IAT732" s="424"/>
      <c r="IAU732" s="424"/>
      <c r="IAV732" s="424"/>
      <c r="IAW732" s="423" t="s">
        <v>2795</v>
      </c>
      <c r="IAX732" s="424"/>
      <c r="IAY732" s="424"/>
      <c r="IAZ732" s="424"/>
      <c r="IBA732" s="423" t="s">
        <v>2795</v>
      </c>
      <c r="IBB732" s="424"/>
      <c r="IBC732" s="424"/>
      <c r="IBD732" s="424"/>
      <c r="IBE732" s="423" t="s">
        <v>2795</v>
      </c>
      <c r="IBF732" s="424"/>
      <c r="IBG732" s="424"/>
      <c r="IBH732" s="424"/>
      <c r="IBI732" s="423" t="s">
        <v>2795</v>
      </c>
      <c r="IBJ732" s="424"/>
      <c r="IBK732" s="424"/>
      <c r="IBL732" s="424"/>
      <c r="IBM732" s="423" t="s">
        <v>2795</v>
      </c>
      <c r="IBN732" s="424"/>
      <c r="IBO732" s="424"/>
      <c r="IBP732" s="424"/>
      <c r="IBQ732" s="423" t="s">
        <v>2795</v>
      </c>
      <c r="IBR732" s="424"/>
      <c r="IBS732" s="424"/>
      <c r="IBT732" s="424"/>
      <c r="IBU732" s="423" t="s">
        <v>2795</v>
      </c>
      <c r="IBV732" s="424"/>
      <c r="IBW732" s="424"/>
      <c r="IBX732" s="424"/>
      <c r="IBY732" s="423" t="s">
        <v>2795</v>
      </c>
      <c r="IBZ732" s="424"/>
      <c r="ICA732" s="424"/>
      <c r="ICB732" s="424"/>
      <c r="ICC732" s="423" t="s">
        <v>2795</v>
      </c>
      <c r="ICD732" s="424"/>
      <c r="ICE732" s="424"/>
      <c r="ICF732" s="424"/>
      <c r="ICG732" s="423" t="s">
        <v>2795</v>
      </c>
      <c r="ICH732" s="424"/>
      <c r="ICI732" s="424"/>
      <c r="ICJ732" s="424"/>
      <c r="ICK732" s="423" t="s">
        <v>2795</v>
      </c>
      <c r="ICL732" s="424"/>
      <c r="ICM732" s="424"/>
      <c r="ICN732" s="424"/>
      <c r="ICO732" s="423" t="s">
        <v>2795</v>
      </c>
      <c r="ICP732" s="424"/>
      <c r="ICQ732" s="424"/>
      <c r="ICR732" s="424"/>
      <c r="ICS732" s="423" t="s">
        <v>2795</v>
      </c>
      <c r="ICT732" s="424"/>
      <c r="ICU732" s="424"/>
      <c r="ICV732" s="424"/>
      <c r="ICW732" s="423" t="s">
        <v>2795</v>
      </c>
      <c r="ICX732" s="424"/>
      <c r="ICY732" s="424"/>
      <c r="ICZ732" s="424"/>
      <c r="IDA732" s="423" t="s">
        <v>2795</v>
      </c>
      <c r="IDB732" s="424"/>
      <c r="IDC732" s="424"/>
      <c r="IDD732" s="424"/>
      <c r="IDE732" s="423" t="s">
        <v>2795</v>
      </c>
      <c r="IDF732" s="424"/>
      <c r="IDG732" s="424"/>
      <c r="IDH732" s="424"/>
      <c r="IDI732" s="423" t="s">
        <v>2795</v>
      </c>
      <c r="IDJ732" s="424"/>
      <c r="IDK732" s="424"/>
      <c r="IDL732" s="424"/>
      <c r="IDM732" s="423" t="s">
        <v>2795</v>
      </c>
      <c r="IDN732" s="424"/>
      <c r="IDO732" s="424"/>
      <c r="IDP732" s="424"/>
      <c r="IDQ732" s="423" t="s">
        <v>2795</v>
      </c>
      <c r="IDR732" s="424"/>
      <c r="IDS732" s="424"/>
      <c r="IDT732" s="424"/>
      <c r="IDU732" s="423" t="s">
        <v>2795</v>
      </c>
      <c r="IDV732" s="424"/>
      <c r="IDW732" s="424"/>
      <c r="IDX732" s="424"/>
      <c r="IDY732" s="423" t="s">
        <v>2795</v>
      </c>
      <c r="IDZ732" s="424"/>
      <c r="IEA732" s="424"/>
      <c r="IEB732" s="424"/>
      <c r="IEC732" s="423" t="s">
        <v>2795</v>
      </c>
      <c r="IED732" s="424"/>
      <c r="IEE732" s="424"/>
      <c r="IEF732" s="424"/>
      <c r="IEG732" s="423" t="s">
        <v>2795</v>
      </c>
      <c r="IEH732" s="424"/>
      <c r="IEI732" s="424"/>
      <c r="IEJ732" s="424"/>
      <c r="IEK732" s="423" t="s">
        <v>2795</v>
      </c>
      <c r="IEL732" s="424"/>
      <c r="IEM732" s="424"/>
      <c r="IEN732" s="424"/>
      <c r="IEO732" s="423" t="s">
        <v>2795</v>
      </c>
      <c r="IEP732" s="424"/>
      <c r="IEQ732" s="424"/>
      <c r="IER732" s="424"/>
      <c r="IES732" s="423" t="s">
        <v>2795</v>
      </c>
      <c r="IET732" s="424"/>
      <c r="IEU732" s="424"/>
      <c r="IEV732" s="424"/>
      <c r="IEW732" s="423" t="s">
        <v>2795</v>
      </c>
      <c r="IEX732" s="424"/>
      <c r="IEY732" s="424"/>
      <c r="IEZ732" s="424"/>
      <c r="IFA732" s="423" t="s">
        <v>2795</v>
      </c>
      <c r="IFB732" s="424"/>
      <c r="IFC732" s="424"/>
      <c r="IFD732" s="424"/>
      <c r="IFE732" s="423" t="s">
        <v>2795</v>
      </c>
      <c r="IFF732" s="424"/>
      <c r="IFG732" s="424"/>
      <c r="IFH732" s="424"/>
      <c r="IFI732" s="423" t="s">
        <v>2795</v>
      </c>
      <c r="IFJ732" s="424"/>
      <c r="IFK732" s="424"/>
      <c r="IFL732" s="424"/>
      <c r="IFM732" s="423" t="s">
        <v>2795</v>
      </c>
      <c r="IFN732" s="424"/>
      <c r="IFO732" s="424"/>
      <c r="IFP732" s="424"/>
      <c r="IFQ732" s="423" t="s">
        <v>2795</v>
      </c>
      <c r="IFR732" s="424"/>
      <c r="IFS732" s="424"/>
      <c r="IFT732" s="424"/>
      <c r="IFU732" s="423" t="s">
        <v>2795</v>
      </c>
      <c r="IFV732" s="424"/>
      <c r="IFW732" s="424"/>
      <c r="IFX732" s="424"/>
      <c r="IFY732" s="423" t="s">
        <v>2795</v>
      </c>
      <c r="IFZ732" s="424"/>
      <c r="IGA732" s="424"/>
      <c r="IGB732" s="424"/>
      <c r="IGC732" s="423" t="s">
        <v>2795</v>
      </c>
      <c r="IGD732" s="424"/>
      <c r="IGE732" s="424"/>
      <c r="IGF732" s="424"/>
      <c r="IGG732" s="423" t="s">
        <v>2795</v>
      </c>
      <c r="IGH732" s="424"/>
      <c r="IGI732" s="424"/>
      <c r="IGJ732" s="424"/>
      <c r="IGK732" s="423" t="s">
        <v>2795</v>
      </c>
      <c r="IGL732" s="424"/>
      <c r="IGM732" s="424"/>
      <c r="IGN732" s="424"/>
      <c r="IGO732" s="423" t="s">
        <v>2795</v>
      </c>
      <c r="IGP732" s="424"/>
      <c r="IGQ732" s="424"/>
      <c r="IGR732" s="424"/>
      <c r="IGS732" s="423" t="s">
        <v>2795</v>
      </c>
      <c r="IGT732" s="424"/>
      <c r="IGU732" s="424"/>
      <c r="IGV732" s="424"/>
      <c r="IGW732" s="423" t="s">
        <v>2795</v>
      </c>
      <c r="IGX732" s="424"/>
      <c r="IGY732" s="424"/>
      <c r="IGZ732" s="424"/>
      <c r="IHA732" s="423" t="s">
        <v>2795</v>
      </c>
      <c r="IHB732" s="424"/>
      <c r="IHC732" s="424"/>
      <c r="IHD732" s="424"/>
      <c r="IHE732" s="423" t="s">
        <v>2795</v>
      </c>
      <c r="IHF732" s="424"/>
      <c r="IHG732" s="424"/>
      <c r="IHH732" s="424"/>
      <c r="IHI732" s="423" t="s">
        <v>2795</v>
      </c>
      <c r="IHJ732" s="424"/>
      <c r="IHK732" s="424"/>
      <c r="IHL732" s="424"/>
      <c r="IHM732" s="423" t="s">
        <v>2795</v>
      </c>
      <c r="IHN732" s="424"/>
      <c r="IHO732" s="424"/>
      <c r="IHP732" s="424"/>
      <c r="IHQ732" s="423" t="s">
        <v>2795</v>
      </c>
      <c r="IHR732" s="424"/>
      <c r="IHS732" s="424"/>
      <c r="IHT732" s="424"/>
      <c r="IHU732" s="423" t="s">
        <v>2795</v>
      </c>
      <c r="IHV732" s="424"/>
      <c r="IHW732" s="424"/>
      <c r="IHX732" s="424"/>
      <c r="IHY732" s="423" t="s">
        <v>2795</v>
      </c>
      <c r="IHZ732" s="424"/>
      <c r="IIA732" s="424"/>
      <c r="IIB732" s="424"/>
      <c r="IIC732" s="423" t="s">
        <v>2795</v>
      </c>
      <c r="IID732" s="424"/>
      <c r="IIE732" s="424"/>
      <c r="IIF732" s="424"/>
      <c r="IIG732" s="423" t="s">
        <v>2795</v>
      </c>
      <c r="IIH732" s="424"/>
      <c r="III732" s="424"/>
      <c r="IIJ732" s="424"/>
      <c r="IIK732" s="423" t="s">
        <v>2795</v>
      </c>
      <c r="IIL732" s="424"/>
      <c r="IIM732" s="424"/>
      <c r="IIN732" s="424"/>
      <c r="IIO732" s="423" t="s">
        <v>2795</v>
      </c>
      <c r="IIP732" s="424"/>
      <c r="IIQ732" s="424"/>
      <c r="IIR732" s="424"/>
      <c r="IIS732" s="423" t="s">
        <v>2795</v>
      </c>
      <c r="IIT732" s="424"/>
      <c r="IIU732" s="424"/>
      <c r="IIV732" s="424"/>
      <c r="IIW732" s="423" t="s">
        <v>2795</v>
      </c>
      <c r="IIX732" s="424"/>
      <c r="IIY732" s="424"/>
      <c r="IIZ732" s="424"/>
      <c r="IJA732" s="423" t="s">
        <v>2795</v>
      </c>
      <c r="IJB732" s="424"/>
      <c r="IJC732" s="424"/>
      <c r="IJD732" s="424"/>
      <c r="IJE732" s="423" t="s">
        <v>2795</v>
      </c>
      <c r="IJF732" s="424"/>
      <c r="IJG732" s="424"/>
      <c r="IJH732" s="424"/>
      <c r="IJI732" s="423" t="s">
        <v>2795</v>
      </c>
      <c r="IJJ732" s="424"/>
      <c r="IJK732" s="424"/>
      <c r="IJL732" s="424"/>
      <c r="IJM732" s="423" t="s">
        <v>2795</v>
      </c>
      <c r="IJN732" s="424"/>
      <c r="IJO732" s="424"/>
      <c r="IJP732" s="424"/>
      <c r="IJQ732" s="423" t="s">
        <v>2795</v>
      </c>
      <c r="IJR732" s="424"/>
      <c r="IJS732" s="424"/>
      <c r="IJT732" s="424"/>
      <c r="IJU732" s="423" t="s">
        <v>2795</v>
      </c>
      <c r="IJV732" s="424"/>
      <c r="IJW732" s="424"/>
      <c r="IJX732" s="424"/>
      <c r="IJY732" s="423" t="s">
        <v>2795</v>
      </c>
      <c r="IJZ732" s="424"/>
      <c r="IKA732" s="424"/>
      <c r="IKB732" s="424"/>
      <c r="IKC732" s="423" t="s">
        <v>2795</v>
      </c>
      <c r="IKD732" s="424"/>
      <c r="IKE732" s="424"/>
      <c r="IKF732" s="424"/>
      <c r="IKG732" s="423" t="s">
        <v>2795</v>
      </c>
      <c r="IKH732" s="424"/>
      <c r="IKI732" s="424"/>
      <c r="IKJ732" s="424"/>
      <c r="IKK732" s="423" t="s">
        <v>2795</v>
      </c>
      <c r="IKL732" s="424"/>
      <c r="IKM732" s="424"/>
      <c r="IKN732" s="424"/>
      <c r="IKO732" s="423" t="s">
        <v>2795</v>
      </c>
      <c r="IKP732" s="424"/>
      <c r="IKQ732" s="424"/>
      <c r="IKR732" s="424"/>
      <c r="IKS732" s="423" t="s">
        <v>2795</v>
      </c>
      <c r="IKT732" s="424"/>
      <c r="IKU732" s="424"/>
      <c r="IKV732" s="424"/>
      <c r="IKW732" s="423" t="s">
        <v>2795</v>
      </c>
      <c r="IKX732" s="424"/>
      <c r="IKY732" s="424"/>
      <c r="IKZ732" s="424"/>
      <c r="ILA732" s="423" t="s">
        <v>2795</v>
      </c>
      <c r="ILB732" s="424"/>
      <c r="ILC732" s="424"/>
      <c r="ILD732" s="424"/>
      <c r="ILE732" s="423" t="s">
        <v>2795</v>
      </c>
      <c r="ILF732" s="424"/>
      <c r="ILG732" s="424"/>
      <c r="ILH732" s="424"/>
      <c r="ILI732" s="423" t="s">
        <v>2795</v>
      </c>
      <c r="ILJ732" s="424"/>
      <c r="ILK732" s="424"/>
      <c r="ILL732" s="424"/>
      <c r="ILM732" s="423" t="s">
        <v>2795</v>
      </c>
      <c r="ILN732" s="424"/>
      <c r="ILO732" s="424"/>
      <c r="ILP732" s="424"/>
      <c r="ILQ732" s="423" t="s">
        <v>2795</v>
      </c>
      <c r="ILR732" s="424"/>
      <c r="ILS732" s="424"/>
      <c r="ILT732" s="424"/>
      <c r="ILU732" s="423" t="s">
        <v>2795</v>
      </c>
      <c r="ILV732" s="424"/>
      <c r="ILW732" s="424"/>
      <c r="ILX732" s="424"/>
      <c r="ILY732" s="423" t="s">
        <v>2795</v>
      </c>
      <c r="ILZ732" s="424"/>
      <c r="IMA732" s="424"/>
      <c r="IMB732" s="424"/>
      <c r="IMC732" s="423" t="s">
        <v>2795</v>
      </c>
      <c r="IMD732" s="424"/>
      <c r="IME732" s="424"/>
      <c r="IMF732" s="424"/>
      <c r="IMG732" s="423" t="s">
        <v>2795</v>
      </c>
      <c r="IMH732" s="424"/>
      <c r="IMI732" s="424"/>
      <c r="IMJ732" s="424"/>
      <c r="IMK732" s="423" t="s">
        <v>2795</v>
      </c>
      <c r="IML732" s="424"/>
      <c r="IMM732" s="424"/>
      <c r="IMN732" s="424"/>
      <c r="IMO732" s="423" t="s">
        <v>2795</v>
      </c>
      <c r="IMP732" s="424"/>
      <c r="IMQ732" s="424"/>
      <c r="IMR732" s="424"/>
      <c r="IMS732" s="423" t="s">
        <v>2795</v>
      </c>
      <c r="IMT732" s="424"/>
      <c r="IMU732" s="424"/>
      <c r="IMV732" s="424"/>
      <c r="IMW732" s="423" t="s">
        <v>2795</v>
      </c>
      <c r="IMX732" s="424"/>
      <c r="IMY732" s="424"/>
      <c r="IMZ732" s="424"/>
      <c r="INA732" s="423" t="s">
        <v>2795</v>
      </c>
      <c r="INB732" s="424"/>
      <c r="INC732" s="424"/>
      <c r="IND732" s="424"/>
      <c r="INE732" s="423" t="s">
        <v>2795</v>
      </c>
      <c r="INF732" s="424"/>
      <c r="ING732" s="424"/>
      <c r="INH732" s="424"/>
      <c r="INI732" s="423" t="s">
        <v>2795</v>
      </c>
      <c r="INJ732" s="424"/>
      <c r="INK732" s="424"/>
      <c r="INL732" s="424"/>
      <c r="INM732" s="423" t="s">
        <v>2795</v>
      </c>
      <c r="INN732" s="424"/>
      <c r="INO732" s="424"/>
      <c r="INP732" s="424"/>
      <c r="INQ732" s="423" t="s">
        <v>2795</v>
      </c>
      <c r="INR732" s="424"/>
      <c r="INS732" s="424"/>
      <c r="INT732" s="424"/>
      <c r="INU732" s="423" t="s">
        <v>2795</v>
      </c>
      <c r="INV732" s="424"/>
      <c r="INW732" s="424"/>
      <c r="INX732" s="424"/>
      <c r="INY732" s="423" t="s">
        <v>2795</v>
      </c>
      <c r="INZ732" s="424"/>
      <c r="IOA732" s="424"/>
      <c r="IOB732" s="424"/>
      <c r="IOC732" s="423" t="s">
        <v>2795</v>
      </c>
      <c r="IOD732" s="424"/>
      <c r="IOE732" s="424"/>
      <c r="IOF732" s="424"/>
      <c r="IOG732" s="423" t="s">
        <v>2795</v>
      </c>
      <c r="IOH732" s="424"/>
      <c r="IOI732" s="424"/>
      <c r="IOJ732" s="424"/>
      <c r="IOK732" s="423" t="s">
        <v>2795</v>
      </c>
      <c r="IOL732" s="424"/>
      <c r="IOM732" s="424"/>
      <c r="ION732" s="424"/>
      <c r="IOO732" s="423" t="s">
        <v>2795</v>
      </c>
      <c r="IOP732" s="424"/>
      <c r="IOQ732" s="424"/>
      <c r="IOR732" s="424"/>
      <c r="IOS732" s="423" t="s">
        <v>2795</v>
      </c>
      <c r="IOT732" s="424"/>
      <c r="IOU732" s="424"/>
      <c r="IOV732" s="424"/>
      <c r="IOW732" s="423" t="s">
        <v>2795</v>
      </c>
      <c r="IOX732" s="424"/>
      <c r="IOY732" s="424"/>
      <c r="IOZ732" s="424"/>
      <c r="IPA732" s="423" t="s">
        <v>2795</v>
      </c>
      <c r="IPB732" s="424"/>
      <c r="IPC732" s="424"/>
      <c r="IPD732" s="424"/>
      <c r="IPE732" s="423" t="s">
        <v>2795</v>
      </c>
      <c r="IPF732" s="424"/>
      <c r="IPG732" s="424"/>
      <c r="IPH732" s="424"/>
      <c r="IPI732" s="423" t="s">
        <v>2795</v>
      </c>
      <c r="IPJ732" s="424"/>
      <c r="IPK732" s="424"/>
      <c r="IPL732" s="424"/>
      <c r="IPM732" s="423" t="s">
        <v>2795</v>
      </c>
      <c r="IPN732" s="424"/>
      <c r="IPO732" s="424"/>
      <c r="IPP732" s="424"/>
      <c r="IPQ732" s="423" t="s">
        <v>2795</v>
      </c>
      <c r="IPR732" s="424"/>
      <c r="IPS732" s="424"/>
      <c r="IPT732" s="424"/>
      <c r="IPU732" s="423" t="s">
        <v>2795</v>
      </c>
      <c r="IPV732" s="424"/>
      <c r="IPW732" s="424"/>
      <c r="IPX732" s="424"/>
      <c r="IPY732" s="423" t="s">
        <v>2795</v>
      </c>
      <c r="IPZ732" s="424"/>
      <c r="IQA732" s="424"/>
      <c r="IQB732" s="424"/>
      <c r="IQC732" s="423" t="s">
        <v>2795</v>
      </c>
      <c r="IQD732" s="424"/>
      <c r="IQE732" s="424"/>
      <c r="IQF732" s="424"/>
      <c r="IQG732" s="423" t="s">
        <v>2795</v>
      </c>
      <c r="IQH732" s="424"/>
      <c r="IQI732" s="424"/>
      <c r="IQJ732" s="424"/>
      <c r="IQK732" s="423" t="s">
        <v>2795</v>
      </c>
      <c r="IQL732" s="424"/>
      <c r="IQM732" s="424"/>
      <c r="IQN732" s="424"/>
      <c r="IQO732" s="423" t="s">
        <v>2795</v>
      </c>
      <c r="IQP732" s="424"/>
      <c r="IQQ732" s="424"/>
      <c r="IQR732" s="424"/>
      <c r="IQS732" s="423" t="s">
        <v>2795</v>
      </c>
      <c r="IQT732" s="424"/>
      <c r="IQU732" s="424"/>
      <c r="IQV732" s="424"/>
      <c r="IQW732" s="423" t="s">
        <v>2795</v>
      </c>
      <c r="IQX732" s="424"/>
      <c r="IQY732" s="424"/>
      <c r="IQZ732" s="424"/>
      <c r="IRA732" s="423" t="s">
        <v>2795</v>
      </c>
      <c r="IRB732" s="424"/>
      <c r="IRC732" s="424"/>
      <c r="IRD732" s="424"/>
      <c r="IRE732" s="423" t="s">
        <v>2795</v>
      </c>
      <c r="IRF732" s="424"/>
      <c r="IRG732" s="424"/>
      <c r="IRH732" s="424"/>
      <c r="IRI732" s="423" t="s">
        <v>2795</v>
      </c>
      <c r="IRJ732" s="424"/>
      <c r="IRK732" s="424"/>
      <c r="IRL732" s="424"/>
      <c r="IRM732" s="423" t="s">
        <v>2795</v>
      </c>
      <c r="IRN732" s="424"/>
      <c r="IRO732" s="424"/>
      <c r="IRP732" s="424"/>
      <c r="IRQ732" s="423" t="s">
        <v>2795</v>
      </c>
      <c r="IRR732" s="424"/>
      <c r="IRS732" s="424"/>
      <c r="IRT732" s="424"/>
      <c r="IRU732" s="423" t="s">
        <v>2795</v>
      </c>
      <c r="IRV732" s="424"/>
      <c r="IRW732" s="424"/>
      <c r="IRX732" s="424"/>
      <c r="IRY732" s="423" t="s">
        <v>2795</v>
      </c>
      <c r="IRZ732" s="424"/>
      <c r="ISA732" s="424"/>
      <c r="ISB732" s="424"/>
      <c r="ISC732" s="423" t="s">
        <v>2795</v>
      </c>
      <c r="ISD732" s="424"/>
      <c r="ISE732" s="424"/>
      <c r="ISF732" s="424"/>
      <c r="ISG732" s="423" t="s">
        <v>2795</v>
      </c>
      <c r="ISH732" s="424"/>
      <c r="ISI732" s="424"/>
      <c r="ISJ732" s="424"/>
      <c r="ISK732" s="423" t="s">
        <v>2795</v>
      </c>
      <c r="ISL732" s="424"/>
      <c r="ISM732" s="424"/>
      <c r="ISN732" s="424"/>
      <c r="ISO732" s="423" t="s">
        <v>2795</v>
      </c>
      <c r="ISP732" s="424"/>
      <c r="ISQ732" s="424"/>
      <c r="ISR732" s="424"/>
      <c r="ISS732" s="423" t="s">
        <v>2795</v>
      </c>
      <c r="IST732" s="424"/>
      <c r="ISU732" s="424"/>
      <c r="ISV732" s="424"/>
      <c r="ISW732" s="423" t="s">
        <v>2795</v>
      </c>
      <c r="ISX732" s="424"/>
      <c r="ISY732" s="424"/>
      <c r="ISZ732" s="424"/>
      <c r="ITA732" s="423" t="s">
        <v>2795</v>
      </c>
      <c r="ITB732" s="424"/>
      <c r="ITC732" s="424"/>
      <c r="ITD732" s="424"/>
      <c r="ITE732" s="423" t="s">
        <v>2795</v>
      </c>
      <c r="ITF732" s="424"/>
      <c r="ITG732" s="424"/>
      <c r="ITH732" s="424"/>
      <c r="ITI732" s="423" t="s">
        <v>2795</v>
      </c>
      <c r="ITJ732" s="424"/>
      <c r="ITK732" s="424"/>
      <c r="ITL732" s="424"/>
      <c r="ITM732" s="423" t="s">
        <v>2795</v>
      </c>
      <c r="ITN732" s="424"/>
      <c r="ITO732" s="424"/>
      <c r="ITP732" s="424"/>
      <c r="ITQ732" s="423" t="s">
        <v>2795</v>
      </c>
      <c r="ITR732" s="424"/>
      <c r="ITS732" s="424"/>
      <c r="ITT732" s="424"/>
      <c r="ITU732" s="423" t="s">
        <v>2795</v>
      </c>
      <c r="ITV732" s="424"/>
      <c r="ITW732" s="424"/>
      <c r="ITX732" s="424"/>
      <c r="ITY732" s="423" t="s">
        <v>2795</v>
      </c>
      <c r="ITZ732" s="424"/>
      <c r="IUA732" s="424"/>
      <c r="IUB732" s="424"/>
      <c r="IUC732" s="423" t="s">
        <v>2795</v>
      </c>
      <c r="IUD732" s="424"/>
      <c r="IUE732" s="424"/>
      <c r="IUF732" s="424"/>
      <c r="IUG732" s="423" t="s">
        <v>2795</v>
      </c>
      <c r="IUH732" s="424"/>
      <c r="IUI732" s="424"/>
      <c r="IUJ732" s="424"/>
      <c r="IUK732" s="423" t="s">
        <v>2795</v>
      </c>
      <c r="IUL732" s="424"/>
      <c r="IUM732" s="424"/>
      <c r="IUN732" s="424"/>
      <c r="IUO732" s="423" t="s">
        <v>2795</v>
      </c>
      <c r="IUP732" s="424"/>
      <c r="IUQ732" s="424"/>
      <c r="IUR732" s="424"/>
      <c r="IUS732" s="423" t="s">
        <v>2795</v>
      </c>
      <c r="IUT732" s="424"/>
      <c r="IUU732" s="424"/>
      <c r="IUV732" s="424"/>
      <c r="IUW732" s="423" t="s">
        <v>2795</v>
      </c>
      <c r="IUX732" s="424"/>
      <c r="IUY732" s="424"/>
      <c r="IUZ732" s="424"/>
      <c r="IVA732" s="423" t="s">
        <v>2795</v>
      </c>
      <c r="IVB732" s="424"/>
      <c r="IVC732" s="424"/>
      <c r="IVD732" s="424"/>
      <c r="IVE732" s="423" t="s">
        <v>2795</v>
      </c>
      <c r="IVF732" s="424"/>
      <c r="IVG732" s="424"/>
      <c r="IVH732" s="424"/>
      <c r="IVI732" s="423" t="s">
        <v>2795</v>
      </c>
      <c r="IVJ732" s="424"/>
      <c r="IVK732" s="424"/>
      <c r="IVL732" s="424"/>
      <c r="IVM732" s="423" t="s">
        <v>2795</v>
      </c>
      <c r="IVN732" s="424"/>
      <c r="IVO732" s="424"/>
      <c r="IVP732" s="424"/>
      <c r="IVQ732" s="423" t="s">
        <v>2795</v>
      </c>
      <c r="IVR732" s="424"/>
      <c r="IVS732" s="424"/>
      <c r="IVT732" s="424"/>
      <c r="IVU732" s="423" t="s">
        <v>2795</v>
      </c>
      <c r="IVV732" s="424"/>
      <c r="IVW732" s="424"/>
      <c r="IVX732" s="424"/>
      <c r="IVY732" s="423" t="s">
        <v>2795</v>
      </c>
      <c r="IVZ732" s="424"/>
      <c r="IWA732" s="424"/>
      <c r="IWB732" s="424"/>
      <c r="IWC732" s="423" t="s">
        <v>2795</v>
      </c>
      <c r="IWD732" s="424"/>
      <c r="IWE732" s="424"/>
      <c r="IWF732" s="424"/>
      <c r="IWG732" s="423" t="s">
        <v>2795</v>
      </c>
      <c r="IWH732" s="424"/>
      <c r="IWI732" s="424"/>
      <c r="IWJ732" s="424"/>
      <c r="IWK732" s="423" t="s">
        <v>2795</v>
      </c>
      <c r="IWL732" s="424"/>
      <c r="IWM732" s="424"/>
      <c r="IWN732" s="424"/>
      <c r="IWO732" s="423" t="s">
        <v>2795</v>
      </c>
      <c r="IWP732" s="424"/>
      <c r="IWQ732" s="424"/>
      <c r="IWR732" s="424"/>
      <c r="IWS732" s="423" t="s">
        <v>2795</v>
      </c>
      <c r="IWT732" s="424"/>
      <c r="IWU732" s="424"/>
      <c r="IWV732" s="424"/>
      <c r="IWW732" s="423" t="s">
        <v>2795</v>
      </c>
      <c r="IWX732" s="424"/>
      <c r="IWY732" s="424"/>
      <c r="IWZ732" s="424"/>
      <c r="IXA732" s="423" t="s">
        <v>2795</v>
      </c>
      <c r="IXB732" s="424"/>
      <c r="IXC732" s="424"/>
      <c r="IXD732" s="424"/>
      <c r="IXE732" s="423" t="s">
        <v>2795</v>
      </c>
      <c r="IXF732" s="424"/>
      <c r="IXG732" s="424"/>
      <c r="IXH732" s="424"/>
      <c r="IXI732" s="423" t="s">
        <v>2795</v>
      </c>
      <c r="IXJ732" s="424"/>
      <c r="IXK732" s="424"/>
      <c r="IXL732" s="424"/>
      <c r="IXM732" s="423" t="s">
        <v>2795</v>
      </c>
      <c r="IXN732" s="424"/>
      <c r="IXO732" s="424"/>
      <c r="IXP732" s="424"/>
      <c r="IXQ732" s="423" t="s">
        <v>2795</v>
      </c>
      <c r="IXR732" s="424"/>
      <c r="IXS732" s="424"/>
      <c r="IXT732" s="424"/>
      <c r="IXU732" s="423" t="s">
        <v>2795</v>
      </c>
      <c r="IXV732" s="424"/>
      <c r="IXW732" s="424"/>
      <c r="IXX732" s="424"/>
      <c r="IXY732" s="423" t="s">
        <v>2795</v>
      </c>
      <c r="IXZ732" s="424"/>
      <c r="IYA732" s="424"/>
      <c r="IYB732" s="424"/>
      <c r="IYC732" s="423" t="s">
        <v>2795</v>
      </c>
      <c r="IYD732" s="424"/>
      <c r="IYE732" s="424"/>
      <c r="IYF732" s="424"/>
      <c r="IYG732" s="423" t="s">
        <v>2795</v>
      </c>
      <c r="IYH732" s="424"/>
      <c r="IYI732" s="424"/>
      <c r="IYJ732" s="424"/>
      <c r="IYK732" s="423" t="s">
        <v>2795</v>
      </c>
      <c r="IYL732" s="424"/>
      <c r="IYM732" s="424"/>
      <c r="IYN732" s="424"/>
      <c r="IYO732" s="423" t="s">
        <v>2795</v>
      </c>
      <c r="IYP732" s="424"/>
      <c r="IYQ732" s="424"/>
      <c r="IYR732" s="424"/>
      <c r="IYS732" s="423" t="s">
        <v>2795</v>
      </c>
      <c r="IYT732" s="424"/>
      <c r="IYU732" s="424"/>
      <c r="IYV732" s="424"/>
      <c r="IYW732" s="423" t="s">
        <v>2795</v>
      </c>
      <c r="IYX732" s="424"/>
      <c r="IYY732" s="424"/>
      <c r="IYZ732" s="424"/>
      <c r="IZA732" s="423" t="s">
        <v>2795</v>
      </c>
      <c r="IZB732" s="424"/>
      <c r="IZC732" s="424"/>
      <c r="IZD732" s="424"/>
      <c r="IZE732" s="423" t="s">
        <v>2795</v>
      </c>
      <c r="IZF732" s="424"/>
      <c r="IZG732" s="424"/>
      <c r="IZH732" s="424"/>
      <c r="IZI732" s="423" t="s">
        <v>2795</v>
      </c>
      <c r="IZJ732" s="424"/>
      <c r="IZK732" s="424"/>
      <c r="IZL732" s="424"/>
      <c r="IZM732" s="423" t="s">
        <v>2795</v>
      </c>
      <c r="IZN732" s="424"/>
      <c r="IZO732" s="424"/>
      <c r="IZP732" s="424"/>
      <c r="IZQ732" s="423" t="s">
        <v>2795</v>
      </c>
      <c r="IZR732" s="424"/>
      <c r="IZS732" s="424"/>
      <c r="IZT732" s="424"/>
      <c r="IZU732" s="423" t="s">
        <v>2795</v>
      </c>
      <c r="IZV732" s="424"/>
      <c r="IZW732" s="424"/>
      <c r="IZX732" s="424"/>
      <c r="IZY732" s="423" t="s">
        <v>2795</v>
      </c>
      <c r="IZZ732" s="424"/>
      <c r="JAA732" s="424"/>
      <c r="JAB732" s="424"/>
      <c r="JAC732" s="423" t="s">
        <v>2795</v>
      </c>
      <c r="JAD732" s="424"/>
      <c r="JAE732" s="424"/>
      <c r="JAF732" s="424"/>
      <c r="JAG732" s="423" t="s">
        <v>2795</v>
      </c>
      <c r="JAH732" s="424"/>
      <c r="JAI732" s="424"/>
      <c r="JAJ732" s="424"/>
      <c r="JAK732" s="423" t="s">
        <v>2795</v>
      </c>
      <c r="JAL732" s="424"/>
      <c r="JAM732" s="424"/>
      <c r="JAN732" s="424"/>
      <c r="JAO732" s="423" t="s">
        <v>2795</v>
      </c>
      <c r="JAP732" s="424"/>
      <c r="JAQ732" s="424"/>
      <c r="JAR732" s="424"/>
      <c r="JAS732" s="423" t="s">
        <v>2795</v>
      </c>
      <c r="JAT732" s="424"/>
      <c r="JAU732" s="424"/>
      <c r="JAV732" s="424"/>
      <c r="JAW732" s="423" t="s">
        <v>2795</v>
      </c>
      <c r="JAX732" s="424"/>
      <c r="JAY732" s="424"/>
      <c r="JAZ732" s="424"/>
      <c r="JBA732" s="423" t="s">
        <v>2795</v>
      </c>
      <c r="JBB732" s="424"/>
      <c r="JBC732" s="424"/>
      <c r="JBD732" s="424"/>
      <c r="JBE732" s="423" t="s">
        <v>2795</v>
      </c>
      <c r="JBF732" s="424"/>
      <c r="JBG732" s="424"/>
      <c r="JBH732" s="424"/>
      <c r="JBI732" s="423" t="s">
        <v>2795</v>
      </c>
      <c r="JBJ732" s="424"/>
      <c r="JBK732" s="424"/>
      <c r="JBL732" s="424"/>
      <c r="JBM732" s="423" t="s">
        <v>2795</v>
      </c>
      <c r="JBN732" s="424"/>
      <c r="JBO732" s="424"/>
      <c r="JBP732" s="424"/>
      <c r="JBQ732" s="423" t="s">
        <v>2795</v>
      </c>
      <c r="JBR732" s="424"/>
      <c r="JBS732" s="424"/>
      <c r="JBT732" s="424"/>
      <c r="JBU732" s="423" t="s">
        <v>2795</v>
      </c>
      <c r="JBV732" s="424"/>
      <c r="JBW732" s="424"/>
      <c r="JBX732" s="424"/>
      <c r="JBY732" s="423" t="s">
        <v>2795</v>
      </c>
      <c r="JBZ732" s="424"/>
      <c r="JCA732" s="424"/>
      <c r="JCB732" s="424"/>
      <c r="JCC732" s="423" t="s">
        <v>2795</v>
      </c>
      <c r="JCD732" s="424"/>
      <c r="JCE732" s="424"/>
      <c r="JCF732" s="424"/>
      <c r="JCG732" s="423" t="s">
        <v>2795</v>
      </c>
      <c r="JCH732" s="424"/>
      <c r="JCI732" s="424"/>
      <c r="JCJ732" s="424"/>
      <c r="JCK732" s="423" t="s">
        <v>2795</v>
      </c>
      <c r="JCL732" s="424"/>
      <c r="JCM732" s="424"/>
      <c r="JCN732" s="424"/>
      <c r="JCO732" s="423" t="s">
        <v>2795</v>
      </c>
      <c r="JCP732" s="424"/>
      <c r="JCQ732" s="424"/>
      <c r="JCR732" s="424"/>
      <c r="JCS732" s="423" t="s">
        <v>2795</v>
      </c>
      <c r="JCT732" s="424"/>
      <c r="JCU732" s="424"/>
      <c r="JCV732" s="424"/>
      <c r="JCW732" s="423" t="s">
        <v>2795</v>
      </c>
      <c r="JCX732" s="424"/>
      <c r="JCY732" s="424"/>
      <c r="JCZ732" s="424"/>
      <c r="JDA732" s="423" t="s">
        <v>2795</v>
      </c>
      <c r="JDB732" s="424"/>
      <c r="JDC732" s="424"/>
      <c r="JDD732" s="424"/>
      <c r="JDE732" s="423" t="s">
        <v>2795</v>
      </c>
      <c r="JDF732" s="424"/>
      <c r="JDG732" s="424"/>
      <c r="JDH732" s="424"/>
      <c r="JDI732" s="423" t="s">
        <v>2795</v>
      </c>
      <c r="JDJ732" s="424"/>
      <c r="JDK732" s="424"/>
      <c r="JDL732" s="424"/>
      <c r="JDM732" s="423" t="s">
        <v>2795</v>
      </c>
      <c r="JDN732" s="424"/>
      <c r="JDO732" s="424"/>
      <c r="JDP732" s="424"/>
      <c r="JDQ732" s="423" t="s">
        <v>2795</v>
      </c>
      <c r="JDR732" s="424"/>
      <c r="JDS732" s="424"/>
      <c r="JDT732" s="424"/>
      <c r="JDU732" s="423" t="s">
        <v>2795</v>
      </c>
      <c r="JDV732" s="424"/>
      <c r="JDW732" s="424"/>
      <c r="JDX732" s="424"/>
      <c r="JDY732" s="423" t="s">
        <v>2795</v>
      </c>
      <c r="JDZ732" s="424"/>
      <c r="JEA732" s="424"/>
      <c r="JEB732" s="424"/>
      <c r="JEC732" s="423" t="s">
        <v>2795</v>
      </c>
      <c r="JED732" s="424"/>
      <c r="JEE732" s="424"/>
      <c r="JEF732" s="424"/>
      <c r="JEG732" s="423" t="s">
        <v>2795</v>
      </c>
      <c r="JEH732" s="424"/>
      <c r="JEI732" s="424"/>
      <c r="JEJ732" s="424"/>
      <c r="JEK732" s="423" t="s">
        <v>2795</v>
      </c>
      <c r="JEL732" s="424"/>
      <c r="JEM732" s="424"/>
      <c r="JEN732" s="424"/>
      <c r="JEO732" s="423" t="s">
        <v>2795</v>
      </c>
      <c r="JEP732" s="424"/>
      <c r="JEQ732" s="424"/>
      <c r="JER732" s="424"/>
      <c r="JES732" s="423" t="s">
        <v>2795</v>
      </c>
      <c r="JET732" s="424"/>
      <c r="JEU732" s="424"/>
      <c r="JEV732" s="424"/>
      <c r="JEW732" s="423" t="s">
        <v>2795</v>
      </c>
      <c r="JEX732" s="424"/>
      <c r="JEY732" s="424"/>
      <c r="JEZ732" s="424"/>
      <c r="JFA732" s="423" t="s">
        <v>2795</v>
      </c>
      <c r="JFB732" s="424"/>
      <c r="JFC732" s="424"/>
      <c r="JFD732" s="424"/>
      <c r="JFE732" s="423" t="s">
        <v>2795</v>
      </c>
      <c r="JFF732" s="424"/>
      <c r="JFG732" s="424"/>
      <c r="JFH732" s="424"/>
      <c r="JFI732" s="423" t="s">
        <v>2795</v>
      </c>
      <c r="JFJ732" s="424"/>
      <c r="JFK732" s="424"/>
      <c r="JFL732" s="424"/>
      <c r="JFM732" s="423" t="s">
        <v>2795</v>
      </c>
      <c r="JFN732" s="424"/>
      <c r="JFO732" s="424"/>
      <c r="JFP732" s="424"/>
      <c r="JFQ732" s="423" t="s">
        <v>2795</v>
      </c>
      <c r="JFR732" s="424"/>
      <c r="JFS732" s="424"/>
      <c r="JFT732" s="424"/>
      <c r="JFU732" s="423" t="s">
        <v>2795</v>
      </c>
      <c r="JFV732" s="424"/>
      <c r="JFW732" s="424"/>
      <c r="JFX732" s="424"/>
      <c r="JFY732" s="423" t="s">
        <v>2795</v>
      </c>
      <c r="JFZ732" s="424"/>
      <c r="JGA732" s="424"/>
      <c r="JGB732" s="424"/>
      <c r="JGC732" s="423" t="s">
        <v>2795</v>
      </c>
      <c r="JGD732" s="424"/>
      <c r="JGE732" s="424"/>
      <c r="JGF732" s="424"/>
      <c r="JGG732" s="423" t="s">
        <v>2795</v>
      </c>
      <c r="JGH732" s="424"/>
      <c r="JGI732" s="424"/>
      <c r="JGJ732" s="424"/>
      <c r="JGK732" s="423" t="s">
        <v>2795</v>
      </c>
      <c r="JGL732" s="424"/>
      <c r="JGM732" s="424"/>
      <c r="JGN732" s="424"/>
      <c r="JGO732" s="423" t="s">
        <v>2795</v>
      </c>
      <c r="JGP732" s="424"/>
      <c r="JGQ732" s="424"/>
      <c r="JGR732" s="424"/>
      <c r="JGS732" s="423" t="s">
        <v>2795</v>
      </c>
      <c r="JGT732" s="424"/>
      <c r="JGU732" s="424"/>
      <c r="JGV732" s="424"/>
      <c r="JGW732" s="423" t="s">
        <v>2795</v>
      </c>
      <c r="JGX732" s="424"/>
      <c r="JGY732" s="424"/>
      <c r="JGZ732" s="424"/>
      <c r="JHA732" s="423" t="s">
        <v>2795</v>
      </c>
      <c r="JHB732" s="424"/>
      <c r="JHC732" s="424"/>
      <c r="JHD732" s="424"/>
      <c r="JHE732" s="423" t="s">
        <v>2795</v>
      </c>
      <c r="JHF732" s="424"/>
      <c r="JHG732" s="424"/>
      <c r="JHH732" s="424"/>
      <c r="JHI732" s="423" t="s">
        <v>2795</v>
      </c>
      <c r="JHJ732" s="424"/>
      <c r="JHK732" s="424"/>
      <c r="JHL732" s="424"/>
      <c r="JHM732" s="423" t="s">
        <v>2795</v>
      </c>
      <c r="JHN732" s="424"/>
      <c r="JHO732" s="424"/>
      <c r="JHP732" s="424"/>
      <c r="JHQ732" s="423" t="s">
        <v>2795</v>
      </c>
      <c r="JHR732" s="424"/>
      <c r="JHS732" s="424"/>
      <c r="JHT732" s="424"/>
      <c r="JHU732" s="423" t="s">
        <v>2795</v>
      </c>
      <c r="JHV732" s="424"/>
      <c r="JHW732" s="424"/>
      <c r="JHX732" s="424"/>
      <c r="JHY732" s="423" t="s">
        <v>2795</v>
      </c>
      <c r="JHZ732" s="424"/>
      <c r="JIA732" s="424"/>
      <c r="JIB732" s="424"/>
      <c r="JIC732" s="423" t="s">
        <v>2795</v>
      </c>
      <c r="JID732" s="424"/>
      <c r="JIE732" s="424"/>
      <c r="JIF732" s="424"/>
      <c r="JIG732" s="423" t="s">
        <v>2795</v>
      </c>
      <c r="JIH732" s="424"/>
      <c r="JII732" s="424"/>
      <c r="JIJ732" s="424"/>
      <c r="JIK732" s="423" t="s">
        <v>2795</v>
      </c>
      <c r="JIL732" s="424"/>
      <c r="JIM732" s="424"/>
      <c r="JIN732" s="424"/>
      <c r="JIO732" s="423" t="s">
        <v>2795</v>
      </c>
      <c r="JIP732" s="424"/>
      <c r="JIQ732" s="424"/>
      <c r="JIR732" s="424"/>
      <c r="JIS732" s="423" t="s">
        <v>2795</v>
      </c>
      <c r="JIT732" s="424"/>
      <c r="JIU732" s="424"/>
      <c r="JIV732" s="424"/>
      <c r="JIW732" s="423" t="s">
        <v>2795</v>
      </c>
      <c r="JIX732" s="424"/>
      <c r="JIY732" s="424"/>
      <c r="JIZ732" s="424"/>
      <c r="JJA732" s="423" t="s">
        <v>2795</v>
      </c>
      <c r="JJB732" s="424"/>
      <c r="JJC732" s="424"/>
      <c r="JJD732" s="424"/>
      <c r="JJE732" s="423" t="s">
        <v>2795</v>
      </c>
      <c r="JJF732" s="424"/>
      <c r="JJG732" s="424"/>
      <c r="JJH732" s="424"/>
      <c r="JJI732" s="423" t="s">
        <v>2795</v>
      </c>
      <c r="JJJ732" s="424"/>
      <c r="JJK732" s="424"/>
      <c r="JJL732" s="424"/>
      <c r="JJM732" s="423" t="s">
        <v>2795</v>
      </c>
      <c r="JJN732" s="424"/>
      <c r="JJO732" s="424"/>
      <c r="JJP732" s="424"/>
      <c r="JJQ732" s="423" t="s">
        <v>2795</v>
      </c>
      <c r="JJR732" s="424"/>
      <c r="JJS732" s="424"/>
      <c r="JJT732" s="424"/>
      <c r="JJU732" s="423" t="s">
        <v>2795</v>
      </c>
      <c r="JJV732" s="424"/>
      <c r="JJW732" s="424"/>
      <c r="JJX732" s="424"/>
      <c r="JJY732" s="423" t="s">
        <v>2795</v>
      </c>
      <c r="JJZ732" s="424"/>
      <c r="JKA732" s="424"/>
      <c r="JKB732" s="424"/>
      <c r="JKC732" s="423" t="s">
        <v>2795</v>
      </c>
      <c r="JKD732" s="424"/>
      <c r="JKE732" s="424"/>
      <c r="JKF732" s="424"/>
      <c r="JKG732" s="423" t="s">
        <v>2795</v>
      </c>
      <c r="JKH732" s="424"/>
      <c r="JKI732" s="424"/>
      <c r="JKJ732" s="424"/>
      <c r="JKK732" s="423" t="s">
        <v>2795</v>
      </c>
      <c r="JKL732" s="424"/>
      <c r="JKM732" s="424"/>
      <c r="JKN732" s="424"/>
      <c r="JKO732" s="423" t="s">
        <v>2795</v>
      </c>
      <c r="JKP732" s="424"/>
      <c r="JKQ732" s="424"/>
      <c r="JKR732" s="424"/>
      <c r="JKS732" s="423" t="s">
        <v>2795</v>
      </c>
      <c r="JKT732" s="424"/>
      <c r="JKU732" s="424"/>
      <c r="JKV732" s="424"/>
      <c r="JKW732" s="423" t="s">
        <v>2795</v>
      </c>
      <c r="JKX732" s="424"/>
      <c r="JKY732" s="424"/>
      <c r="JKZ732" s="424"/>
      <c r="JLA732" s="423" t="s">
        <v>2795</v>
      </c>
      <c r="JLB732" s="424"/>
      <c r="JLC732" s="424"/>
      <c r="JLD732" s="424"/>
      <c r="JLE732" s="423" t="s">
        <v>2795</v>
      </c>
      <c r="JLF732" s="424"/>
      <c r="JLG732" s="424"/>
      <c r="JLH732" s="424"/>
      <c r="JLI732" s="423" t="s">
        <v>2795</v>
      </c>
      <c r="JLJ732" s="424"/>
      <c r="JLK732" s="424"/>
      <c r="JLL732" s="424"/>
      <c r="JLM732" s="423" t="s">
        <v>2795</v>
      </c>
      <c r="JLN732" s="424"/>
      <c r="JLO732" s="424"/>
      <c r="JLP732" s="424"/>
      <c r="JLQ732" s="423" t="s">
        <v>2795</v>
      </c>
      <c r="JLR732" s="424"/>
      <c r="JLS732" s="424"/>
      <c r="JLT732" s="424"/>
      <c r="JLU732" s="423" t="s">
        <v>2795</v>
      </c>
      <c r="JLV732" s="424"/>
      <c r="JLW732" s="424"/>
      <c r="JLX732" s="424"/>
      <c r="JLY732" s="423" t="s">
        <v>2795</v>
      </c>
      <c r="JLZ732" s="424"/>
      <c r="JMA732" s="424"/>
      <c r="JMB732" s="424"/>
      <c r="JMC732" s="423" t="s">
        <v>2795</v>
      </c>
      <c r="JMD732" s="424"/>
      <c r="JME732" s="424"/>
      <c r="JMF732" s="424"/>
      <c r="JMG732" s="423" t="s">
        <v>2795</v>
      </c>
      <c r="JMH732" s="424"/>
      <c r="JMI732" s="424"/>
      <c r="JMJ732" s="424"/>
      <c r="JMK732" s="423" t="s">
        <v>2795</v>
      </c>
      <c r="JML732" s="424"/>
      <c r="JMM732" s="424"/>
      <c r="JMN732" s="424"/>
      <c r="JMO732" s="423" t="s">
        <v>2795</v>
      </c>
      <c r="JMP732" s="424"/>
      <c r="JMQ732" s="424"/>
      <c r="JMR732" s="424"/>
      <c r="JMS732" s="423" t="s">
        <v>2795</v>
      </c>
      <c r="JMT732" s="424"/>
      <c r="JMU732" s="424"/>
      <c r="JMV732" s="424"/>
      <c r="JMW732" s="423" t="s">
        <v>2795</v>
      </c>
      <c r="JMX732" s="424"/>
      <c r="JMY732" s="424"/>
      <c r="JMZ732" s="424"/>
      <c r="JNA732" s="423" t="s">
        <v>2795</v>
      </c>
      <c r="JNB732" s="424"/>
      <c r="JNC732" s="424"/>
      <c r="JND732" s="424"/>
      <c r="JNE732" s="423" t="s">
        <v>2795</v>
      </c>
      <c r="JNF732" s="424"/>
      <c r="JNG732" s="424"/>
      <c r="JNH732" s="424"/>
      <c r="JNI732" s="423" t="s">
        <v>2795</v>
      </c>
      <c r="JNJ732" s="424"/>
      <c r="JNK732" s="424"/>
      <c r="JNL732" s="424"/>
      <c r="JNM732" s="423" t="s">
        <v>2795</v>
      </c>
      <c r="JNN732" s="424"/>
      <c r="JNO732" s="424"/>
      <c r="JNP732" s="424"/>
      <c r="JNQ732" s="423" t="s">
        <v>2795</v>
      </c>
      <c r="JNR732" s="424"/>
      <c r="JNS732" s="424"/>
      <c r="JNT732" s="424"/>
      <c r="JNU732" s="423" t="s">
        <v>2795</v>
      </c>
      <c r="JNV732" s="424"/>
      <c r="JNW732" s="424"/>
      <c r="JNX732" s="424"/>
      <c r="JNY732" s="423" t="s">
        <v>2795</v>
      </c>
      <c r="JNZ732" s="424"/>
      <c r="JOA732" s="424"/>
      <c r="JOB732" s="424"/>
      <c r="JOC732" s="423" t="s">
        <v>2795</v>
      </c>
      <c r="JOD732" s="424"/>
      <c r="JOE732" s="424"/>
      <c r="JOF732" s="424"/>
      <c r="JOG732" s="423" t="s">
        <v>2795</v>
      </c>
      <c r="JOH732" s="424"/>
      <c r="JOI732" s="424"/>
      <c r="JOJ732" s="424"/>
      <c r="JOK732" s="423" t="s">
        <v>2795</v>
      </c>
      <c r="JOL732" s="424"/>
      <c r="JOM732" s="424"/>
      <c r="JON732" s="424"/>
      <c r="JOO732" s="423" t="s">
        <v>2795</v>
      </c>
      <c r="JOP732" s="424"/>
      <c r="JOQ732" s="424"/>
      <c r="JOR732" s="424"/>
      <c r="JOS732" s="423" t="s">
        <v>2795</v>
      </c>
      <c r="JOT732" s="424"/>
      <c r="JOU732" s="424"/>
      <c r="JOV732" s="424"/>
      <c r="JOW732" s="423" t="s">
        <v>2795</v>
      </c>
      <c r="JOX732" s="424"/>
      <c r="JOY732" s="424"/>
      <c r="JOZ732" s="424"/>
      <c r="JPA732" s="423" t="s">
        <v>2795</v>
      </c>
      <c r="JPB732" s="424"/>
      <c r="JPC732" s="424"/>
      <c r="JPD732" s="424"/>
      <c r="JPE732" s="423" t="s">
        <v>2795</v>
      </c>
      <c r="JPF732" s="424"/>
      <c r="JPG732" s="424"/>
      <c r="JPH732" s="424"/>
      <c r="JPI732" s="423" t="s">
        <v>2795</v>
      </c>
      <c r="JPJ732" s="424"/>
      <c r="JPK732" s="424"/>
      <c r="JPL732" s="424"/>
      <c r="JPM732" s="423" t="s">
        <v>2795</v>
      </c>
      <c r="JPN732" s="424"/>
      <c r="JPO732" s="424"/>
      <c r="JPP732" s="424"/>
      <c r="JPQ732" s="423" t="s">
        <v>2795</v>
      </c>
      <c r="JPR732" s="424"/>
      <c r="JPS732" s="424"/>
      <c r="JPT732" s="424"/>
      <c r="JPU732" s="423" t="s">
        <v>2795</v>
      </c>
      <c r="JPV732" s="424"/>
      <c r="JPW732" s="424"/>
      <c r="JPX732" s="424"/>
      <c r="JPY732" s="423" t="s">
        <v>2795</v>
      </c>
      <c r="JPZ732" s="424"/>
      <c r="JQA732" s="424"/>
      <c r="JQB732" s="424"/>
      <c r="JQC732" s="423" t="s">
        <v>2795</v>
      </c>
      <c r="JQD732" s="424"/>
      <c r="JQE732" s="424"/>
      <c r="JQF732" s="424"/>
      <c r="JQG732" s="423" t="s">
        <v>2795</v>
      </c>
      <c r="JQH732" s="424"/>
      <c r="JQI732" s="424"/>
      <c r="JQJ732" s="424"/>
      <c r="JQK732" s="423" t="s">
        <v>2795</v>
      </c>
      <c r="JQL732" s="424"/>
      <c r="JQM732" s="424"/>
      <c r="JQN732" s="424"/>
      <c r="JQO732" s="423" t="s">
        <v>2795</v>
      </c>
      <c r="JQP732" s="424"/>
      <c r="JQQ732" s="424"/>
      <c r="JQR732" s="424"/>
      <c r="JQS732" s="423" t="s">
        <v>2795</v>
      </c>
      <c r="JQT732" s="424"/>
      <c r="JQU732" s="424"/>
      <c r="JQV732" s="424"/>
      <c r="JQW732" s="423" t="s">
        <v>2795</v>
      </c>
      <c r="JQX732" s="424"/>
      <c r="JQY732" s="424"/>
      <c r="JQZ732" s="424"/>
      <c r="JRA732" s="423" t="s">
        <v>2795</v>
      </c>
      <c r="JRB732" s="424"/>
      <c r="JRC732" s="424"/>
      <c r="JRD732" s="424"/>
      <c r="JRE732" s="423" t="s">
        <v>2795</v>
      </c>
      <c r="JRF732" s="424"/>
      <c r="JRG732" s="424"/>
      <c r="JRH732" s="424"/>
      <c r="JRI732" s="423" t="s">
        <v>2795</v>
      </c>
      <c r="JRJ732" s="424"/>
      <c r="JRK732" s="424"/>
      <c r="JRL732" s="424"/>
      <c r="JRM732" s="423" t="s">
        <v>2795</v>
      </c>
      <c r="JRN732" s="424"/>
      <c r="JRO732" s="424"/>
      <c r="JRP732" s="424"/>
      <c r="JRQ732" s="423" t="s">
        <v>2795</v>
      </c>
      <c r="JRR732" s="424"/>
      <c r="JRS732" s="424"/>
      <c r="JRT732" s="424"/>
      <c r="JRU732" s="423" t="s">
        <v>2795</v>
      </c>
      <c r="JRV732" s="424"/>
      <c r="JRW732" s="424"/>
      <c r="JRX732" s="424"/>
      <c r="JRY732" s="423" t="s">
        <v>2795</v>
      </c>
      <c r="JRZ732" s="424"/>
      <c r="JSA732" s="424"/>
      <c r="JSB732" s="424"/>
      <c r="JSC732" s="423" t="s">
        <v>2795</v>
      </c>
      <c r="JSD732" s="424"/>
      <c r="JSE732" s="424"/>
      <c r="JSF732" s="424"/>
      <c r="JSG732" s="423" t="s">
        <v>2795</v>
      </c>
      <c r="JSH732" s="424"/>
      <c r="JSI732" s="424"/>
      <c r="JSJ732" s="424"/>
      <c r="JSK732" s="423" t="s">
        <v>2795</v>
      </c>
      <c r="JSL732" s="424"/>
      <c r="JSM732" s="424"/>
      <c r="JSN732" s="424"/>
      <c r="JSO732" s="423" t="s">
        <v>2795</v>
      </c>
      <c r="JSP732" s="424"/>
      <c r="JSQ732" s="424"/>
      <c r="JSR732" s="424"/>
      <c r="JSS732" s="423" t="s">
        <v>2795</v>
      </c>
      <c r="JST732" s="424"/>
      <c r="JSU732" s="424"/>
      <c r="JSV732" s="424"/>
      <c r="JSW732" s="423" t="s">
        <v>2795</v>
      </c>
      <c r="JSX732" s="424"/>
      <c r="JSY732" s="424"/>
      <c r="JSZ732" s="424"/>
      <c r="JTA732" s="423" t="s">
        <v>2795</v>
      </c>
      <c r="JTB732" s="424"/>
      <c r="JTC732" s="424"/>
      <c r="JTD732" s="424"/>
      <c r="JTE732" s="423" t="s">
        <v>2795</v>
      </c>
      <c r="JTF732" s="424"/>
      <c r="JTG732" s="424"/>
      <c r="JTH732" s="424"/>
      <c r="JTI732" s="423" t="s">
        <v>2795</v>
      </c>
      <c r="JTJ732" s="424"/>
      <c r="JTK732" s="424"/>
      <c r="JTL732" s="424"/>
      <c r="JTM732" s="423" t="s">
        <v>2795</v>
      </c>
      <c r="JTN732" s="424"/>
      <c r="JTO732" s="424"/>
      <c r="JTP732" s="424"/>
      <c r="JTQ732" s="423" t="s">
        <v>2795</v>
      </c>
      <c r="JTR732" s="424"/>
      <c r="JTS732" s="424"/>
      <c r="JTT732" s="424"/>
      <c r="JTU732" s="423" t="s">
        <v>2795</v>
      </c>
      <c r="JTV732" s="424"/>
      <c r="JTW732" s="424"/>
      <c r="JTX732" s="424"/>
      <c r="JTY732" s="423" t="s">
        <v>2795</v>
      </c>
      <c r="JTZ732" s="424"/>
      <c r="JUA732" s="424"/>
      <c r="JUB732" s="424"/>
      <c r="JUC732" s="423" t="s">
        <v>2795</v>
      </c>
      <c r="JUD732" s="424"/>
      <c r="JUE732" s="424"/>
      <c r="JUF732" s="424"/>
      <c r="JUG732" s="423" t="s">
        <v>2795</v>
      </c>
      <c r="JUH732" s="424"/>
      <c r="JUI732" s="424"/>
      <c r="JUJ732" s="424"/>
      <c r="JUK732" s="423" t="s">
        <v>2795</v>
      </c>
      <c r="JUL732" s="424"/>
      <c r="JUM732" s="424"/>
      <c r="JUN732" s="424"/>
      <c r="JUO732" s="423" t="s">
        <v>2795</v>
      </c>
      <c r="JUP732" s="424"/>
      <c r="JUQ732" s="424"/>
      <c r="JUR732" s="424"/>
      <c r="JUS732" s="423" t="s">
        <v>2795</v>
      </c>
      <c r="JUT732" s="424"/>
      <c r="JUU732" s="424"/>
      <c r="JUV732" s="424"/>
      <c r="JUW732" s="423" t="s">
        <v>2795</v>
      </c>
      <c r="JUX732" s="424"/>
      <c r="JUY732" s="424"/>
      <c r="JUZ732" s="424"/>
      <c r="JVA732" s="423" t="s">
        <v>2795</v>
      </c>
      <c r="JVB732" s="424"/>
      <c r="JVC732" s="424"/>
      <c r="JVD732" s="424"/>
      <c r="JVE732" s="423" t="s">
        <v>2795</v>
      </c>
      <c r="JVF732" s="424"/>
      <c r="JVG732" s="424"/>
      <c r="JVH732" s="424"/>
      <c r="JVI732" s="423" t="s">
        <v>2795</v>
      </c>
      <c r="JVJ732" s="424"/>
      <c r="JVK732" s="424"/>
      <c r="JVL732" s="424"/>
      <c r="JVM732" s="423" t="s">
        <v>2795</v>
      </c>
      <c r="JVN732" s="424"/>
      <c r="JVO732" s="424"/>
      <c r="JVP732" s="424"/>
      <c r="JVQ732" s="423" t="s">
        <v>2795</v>
      </c>
      <c r="JVR732" s="424"/>
      <c r="JVS732" s="424"/>
      <c r="JVT732" s="424"/>
      <c r="JVU732" s="423" t="s">
        <v>2795</v>
      </c>
      <c r="JVV732" s="424"/>
      <c r="JVW732" s="424"/>
      <c r="JVX732" s="424"/>
      <c r="JVY732" s="423" t="s">
        <v>2795</v>
      </c>
      <c r="JVZ732" s="424"/>
      <c r="JWA732" s="424"/>
      <c r="JWB732" s="424"/>
      <c r="JWC732" s="423" t="s">
        <v>2795</v>
      </c>
      <c r="JWD732" s="424"/>
      <c r="JWE732" s="424"/>
      <c r="JWF732" s="424"/>
      <c r="JWG732" s="423" t="s">
        <v>2795</v>
      </c>
      <c r="JWH732" s="424"/>
      <c r="JWI732" s="424"/>
      <c r="JWJ732" s="424"/>
      <c r="JWK732" s="423" t="s">
        <v>2795</v>
      </c>
      <c r="JWL732" s="424"/>
      <c r="JWM732" s="424"/>
      <c r="JWN732" s="424"/>
      <c r="JWO732" s="423" t="s">
        <v>2795</v>
      </c>
      <c r="JWP732" s="424"/>
      <c r="JWQ732" s="424"/>
      <c r="JWR732" s="424"/>
      <c r="JWS732" s="423" t="s">
        <v>2795</v>
      </c>
      <c r="JWT732" s="424"/>
      <c r="JWU732" s="424"/>
      <c r="JWV732" s="424"/>
      <c r="JWW732" s="423" t="s">
        <v>2795</v>
      </c>
      <c r="JWX732" s="424"/>
      <c r="JWY732" s="424"/>
      <c r="JWZ732" s="424"/>
      <c r="JXA732" s="423" t="s">
        <v>2795</v>
      </c>
      <c r="JXB732" s="424"/>
      <c r="JXC732" s="424"/>
      <c r="JXD732" s="424"/>
      <c r="JXE732" s="423" t="s">
        <v>2795</v>
      </c>
      <c r="JXF732" s="424"/>
      <c r="JXG732" s="424"/>
      <c r="JXH732" s="424"/>
      <c r="JXI732" s="423" t="s">
        <v>2795</v>
      </c>
      <c r="JXJ732" s="424"/>
      <c r="JXK732" s="424"/>
      <c r="JXL732" s="424"/>
      <c r="JXM732" s="423" t="s">
        <v>2795</v>
      </c>
      <c r="JXN732" s="424"/>
      <c r="JXO732" s="424"/>
      <c r="JXP732" s="424"/>
      <c r="JXQ732" s="423" t="s">
        <v>2795</v>
      </c>
      <c r="JXR732" s="424"/>
      <c r="JXS732" s="424"/>
      <c r="JXT732" s="424"/>
      <c r="JXU732" s="423" t="s">
        <v>2795</v>
      </c>
      <c r="JXV732" s="424"/>
      <c r="JXW732" s="424"/>
      <c r="JXX732" s="424"/>
      <c r="JXY732" s="423" t="s">
        <v>2795</v>
      </c>
      <c r="JXZ732" s="424"/>
      <c r="JYA732" s="424"/>
      <c r="JYB732" s="424"/>
      <c r="JYC732" s="423" t="s">
        <v>2795</v>
      </c>
      <c r="JYD732" s="424"/>
      <c r="JYE732" s="424"/>
      <c r="JYF732" s="424"/>
      <c r="JYG732" s="423" t="s">
        <v>2795</v>
      </c>
      <c r="JYH732" s="424"/>
      <c r="JYI732" s="424"/>
      <c r="JYJ732" s="424"/>
      <c r="JYK732" s="423" t="s">
        <v>2795</v>
      </c>
      <c r="JYL732" s="424"/>
      <c r="JYM732" s="424"/>
      <c r="JYN732" s="424"/>
      <c r="JYO732" s="423" t="s">
        <v>2795</v>
      </c>
      <c r="JYP732" s="424"/>
      <c r="JYQ732" s="424"/>
      <c r="JYR732" s="424"/>
      <c r="JYS732" s="423" t="s">
        <v>2795</v>
      </c>
      <c r="JYT732" s="424"/>
      <c r="JYU732" s="424"/>
      <c r="JYV732" s="424"/>
      <c r="JYW732" s="423" t="s">
        <v>2795</v>
      </c>
      <c r="JYX732" s="424"/>
      <c r="JYY732" s="424"/>
      <c r="JYZ732" s="424"/>
      <c r="JZA732" s="423" t="s">
        <v>2795</v>
      </c>
      <c r="JZB732" s="424"/>
      <c r="JZC732" s="424"/>
      <c r="JZD732" s="424"/>
      <c r="JZE732" s="423" t="s">
        <v>2795</v>
      </c>
      <c r="JZF732" s="424"/>
      <c r="JZG732" s="424"/>
      <c r="JZH732" s="424"/>
      <c r="JZI732" s="423" t="s">
        <v>2795</v>
      </c>
      <c r="JZJ732" s="424"/>
      <c r="JZK732" s="424"/>
      <c r="JZL732" s="424"/>
      <c r="JZM732" s="423" t="s">
        <v>2795</v>
      </c>
      <c r="JZN732" s="424"/>
      <c r="JZO732" s="424"/>
      <c r="JZP732" s="424"/>
      <c r="JZQ732" s="423" t="s">
        <v>2795</v>
      </c>
      <c r="JZR732" s="424"/>
      <c r="JZS732" s="424"/>
      <c r="JZT732" s="424"/>
      <c r="JZU732" s="423" t="s">
        <v>2795</v>
      </c>
      <c r="JZV732" s="424"/>
      <c r="JZW732" s="424"/>
      <c r="JZX732" s="424"/>
      <c r="JZY732" s="423" t="s">
        <v>2795</v>
      </c>
      <c r="JZZ732" s="424"/>
      <c r="KAA732" s="424"/>
      <c r="KAB732" s="424"/>
      <c r="KAC732" s="423" t="s">
        <v>2795</v>
      </c>
      <c r="KAD732" s="424"/>
      <c r="KAE732" s="424"/>
      <c r="KAF732" s="424"/>
      <c r="KAG732" s="423" t="s">
        <v>2795</v>
      </c>
      <c r="KAH732" s="424"/>
      <c r="KAI732" s="424"/>
      <c r="KAJ732" s="424"/>
      <c r="KAK732" s="423" t="s">
        <v>2795</v>
      </c>
      <c r="KAL732" s="424"/>
      <c r="KAM732" s="424"/>
      <c r="KAN732" s="424"/>
      <c r="KAO732" s="423" t="s">
        <v>2795</v>
      </c>
      <c r="KAP732" s="424"/>
      <c r="KAQ732" s="424"/>
      <c r="KAR732" s="424"/>
      <c r="KAS732" s="423" t="s">
        <v>2795</v>
      </c>
      <c r="KAT732" s="424"/>
      <c r="KAU732" s="424"/>
      <c r="KAV732" s="424"/>
      <c r="KAW732" s="423" t="s">
        <v>2795</v>
      </c>
      <c r="KAX732" s="424"/>
      <c r="KAY732" s="424"/>
      <c r="KAZ732" s="424"/>
      <c r="KBA732" s="423" t="s">
        <v>2795</v>
      </c>
      <c r="KBB732" s="424"/>
      <c r="KBC732" s="424"/>
      <c r="KBD732" s="424"/>
      <c r="KBE732" s="423" t="s">
        <v>2795</v>
      </c>
      <c r="KBF732" s="424"/>
      <c r="KBG732" s="424"/>
      <c r="KBH732" s="424"/>
      <c r="KBI732" s="423" t="s">
        <v>2795</v>
      </c>
      <c r="KBJ732" s="424"/>
      <c r="KBK732" s="424"/>
      <c r="KBL732" s="424"/>
      <c r="KBM732" s="423" t="s">
        <v>2795</v>
      </c>
      <c r="KBN732" s="424"/>
      <c r="KBO732" s="424"/>
      <c r="KBP732" s="424"/>
      <c r="KBQ732" s="423" t="s">
        <v>2795</v>
      </c>
      <c r="KBR732" s="424"/>
      <c r="KBS732" s="424"/>
      <c r="KBT732" s="424"/>
      <c r="KBU732" s="423" t="s">
        <v>2795</v>
      </c>
      <c r="KBV732" s="424"/>
      <c r="KBW732" s="424"/>
      <c r="KBX732" s="424"/>
      <c r="KBY732" s="423" t="s">
        <v>2795</v>
      </c>
      <c r="KBZ732" s="424"/>
      <c r="KCA732" s="424"/>
      <c r="KCB732" s="424"/>
      <c r="KCC732" s="423" t="s">
        <v>2795</v>
      </c>
      <c r="KCD732" s="424"/>
      <c r="KCE732" s="424"/>
      <c r="KCF732" s="424"/>
      <c r="KCG732" s="423" t="s">
        <v>2795</v>
      </c>
      <c r="KCH732" s="424"/>
      <c r="KCI732" s="424"/>
      <c r="KCJ732" s="424"/>
      <c r="KCK732" s="423" t="s">
        <v>2795</v>
      </c>
      <c r="KCL732" s="424"/>
      <c r="KCM732" s="424"/>
      <c r="KCN732" s="424"/>
      <c r="KCO732" s="423" t="s">
        <v>2795</v>
      </c>
      <c r="KCP732" s="424"/>
      <c r="KCQ732" s="424"/>
      <c r="KCR732" s="424"/>
      <c r="KCS732" s="423" t="s">
        <v>2795</v>
      </c>
      <c r="KCT732" s="424"/>
      <c r="KCU732" s="424"/>
      <c r="KCV732" s="424"/>
      <c r="KCW732" s="423" t="s">
        <v>2795</v>
      </c>
      <c r="KCX732" s="424"/>
      <c r="KCY732" s="424"/>
      <c r="KCZ732" s="424"/>
      <c r="KDA732" s="423" t="s">
        <v>2795</v>
      </c>
      <c r="KDB732" s="424"/>
      <c r="KDC732" s="424"/>
      <c r="KDD732" s="424"/>
      <c r="KDE732" s="423" t="s">
        <v>2795</v>
      </c>
      <c r="KDF732" s="424"/>
      <c r="KDG732" s="424"/>
      <c r="KDH732" s="424"/>
      <c r="KDI732" s="423" t="s">
        <v>2795</v>
      </c>
      <c r="KDJ732" s="424"/>
      <c r="KDK732" s="424"/>
      <c r="KDL732" s="424"/>
      <c r="KDM732" s="423" t="s">
        <v>2795</v>
      </c>
      <c r="KDN732" s="424"/>
      <c r="KDO732" s="424"/>
      <c r="KDP732" s="424"/>
      <c r="KDQ732" s="423" t="s">
        <v>2795</v>
      </c>
      <c r="KDR732" s="424"/>
      <c r="KDS732" s="424"/>
      <c r="KDT732" s="424"/>
      <c r="KDU732" s="423" t="s">
        <v>2795</v>
      </c>
      <c r="KDV732" s="424"/>
      <c r="KDW732" s="424"/>
      <c r="KDX732" s="424"/>
      <c r="KDY732" s="423" t="s">
        <v>2795</v>
      </c>
      <c r="KDZ732" s="424"/>
      <c r="KEA732" s="424"/>
      <c r="KEB732" s="424"/>
      <c r="KEC732" s="423" t="s">
        <v>2795</v>
      </c>
      <c r="KED732" s="424"/>
      <c r="KEE732" s="424"/>
      <c r="KEF732" s="424"/>
      <c r="KEG732" s="423" t="s">
        <v>2795</v>
      </c>
      <c r="KEH732" s="424"/>
      <c r="KEI732" s="424"/>
      <c r="KEJ732" s="424"/>
      <c r="KEK732" s="423" t="s">
        <v>2795</v>
      </c>
      <c r="KEL732" s="424"/>
      <c r="KEM732" s="424"/>
      <c r="KEN732" s="424"/>
      <c r="KEO732" s="423" t="s">
        <v>2795</v>
      </c>
      <c r="KEP732" s="424"/>
      <c r="KEQ732" s="424"/>
      <c r="KER732" s="424"/>
      <c r="KES732" s="423" t="s">
        <v>2795</v>
      </c>
      <c r="KET732" s="424"/>
      <c r="KEU732" s="424"/>
      <c r="KEV732" s="424"/>
      <c r="KEW732" s="423" t="s">
        <v>2795</v>
      </c>
      <c r="KEX732" s="424"/>
      <c r="KEY732" s="424"/>
      <c r="KEZ732" s="424"/>
      <c r="KFA732" s="423" t="s">
        <v>2795</v>
      </c>
      <c r="KFB732" s="424"/>
      <c r="KFC732" s="424"/>
      <c r="KFD732" s="424"/>
      <c r="KFE732" s="423" t="s">
        <v>2795</v>
      </c>
      <c r="KFF732" s="424"/>
      <c r="KFG732" s="424"/>
      <c r="KFH732" s="424"/>
      <c r="KFI732" s="423" t="s">
        <v>2795</v>
      </c>
      <c r="KFJ732" s="424"/>
      <c r="KFK732" s="424"/>
      <c r="KFL732" s="424"/>
      <c r="KFM732" s="423" t="s">
        <v>2795</v>
      </c>
      <c r="KFN732" s="424"/>
      <c r="KFO732" s="424"/>
      <c r="KFP732" s="424"/>
      <c r="KFQ732" s="423" t="s">
        <v>2795</v>
      </c>
      <c r="KFR732" s="424"/>
      <c r="KFS732" s="424"/>
      <c r="KFT732" s="424"/>
      <c r="KFU732" s="423" t="s">
        <v>2795</v>
      </c>
      <c r="KFV732" s="424"/>
      <c r="KFW732" s="424"/>
      <c r="KFX732" s="424"/>
      <c r="KFY732" s="423" t="s">
        <v>2795</v>
      </c>
      <c r="KFZ732" s="424"/>
      <c r="KGA732" s="424"/>
      <c r="KGB732" s="424"/>
      <c r="KGC732" s="423" t="s">
        <v>2795</v>
      </c>
      <c r="KGD732" s="424"/>
      <c r="KGE732" s="424"/>
      <c r="KGF732" s="424"/>
      <c r="KGG732" s="423" t="s">
        <v>2795</v>
      </c>
      <c r="KGH732" s="424"/>
      <c r="KGI732" s="424"/>
      <c r="KGJ732" s="424"/>
      <c r="KGK732" s="423" t="s">
        <v>2795</v>
      </c>
      <c r="KGL732" s="424"/>
      <c r="KGM732" s="424"/>
      <c r="KGN732" s="424"/>
      <c r="KGO732" s="423" t="s">
        <v>2795</v>
      </c>
      <c r="KGP732" s="424"/>
      <c r="KGQ732" s="424"/>
      <c r="KGR732" s="424"/>
      <c r="KGS732" s="423" t="s">
        <v>2795</v>
      </c>
      <c r="KGT732" s="424"/>
      <c r="KGU732" s="424"/>
      <c r="KGV732" s="424"/>
      <c r="KGW732" s="423" t="s">
        <v>2795</v>
      </c>
      <c r="KGX732" s="424"/>
      <c r="KGY732" s="424"/>
      <c r="KGZ732" s="424"/>
      <c r="KHA732" s="423" t="s">
        <v>2795</v>
      </c>
      <c r="KHB732" s="424"/>
      <c r="KHC732" s="424"/>
      <c r="KHD732" s="424"/>
      <c r="KHE732" s="423" t="s">
        <v>2795</v>
      </c>
      <c r="KHF732" s="424"/>
      <c r="KHG732" s="424"/>
      <c r="KHH732" s="424"/>
      <c r="KHI732" s="423" t="s">
        <v>2795</v>
      </c>
      <c r="KHJ732" s="424"/>
      <c r="KHK732" s="424"/>
      <c r="KHL732" s="424"/>
      <c r="KHM732" s="423" t="s">
        <v>2795</v>
      </c>
      <c r="KHN732" s="424"/>
      <c r="KHO732" s="424"/>
      <c r="KHP732" s="424"/>
      <c r="KHQ732" s="423" t="s">
        <v>2795</v>
      </c>
      <c r="KHR732" s="424"/>
      <c r="KHS732" s="424"/>
      <c r="KHT732" s="424"/>
      <c r="KHU732" s="423" t="s">
        <v>2795</v>
      </c>
      <c r="KHV732" s="424"/>
      <c r="KHW732" s="424"/>
      <c r="KHX732" s="424"/>
      <c r="KHY732" s="423" t="s">
        <v>2795</v>
      </c>
      <c r="KHZ732" s="424"/>
      <c r="KIA732" s="424"/>
      <c r="KIB732" s="424"/>
      <c r="KIC732" s="423" t="s">
        <v>2795</v>
      </c>
      <c r="KID732" s="424"/>
      <c r="KIE732" s="424"/>
      <c r="KIF732" s="424"/>
      <c r="KIG732" s="423" t="s">
        <v>2795</v>
      </c>
      <c r="KIH732" s="424"/>
      <c r="KII732" s="424"/>
      <c r="KIJ732" s="424"/>
      <c r="KIK732" s="423" t="s">
        <v>2795</v>
      </c>
      <c r="KIL732" s="424"/>
      <c r="KIM732" s="424"/>
      <c r="KIN732" s="424"/>
      <c r="KIO732" s="423" t="s">
        <v>2795</v>
      </c>
      <c r="KIP732" s="424"/>
      <c r="KIQ732" s="424"/>
      <c r="KIR732" s="424"/>
      <c r="KIS732" s="423" t="s">
        <v>2795</v>
      </c>
      <c r="KIT732" s="424"/>
      <c r="KIU732" s="424"/>
      <c r="KIV732" s="424"/>
      <c r="KIW732" s="423" t="s">
        <v>2795</v>
      </c>
      <c r="KIX732" s="424"/>
      <c r="KIY732" s="424"/>
      <c r="KIZ732" s="424"/>
      <c r="KJA732" s="423" t="s">
        <v>2795</v>
      </c>
      <c r="KJB732" s="424"/>
      <c r="KJC732" s="424"/>
      <c r="KJD732" s="424"/>
      <c r="KJE732" s="423" t="s">
        <v>2795</v>
      </c>
      <c r="KJF732" s="424"/>
      <c r="KJG732" s="424"/>
      <c r="KJH732" s="424"/>
      <c r="KJI732" s="423" t="s">
        <v>2795</v>
      </c>
      <c r="KJJ732" s="424"/>
      <c r="KJK732" s="424"/>
      <c r="KJL732" s="424"/>
      <c r="KJM732" s="423" t="s">
        <v>2795</v>
      </c>
      <c r="KJN732" s="424"/>
      <c r="KJO732" s="424"/>
      <c r="KJP732" s="424"/>
      <c r="KJQ732" s="423" t="s">
        <v>2795</v>
      </c>
      <c r="KJR732" s="424"/>
      <c r="KJS732" s="424"/>
      <c r="KJT732" s="424"/>
      <c r="KJU732" s="423" t="s">
        <v>2795</v>
      </c>
      <c r="KJV732" s="424"/>
      <c r="KJW732" s="424"/>
      <c r="KJX732" s="424"/>
      <c r="KJY732" s="423" t="s">
        <v>2795</v>
      </c>
      <c r="KJZ732" s="424"/>
      <c r="KKA732" s="424"/>
      <c r="KKB732" s="424"/>
      <c r="KKC732" s="423" t="s">
        <v>2795</v>
      </c>
      <c r="KKD732" s="424"/>
      <c r="KKE732" s="424"/>
      <c r="KKF732" s="424"/>
      <c r="KKG732" s="423" t="s">
        <v>2795</v>
      </c>
      <c r="KKH732" s="424"/>
      <c r="KKI732" s="424"/>
      <c r="KKJ732" s="424"/>
      <c r="KKK732" s="423" t="s">
        <v>2795</v>
      </c>
      <c r="KKL732" s="424"/>
      <c r="KKM732" s="424"/>
      <c r="KKN732" s="424"/>
      <c r="KKO732" s="423" t="s">
        <v>2795</v>
      </c>
      <c r="KKP732" s="424"/>
      <c r="KKQ732" s="424"/>
      <c r="KKR732" s="424"/>
      <c r="KKS732" s="423" t="s">
        <v>2795</v>
      </c>
      <c r="KKT732" s="424"/>
      <c r="KKU732" s="424"/>
      <c r="KKV732" s="424"/>
      <c r="KKW732" s="423" t="s">
        <v>2795</v>
      </c>
      <c r="KKX732" s="424"/>
      <c r="KKY732" s="424"/>
      <c r="KKZ732" s="424"/>
      <c r="KLA732" s="423" t="s">
        <v>2795</v>
      </c>
      <c r="KLB732" s="424"/>
      <c r="KLC732" s="424"/>
      <c r="KLD732" s="424"/>
      <c r="KLE732" s="423" t="s">
        <v>2795</v>
      </c>
      <c r="KLF732" s="424"/>
      <c r="KLG732" s="424"/>
      <c r="KLH732" s="424"/>
      <c r="KLI732" s="423" t="s">
        <v>2795</v>
      </c>
      <c r="KLJ732" s="424"/>
      <c r="KLK732" s="424"/>
      <c r="KLL732" s="424"/>
      <c r="KLM732" s="423" t="s">
        <v>2795</v>
      </c>
      <c r="KLN732" s="424"/>
      <c r="KLO732" s="424"/>
      <c r="KLP732" s="424"/>
      <c r="KLQ732" s="423" t="s">
        <v>2795</v>
      </c>
      <c r="KLR732" s="424"/>
      <c r="KLS732" s="424"/>
      <c r="KLT732" s="424"/>
      <c r="KLU732" s="423" t="s">
        <v>2795</v>
      </c>
      <c r="KLV732" s="424"/>
      <c r="KLW732" s="424"/>
      <c r="KLX732" s="424"/>
      <c r="KLY732" s="423" t="s">
        <v>2795</v>
      </c>
      <c r="KLZ732" s="424"/>
      <c r="KMA732" s="424"/>
      <c r="KMB732" s="424"/>
      <c r="KMC732" s="423" t="s">
        <v>2795</v>
      </c>
      <c r="KMD732" s="424"/>
      <c r="KME732" s="424"/>
      <c r="KMF732" s="424"/>
      <c r="KMG732" s="423" t="s">
        <v>2795</v>
      </c>
      <c r="KMH732" s="424"/>
      <c r="KMI732" s="424"/>
      <c r="KMJ732" s="424"/>
      <c r="KMK732" s="423" t="s">
        <v>2795</v>
      </c>
      <c r="KML732" s="424"/>
      <c r="KMM732" s="424"/>
      <c r="KMN732" s="424"/>
      <c r="KMO732" s="423" t="s">
        <v>2795</v>
      </c>
      <c r="KMP732" s="424"/>
      <c r="KMQ732" s="424"/>
      <c r="KMR732" s="424"/>
      <c r="KMS732" s="423" t="s">
        <v>2795</v>
      </c>
      <c r="KMT732" s="424"/>
      <c r="KMU732" s="424"/>
      <c r="KMV732" s="424"/>
      <c r="KMW732" s="423" t="s">
        <v>2795</v>
      </c>
      <c r="KMX732" s="424"/>
      <c r="KMY732" s="424"/>
      <c r="KMZ732" s="424"/>
      <c r="KNA732" s="423" t="s">
        <v>2795</v>
      </c>
      <c r="KNB732" s="424"/>
      <c r="KNC732" s="424"/>
      <c r="KND732" s="424"/>
      <c r="KNE732" s="423" t="s">
        <v>2795</v>
      </c>
      <c r="KNF732" s="424"/>
      <c r="KNG732" s="424"/>
      <c r="KNH732" s="424"/>
      <c r="KNI732" s="423" t="s">
        <v>2795</v>
      </c>
      <c r="KNJ732" s="424"/>
      <c r="KNK732" s="424"/>
      <c r="KNL732" s="424"/>
      <c r="KNM732" s="423" t="s">
        <v>2795</v>
      </c>
      <c r="KNN732" s="424"/>
      <c r="KNO732" s="424"/>
      <c r="KNP732" s="424"/>
      <c r="KNQ732" s="423" t="s">
        <v>2795</v>
      </c>
      <c r="KNR732" s="424"/>
      <c r="KNS732" s="424"/>
      <c r="KNT732" s="424"/>
      <c r="KNU732" s="423" t="s">
        <v>2795</v>
      </c>
      <c r="KNV732" s="424"/>
      <c r="KNW732" s="424"/>
      <c r="KNX732" s="424"/>
      <c r="KNY732" s="423" t="s">
        <v>2795</v>
      </c>
      <c r="KNZ732" s="424"/>
      <c r="KOA732" s="424"/>
      <c r="KOB732" s="424"/>
      <c r="KOC732" s="423" t="s">
        <v>2795</v>
      </c>
      <c r="KOD732" s="424"/>
      <c r="KOE732" s="424"/>
      <c r="KOF732" s="424"/>
      <c r="KOG732" s="423" t="s">
        <v>2795</v>
      </c>
      <c r="KOH732" s="424"/>
      <c r="KOI732" s="424"/>
      <c r="KOJ732" s="424"/>
      <c r="KOK732" s="423" t="s">
        <v>2795</v>
      </c>
      <c r="KOL732" s="424"/>
      <c r="KOM732" s="424"/>
      <c r="KON732" s="424"/>
      <c r="KOO732" s="423" t="s">
        <v>2795</v>
      </c>
      <c r="KOP732" s="424"/>
      <c r="KOQ732" s="424"/>
      <c r="KOR732" s="424"/>
      <c r="KOS732" s="423" t="s">
        <v>2795</v>
      </c>
      <c r="KOT732" s="424"/>
      <c r="KOU732" s="424"/>
      <c r="KOV732" s="424"/>
      <c r="KOW732" s="423" t="s">
        <v>2795</v>
      </c>
      <c r="KOX732" s="424"/>
      <c r="KOY732" s="424"/>
      <c r="KOZ732" s="424"/>
      <c r="KPA732" s="423" t="s">
        <v>2795</v>
      </c>
      <c r="KPB732" s="424"/>
      <c r="KPC732" s="424"/>
      <c r="KPD732" s="424"/>
      <c r="KPE732" s="423" t="s">
        <v>2795</v>
      </c>
      <c r="KPF732" s="424"/>
      <c r="KPG732" s="424"/>
      <c r="KPH732" s="424"/>
      <c r="KPI732" s="423" t="s">
        <v>2795</v>
      </c>
      <c r="KPJ732" s="424"/>
      <c r="KPK732" s="424"/>
      <c r="KPL732" s="424"/>
      <c r="KPM732" s="423" t="s">
        <v>2795</v>
      </c>
      <c r="KPN732" s="424"/>
      <c r="KPO732" s="424"/>
      <c r="KPP732" s="424"/>
      <c r="KPQ732" s="423" t="s">
        <v>2795</v>
      </c>
      <c r="KPR732" s="424"/>
      <c r="KPS732" s="424"/>
      <c r="KPT732" s="424"/>
      <c r="KPU732" s="423" t="s">
        <v>2795</v>
      </c>
      <c r="KPV732" s="424"/>
      <c r="KPW732" s="424"/>
      <c r="KPX732" s="424"/>
      <c r="KPY732" s="423" t="s">
        <v>2795</v>
      </c>
      <c r="KPZ732" s="424"/>
      <c r="KQA732" s="424"/>
      <c r="KQB732" s="424"/>
      <c r="KQC732" s="423" t="s">
        <v>2795</v>
      </c>
      <c r="KQD732" s="424"/>
      <c r="KQE732" s="424"/>
      <c r="KQF732" s="424"/>
      <c r="KQG732" s="423" t="s">
        <v>2795</v>
      </c>
      <c r="KQH732" s="424"/>
      <c r="KQI732" s="424"/>
      <c r="KQJ732" s="424"/>
      <c r="KQK732" s="423" t="s">
        <v>2795</v>
      </c>
      <c r="KQL732" s="424"/>
      <c r="KQM732" s="424"/>
      <c r="KQN732" s="424"/>
      <c r="KQO732" s="423" t="s">
        <v>2795</v>
      </c>
      <c r="KQP732" s="424"/>
      <c r="KQQ732" s="424"/>
      <c r="KQR732" s="424"/>
      <c r="KQS732" s="423" t="s">
        <v>2795</v>
      </c>
      <c r="KQT732" s="424"/>
      <c r="KQU732" s="424"/>
      <c r="KQV732" s="424"/>
      <c r="KQW732" s="423" t="s">
        <v>2795</v>
      </c>
      <c r="KQX732" s="424"/>
      <c r="KQY732" s="424"/>
      <c r="KQZ732" s="424"/>
      <c r="KRA732" s="423" t="s">
        <v>2795</v>
      </c>
      <c r="KRB732" s="424"/>
      <c r="KRC732" s="424"/>
      <c r="KRD732" s="424"/>
      <c r="KRE732" s="423" t="s">
        <v>2795</v>
      </c>
      <c r="KRF732" s="424"/>
      <c r="KRG732" s="424"/>
      <c r="KRH732" s="424"/>
      <c r="KRI732" s="423" t="s">
        <v>2795</v>
      </c>
      <c r="KRJ732" s="424"/>
      <c r="KRK732" s="424"/>
      <c r="KRL732" s="424"/>
      <c r="KRM732" s="423" t="s">
        <v>2795</v>
      </c>
      <c r="KRN732" s="424"/>
      <c r="KRO732" s="424"/>
      <c r="KRP732" s="424"/>
      <c r="KRQ732" s="423" t="s">
        <v>2795</v>
      </c>
      <c r="KRR732" s="424"/>
      <c r="KRS732" s="424"/>
      <c r="KRT732" s="424"/>
      <c r="KRU732" s="423" t="s">
        <v>2795</v>
      </c>
      <c r="KRV732" s="424"/>
      <c r="KRW732" s="424"/>
      <c r="KRX732" s="424"/>
      <c r="KRY732" s="423" t="s">
        <v>2795</v>
      </c>
      <c r="KRZ732" s="424"/>
      <c r="KSA732" s="424"/>
      <c r="KSB732" s="424"/>
      <c r="KSC732" s="423" t="s">
        <v>2795</v>
      </c>
      <c r="KSD732" s="424"/>
      <c r="KSE732" s="424"/>
      <c r="KSF732" s="424"/>
      <c r="KSG732" s="423" t="s">
        <v>2795</v>
      </c>
      <c r="KSH732" s="424"/>
      <c r="KSI732" s="424"/>
      <c r="KSJ732" s="424"/>
      <c r="KSK732" s="423" t="s">
        <v>2795</v>
      </c>
      <c r="KSL732" s="424"/>
      <c r="KSM732" s="424"/>
      <c r="KSN732" s="424"/>
      <c r="KSO732" s="423" t="s">
        <v>2795</v>
      </c>
      <c r="KSP732" s="424"/>
      <c r="KSQ732" s="424"/>
      <c r="KSR732" s="424"/>
      <c r="KSS732" s="423" t="s">
        <v>2795</v>
      </c>
      <c r="KST732" s="424"/>
      <c r="KSU732" s="424"/>
      <c r="KSV732" s="424"/>
      <c r="KSW732" s="423" t="s">
        <v>2795</v>
      </c>
      <c r="KSX732" s="424"/>
      <c r="KSY732" s="424"/>
      <c r="KSZ732" s="424"/>
      <c r="KTA732" s="423" t="s">
        <v>2795</v>
      </c>
      <c r="KTB732" s="424"/>
      <c r="KTC732" s="424"/>
      <c r="KTD732" s="424"/>
      <c r="KTE732" s="423" t="s">
        <v>2795</v>
      </c>
      <c r="KTF732" s="424"/>
      <c r="KTG732" s="424"/>
      <c r="KTH732" s="424"/>
      <c r="KTI732" s="423" t="s">
        <v>2795</v>
      </c>
      <c r="KTJ732" s="424"/>
      <c r="KTK732" s="424"/>
      <c r="KTL732" s="424"/>
      <c r="KTM732" s="423" t="s">
        <v>2795</v>
      </c>
      <c r="KTN732" s="424"/>
      <c r="KTO732" s="424"/>
      <c r="KTP732" s="424"/>
      <c r="KTQ732" s="423" t="s">
        <v>2795</v>
      </c>
      <c r="KTR732" s="424"/>
      <c r="KTS732" s="424"/>
      <c r="KTT732" s="424"/>
      <c r="KTU732" s="423" t="s">
        <v>2795</v>
      </c>
      <c r="KTV732" s="424"/>
      <c r="KTW732" s="424"/>
      <c r="KTX732" s="424"/>
      <c r="KTY732" s="423" t="s">
        <v>2795</v>
      </c>
      <c r="KTZ732" s="424"/>
      <c r="KUA732" s="424"/>
      <c r="KUB732" s="424"/>
      <c r="KUC732" s="423" t="s">
        <v>2795</v>
      </c>
      <c r="KUD732" s="424"/>
      <c r="KUE732" s="424"/>
      <c r="KUF732" s="424"/>
      <c r="KUG732" s="423" t="s">
        <v>2795</v>
      </c>
      <c r="KUH732" s="424"/>
      <c r="KUI732" s="424"/>
      <c r="KUJ732" s="424"/>
      <c r="KUK732" s="423" t="s">
        <v>2795</v>
      </c>
      <c r="KUL732" s="424"/>
      <c r="KUM732" s="424"/>
      <c r="KUN732" s="424"/>
      <c r="KUO732" s="423" t="s">
        <v>2795</v>
      </c>
      <c r="KUP732" s="424"/>
      <c r="KUQ732" s="424"/>
      <c r="KUR732" s="424"/>
      <c r="KUS732" s="423" t="s">
        <v>2795</v>
      </c>
      <c r="KUT732" s="424"/>
      <c r="KUU732" s="424"/>
      <c r="KUV732" s="424"/>
      <c r="KUW732" s="423" t="s">
        <v>2795</v>
      </c>
      <c r="KUX732" s="424"/>
      <c r="KUY732" s="424"/>
      <c r="KUZ732" s="424"/>
      <c r="KVA732" s="423" t="s">
        <v>2795</v>
      </c>
      <c r="KVB732" s="424"/>
      <c r="KVC732" s="424"/>
      <c r="KVD732" s="424"/>
      <c r="KVE732" s="423" t="s">
        <v>2795</v>
      </c>
      <c r="KVF732" s="424"/>
      <c r="KVG732" s="424"/>
      <c r="KVH732" s="424"/>
      <c r="KVI732" s="423" t="s">
        <v>2795</v>
      </c>
      <c r="KVJ732" s="424"/>
      <c r="KVK732" s="424"/>
      <c r="KVL732" s="424"/>
      <c r="KVM732" s="423" t="s">
        <v>2795</v>
      </c>
      <c r="KVN732" s="424"/>
      <c r="KVO732" s="424"/>
      <c r="KVP732" s="424"/>
      <c r="KVQ732" s="423" t="s">
        <v>2795</v>
      </c>
      <c r="KVR732" s="424"/>
      <c r="KVS732" s="424"/>
      <c r="KVT732" s="424"/>
      <c r="KVU732" s="423" t="s">
        <v>2795</v>
      </c>
      <c r="KVV732" s="424"/>
      <c r="KVW732" s="424"/>
      <c r="KVX732" s="424"/>
      <c r="KVY732" s="423" t="s">
        <v>2795</v>
      </c>
      <c r="KVZ732" s="424"/>
      <c r="KWA732" s="424"/>
      <c r="KWB732" s="424"/>
      <c r="KWC732" s="423" t="s">
        <v>2795</v>
      </c>
      <c r="KWD732" s="424"/>
      <c r="KWE732" s="424"/>
      <c r="KWF732" s="424"/>
      <c r="KWG732" s="423" t="s">
        <v>2795</v>
      </c>
      <c r="KWH732" s="424"/>
      <c r="KWI732" s="424"/>
      <c r="KWJ732" s="424"/>
      <c r="KWK732" s="423" t="s">
        <v>2795</v>
      </c>
      <c r="KWL732" s="424"/>
      <c r="KWM732" s="424"/>
      <c r="KWN732" s="424"/>
      <c r="KWO732" s="423" t="s">
        <v>2795</v>
      </c>
      <c r="KWP732" s="424"/>
      <c r="KWQ732" s="424"/>
      <c r="KWR732" s="424"/>
      <c r="KWS732" s="423" t="s">
        <v>2795</v>
      </c>
      <c r="KWT732" s="424"/>
      <c r="KWU732" s="424"/>
      <c r="KWV732" s="424"/>
      <c r="KWW732" s="423" t="s">
        <v>2795</v>
      </c>
      <c r="KWX732" s="424"/>
      <c r="KWY732" s="424"/>
      <c r="KWZ732" s="424"/>
      <c r="KXA732" s="423" t="s">
        <v>2795</v>
      </c>
      <c r="KXB732" s="424"/>
      <c r="KXC732" s="424"/>
      <c r="KXD732" s="424"/>
      <c r="KXE732" s="423" t="s">
        <v>2795</v>
      </c>
      <c r="KXF732" s="424"/>
      <c r="KXG732" s="424"/>
      <c r="KXH732" s="424"/>
      <c r="KXI732" s="423" t="s">
        <v>2795</v>
      </c>
      <c r="KXJ732" s="424"/>
      <c r="KXK732" s="424"/>
      <c r="KXL732" s="424"/>
      <c r="KXM732" s="423" t="s">
        <v>2795</v>
      </c>
      <c r="KXN732" s="424"/>
      <c r="KXO732" s="424"/>
      <c r="KXP732" s="424"/>
      <c r="KXQ732" s="423" t="s">
        <v>2795</v>
      </c>
      <c r="KXR732" s="424"/>
      <c r="KXS732" s="424"/>
      <c r="KXT732" s="424"/>
      <c r="KXU732" s="423" t="s">
        <v>2795</v>
      </c>
      <c r="KXV732" s="424"/>
      <c r="KXW732" s="424"/>
      <c r="KXX732" s="424"/>
      <c r="KXY732" s="423" t="s">
        <v>2795</v>
      </c>
      <c r="KXZ732" s="424"/>
      <c r="KYA732" s="424"/>
      <c r="KYB732" s="424"/>
      <c r="KYC732" s="423" t="s">
        <v>2795</v>
      </c>
      <c r="KYD732" s="424"/>
      <c r="KYE732" s="424"/>
      <c r="KYF732" s="424"/>
      <c r="KYG732" s="423" t="s">
        <v>2795</v>
      </c>
      <c r="KYH732" s="424"/>
      <c r="KYI732" s="424"/>
      <c r="KYJ732" s="424"/>
      <c r="KYK732" s="423" t="s">
        <v>2795</v>
      </c>
      <c r="KYL732" s="424"/>
      <c r="KYM732" s="424"/>
      <c r="KYN732" s="424"/>
      <c r="KYO732" s="423" t="s">
        <v>2795</v>
      </c>
      <c r="KYP732" s="424"/>
      <c r="KYQ732" s="424"/>
      <c r="KYR732" s="424"/>
      <c r="KYS732" s="423" t="s">
        <v>2795</v>
      </c>
      <c r="KYT732" s="424"/>
      <c r="KYU732" s="424"/>
      <c r="KYV732" s="424"/>
      <c r="KYW732" s="423" t="s">
        <v>2795</v>
      </c>
      <c r="KYX732" s="424"/>
      <c r="KYY732" s="424"/>
      <c r="KYZ732" s="424"/>
      <c r="KZA732" s="423" t="s">
        <v>2795</v>
      </c>
      <c r="KZB732" s="424"/>
      <c r="KZC732" s="424"/>
      <c r="KZD732" s="424"/>
      <c r="KZE732" s="423" t="s">
        <v>2795</v>
      </c>
      <c r="KZF732" s="424"/>
      <c r="KZG732" s="424"/>
      <c r="KZH732" s="424"/>
      <c r="KZI732" s="423" t="s">
        <v>2795</v>
      </c>
      <c r="KZJ732" s="424"/>
      <c r="KZK732" s="424"/>
      <c r="KZL732" s="424"/>
      <c r="KZM732" s="423" t="s">
        <v>2795</v>
      </c>
      <c r="KZN732" s="424"/>
      <c r="KZO732" s="424"/>
      <c r="KZP732" s="424"/>
      <c r="KZQ732" s="423" t="s">
        <v>2795</v>
      </c>
      <c r="KZR732" s="424"/>
      <c r="KZS732" s="424"/>
      <c r="KZT732" s="424"/>
      <c r="KZU732" s="423" t="s">
        <v>2795</v>
      </c>
      <c r="KZV732" s="424"/>
      <c r="KZW732" s="424"/>
      <c r="KZX732" s="424"/>
      <c r="KZY732" s="423" t="s">
        <v>2795</v>
      </c>
      <c r="KZZ732" s="424"/>
      <c r="LAA732" s="424"/>
      <c r="LAB732" s="424"/>
      <c r="LAC732" s="423" t="s">
        <v>2795</v>
      </c>
      <c r="LAD732" s="424"/>
      <c r="LAE732" s="424"/>
      <c r="LAF732" s="424"/>
      <c r="LAG732" s="423" t="s">
        <v>2795</v>
      </c>
      <c r="LAH732" s="424"/>
      <c r="LAI732" s="424"/>
      <c r="LAJ732" s="424"/>
      <c r="LAK732" s="423" t="s">
        <v>2795</v>
      </c>
      <c r="LAL732" s="424"/>
      <c r="LAM732" s="424"/>
      <c r="LAN732" s="424"/>
      <c r="LAO732" s="423" t="s">
        <v>2795</v>
      </c>
      <c r="LAP732" s="424"/>
      <c r="LAQ732" s="424"/>
      <c r="LAR732" s="424"/>
      <c r="LAS732" s="423" t="s">
        <v>2795</v>
      </c>
      <c r="LAT732" s="424"/>
      <c r="LAU732" s="424"/>
      <c r="LAV732" s="424"/>
      <c r="LAW732" s="423" t="s">
        <v>2795</v>
      </c>
      <c r="LAX732" s="424"/>
      <c r="LAY732" s="424"/>
      <c r="LAZ732" s="424"/>
      <c r="LBA732" s="423" t="s">
        <v>2795</v>
      </c>
      <c r="LBB732" s="424"/>
      <c r="LBC732" s="424"/>
      <c r="LBD732" s="424"/>
      <c r="LBE732" s="423" t="s">
        <v>2795</v>
      </c>
      <c r="LBF732" s="424"/>
      <c r="LBG732" s="424"/>
      <c r="LBH732" s="424"/>
      <c r="LBI732" s="423" t="s">
        <v>2795</v>
      </c>
      <c r="LBJ732" s="424"/>
      <c r="LBK732" s="424"/>
      <c r="LBL732" s="424"/>
      <c r="LBM732" s="423" t="s">
        <v>2795</v>
      </c>
      <c r="LBN732" s="424"/>
      <c r="LBO732" s="424"/>
      <c r="LBP732" s="424"/>
      <c r="LBQ732" s="423" t="s">
        <v>2795</v>
      </c>
      <c r="LBR732" s="424"/>
      <c r="LBS732" s="424"/>
      <c r="LBT732" s="424"/>
      <c r="LBU732" s="423" t="s">
        <v>2795</v>
      </c>
      <c r="LBV732" s="424"/>
      <c r="LBW732" s="424"/>
      <c r="LBX732" s="424"/>
      <c r="LBY732" s="423" t="s">
        <v>2795</v>
      </c>
      <c r="LBZ732" s="424"/>
      <c r="LCA732" s="424"/>
      <c r="LCB732" s="424"/>
      <c r="LCC732" s="423" t="s">
        <v>2795</v>
      </c>
      <c r="LCD732" s="424"/>
      <c r="LCE732" s="424"/>
      <c r="LCF732" s="424"/>
      <c r="LCG732" s="423" t="s">
        <v>2795</v>
      </c>
      <c r="LCH732" s="424"/>
      <c r="LCI732" s="424"/>
      <c r="LCJ732" s="424"/>
      <c r="LCK732" s="423" t="s">
        <v>2795</v>
      </c>
      <c r="LCL732" s="424"/>
      <c r="LCM732" s="424"/>
      <c r="LCN732" s="424"/>
      <c r="LCO732" s="423" t="s">
        <v>2795</v>
      </c>
      <c r="LCP732" s="424"/>
      <c r="LCQ732" s="424"/>
      <c r="LCR732" s="424"/>
      <c r="LCS732" s="423" t="s">
        <v>2795</v>
      </c>
      <c r="LCT732" s="424"/>
      <c r="LCU732" s="424"/>
      <c r="LCV732" s="424"/>
      <c r="LCW732" s="423" t="s">
        <v>2795</v>
      </c>
      <c r="LCX732" s="424"/>
      <c r="LCY732" s="424"/>
      <c r="LCZ732" s="424"/>
      <c r="LDA732" s="423" t="s">
        <v>2795</v>
      </c>
      <c r="LDB732" s="424"/>
      <c r="LDC732" s="424"/>
      <c r="LDD732" s="424"/>
      <c r="LDE732" s="423" t="s">
        <v>2795</v>
      </c>
      <c r="LDF732" s="424"/>
      <c r="LDG732" s="424"/>
      <c r="LDH732" s="424"/>
      <c r="LDI732" s="423" t="s">
        <v>2795</v>
      </c>
      <c r="LDJ732" s="424"/>
      <c r="LDK732" s="424"/>
      <c r="LDL732" s="424"/>
      <c r="LDM732" s="423" t="s">
        <v>2795</v>
      </c>
      <c r="LDN732" s="424"/>
      <c r="LDO732" s="424"/>
      <c r="LDP732" s="424"/>
      <c r="LDQ732" s="423" t="s">
        <v>2795</v>
      </c>
      <c r="LDR732" s="424"/>
      <c r="LDS732" s="424"/>
      <c r="LDT732" s="424"/>
      <c r="LDU732" s="423" t="s">
        <v>2795</v>
      </c>
      <c r="LDV732" s="424"/>
      <c r="LDW732" s="424"/>
      <c r="LDX732" s="424"/>
      <c r="LDY732" s="423" t="s">
        <v>2795</v>
      </c>
      <c r="LDZ732" s="424"/>
      <c r="LEA732" s="424"/>
      <c r="LEB732" s="424"/>
      <c r="LEC732" s="423" t="s">
        <v>2795</v>
      </c>
      <c r="LED732" s="424"/>
      <c r="LEE732" s="424"/>
      <c r="LEF732" s="424"/>
      <c r="LEG732" s="423" t="s">
        <v>2795</v>
      </c>
      <c r="LEH732" s="424"/>
      <c r="LEI732" s="424"/>
      <c r="LEJ732" s="424"/>
      <c r="LEK732" s="423" t="s">
        <v>2795</v>
      </c>
      <c r="LEL732" s="424"/>
      <c r="LEM732" s="424"/>
      <c r="LEN732" s="424"/>
      <c r="LEO732" s="423" t="s">
        <v>2795</v>
      </c>
      <c r="LEP732" s="424"/>
      <c r="LEQ732" s="424"/>
      <c r="LER732" s="424"/>
      <c r="LES732" s="423" t="s">
        <v>2795</v>
      </c>
      <c r="LET732" s="424"/>
      <c r="LEU732" s="424"/>
      <c r="LEV732" s="424"/>
      <c r="LEW732" s="423" t="s">
        <v>2795</v>
      </c>
      <c r="LEX732" s="424"/>
      <c r="LEY732" s="424"/>
      <c r="LEZ732" s="424"/>
      <c r="LFA732" s="423" t="s">
        <v>2795</v>
      </c>
      <c r="LFB732" s="424"/>
      <c r="LFC732" s="424"/>
      <c r="LFD732" s="424"/>
      <c r="LFE732" s="423" t="s">
        <v>2795</v>
      </c>
      <c r="LFF732" s="424"/>
      <c r="LFG732" s="424"/>
      <c r="LFH732" s="424"/>
      <c r="LFI732" s="423" t="s">
        <v>2795</v>
      </c>
      <c r="LFJ732" s="424"/>
      <c r="LFK732" s="424"/>
      <c r="LFL732" s="424"/>
      <c r="LFM732" s="423" t="s">
        <v>2795</v>
      </c>
      <c r="LFN732" s="424"/>
      <c r="LFO732" s="424"/>
      <c r="LFP732" s="424"/>
      <c r="LFQ732" s="423" t="s">
        <v>2795</v>
      </c>
      <c r="LFR732" s="424"/>
      <c r="LFS732" s="424"/>
      <c r="LFT732" s="424"/>
      <c r="LFU732" s="423" t="s">
        <v>2795</v>
      </c>
      <c r="LFV732" s="424"/>
      <c r="LFW732" s="424"/>
      <c r="LFX732" s="424"/>
      <c r="LFY732" s="423" t="s">
        <v>2795</v>
      </c>
      <c r="LFZ732" s="424"/>
      <c r="LGA732" s="424"/>
      <c r="LGB732" s="424"/>
      <c r="LGC732" s="423" t="s">
        <v>2795</v>
      </c>
      <c r="LGD732" s="424"/>
      <c r="LGE732" s="424"/>
      <c r="LGF732" s="424"/>
      <c r="LGG732" s="423" t="s">
        <v>2795</v>
      </c>
      <c r="LGH732" s="424"/>
      <c r="LGI732" s="424"/>
      <c r="LGJ732" s="424"/>
      <c r="LGK732" s="423" t="s">
        <v>2795</v>
      </c>
      <c r="LGL732" s="424"/>
      <c r="LGM732" s="424"/>
      <c r="LGN732" s="424"/>
      <c r="LGO732" s="423" t="s">
        <v>2795</v>
      </c>
      <c r="LGP732" s="424"/>
      <c r="LGQ732" s="424"/>
      <c r="LGR732" s="424"/>
      <c r="LGS732" s="423" t="s">
        <v>2795</v>
      </c>
      <c r="LGT732" s="424"/>
      <c r="LGU732" s="424"/>
      <c r="LGV732" s="424"/>
      <c r="LGW732" s="423" t="s">
        <v>2795</v>
      </c>
      <c r="LGX732" s="424"/>
      <c r="LGY732" s="424"/>
      <c r="LGZ732" s="424"/>
      <c r="LHA732" s="423" t="s">
        <v>2795</v>
      </c>
      <c r="LHB732" s="424"/>
      <c r="LHC732" s="424"/>
      <c r="LHD732" s="424"/>
      <c r="LHE732" s="423" t="s">
        <v>2795</v>
      </c>
      <c r="LHF732" s="424"/>
      <c r="LHG732" s="424"/>
      <c r="LHH732" s="424"/>
      <c r="LHI732" s="423" t="s">
        <v>2795</v>
      </c>
      <c r="LHJ732" s="424"/>
      <c r="LHK732" s="424"/>
      <c r="LHL732" s="424"/>
      <c r="LHM732" s="423" t="s">
        <v>2795</v>
      </c>
      <c r="LHN732" s="424"/>
      <c r="LHO732" s="424"/>
      <c r="LHP732" s="424"/>
      <c r="LHQ732" s="423" t="s">
        <v>2795</v>
      </c>
      <c r="LHR732" s="424"/>
      <c r="LHS732" s="424"/>
      <c r="LHT732" s="424"/>
      <c r="LHU732" s="423" t="s">
        <v>2795</v>
      </c>
      <c r="LHV732" s="424"/>
      <c r="LHW732" s="424"/>
      <c r="LHX732" s="424"/>
      <c r="LHY732" s="423" t="s">
        <v>2795</v>
      </c>
      <c r="LHZ732" s="424"/>
      <c r="LIA732" s="424"/>
      <c r="LIB732" s="424"/>
      <c r="LIC732" s="423" t="s">
        <v>2795</v>
      </c>
      <c r="LID732" s="424"/>
      <c r="LIE732" s="424"/>
      <c r="LIF732" s="424"/>
      <c r="LIG732" s="423" t="s">
        <v>2795</v>
      </c>
      <c r="LIH732" s="424"/>
      <c r="LII732" s="424"/>
      <c r="LIJ732" s="424"/>
      <c r="LIK732" s="423" t="s">
        <v>2795</v>
      </c>
      <c r="LIL732" s="424"/>
      <c r="LIM732" s="424"/>
      <c r="LIN732" s="424"/>
      <c r="LIO732" s="423" t="s">
        <v>2795</v>
      </c>
      <c r="LIP732" s="424"/>
      <c r="LIQ732" s="424"/>
      <c r="LIR732" s="424"/>
      <c r="LIS732" s="423" t="s">
        <v>2795</v>
      </c>
      <c r="LIT732" s="424"/>
      <c r="LIU732" s="424"/>
      <c r="LIV732" s="424"/>
      <c r="LIW732" s="423" t="s">
        <v>2795</v>
      </c>
      <c r="LIX732" s="424"/>
      <c r="LIY732" s="424"/>
      <c r="LIZ732" s="424"/>
      <c r="LJA732" s="423" t="s">
        <v>2795</v>
      </c>
      <c r="LJB732" s="424"/>
      <c r="LJC732" s="424"/>
      <c r="LJD732" s="424"/>
      <c r="LJE732" s="423" t="s">
        <v>2795</v>
      </c>
      <c r="LJF732" s="424"/>
      <c r="LJG732" s="424"/>
      <c r="LJH732" s="424"/>
      <c r="LJI732" s="423" t="s">
        <v>2795</v>
      </c>
      <c r="LJJ732" s="424"/>
      <c r="LJK732" s="424"/>
      <c r="LJL732" s="424"/>
      <c r="LJM732" s="423" t="s">
        <v>2795</v>
      </c>
      <c r="LJN732" s="424"/>
      <c r="LJO732" s="424"/>
      <c r="LJP732" s="424"/>
      <c r="LJQ732" s="423" t="s">
        <v>2795</v>
      </c>
      <c r="LJR732" s="424"/>
      <c r="LJS732" s="424"/>
      <c r="LJT732" s="424"/>
      <c r="LJU732" s="423" t="s">
        <v>2795</v>
      </c>
      <c r="LJV732" s="424"/>
      <c r="LJW732" s="424"/>
      <c r="LJX732" s="424"/>
      <c r="LJY732" s="423" t="s">
        <v>2795</v>
      </c>
      <c r="LJZ732" s="424"/>
      <c r="LKA732" s="424"/>
      <c r="LKB732" s="424"/>
      <c r="LKC732" s="423" t="s">
        <v>2795</v>
      </c>
      <c r="LKD732" s="424"/>
      <c r="LKE732" s="424"/>
      <c r="LKF732" s="424"/>
      <c r="LKG732" s="423" t="s">
        <v>2795</v>
      </c>
      <c r="LKH732" s="424"/>
      <c r="LKI732" s="424"/>
      <c r="LKJ732" s="424"/>
      <c r="LKK732" s="423" t="s">
        <v>2795</v>
      </c>
      <c r="LKL732" s="424"/>
      <c r="LKM732" s="424"/>
      <c r="LKN732" s="424"/>
      <c r="LKO732" s="423" t="s">
        <v>2795</v>
      </c>
      <c r="LKP732" s="424"/>
      <c r="LKQ732" s="424"/>
      <c r="LKR732" s="424"/>
      <c r="LKS732" s="423" t="s">
        <v>2795</v>
      </c>
      <c r="LKT732" s="424"/>
      <c r="LKU732" s="424"/>
      <c r="LKV732" s="424"/>
      <c r="LKW732" s="423" t="s">
        <v>2795</v>
      </c>
      <c r="LKX732" s="424"/>
      <c r="LKY732" s="424"/>
      <c r="LKZ732" s="424"/>
      <c r="LLA732" s="423" t="s">
        <v>2795</v>
      </c>
      <c r="LLB732" s="424"/>
      <c r="LLC732" s="424"/>
      <c r="LLD732" s="424"/>
      <c r="LLE732" s="423" t="s">
        <v>2795</v>
      </c>
      <c r="LLF732" s="424"/>
      <c r="LLG732" s="424"/>
      <c r="LLH732" s="424"/>
      <c r="LLI732" s="423" t="s">
        <v>2795</v>
      </c>
      <c r="LLJ732" s="424"/>
      <c r="LLK732" s="424"/>
      <c r="LLL732" s="424"/>
      <c r="LLM732" s="423" t="s">
        <v>2795</v>
      </c>
      <c r="LLN732" s="424"/>
      <c r="LLO732" s="424"/>
      <c r="LLP732" s="424"/>
      <c r="LLQ732" s="423" t="s">
        <v>2795</v>
      </c>
      <c r="LLR732" s="424"/>
      <c r="LLS732" s="424"/>
      <c r="LLT732" s="424"/>
      <c r="LLU732" s="423" t="s">
        <v>2795</v>
      </c>
      <c r="LLV732" s="424"/>
      <c r="LLW732" s="424"/>
      <c r="LLX732" s="424"/>
      <c r="LLY732" s="423" t="s">
        <v>2795</v>
      </c>
      <c r="LLZ732" s="424"/>
      <c r="LMA732" s="424"/>
      <c r="LMB732" s="424"/>
      <c r="LMC732" s="423" t="s">
        <v>2795</v>
      </c>
      <c r="LMD732" s="424"/>
      <c r="LME732" s="424"/>
      <c r="LMF732" s="424"/>
      <c r="LMG732" s="423" t="s">
        <v>2795</v>
      </c>
      <c r="LMH732" s="424"/>
      <c r="LMI732" s="424"/>
      <c r="LMJ732" s="424"/>
      <c r="LMK732" s="423" t="s">
        <v>2795</v>
      </c>
      <c r="LML732" s="424"/>
      <c r="LMM732" s="424"/>
      <c r="LMN732" s="424"/>
      <c r="LMO732" s="423" t="s">
        <v>2795</v>
      </c>
      <c r="LMP732" s="424"/>
      <c r="LMQ732" s="424"/>
      <c r="LMR732" s="424"/>
      <c r="LMS732" s="423" t="s">
        <v>2795</v>
      </c>
      <c r="LMT732" s="424"/>
      <c r="LMU732" s="424"/>
      <c r="LMV732" s="424"/>
      <c r="LMW732" s="423" t="s">
        <v>2795</v>
      </c>
      <c r="LMX732" s="424"/>
      <c r="LMY732" s="424"/>
      <c r="LMZ732" s="424"/>
      <c r="LNA732" s="423" t="s">
        <v>2795</v>
      </c>
      <c r="LNB732" s="424"/>
      <c r="LNC732" s="424"/>
      <c r="LND732" s="424"/>
      <c r="LNE732" s="423" t="s">
        <v>2795</v>
      </c>
      <c r="LNF732" s="424"/>
      <c r="LNG732" s="424"/>
      <c r="LNH732" s="424"/>
      <c r="LNI732" s="423" t="s">
        <v>2795</v>
      </c>
      <c r="LNJ732" s="424"/>
      <c r="LNK732" s="424"/>
      <c r="LNL732" s="424"/>
      <c r="LNM732" s="423" t="s">
        <v>2795</v>
      </c>
      <c r="LNN732" s="424"/>
      <c r="LNO732" s="424"/>
      <c r="LNP732" s="424"/>
      <c r="LNQ732" s="423" t="s">
        <v>2795</v>
      </c>
      <c r="LNR732" s="424"/>
      <c r="LNS732" s="424"/>
      <c r="LNT732" s="424"/>
      <c r="LNU732" s="423" t="s">
        <v>2795</v>
      </c>
      <c r="LNV732" s="424"/>
      <c r="LNW732" s="424"/>
      <c r="LNX732" s="424"/>
      <c r="LNY732" s="423" t="s">
        <v>2795</v>
      </c>
      <c r="LNZ732" s="424"/>
      <c r="LOA732" s="424"/>
      <c r="LOB732" s="424"/>
      <c r="LOC732" s="423" t="s">
        <v>2795</v>
      </c>
      <c r="LOD732" s="424"/>
      <c r="LOE732" s="424"/>
      <c r="LOF732" s="424"/>
      <c r="LOG732" s="423" t="s">
        <v>2795</v>
      </c>
      <c r="LOH732" s="424"/>
      <c r="LOI732" s="424"/>
      <c r="LOJ732" s="424"/>
      <c r="LOK732" s="423" t="s">
        <v>2795</v>
      </c>
      <c r="LOL732" s="424"/>
      <c r="LOM732" s="424"/>
      <c r="LON732" s="424"/>
      <c r="LOO732" s="423" t="s">
        <v>2795</v>
      </c>
      <c r="LOP732" s="424"/>
      <c r="LOQ732" s="424"/>
      <c r="LOR732" s="424"/>
      <c r="LOS732" s="423" t="s">
        <v>2795</v>
      </c>
      <c r="LOT732" s="424"/>
      <c r="LOU732" s="424"/>
      <c r="LOV732" s="424"/>
      <c r="LOW732" s="423" t="s">
        <v>2795</v>
      </c>
      <c r="LOX732" s="424"/>
      <c r="LOY732" s="424"/>
      <c r="LOZ732" s="424"/>
      <c r="LPA732" s="423" t="s">
        <v>2795</v>
      </c>
      <c r="LPB732" s="424"/>
      <c r="LPC732" s="424"/>
      <c r="LPD732" s="424"/>
      <c r="LPE732" s="423" t="s">
        <v>2795</v>
      </c>
      <c r="LPF732" s="424"/>
      <c r="LPG732" s="424"/>
      <c r="LPH732" s="424"/>
      <c r="LPI732" s="423" t="s">
        <v>2795</v>
      </c>
      <c r="LPJ732" s="424"/>
      <c r="LPK732" s="424"/>
      <c r="LPL732" s="424"/>
      <c r="LPM732" s="423" t="s">
        <v>2795</v>
      </c>
      <c r="LPN732" s="424"/>
      <c r="LPO732" s="424"/>
      <c r="LPP732" s="424"/>
      <c r="LPQ732" s="423" t="s">
        <v>2795</v>
      </c>
      <c r="LPR732" s="424"/>
      <c r="LPS732" s="424"/>
      <c r="LPT732" s="424"/>
      <c r="LPU732" s="423" t="s">
        <v>2795</v>
      </c>
      <c r="LPV732" s="424"/>
      <c r="LPW732" s="424"/>
      <c r="LPX732" s="424"/>
      <c r="LPY732" s="423" t="s">
        <v>2795</v>
      </c>
      <c r="LPZ732" s="424"/>
      <c r="LQA732" s="424"/>
      <c r="LQB732" s="424"/>
      <c r="LQC732" s="423" t="s">
        <v>2795</v>
      </c>
      <c r="LQD732" s="424"/>
      <c r="LQE732" s="424"/>
      <c r="LQF732" s="424"/>
      <c r="LQG732" s="423" t="s">
        <v>2795</v>
      </c>
      <c r="LQH732" s="424"/>
      <c r="LQI732" s="424"/>
      <c r="LQJ732" s="424"/>
      <c r="LQK732" s="423" t="s">
        <v>2795</v>
      </c>
      <c r="LQL732" s="424"/>
      <c r="LQM732" s="424"/>
      <c r="LQN732" s="424"/>
      <c r="LQO732" s="423" t="s">
        <v>2795</v>
      </c>
      <c r="LQP732" s="424"/>
      <c r="LQQ732" s="424"/>
      <c r="LQR732" s="424"/>
      <c r="LQS732" s="423" t="s">
        <v>2795</v>
      </c>
      <c r="LQT732" s="424"/>
      <c r="LQU732" s="424"/>
      <c r="LQV732" s="424"/>
      <c r="LQW732" s="423" t="s">
        <v>2795</v>
      </c>
      <c r="LQX732" s="424"/>
      <c r="LQY732" s="424"/>
      <c r="LQZ732" s="424"/>
      <c r="LRA732" s="423" t="s">
        <v>2795</v>
      </c>
      <c r="LRB732" s="424"/>
      <c r="LRC732" s="424"/>
      <c r="LRD732" s="424"/>
      <c r="LRE732" s="423" t="s">
        <v>2795</v>
      </c>
      <c r="LRF732" s="424"/>
      <c r="LRG732" s="424"/>
      <c r="LRH732" s="424"/>
      <c r="LRI732" s="423" t="s">
        <v>2795</v>
      </c>
      <c r="LRJ732" s="424"/>
      <c r="LRK732" s="424"/>
      <c r="LRL732" s="424"/>
      <c r="LRM732" s="423" t="s">
        <v>2795</v>
      </c>
      <c r="LRN732" s="424"/>
      <c r="LRO732" s="424"/>
      <c r="LRP732" s="424"/>
      <c r="LRQ732" s="423" t="s">
        <v>2795</v>
      </c>
      <c r="LRR732" s="424"/>
      <c r="LRS732" s="424"/>
      <c r="LRT732" s="424"/>
      <c r="LRU732" s="423" t="s">
        <v>2795</v>
      </c>
      <c r="LRV732" s="424"/>
      <c r="LRW732" s="424"/>
      <c r="LRX732" s="424"/>
      <c r="LRY732" s="423" t="s">
        <v>2795</v>
      </c>
      <c r="LRZ732" s="424"/>
      <c r="LSA732" s="424"/>
      <c r="LSB732" s="424"/>
      <c r="LSC732" s="423" t="s">
        <v>2795</v>
      </c>
      <c r="LSD732" s="424"/>
      <c r="LSE732" s="424"/>
      <c r="LSF732" s="424"/>
      <c r="LSG732" s="423" t="s">
        <v>2795</v>
      </c>
      <c r="LSH732" s="424"/>
      <c r="LSI732" s="424"/>
      <c r="LSJ732" s="424"/>
      <c r="LSK732" s="423" t="s">
        <v>2795</v>
      </c>
      <c r="LSL732" s="424"/>
      <c r="LSM732" s="424"/>
      <c r="LSN732" s="424"/>
      <c r="LSO732" s="423" t="s">
        <v>2795</v>
      </c>
      <c r="LSP732" s="424"/>
      <c r="LSQ732" s="424"/>
      <c r="LSR732" s="424"/>
      <c r="LSS732" s="423" t="s">
        <v>2795</v>
      </c>
      <c r="LST732" s="424"/>
      <c r="LSU732" s="424"/>
      <c r="LSV732" s="424"/>
      <c r="LSW732" s="423" t="s">
        <v>2795</v>
      </c>
      <c r="LSX732" s="424"/>
      <c r="LSY732" s="424"/>
      <c r="LSZ732" s="424"/>
      <c r="LTA732" s="423" t="s">
        <v>2795</v>
      </c>
      <c r="LTB732" s="424"/>
      <c r="LTC732" s="424"/>
      <c r="LTD732" s="424"/>
      <c r="LTE732" s="423" t="s">
        <v>2795</v>
      </c>
      <c r="LTF732" s="424"/>
      <c r="LTG732" s="424"/>
      <c r="LTH732" s="424"/>
      <c r="LTI732" s="423" t="s">
        <v>2795</v>
      </c>
      <c r="LTJ732" s="424"/>
      <c r="LTK732" s="424"/>
      <c r="LTL732" s="424"/>
      <c r="LTM732" s="423" t="s">
        <v>2795</v>
      </c>
      <c r="LTN732" s="424"/>
      <c r="LTO732" s="424"/>
      <c r="LTP732" s="424"/>
      <c r="LTQ732" s="423" t="s">
        <v>2795</v>
      </c>
      <c r="LTR732" s="424"/>
      <c r="LTS732" s="424"/>
      <c r="LTT732" s="424"/>
      <c r="LTU732" s="423" t="s">
        <v>2795</v>
      </c>
      <c r="LTV732" s="424"/>
      <c r="LTW732" s="424"/>
      <c r="LTX732" s="424"/>
      <c r="LTY732" s="423" t="s">
        <v>2795</v>
      </c>
      <c r="LTZ732" s="424"/>
      <c r="LUA732" s="424"/>
      <c r="LUB732" s="424"/>
      <c r="LUC732" s="423" t="s">
        <v>2795</v>
      </c>
      <c r="LUD732" s="424"/>
      <c r="LUE732" s="424"/>
      <c r="LUF732" s="424"/>
      <c r="LUG732" s="423" t="s">
        <v>2795</v>
      </c>
      <c r="LUH732" s="424"/>
      <c r="LUI732" s="424"/>
      <c r="LUJ732" s="424"/>
      <c r="LUK732" s="423" t="s">
        <v>2795</v>
      </c>
      <c r="LUL732" s="424"/>
      <c r="LUM732" s="424"/>
      <c r="LUN732" s="424"/>
      <c r="LUO732" s="423" t="s">
        <v>2795</v>
      </c>
      <c r="LUP732" s="424"/>
      <c r="LUQ732" s="424"/>
      <c r="LUR732" s="424"/>
      <c r="LUS732" s="423" t="s">
        <v>2795</v>
      </c>
      <c r="LUT732" s="424"/>
      <c r="LUU732" s="424"/>
      <c r="LUV732" s="424"/>
      <c r="LUW732" s="423" t="s">
        <v>2795</v>
      </c>
      <c r="LUX732" s="424"/>
      <c r="LUY732" s="424"/>
      <c r="LUZ732" s="424"/>
      <c r="LVA732" s="423" t="s">
        <v>2795</v>
      </c>
      <c r="LVB732" s="424"/>
      <c r="LVC732" s="424"/>
      <c r="LVD732" s="424"/>
      <c r="LVE732" s="423" t="s">
        <v>2795</v>
      </c>
      <c r="LVF732" s="424"/>
      <c r="LVG732" s="424"/>
      <c r="LVH732" s="424"/>
      <c r="LVI732" s="423" t="s">
        <v>2795</v>
      </c>
      <c r="LVJ732" s="424"/>
      <c r="LVK732" s="424"/>
      <c r="LVL732" s="424"/>
      <c r="LVM732" s="423" t="s">
        <v>2795</v>
      </c>
      <c r="LVN732" s="424"/>
      <c r="LVO732" s="424"/>
      <c r="LVP732" s="424"/>
      <c r="LVQ732" s="423" t="s">
        <v>2795</v>
      </c>
      <c r="LVR732" s="424"/>
      <c r="LVS732" s="424"/>
      <c r="LVT732" s="424"/>
      <c r="LVU732" s="423" t="s">
        <v>2795</v>
      </c>
      <c r="LVV732" s="424"/>
      <c r="LVW732" s="424"/>
      <c r="LVX732" s="424"/>
      <c r="LVY732" s="423" t="s">
        <v>2795</v>
      </c>
      <c r="LVZ732" s="424"/>
      <c r="LWA732" s="424"/>
      <c r="LWB732" s="424"/>
      <c r="LWC732" s="423" t="s">
        <v>2795</v>
      </c>
      <c r="LWD732" s="424"/>
      <c r="LWE732" s="424"/>
      <c r="LWF732" s="424"/>
      <c r="LWG732" s="423" t="s">
        <v>2795</v>
      </c>
      <c r="LWH732" s="424"/>
      <c r="LWI732" s="424"/>
      <c r="LWJ732" s="424"/>
      <c r="LWK732" s="423" t="s">
        <v>2795</v>
      </c>
      <c r="LWL732" s="424"/>
      <c r="LWM732" s="424"/>
      <c r="LWN732" s="424"/>
      <c r="LWO732" s="423" t="s">
        <v>2795</v>
      </c>
      <c r="LWP732" s="424"/>
      <c r="LWQ732" s="424"/>
      <c r="LWR732" s="424"/>
      <c r="LWS732" s="423" t="s">
        <v>2795</v>
      </c>
      <c r="LWT732" s="424"/>
      <c r="LWU732" s="424"/>
      <c r="LWV732" s="424"/>
      <c r="LWW732" s="423" t="s">
        <v>2795</v>
      </c>
      <c r="LWX732" s="424"/>
      <c r="LWY732" s="424"/>
      <c r="LWZ732" s="424"/>
      <c r="LXA732" s="423" t="s">
        <v>2795</v>
      </c>
      <c r="LXB732" s="424"/>
      <c r="LXC732" s="424"/>
      <c r="LXD732" s="424"/>
      <c r="LXE732" s="423" t="s">
        <v>2795</v>
      </c>
      <c r="LXF732" s="424"/>
      <c r="LXG732" s="424"/>
      <c r="LXH732" s="424"/>
      <c r="LXI732" s="423" t="s">
        <v>2795</v>
      </c>
      <c r="LXJ732" s="424"/>
      <c r="LXK732" s="424"/>
      <c r="LXL732" s="424"/>
      <c r="LXM732" s="423" t="s">
        <v>2795</v>
      </c>
      <c r="LXN732" s="424"/>
      <c r="LXO732" s="424"/>
      <c r="LXP732" s="424"/>
      <c r="LXQ732" s="423" t="s">
        <v>2795</v>
      </c>
      <c r="LXR732" s="424"/>
      <c r="LXS732" s="424"/>
      <c r="LXT732" s="424"/>
      <c r="LXU732" s="423" t="s">
        <v>2795</v>
      </c>
      <c r="LXV732" s="424"/>
      <c r="LXW732" s="424"/>
      <c r="LXX732" s="424"/>
      <c r="LXY732" s="423" t="s">
        <v>2795</v>
      </c>
      <c r="LXZ732" s="424"/>
      <c r="LYA732" s="424"/>
      <c r="LYB732" s="424"/>
      <c r="LYC732" s="423" t="s">
        <v>2795</v>
      </c>
      <c r="LYD732" s="424"/>
      <c r="LYE732" s="424"/>
      <c r="LYF732" s="424"/>
      <c r="LYG732" s="423" t="s">
        <v>2795</v>
      </c>
      <c r="LYH732" s="424"/>
      <c r="LYI732" s="424"/>
      <c r="LYJ732" s="424"/>
      <c r="LYK732" s="423" t="s">
        <v>2795</v>
      </c>
      <c r="LYL732" s="424"/>
      <c r="LYM732" s="424"/>
      <c r="LYN732" s="424"/>
      <c r="LYO732" s="423" t="s">
        <v>2795</v>
      </c>
      <c r="LYP732" s="424"/>
      <c r="LYQ732" s="424"/>
      <c r="LYR732" s="424"/>
      <c r="LYS732" s="423" t="s">
        <v>2795</v>
      </c>
      <c r="LYT732" s="424"/>
      <c r="LYU732" s="424"/>
      <c r="LYV732" s="424"/>
      <c r="LYW732" s="423" t="s">
        <v>2795</v>
      </c>
      <c r="LYX732" s="424"/>
      <c r="LYY732" s="424"/>
      <c r="LYZ732" s="424"/>
      <c r="LZA732" s="423" t="s">
        <v>2795</v>
      </c>
      <c r="LZB732" s="424"/>
      <c r="LZC732" s="424"/>
      <c r="LZD732" s="424"/>
      <c r="LZE732" s="423" t="s">
        <v>2795</v>
      </c>
      <c r="LZF732" s="424"/>
      <c r="LZG732" s="424"/>
      <c r="LZH732" s="424"/>
      <c r="LZI732" s="423" t="s">
        <v>2795</v>
      </c>
      <c r="LZJ732" s="424"/>
      <c r="LZK732" s="424"/>
      <c r="LZL732" s="424"/>
      <c r="LZM732" s="423" t="s">
        <v>2795</v>
      </c>
      <c r="LZN732" s="424"/>
      <c r="LZO732" s="424"/>
      <c r="LZP732" s="424"/>
      <c r="LZQ732" s="423" t="s">
        <v>2795</v>
      </c>
      <c r="LZR732" s="424"/>
      <c r="LZS732" s="424"/>
      <c r="LZT732" s="424"/>
      <c r="LZU732" s="423" t="s">
        <v>2795</v>
      </c>
      <c r="LZV732" s="424"/>
      <c r="LZW732" s="424"/>
      <c r="LZX732" s="424"/>
      <c r="LZY732" s="423" t="s">
        <v>2795</v>
      </c>
      <c r="LZZ732" s="424"/>
      <c r="MAA732" s="424"/>
      <c r="MAB732" s="424"/>
      <c r="MAC732" s="423" t="s">
        <v>2795</v>
      </c>
      <c r="MAD732" s="424"/>
      <c r="MAE732" s="424"/>
      <c r="MAF732" s="424"/>
      <c r="MAG732" s="423" t="s">
        <v>2795</v>
      </c>
      <c r="MAH732" s="424"/>
      <c r="MAI732" s="424"/>
      <c r="MAJ732" s="424"/>
      <c r="MAK732" s="423" t="s">
        <v>2795</v>
      </c>
      <c r="MAL732" s="424"/>
      <c r="MAM732" s="424"/>
      <c r="MAN732" s="424"/>
      <c r="MAO732" s="423" t="s">
        <v>2795</v>
      </c>
      <c r="MAP732" s="424"/>
      <c r="MAQ732" s="424"/>
      <c r="MAR732" s="424"/>
      <c r="MAS732" s="423" t="s">
        <v>2795</v>
      </c>
      <c r="MAT732" s="424"/>
      <c r="MAU732" s="424"/>
      <c r="MAV732" s="424"/>
      <c r="MAW732" s="423" t="s">
        <v>2795</v>
      </c>
      <c r="MAX732" s="424"/>
      <c r="MAY732" s="424"/>
      <c r="MAZ732" s="424"/>
      <c r="MBA732" s="423" t="s">
        <v>2795</v>
      </c>
      <c r="MBB732" s="424"/>
      <c r="MBC732" s="424"/>
      <c r="MBD732" s="424"/>
      <c r="MBE732" s="423" t="s">
        <v>2795</v>
      </c>
      <c r="MBF732" s="424"/>
      <c r="MBG732" s="424"/>
      <c r="MBH732" s="424"/>
      <c r="MBI732" s="423" t="s">
        <v>2795</v>
      </c>
      <c r="MBJ732" s="424"/>
      <c r="MBK732" s="424"/>
      <c r="MBL732" s="424"/>
      <c r="MBM732" s="423" t="s">
        <v>2795</v>
      </c>
      <c r="MBN732" s="424"/>
      <c r="MBO732" s="424"/>
      <c r="MBP732" s="424"/>
      <c r="MBQ732" s="423" t="s">
        <v>2795</v>
      </c>
      <c r="MBR732" s="424"/>
      <c r="MBS732" s="424"/>
      <c r="MBT732" s="424"/>
      <c r="MBU732" s="423" t="s">
        <v>2795</v>
      </c>
      <c r="MBV732" s="424"/>
      <c r="MBW732" s="424"/>
      <c r="MBX732" s="424"/>
      <c r="MBY732" s="423" t="s">
        <v>2795</v>
      </c>
      <c r="MBZ732" s="424"/>
      <c r="MCA732" s="424"/>
      <c r="MCB732" s="424"/>
      <c r="MCC732" s="423" t="s">
        <v>2795</v>
      </c>
      <c r="MCD732" s="424"/>
      <c r="MCE732" s="424"/>
      <c r="MCF732" s="424"/>
      <c r="MCG732" s="423" t="s">
        <v>2795</v>
      </c>
      <c r="MCH732" s="424"/>
      <c r="MCI732" s="424"/>
      <c r="MCJ732" s="424"/>
      <c r="MCK732" s="423" t="s">
        <v>2795</v>
      </c>
      <c r="MCL732" s="424"/>
      <c r="MCM732" s="424"/>
      <c r="MCN732" s="424"/>
      <c r="MCO732" s="423" t="s">
        <v>2795</v>
      </c>
      <c r="MCP732" s="424"/>
      <c r="MCQ732" s="424"/>
      <c r="MCR732" s="424"/>
      <c r="MCS732" s="423" t="s">
        <v>2795</v>
      </c>
      <c r="MCT732" s="424"/>
      <c r="MCU732" s="424"/>
      <c r="MCV732" s="424"/>
      <c r="MCW732" s="423" t="s">
        <v>2795</v>
      </c>
      <c r="MCX732" s="424"/>
      <c r="MCY732" s="424"/>
      <c r="MCZ732" s="424"/>
      <c r="MDA732" s="423" t="s">
        <v>2795</v>
      </c>
      <c r="MDB732" s="424"/>
      <c r="MDC732" s="424"/>
      <c r="MDD732" s="424"/>
      <c r="MDE732" s="423" t="s">
        <v>2795</v>
      </c>
      <c r="MDF732" s="424"/>
      <c r="MDG732" s="424"/>
      <c r="MDH732" s="424"/>
      <c r="MDI732" s="423" t="s">
        <v>2795</v>
      </c>
      <c r="MDJ732" s="424"/>
      <c r="MDK732" s="424"/>
      <c r="MDL732" s="424"/>
      <c r="MDM732" s="423" t="s">
        <v>2795</v>
      </c>
      <c r="MDN732" s="424"/>
      <c r="MDO732" s="424"/>
      <c r="MDP732" s="424"/>
      <c r="MDQ732" s="423" t="s">
        <v>2795</v>
      </c>
      <c r="MDR732" s="424"/>
      <c r="MDS732" s="424"/>
      <c r="MDT732" s="424"/>
      <c r="MDU732" s="423" t="s">
        <v>2795</v>
      </c>
      <c r="MDV732" s="424"/>
      <c r="MDW732" s="424"/>
      <c r="MDX732" s="424"/>
      <c r="MDY732" s="423" t="s">
        <v>2795</v>
      </c>
      <c r="MDZ732" s="424"/>
      <c r="MEA732" s="424"/>
      <c r="MEB732" s="424"/>
      <c r="MEC732" s="423" t="s">
        <v>2795</v>
      </c>
      <c r="MED732" s="424"/>
      <c r="MEE732" s="424"/>
      <c r="MEF732" s="424"/>
      <c r="MEG732" s="423" t="s">
        <v>2795</v>
      </c>
      <c r="MEH732" s="424"/>
      <c r="MEI732" s="424"/>
      <c r="MEJ732" s="424"/>
      <c r="MEK732" s="423" t="s">
        <v>2795</v>
      </c>
      <c r="MEL732" s="424"/>
      <c r="MEM732" s="424"/>
      <c r="MEN732" s="424"/>
      <c r="MEO732" s="423" t="s">
        <v>2795</v>
      </c>
      <c r="MEP732" s="424"/>
      <c r="MEQ732" s="424"/>
      <c r="MER732" s="424"/>
      <c r="MES732" s="423" t="s">
        <v>2795</v>
      </c>
      <c r="MET732" s="424"/>
      <c r="MEU732" s="424"/>
      <c r="MEV732" s="424"/>
      <c r="MEW732" s="423" t="s">
        <v>2795</v>
      </c>
      <c r="MEX732" s="424"/>
      <c r="MEY732" s="424"/>
      <c r="MEZ732" s="424"/>
      <c r="MFA732" s="423" t="s">
        <v>2795</v>
      </c>
      <c r="MFB732" s="424"/>
      <c r="MFC732" s="424"/>
      <c r="MFD732" s="424"/>
      <c r="MFE732" s="423" t="s">
        <v>2795</v>
      </c>
      <c r="MFF732" s="424"/>
      <c r="MFG732" s="424"/>
      <c r="MFH732" s="424"/>
      <c r="MFI732" s="423" t="s">
        <v>2795</v>
      </c>
      <c r="MFJ732" s="424"/>
      <c r="MFK732" s="424"/>
      <c r="MFL732" s="424"/>
      <c r="MFM732" s="423" t="s">
        <v>2795</v>
      </c>
      <c r="MFN732" s="424"/>
      <c r="MFO732" s="424"/>
      <c r="MFP732" s="424"/>
      <c r="MFQ732" s="423" t="s">
        <v>2795</v>
      </c>
      <c r="MFR732" s="424"/>
      <c r="MFS732" s="424"/>
      <c r="MFT732" s="424"/>
      <c r="MFU732" s="423" t="s">
        <v>2795</v>
      </c>
      <c r="MFV732" s="424"/>
      <c r="MFW732" s="424"/>
      <c r="MFX732" s="424"/>
      <c r="MFY732" s="423" t="s">
        <v>2795</v>
      </c>
      <c r="MFZ732" s="424"/>
      <c r="MGA732" s="424"/>
      <c r="MGB732" s="424"/>
      <c r="MGC732" s="423" t="s">
        <v>2795</v>
      </c>
      <c r="MGD732" s="424"/>
      <c r="MGE732" s="424"/>
      <c r="MGF732" s="424"/>
      <c r="MGG732" s="423" t="s">
        <v>2795</v>
      </c>
      <c r="MGH732" s="424"/>
      <c r="MGI732" s="424"/>
      <c r="MGJ732" s="424"/>
      <c r="MGK732" s="423" t="s">
        <v>2795</v>
      </c>
      <c r="MGL732" s="424"/>
      <c r="MGM732" s="424"/>
      <c r="MGN732" s="424"/>
      <c r="MGO732" s="423" t="s">
        <v>2795</v>
      </c>
      <c r="MGP732" s="424"/>
      <c r="MGQ732" s="424"/>
      <c r="MGR732" s="424"/>
      <c r="MGS732" s="423" t="s">
        <v>2795</v>
      </c>
      <c r="MGT732" s="424"/>
      <c r="MGU732" s="424"/>
      <c r="MGV732" s="424"/>
      <c r="MGW732" s="423" t="s">
        <v>2795</v>
      </c>
      <c r="MGX732" s="424"/>
      <c r="MGY732" s="424"/>
      <c r="MGZ732" s="424"/>
      <c r="MHA732" s="423" t="s">
        <v>2795</v>
      </c>
      <c r="MHB732" s="424"/>
      <c r="MHC732" s="424"/>
      <c r="MHD732" s="424"/>
      <c r="MHE732" s="423" t="s">
        <v>2795</v>
      </c>
      <c r="MHF732" s="424"/>
      <c r="MHG732" s="424"/>
      <c r="MHH732" s="424"/>
      <c r="MHI732" s="423" t="s">
        <v>2795</v>
      </c>
      <c r="MHJ732" s="424"/>
      <c r="MHK732" s="424"/>
      <c r="MHL732" s="424"/>
      <c r="MHM732" s="423" t="s">
        <v>2795</v>
      </c>
      <c r="MHN732" s="424"/>
      <c r="MHO732" s="424"/>
      <c r="MHP732" s="424"/>
      <c r="MHQ732" s="423" t="s">
        <v>2795</v>
      </c>
      <c r="MHR732" s="424"/>
      <c r="MHS732" s="424"/>
      <c r="MHT732" s="424"/>
      <c r="MHU732" s="423" t="s">
        <v>2795</v>
      </c>
      <c r="MHV732" s="424"/>
      <c r="MHW732" s="424"/>
      <c r="MHX732" s="424"/>
      <c r="MHY732" s="423" t="s">
        <v>2795</v>
      </c>
      <c r="MHZ732" s="424"/>
      <c r="MIA732" s="424"/>
      <c r="MIB732" s="424"/>
      <c r="MIC732" s="423" t="s">
        <v>2795</v>
      </c>
      <c r="MID732" s="424"/>
      <c r="MIE732" s="424"/>
      <c r="MIF732" s="424"/>
      <c r="MIG732" s="423" t="s">
        <v>2795</v>
      </c>
      <c r="MIH732" s="424"/>
      <c r="MII732" s="424"/>
      <c r="MIJ732" s="424"/>
      <c r="MIK732" s="423" t="s">
        <v>2795</v>
      </c>
      <c r="MIL732" s="424"/>
      <c r="MIM732" s="424"/>
      <c r="MIN732" s="424"/>
      <c r="MIO732" s="423" t="s">
        <v>2795</v>
      </c>
      <c r="MIP732" s="424"/>
      <c r="MIQ732" s="424"/>
      <c r="MIR732" s="424"/>
      <c r="MIS732" s="423" t="s">
        <v>2795</v>
      </c>
      <c r="MIT732" s="424"/>
      <c r="MIU732" s="424"/>
      <c r="MIV732" s="424"/>
      <c r="MIW732" s="423" t="s">
        <v>2795</v>
      </c>
      <c r="MIX732" s="424"/>
      <c r="MIY732" s="424"/>
      <c r="MIZ732" s="424"/>
      <c r="MJA732" s="423" t="s">
        <v>2795</v>
      </c>
      <c r="MJB732" s="424"/>
      <c r="MJC732" s="424"/>
      <c r="MJD732" s="424"/>
      <c r="MJE732" s="423" t="s">
        <v>2795</v>
      </c>
      <c r="MJF732" s="424"/>
      <c r="MJG732" s="424"/>
      <c r="MJH732" s="424"/>
      <c r="MJI732" s="423" t="s">
        <v>2795</v>
      </c>
      <c r="MJJ732" s="424"/>
      <c r="MJK732" s="424"/>
      <c r="MJL732" s="424"/>
      <c r="MJM732" s="423" t="s">
        <v>2795</v>
      </c>
      <c r="MJN732" s="424"/>
      <c r="MJO732" s="424"/>
      <c r="MJP732" s="424"/>
      <c r="MJQ732" s="423" t="s">
        <v>2795</v>
      </c>
      <c r="MJR732" s="424"/>
      <c r="MJS732" s="424"/>
      <c r="MJT732" s="424"/>
      <c r="MJU732" s="423" t="s">
        <v>2795</v>
      </c>
      <c r="MJV732" s="424"/>
      <c r="MJW732" s="424"/>
      <c r="MJX732" s="424"/>
      <c r="MJY732" s="423" t="s">
        <v>2795</v>
      </c>
      <c r="MJZ732" s="424"/>
      <c r="MKA732" s="424"/>
      <c r="MKB732" s="424"/>
      <c r="MKC732" s="423" t="s">
        <v>2795</v>
      </c>
      <c r="MKD732" s="424"/>
      <c r="MKE732" s="424"/>
      <c r="MKF732" s="424"/>
      <c r="MKG732" s="423" t="s">
        <v>2795</v>
      </c>
      <c r="MKH732" s="424"/>
      <c r="MKI732" s="424"/>
      <c r="MKJ732" s="424"/>
      <c r="MKK732" s="423" t="s">
        <v>2795</v>
      </c>
      <c r="MKL732" s="424"/>
      <c r="MKM732" s="424"/>
      <c r="MKN732" s="424"/>
      <c r="MKO732" s="423" t="s">
        <v>2795</v>
      </c>
      <c r="MKP732" s="424"/>
      <c r="MKQ732" s="424"/>
      <c r="MKR732" s="424"/>
      <c r="MKS732" s="423" t="s">
        <v>2795</v>
      </c>
      <c r="MKT732" s="424"/>
      <c r="MKU732" s="424"/>
      <c r="MKV732" s="424"/>
      <c r="MKW732" s="423" t="s">
        <v>2795</v>
      </c>
      <c r="MKX732" s="424"/>
      <c r="MKY732" s="424"/>
      <c r="MKZ732" s="424"/>
      <c r="MLA732" s="423" t="s">
        <v>2795</v>
      </c>
      <c r="MLB732" s="424"/>
      <c r="MLC732" s="424"/>
      <c r="MLD732" s="424"/>
      <c r="MLE732" s="423" t="s">
        <v>2795</v>
      </c>
      <c r="MLF732" s="424"/>
      <c r="MLG732" s="424"/>
      <c r="MLH732" s="424"/>
      <c r="MLI732" s="423" t="s">
        <v>2795</v>
      </c>
      <c r="MLJ732" s="424"/>
      <c r="MLK732" s="424"/>
      <c r="MLL732" s="424"/>
      <c r="MLM732" s="423" t="s">
        <v>2795</v>
      </c>
      <c r="MLN732" s="424"/>
      <c r="MLO732" s="424"/>
      <c r="MLP732" s="424"/>
      <c r="MLQ732" s="423" t="s">
        <v>2795</v>
      </c>
      <c r="MLR732" s="424"/>
      <c r="MLS732" s="424"/>
      <c r="MLT732" s="424"/>
      <c r="MLU732" s="423" t="s">
        <v>2795</v>
      </c>
      <c r="MLV732" s="424"/>
      <c r="MLW732" s="424"/>
      <c r="MLX732" s="424"/>
      <c r="MLY732" s="423" t="s">
        <v>2795</v>
      </c>
      <c r="MLZ732" s="424"/>
      <c r="MMA732" s="424"/>
      <c r="MMB732" s="424"/>
      <c r="MMC732" s="423" t="s">
        <v>2795</v>
      </c>
      <c r="MMD732" s="424"/>
      <c r="MME732" s="424"/>
      <c r="MMF732" s="424"/>
      <c r="MMG732" s="423" t="s">
        <v>2795</v>
      </c>
      <c r="MMH732" s="424"/>
      <c r="MMI732" s="424"/>
      <c r="MMJ732" s="424"/>
      <c r="MMK732" s="423" t="s">
        <v>2795</v>
      </c>
      <c r="MML732" s="424"/>
      <c r="MMM732" s="424"/>
      <c r="MMN732" s="424"/>
      <c r="MMO732" s="423" t="s">
        <v>2795</v>
      </c>
      <c r="MMP732" s="424"/>
      <c r="MMQ732" s="424"/>
      <c r="MMR732" s="424"/>
      <c r="MMS732" s="423" t="s">
        <v>2795</v>
      </c>
      <c r="MMT732" s="424"/>
      <c r="MMU732" s="424"/>
      <c r="MMV732" s="424"/>
      <c r="MMW732" s="423" t="s">
        <v>2795</v>
      </c>
      <c r="MMX732" s="424"/>
      <c r="MMY732" s="424"/>
      <c r="MMZ732" s="424"/>
      <c r="MNA732" s="423" t="s">
        <v>2795</v>
      </c>
      <c r="MNB732" s="424"/>
      <c r="MNC732" s="424"/>
      <c r="MND732" s="424"/>
      <c r="MNE732" s="423" t="s">
        <v>2795</v>
      </c>
      <c r="MNF732" s="424"/>
      <c r="MNG732" s="424"/>
      <c r="MNH732" s="424"/>
      <c r="MNI732" s="423" t="s">
        <v>2795</v>
      </c>
      <c r="MNJ732" s="424"/>
      <c r="MNK732" s="424"/>
      <c r="MNL732" s="424"/>
      <c r="MNM732" s="423" t="s">
        <v>2795</v>
      </c>
      <c r="MNN732" s="424"/>
      <c r="MNO732" s="424"/>
      <c r="MNP732" s="424"/>
      <c r="MNQ732" s="423" t="s">
        <v>2795</v>
      </c>
      <c r="MNR732" s="424"/>
      <c r="MNS732" s="424"/>
      <c r="MNT732" s="424"/>
      <c r="MNU732" s="423" t="s">
        <v>2795</v>
      </c>
      <c r="MNV732" s="424"/>
      <c r="MNW732" s="424"/>
      <c r="MNX732" s="424"/>
      <c r="MNY732" s="423" t="s">
        <v>2795</v>
      </c>
      <c r="MNZ732" s="424"/>
      <c r="MOA732" s="424"/>
      <c r="MOB732" s="424"/>
      <c r="MOC732" s="423" t="s">
        <v>2795</v>
      </c>
      <c r="MOD732" s="424"/>
      <c r="MOE732" s="424"/>
      <c r="MOF732" s="424"/>
      <c r="MOG732" s="423" t="s">
        <v>2795</v>
      </c>
      <c r="MOH732" s="424"/>
      <c r="MOI732" s="424"/>
      <c r="MOJ732" s="424"/>
      <c r="MOK732" s="423" t="s">
        <v>2795</v>
      </c>
      <c r="MOL732" s="424"/>
      <c r="MOM732" s="424"/>
      <c r="MON732" s="424"/>
      <c r="MOO732" s="423" t="s">
        <v>2795</v>
      </c>
      <c r="MOP732" s="424"/>
      <c r="MOQ732" s="424"/>
      <c r="MOR732" s="424"/>
      <c r="MOS732" s="423" t="s">
        <v>2795</v>
      </c>
      <c r="MOT732" s="424"/>
      <c r="MOU732" s="424"/>
      <c r="MOV732" s="424"/>
      <c r="MOW732" s="423" t="s">
        <v>2795</v>
      </c>
      <c r="MOX732" s="424"/>
      <c r="MOY732" s="424"/>
      <c r="MOZ732" s="424"/>
      <c r="MPA732" s="423" t="s">
        <v>2795</v>
      </c>
      <c r="MPB732" s="424"/>
      <c r="MPC732" s="424"/>
      <c r="MPD732" s="424"/>
      <c r="MPE732" s="423" t="s">
        <v>2795</v>
      </c>
      <c r="MPF732" s="424"/>
      <c r="MPG732" s="424"/>
      <c r="MPH732" s="424"/>
      <c r="MPI732" s="423" t="s">
        <v>2795</v>
      </c>
      <c r="MPJ732" s="424"/>
      <c r="MPK732" s="424"/>
      <c r="MPL732" s="424"/>
      <c r="MPM732" s="423" t="s">
        <v>2795</v>
      </c>
      <c r="MPN732" s="424"/>
      <c r="MPO732" s="424"/>
      <c r="MPP732" s="424"/>
      <c r="MPQ732" s="423" t="s">
        <v>2795</v>
      </c>
      <c r="MPR732" s="424"/>
      <c r="MPS732" s="424"/>
      <c r="MPT732" s="424"/>
      <c r="MPU732" s="423" t="s">
        <v>2795</v>
      </c>
      <c r="MPV732" s="424"/>
      <c r="MPW732" s="424"/>
      <c r="MPX732" s="424"/>
      <c r="MPY732" s="423" t="s">
        <v>2795</v>
      </c>
      <c r="MPZ732" s="424"/>
      <c r="MQA732" s="424"/>
      <c r="MQB732" s="424"/>
      <c r="MQC732" s="423" t="s">
        <v>2795</v>
      </c>
      <c r="MQD732" s="424"/>
      <c r="MQE732" s="424"/>
      <c r="MQF732" s="424"/>
      <c r="MQG732" s="423" t="s">
        <v>2795</v>
      </c>
      <c r="MQH732" s="424"/>
      <c r="MQI732" s="424"/>
      <c r="MQJ732" s="424"/>
      <c r="MQK732" s="423" t="s">
        <v>2795</v>
      </c>
      <c r="MQL732" s="424"/>
      <c r="MQM732" s="424"/>
      <c r="MQN732" s="424"/>
      <c r="MQO732" s="423" t="s">
        <v>2795</v>
      </c>
      <c r="MQP732" s="424"/>
      <c r="MQQ732" s="424"/>
      <c r="MQR732" s="424"/>
      <c r="MQS732" s="423" t="s">
        <v>2795</v>
      </c>
      <c r="MQT732" s="424"/>
      <c r="MQU732" s="424"/>
      <c r="MQV732" s="424"/>
      <c r="MQW732" s="423" t="s">
        <v>2795</v>
      </c>
      <c r="MQX732" s="424"/>
      <c r="MQY732" s="424"/>
      <c r="MQZ732" s="424"/>
      <c r="MRA732" s="423" t="s">
        <v>2795</v>
      </c>
      <c r="MRB732" s="424"/>
      <c r="MRC732" s="424"/>
      <c r="MRD732" s="424"/>
      <c r="MRE732" s="423" t="s">
        <v>2795</v>
      </c>
      <c r="MRF732" s="424"/>
      <c r="MRG732" s="424"/>
      <c r="MRH732" s="424"/>
      <c r="MRI732" s="423" t="s">
        <v>2795</v>
      </c>
      <c r="MRJ732" s="424"/>
      <c r="MRK732" s="424"/>
      <c r="MRL732" s="424"/>
      <c r="MRM732" s="423" t="s">
        <v>2795</v>
      </c>
      <c r="MRN732" s="424"/>
      <c r="MRO732" s="424"/>
      <c r="MRP732" s="424"/>
      <c r="MRQ732" s="423" t="s">
        <v>2795</v>
      </c>
      <c r="MRR732" s="424"/>
      <c r="MRS732" s="424"/>
      <c r="MRT732" s="424"/>
      <c r="MRU732" s="423" t="s">
        <v>2795</v>
      </c>
      <c r="MRV732" s="424"/>
      <c r="MRW732" s="424"/>
      <c r="MRX732" s="424"/>
      <c r="MRY732" s="423" t="s">
        <v>2795</v>
      </c>
      <c r="MRZ732" s="424"/>
      <c r="MSA732" s="424"/>
      <c r="MSB732" s="424"/>
      <c r="MSC732" s="423" t="s">
        <v>2795</v>
      </c>
      <c r="MSD732" s="424"/>
      <c r="MSE732" s="424"/>
      <c r="MSF732" s="424"/>
      <c r="MSG732" s="423" t="s">
        <v>2795</v>
      </c>
      <c r="MSH732" s="424"/>
      <c r="MSI732" s="424"/>
      <c r="MSJ732" s="424"/>
      <c r="MSK732" s="423" t="s">
        <v>2795</v>
      </c>
      <c r="MSL732" s="424"/>
      <c r="MSM732" s="424"/>
      <c r="MSN732" s="424"/>
      <c r="MSO732" s="423" t="s">
        <v>2795</v>
      </c>
      <c r="MSP732" s="424"/>
      <c r="MSQ732" s="424"/>
      <c r="MSR732" s="424"/>
      <c r="MSS732" s="423" t="s">
        <v>2795</v>
      </c>
      <c r="MST732" s="424"/>
      <c r="MSU732" s="424"/>
      <c r="MSV732" s="424"/>
      <c r="MSW732" s="423" t="s">
        <v>2795</v>
      </c>
      <c r="MSX732" s="424"/>
      <c r="MSY732" s="424"/>
      <c r="MSZ732" s="424"/>
      <c r="MTA732" s="423" t="s">
        <v>2795</v>
      </c>
      <c r="MTB732" s="424"/>
      <c r="MTC732" s="424"/>
      <c r="MTD732" s="424"/>
      <c r="MTE732" s="423" t="s">
        <v>2795</v>
      </c>
      <c r="MTF732" s="424"/>
      <c r="MTG732" s="424"/>
      <c r="MTH732" s="424"/>
      <c r="MTI732" s="423" t="s">
        <v>2795</v>
      </c>
      <c r="MTJ732" s="424"/>
      <c r="MTK732" s="424"/>
      <c r="MTL732" s="424"/>
      <c r="MTM732" s="423" t="s">
        <v>2795</v>
      </c>
      <c r="MTN732" s="424"/>
      <c r="MTO732" s="424"/>
      <c r="MTP732" s="424"/>
      <c r="MTQ732" s="423" t="s">
        <v>2795</v>
      </c>
      <c r="MTR732" s="424"/>
      <c r="MTS732" s="424"/>
      <c r="MTT732" s="424"/>
      <c r="MTU732" s="423" t="s">
        <v>2795</v>
      </c>
      <c r="MTV732" s="424"/>
      <c r="MTW732" s="424"/>
      <c r="MTX732" s="424"/>
      <c r="MTY732" s="423" t="s">
        <v>2795</v>
      </c>
      <c r="MTZ732" s="424"/>
      <c r="MUA732" s="424"/>
      <c r="MUB732" s="424"/>
      <c r="MUC732" s="423" t="s">
        <v>2795</v>
      </c>
      <c r="MUD732" s="424"/>
      <c r="MUE732" s="424"/>
      <c r="MUF732" s="424"/>
      <c r="MUG732" s="423" t="s">
        <v>2795</v>
      </c>
      <c r="MUH732" s="424"/>
      <c r="MUI732" s="424"/>
      <c r="MUJ732" s="424"/>
      <c r="MUK732" s="423" t="s">
        <v>2795</v>
      </c>
      <c r="MUL732" s="424"/>
      <c r="MUM732" s="424"/>
      <c r="MUN732" s="424"/>
      <c r="MUO732" s="423" t="s">
        <v>2795</v>
      </c>
      <c r="MUP732" s="424"/>
      <c r="MUQ732" s="424"/>
      <c r="MUR732" s="424"/>
      <c r="MUS732" s="423" t="s">
        <v>2795</v>
      </c>
      <c r="MUT732" s="424"/>
      <c r="MUU732" s="424"/>
      <c r="MUV732" s="424"/>
      <c r="MUW732" s="423" t="s">
        <v>2795</v>
      </c>
      <c r="MUX732" s="424"/>
      <c r="MUY732" s="424"/>
      <c r="MUZ732" s="424"/>
      <c r="MVA732" s="423" t="s">
        <v>2795</v>
      </c>
      <c r="MVB732" s="424"/>
      <c r="MVC732" s="424"/>
      <c r="MVD732" s="424"/>
      <c r="MVE732" s="423" t="s">
        <v>2795</v>
      </c>
      <c r="MVF732" s="424"/>
      <c r="MVG732" s="424"/>
      <c r="MVH732" s="424"/>
      <c r="MVI732" s="423" t="s">
        <v>2795</v>
      </c>
      <c r="MVJ732" s="424"/>
      <c r="MVK732" s="424"/>
      <c r="MVL732" s="424"/>
      <c r="MVM732" s="423" t="s">
        <v>2795</v>
      </c>
      <c r="MVN732" s="424"/>
      <c r="MVO732" s="424"/>
      <c r="MVP732" s="424"/>
      <c r="MVQ732" s="423" t="s">
        <v>2795</v>
      </c>
      <c r="MVR732" s="424"/>
      <c r="MVS732" s="424"/>
      <c r="MVT732" s="424"/>
      <c r="MVU732" s="423" t="s">
        <v>2795</v>
      </c>
      <c r="MVV732" s="424"/>
      <c r="MVW732" s="424"/>
      <c r="MVX732" s="424"/>
      <c r="MVY732" s="423" t="s">
        <v>2795</v>
      </c>
      <c r="MVZ732" s="424"/>
      <c r="MWA732" s="424"/>
      <c r="MWB732" s="424"/>
      <c r="MWC732" s="423" t="s">
        <v>2795</v>
      </c>
      <c r="MWD732" s="424"/>
      <c r="MWE732" s="424"/>
      <c r="MWF732" s="424"/>
      <c r="MWG732" s="423" t="s">
        <v>2795</v>
      </c>
      <c r="MWH732" s="424"/>
      <c r="MWI732" s="424"/>
      <c r="MWJ732" s="424"/>
      <c r="MWK732" s="423" t="s">
        <v>2795</v>
      </c>
      <c r="MWL732" s="424"/>
      <c r="MWM732" s="424"/>
      <c r="MWN732" s="424"/>
      <c r="MWO732" s="423" t="s">
        <v>2795</v>
      </c>
      <c r="MWP732" s="424"/>
      <c r="MWQ732" s="424"/>
      <c r="MWR732" s="424"/>
      <c r="MWS732" s="423" t="s">
        <v>2795</v>
      </c>
      <c r="MWT732" s="424"/>
      <c r="MWU732" s="424"/>
      <c r="MWV732" s="424"/>
      <c r="MWW732" s="423" t="s">
        <v>2795</v>
      </c>
      <c r="MWX732" s="424"/>
      <c r="MWY732" s="424"/>
      <c r="MWZ732" s="424"/>
      <c r="MXA732" s="423" t="s">
        <v>2795</v>
      </c>
      <c r="MXB732" s="424"/>
      <c r="MXC732" s="424"/>
      <c r="MXD732" s="424"/>
      <c r="MXE732" s="423" t="s">
        <v>2795</v>
      </c>
      <c r="MXF732" s="424"/>
      <c r="MXG732" s="424"/>
      <c r="MXH732" s="424"/>
      <c r="MXI732" s="423" t="s">
        <v>2795</v>
      </c>
      <c r="MXJ732" s="424"/>
      <c r="MXK732" s="424"/>
      <c r="MXL732" s="424"/>
      <c r="MXM732" s="423" t="s">
        <v>2795</v>
      </c>
      <c r="MXN732" s="424"/>
      <c r="MXO732" s="424"/>
      <c r="MXP732" s="424"/>
      <c r="MXQ732" s="423" t="s">
        <v>2795</v>
      </c>
      <c r="MXR732" s="424"/>
      <c r="MXS732" s="424"/>
      <c r="MXT732" s="424"/>
      <c r="MXU732" s="423" t="s">
        <v>2795</v>
      </c>
      <c r="MXV732" s="424"/>
      <c r="MXW732" s="424"/>
      <c r="MXX732" s="424"/>
      <c r="MXY732" s="423" t="s">
        <v>2795</v>
      </c>
      <c r="MXZ732" s="424"/>
      <c r="MYA732" s="424"/>
      <c r="MYB732" s="424"/>
      <c r="MYC732" s="423" t="s">
        <v>2795</v>
      </c>
      <c r="MYD732" s="424"/>
      <c r="MYE732" s="424"/>
      <c r="MYF732" s="424"/>
      <c r="MYG732" s="423" t="s">
        <v>2795</v>
      </c>
      <c r="MYH732" s="424"/>
      <c r="MYI732" s="424"/>
      <c r="MYJ732" s="424"/>
      <c r="MYK732" s="423" t="s">
        <v>2795</v>
      </c>
      <c r="MYL732" s="424"/>
      <c r="MYM732" s="424"/>
      <c r="MYN732" s="424"/>
      <c r="MYO732" s="423" t="s">
        <v>2795</v>
      </c>
      <c r="MYP732" s="424"/>
      <c r="MYQ732" s="424"/>
      <c r="MYR732" s="424"/>
      <c r="MYS732" s="423" t="s">
        <v>2795</v>
      </c>
      <c r="MYT732" s="424"/>
      <c r="MYU732" s="424"/>
      <c r="MYV732" s="424"/>
      <c r="MYW732" s="423" t="s">
        <v>2795</v>
      </c>
      <c r="MYX732" s="424"/>
      <c r="MYY732" s="424"/>
      <c r="MYZ732" s="424"/>
      <c r="MZA732" s="423" t="s">
        <v>2795</v>
      </c>
      <c r="MZB732" s="424"/>
      <c r="MZC732" s="424"/>
      <c r="MZD732" s="424"/>
      <c r="MZE732" s="423" t="s">
        <v>2795</v>
      </c>
      <c r="MZF732" s="424"/>
      <c r="MZG732" s="424"/>
      <c r="MZH732" s="424"/>
      <c r="MZI732" s="423" t="s">
        <v>2795</v>
      </c>
      <c r="MZJ732" s="424"/>
      <c r="MZK732" s="424"/>
      <c r="MZL732" s="424"/>
      <c r="MZM732" s="423" t="s">
        <v>2795</v>
      </c>
      <c r="MZN732" s="424"/>
      <c r="MZO732" s="424"/>
      <c r="MZP732" s="424"/>
      <c r="MZQ732" s="423" t="s">
        <v>2795</v>
      </c>
      <c r="MZR732" s="424"/>
      <c r="MZS732" s="424"/>
      <c r="MZT732" s="424"/>
      <c r="MZU732" s="423" t="s">
        <v>2795</v>
      </c>
      <c r="MZV732" s="424"/>
      <c r="MZW732" s="424"/>
      <c r="MZX732" s="424"/>
      <c r="MZY732" s="423" t="s">
        <v>2795</v>
      </c>
      <c r="MZZ732" s="424"/>
      <c r="NAA732" s="424"/>
      <c r="NAB732" s="424"/>
      <c r="NAC732" s="423" t="s">
        <v>2795</v>
      </c>
      <c r="NAD732" s="424"/>
      <c r="NAE732" s="424"/>
      <c r="NAF732" s="424"/>
      <c r="NAG732" s="423" t="s">
        <v>2795</v>
      </c>
      <c r="NAH732" s="424"/>
      <c r="NAI732" s="424"/>
      <c r="NAJ732" s="424"/>
      <c r="NAK732" s="423" t="s">
        <v>2795</v>
      </c>
      <c r="NAL732" s="424"/>
      <c r="NAM732" s="424"/>
      <c r="NAN732" s="424"/>
      <c r="NAO732" s="423" t="s">
        <v>2795</v>
      </c>
      <c r="NAP732" s="424"/>
      <c r="NAQ732" s="424"/>
      <c r="NAR732" s="424"/>
      <c r="NAS732" s="423" t="s">
        <v>2795</v>
      </c>
      <c r="NAT732" s="424"/>
      <c r="NAU732" s="424"/>
      <c r="NAV732" s="424"/>
      <c r="NAW732" s="423" t="s">
        <v>2795</v>
      </c>
      <c r="NAX732" s="424"/>
      <c r="NAY732" s="424"/>
      <c r="NAZ732" s="424"/>
      <c r="NBA732" s="423" t="s">
        <v>2795</v>
      </c>
      <c r="NBB732" s="424"/>
      <c r="NBC732" s="424"/>
      <c r="NBD732" s="424"/>
      <c r="NBE732" s="423" t="s">
        <v>2795</v>
      </c>
      <c r="NBF732" s="424"/>
      <c r="NBG732" s="424"/>
      <c r="NBH732" s="424"/>
      <c r="NBI732" s="423" t="s">
        <v>2795</v>
      </c>
      <c r="NBJ732" s="424"/>
      <c r="NBK732" s="424"/>
      <c r="NBL732" s="424"/>
      <c r="NBM732" s="423" t="s">
        <v>2795</v>
      </c>
      <c r="NBN732" s="424"/>
      <c r="NBO732" s="424"/>
      <c r="NBP732" s="424"/>
      <c r="NBQ732" s="423" t="s">
        <v>2795</v>
      </c>
      <c r="NBR732" s="424"/>
      <c r="NBS732" s="424"/>
      <c r="NBT732" s="424"/>
      <c r="NBU732" s="423" t="s">
        <v>2795</v>
      </c>
      <c r="NBV732" s="424"/>
      <c r="NBW732" s="424"/>
      <c r="NBX732" s="424"/>
      <c r="NBY732" s="423" t="s">
        <v>2795</v>
      </c>
      <c r="NBZ732" s="424"/>
      <c r="NCA732" s="424"/>
      <c r="NCB732" s="424"/>
      <c r="NCC732" s="423" t="s">
        <v>2795</v>
      </c>
      <c r="NCD732" s="424"/>
      <c r="NCE732" s="424"/>
      <c r="NCF732" s="424"/>
      <c r="NCG732" s="423" t="s">
        <v>2795</v>
      </c>
      <c r="NCH732" s="424"/>
      <c r="NCI732" s="424"/>
      <c r="NCJ732" s="424"/>
      <c r="NCK732" s="423" t="s">
        <v>2795</v>
      </c>
      <c r="NCL732" s="424"/>
      <c r="NCM732" s="424"/>
      <c r="NCN732" s="424"/>
      <c r="NCO732" s="423" t="s">
        <v>2795</v>
      </c>
      <c r="NCP732" s="424"/>
      <c r="NCQ732" s="424"/>
      <c r="NCR732" s="424"/>
      <c r="NCS732" s="423" t="s">
        <v>2795</v>
      </c>
      <c r="NCT732" s="424"/>
      <c r="NCU732" s="424"/>
      <c r="NCV732" s="424"/>
      <c r="NCW732" s="423" t="s">
        <v>2795</v>
      </c>
      <c r="NCX732" s="424"/>
      <c r="NCY732" s="424"/>
      <c r="NCZ732" s="424"/>
      <c r="NDA732" s="423" t="s">
        <v>2795</v>
      </c>
      <c r="NDB732" s="424"/>
      <c r="NDC732" s="424"/>
      <c r="NDD732" s="424"/>
      <c r="NDE732" s="423" t="s">
        <v>2795</v>
      </c>
      <c r="NDF732" s="424"/>
      <c r="NDG732" s="424"/>
      <c r="NDH732" s="424"/>
      <c r="NDI732" s="423" t="s">
        <v>2795</v>
      </c>
      <c r="NDJ732" s="424"/>
      <c r="NDK732" s="424"/>
      <c r="NDL732" s="424"/>
      <c r="NDM732" s="423" t="s">
        <v>2795</v>
      </c>
      <c r="NDN732" s="424"/>
      <c r="NDO732" s="424"/>
      <c r="NDP732" s="424"/>
      <c r="NDQ732" s="423" t="s">
        <v>2795</v>
      </c>
      <c r="NDR732" s="424"/>
      <c r="NDS732" s="424"/>
      <c r="NDT732" s="424"/>
      <c r="NDU732" s="423" t="s">
        <v>2795</v>
      </c>
      <c r="NDV732" s="424"/>
      <c r="NDW732" s="424"/>
      <c r="NDX732" s="424"/>
      <c r="NDY732" s="423" t="s">
        <v>2795</v>
      </c>
      <c r="NDZ732" s="424"/>
      <c r="NEA732" s="424"/>
      <c r="NEB732" s="424"/>
      <c r="NEC732" s="423" t="s">
        <v>2795</v>
      </c>
      <c r="NED732" s="424"/>
      <c r="NEE732" s="424"/>
      <c r="NEF732" s="424"/>
      <c r="NEG732" s="423" t="s">
        <v>2795</v>
      </c>
      <c r="NEH732" s="424"/>
      <c r="NEI732" s="424"/>
      <c r="NEJ732" s="424"/>
      <c r="NEK732" s="423" t="s">
        <v>2795</v>
      </c>
      <c r="NEL732" s="424"/>
      <c r="NEM732" s="424"/>
      <c r="NEN732" s="424"/>
      <c r="NEO732" s="423" t="s">
        <v>2795</v>
      </c>
      <c r="NEP732" s="424"/>
      <c r="NEQ732" s="424"/>
      <c r="NER732" s="424"/>
      <c r="NES732" s="423" t="s">
        <v>2795</v>
      </c>
      <c r="NET732" s="424"/>
      <c r="NEU732" s="424"/>
      <c r="NEV732" s="424"/>
      <c r="NEW732" s="423" t="s">
        <v>2795</v>
      </c>
      <c r="NEX732" s="424"/>
      <c r="NEY732" s="424"/>
      <c r="NEZ732" s="424"/>
      <c r="NFA732" s="423" t="s">
        <v>2795</v>
      </c>
      <c r="NFB732" s="424"/>
      <c r="NFC732" s="424"/>
      <c r="NFD732" s="424"/>
      <c r="NFE732" s="423" t="s">
        <v>2795</v>
      </c>
      <c r="NFF732" s="424"/>
      <c r="NFG732" s="424"/>
      <c r="NFH732" s="424"/>
      <c r="NFI732" s="423" t="s">
        <v>2795</v>
      </c>
      <c r="NFJ732" s="424"/>
      <c r="NFK732" s="424"/>
      <c r="NFL732" s="424"/>
      <c r="NFM732" s="423" t="s">
        <v>2795</v>
      </c>
      <c r="NFN732" s="424"/>
      <c r="NFO732" s="424"/>
      <c r="NFP732" s="424"/>
      <c r="NFQ732" s="423" t="s">
        <v>2795</v>
      </c>
      <c r="NFR732" s="424"/>
      <c r="NFS732" s="424"/>
      <c r="NFT732" s="424"/>
      <c r="NFU732" s="423" t="s">
        <v>2795</v>
      </c>
      <c r="NFV732" s="424"/>
      <c r="NFW732" s="424"/>
      <c r="NFX732" s="424"/>
      <c r="NFY732" s="423" t="s">
        <v>2795</v>
      </c>
      <c r="NFZ732" s="424"/>
      <c r="NGA732" s="424"/>
      <c r="NGB732" s="424"/>
      <c r="NGC732" s="423" t="s">
        <v>2795</v>
      </c>
      <c r="NGD732" s="424"/>
      <c r="NGE732" s="424"/>
      <c r="NGF732" s="424"/>
      <c r="NGG732" s="423" t="s">
        <v>2795</v>
      </c>
      <c r="NGH732" s="424"/>
      <c r="NGI732" s="424"/>
      <c r="NGJ732" s="424"/>
      <c r="NGK732" s="423" t="s">
        <v>2795</v>
      </c>
      <c r="NGL732" s="424"/>
      <c r="NGM732" s="424"/>
      <c r="NGN732" s="424"/>
      <c r="NGO732" s="423" t="s">
        <v>2795</v>
      </c>
      <c r="NGP732" s="424"/>
      <c r="NGQ732" s="424"/>
      <c r="NGR732" s="424"/>
      <c r="NGS732" s="423" t="s">
        <v>2795</v>
      </c>
      <c r="NGT732" s="424"/>
      <c r="NGU732" s="424"/>
      <c r="NGV732" s="424"/>
      <c r="NGW732" s="423" t="s">
        <v>2795</v>
      </c>
      <c r="NGX732" s="424"/>
      <c r="NGY732" s="424"/>
      <c r="NGZ732" s="424"/>
      <c r="NHA732" s="423" t="s">
        <v>2795</v>
      </c>
      <c r="NHB732" s="424"/>
      <c r="NHC732" s="424"/>
      <c r="NHD732" s="424"/>
      <c r="NHE732" s="423" t="s">
        <v>2795</v>
      </c>
      <c r="NHF732" s="424"/>
      <c r="NHG732" s="424"/>
      <c r="NHH732" s="424"/>
      <c r="NHI732" s="423" t="s">
        <v>2795</v>
      </c>
      <c r="NHJ732" s="424"/>
      <c r="NHK732" s="424"/>
      <c r="NHL732" s="424"/>
      <c r="NHM732" s="423" t="s">
        <v>2795</v>
      </c>
      <c r="NHN732" s="424"/>
      <c r="NHO732" s="424"/>
      <c r="NHP732" s="424"/>
      <c r="NHQ732" s="423" t="s">
        <v>2795</v>
      </c>
      <c r="NHR732" s="424"/>
      <c r="NHS732" s="424"/>
      <c r="NHT732" s="424"/>
      <c r="NHU732" s="423" t="s">
        <v>2795</v>
      </c>
      <c r="NHV732" s="424"/>
      <c r="NHW732" s="424"/>
      <c r="NHX732" s="424"/>
      <c r="NHY732" s="423" t="s">
        <v>2795</v>
      </c>
      <c r="NHZ732" s="424"/>
      <c r="NIA732" s="424"/>
      <c r="NIB732" s="424"/>
      <c r="NIC732" s="423" t="s">
        <v>2795</v>
      </c>
      <c r="NID732" s="424"/>
      <c r="NIE732" s="424"/>
      <c r="NIF732" s="424"/>
      <c r="NIG732" s="423" t="s">
        <v>2795</v>
      </c>
      <c r="NIH732" s="424"/>
      <c r="NII732" s="424"/>
      <c r="NIJ732" s="424"/>
      <c r="NIK732" s="423" t="s">
        <v>2795</v>
      </c>
      <c r="NIL732" s="424"/>
      <c r="NIM732" s="424"/>
      <c r="NIN732" s="424"/>
      <c r="NIO732" s="423" t="s">
        <v>2795</v>
      </c>
      <c r="NIP732" s="424"/>
      <c r="NIQ732" s="424"/>
      <c r="NIR732" s="424"/>
      <c r="NIS732" s="423" t="s">
        <v>2795</v>
      </c>
      <c r="NIT732" s="424"/>
      <c r="NIU732" s="424"/>
      <c r="NIV732" s="424"/>
      <c r="NIW732" s="423" t="s">
        <v>2795</v>
      </c>
      <c r="NIX732" s="424"/>
      <c r="NIY732" s="424"/>
      <c r="NIZ732" s="424"/>
      <c r="NJA732" s="423" t="s">
        <v>2795</v>
      </c>
      <c r="NJB732" s="424"/>
      <c r="NJC732" s="424"/>
      <c r="NJD732" s="424"/>
      <c r="NJE732" s="423" t="s">
        <v>2795</v>
      </c>
      <c r="NJF732" s="424"/>
      <c r="NJG732" s="424"/>
      <c r="NJH732" s="424"/>
      <c r="NJI732" s="423" t="s">
        <v>2795</v>
      </c>
      <c r="NJJ732" s="424"/>
      <c r="NJK732" s="424"/>
      <c r="NJL732" s="424"/>
      <c r="NJM732" s="423" t="s">
        <v>2795</v>
      </c>
      <c r="NJN732" s="424"/>
      <c r="NJO732" s="424"/>
      <c r="NJP732" s="424"/>
      <c r="NJQ732" s="423" t="s">
        <v>2795</v>
      </c>
      <c r="NJR732" s="424"/>
      <c r="NJS732" s="424"/>
      <c r="NJT732" s="424"/>
      <c r="NJU732" s="423" t="s">
        <v>2795</v>
      </c>
      <c r="NJV732" s="424"/>
      <c r="NJW732" s="424"/>
      <c r="NJX732" s="424"/>
      <c r="NJY732" s="423" t="s">
        <v>2795</v>
      </c>
      <c r="NJZ732" s="424"/>
      <c r="NKA732" s="424"/>
      <c r="NKB732" s="424"/>
      <c r="NKC732" s="423" t="s">
        <v>2795</v>
      </c>
      <c r="NKD732" s="424"/>
      <c r="NKE732" s="424"/>
      <c r="NKF732" s="424"/>
      <c r="NKG732" s="423" t="s">
        <v>2795</v>
      </c>
      <c r="NKH732" s="424"/>
      <c r="NKI732" s="424"/>
      <c r="NKJ732" s="424"/>
      <c r="NKK732" s="423" t="s">
        <v>2795</v>
      </c>
      <c r="NKL732" s="424"/>
      <c r="NKM732" s="424"/>
      <c r="NKN732" s="424"/>
      <c r="NKO732" s="423" t="s">
        <v>2795</v>
      </c>
      <c r="NKP732" s="424"/>
      <c r="NKQ732" s="424"/>
      <c r="NKR732" s="424"/>
      <c r="NKS732" s="423" t="s">
        <v>2795</v>
      </c>
      <c r="NKT732" s="424"/>
      <c r="NKU732" s="424"/>
      <c r="NKV732" s="424"/>
      <c r="NKW732" s="423" t="s">
        <v>2795</v>
      </c>
      <c r="NKX732" s="424"/>
      <c r="NKY732" s="424"/>
      <c r="NKZ732" s="424"/>
      <c r="NLA732" s="423" t="s">
        <v>2795</v>
      </c>
      <c r="NLB732" s="424"/>
      <c r="NLC732" s="424"/>
      <c r="NLD732" s="424"/>
      <c r="NLE732" s="423" t="s">
        <v>2795</v>
      </c>
      <c r="NLF732" s="424"/>
      <c r="NLG732" s="424"/>
      <c r="NLH732" s="424"/>
      <c r="NLI732" s="423" t="s">
        <v>2795</v>
      </c>
      <c r="NLJ732" s="424"/>
      <c r="NLK732" s="424"/>
      <c r="NLL732" s="424"/>
      <c r="NLM732" s="423" t="s">
        <v>2795</v>
      </c>
      <c r="NLN732" s="424"/>
      <c r="NLO732" s="424"/>
      <c r="NLP732" s="424"/>
      <c r="NLQ732" s="423" t="s">
        <v>2795</v>
      </c>
      <c r="NLR732" s="424"/>
      <c r="NLS732" s="424"/>
      <c r="NLT732" s="424"/>
      <c r="NLU732" s="423" t="s">
        <v>2795</v>
      </c>
      <c r="NLV732" s="424"/>
      <c r="NLW732" s="424"/>
      <c r="NLX732" s="424"/>
      <c r="NLY732" s="423" t="s">
        <v>2795</v>
      </c>
      <c r="NLZ732" s="424"/>
      <c r="NMA732" s="424"/>
      <c r="NMB732" s="424"/>
      <c r="NMC732" s="423" t="s">
        <v>2795</v>
      </c>
      <c r="NMD732" s="424"/>
      <c r="NME732" s="424"/>
      <c r="NMF732" s="424"/>
      <c r="NMG732" s="423" t="s">
        <v>2795</v>
      </c>
      <c r="NMH732" s="424"/>
      <c r="NMI732" s="424"/>
      <c r="NMJ732" s="424"/>
      <c r="NMK732" s="423" t="s">
        <v>2795</v>
      </c>
      <c r="NML732" s="424"/>
      <c r="NMM732" s="424"/>
      <c r="NMN732" s="424"/>
      <c r="NMO732" s="423" t="s">
        <v>2795</v>
      </c>
      <c r="NMP732" s="424"/>
      <c r="NMQ732" s="424"/>
      <c r="NMR732" s="424"/>
      <c r="NMS732" s="423" t="s">
        <v>2795</v>
      </c>
      <c r="NMT732" s="424"/>
      <c r="NMU732" s="424"/>
      <c r="NMV732" s="424"/>
      <c r="NMW732" s="423" t="s">
        <v>2795</v>
      </c>
      <c r="NMX732" s="424"/>
      <c r="NMY732" s="424"/>
      <c r="NMZ732" s="424"/>
      <c r="NNA732" s="423" t="s">
        <v>2795</v>
      </c>
      <c r="NNB732" s="424"/>
      <c r="NNC732" s="424"/>
      <c r="NND732" s="424"/>
      <c r="NNE732" s="423" t="s">
        <v>2795</v>
      </c>
      <c r="NNF732" s="424"/>
      <c r="NNG732" s="424"/>
      <c r="NNH732" s="424"/>
      <c r="NNI732" s="423" t="s">
        <v>2795</v>
      </c>
      <c r="NNJ732" s="424"/>
      <c r="NNK732" s="424"/>
      <c r="NNL732" s="424"/>
      <c r="NNM732" s="423" t="s">
        <v>2795</v>
      </c>
      <c r="NNN732" s="424"/>
      <c r="NNO732" s="424"/>
      <c r="NNP732" s="424"/>
      <c r="NNQ732" s="423" t="s">
        <v>2795</v>
      </c>
      <c r="NNR732" s="424"/>
      <c r="NNS732" s="424"/>
      <c r="NNT732" s="424"/>
      <c r="NNU732" s="423" t="s">
        <v>2795</v>
      </c>
      <c r="NNV732" s="424"/>
      <c r="NNW732" s="424"/>
      <c r="NNX732" s="424"/>
      <c r="NNY732" s="423" t="s">
        <v>2795</v>
      </c>
      <c r="NNZ732" s="424"/>
      <c r="NOA732" s="424"/>
      <c r="NOB732" s="424"/>
      <c r="NOC732" s="423" t="s">
        <v>2795</v>
      </c>
      <c r="NOD732" s="424"/>
      <c r="NOE732" s="424"/>
      <c r="NOF732" s="424"/>
      <c r="NOG732" s="423" t="s">
        <v>2795</v>
      </c>
      <c r="NOH732" s="424"/>
      <c r="NOI732" s="424"/>
      <c r="NOJ732" s="424"/>
      <c r="NOK732" s="423" t="s">
        <v>2795</v>
      </c>
      <c r="NOL732" s="424"/>
      <c r="NOM732" s="424"/>
      <c r="NON732" s="424"/>
      <c r="NOO732" s="423" t="s">
        <v>2795</v>
      </c>
      <c r="NOP732" s="424"/>
      <c r="NOQ732" s="424"/>
      <c r="NOR732" s="424"/>
      <c r="NOS732" s="423" t="s">
        <v>2795</v>
      </c>
      <c r="NOT732" s="424"/>
      <c r="NOU732" s="424"/>
      <c r="NOV732" s="424"/>
      <c r="NOW732" s="423" t="s">
        <v>2795</v>
      </c>
      <c r="NOX732" s="424"/>
      <c r="NOY732" s="424"/>
      <c r="NOZ732" s="424"/>
      <c r="NPA732" s="423" t="s">
        <v>2795</v>
      </c>
      <c r="NPB732" s="424"/>
      <c r="NPC732" s="424"/>
      <c r="NPD732" s="424"/>
      <c r="NPE732" s="423" t="s">
        <v>2795</v>
      </c>
      <c r="NPF732" s="424"/>
      <c r="NPG732" s="424"/>
      <c r="NPH732" s="424"/>
      <c r="NPI732" s="423" t="s">
        <v>2795</v>
      </c>
      <c r="NPJ732" s="424"/>
      <c r="NPK732" s="424"/>
      <c r="NPL732" s="424"/>
      <c r="NPM732" s="423" t="s">
        <v>2795</v>
      </c>
      <c r="NPN732" s="424"/>
      <c r="NPO732" s="424"/>
      <c r="NPP732" s="424"/>
      <c r="NPQ732" s="423" t="s">
        <v>2795</v>
      </c>
      <c r="NPR732" s="424"/>
      <c r="NPS732" s="424"/>
      <c r="NPT732" s="424"/>
      <c r="NPU732" s="423" t="s">
        <v>2795</v>
      </c>
      <c r="NPV732" s="424"/>
      <c r="NPW732" s="424"/>
      <c r="NPX732" s="424"/>
      <c r="NPY732" s="423" t="s">
        <v>2795</v>
      </c>
      <c r="NPZ732" s="424"/>
      <c r="NQA732" s="424"/>
      <c r="NQB732" s="424"/>
      <c r="NQC732" s="423" t="s">
        <v>2795</v>
      </c>
      <c r="NQD732" s="424"/>
      <c r="NQE732" s="424"/>
      <c r="NQF732" s="424"/>
      <c r="NQG732" s="423" t="s">
        <v>2795</v>
      </c>
      <c r="NQH732" s="424"/>
      <c r="NQI732" s="424"/>
      <c r="NQJ732" s="424"/>
      <c r="NQK732" s="423" t="s">
        <v>2795</v>
      </c>
      <c r="NQL732" s="424"/>
      <c r="NQM732" s="424"/>
      <c r="NQN732" s="424"/>
      <c r="NQO732" s="423" t="s">
        <v>2795</v>
      </c>
      <c r="NQP732" s="424"/>
      <c r="NQQ732" s="424"/>
      <c r="NQR732" s="424"/>
      <c r="NQS732" s="423" t="s">
        <v>2795</v>
      </c>
      <c r="NQT732" s="424"/>
      <c r="NQU732" s="424"/>
      <c r="NQV732" s="424"/>
      <c r="NQW732" s="423" t="s">
        <v>2795</v>
      </c>
      <c r="NQX732" s="424"/>
      <c r="NQY732" s="424"/>
      <c r="NQZ732" s="424"/>
      <c r="NRA732" s="423" t="s">
        <v>2795</v>
      </c>
      <c r="NRB732" s="424"/>
      <c r="NRC732" s="424"/>
      <c r="NRD732" s="424"/>
      <c r="NRE732" s="423" t="s">
        <v>2795</v>
      </c>
      <c r="NRF732" s="424"/>
      <c r="NRG732" s="424"/>
      <c r="NRH732" s="424"/>
      <c r="NRI732" s="423" t="s">
        <v>2795</v>
      </c>
      <c r="NRJ732" s="424"/>
      <c r="NRK732" s="424"/>
      <c r="NRL732" s="424"/>
      <c r="NRM732" s="423" t="s">
        <v>2795</v>
      </c>
      <c r="NRN732" s="424"/>
      <c r="NRO732" s="424"/>
      <c r="NRP732" s="424"/>
      <c r="NRQ732" s="423" t="s">
        <v>2795</v>
      </c>
      <c r="NRR732" s="424"/>
      <c r="NRS732" s="424"/>
      <c r="NRT732" s="424"/>
      <c r="NRU732" s="423" t="s">
        <v>2795</v>
      </c>
      <c r="NRV732" s="424"/>
      <c r="NRW732" s="424"/>
      <c r="NRX732" s="424"/>
      <c r="NRY732" s="423" t="s">
        <v>2795</v>
      </c>
      <c r="NRZ732" s="424"/>
      <c r="NSA732" s="424"/>
      <c r="NSB732" s="424"/>
      <c r="NSC732" s="423" t="s">
        <v>2795</v>
      </c>
      <c r="NSD732" s="424"/>
      <c r="NSE732" s="424"/>
      <c r="NSF732" s="424"/>
      <c r="NSG732" s="423" t="s">
        <v>2795</v>
      </c>
      <c r="NSH732" s="424"/>
      <c r="NSI732" s="424"/>
      <c r="NSJ732" s="424"/>
      <c r="NSK732" s="423" t="s">
        <v>2795</v>
      </c>
      <c r="NSL732" s="424"/>
      <c r="NSM732" s="424"/>
      <c r="NSN732" s="424"/>
      <c r="NSO732" s="423" t="s">
        <v>2795</v>
      </c>
      <c r="NSP732" s="424"/>
      <c r="NSQ732" s="424"/>
      <c r="NSR732" s="424"/>
      <c r="NSS732" s="423" t="s">
        <v>2795</v>
      </c>
      <c r="NST732" s="424"/>
      <c r="NSU732" s="424"/>
      <c r="NSV732" s="424"/>
      <c r="NSW732" s="423" t="s">
        <v>2795</v>
      </c>
      <c r="NSX732" s="424"/>
      <c r="NSY732" s="424"/>
      <c r="NSZ732" s="424"/>
      <c r="NTA732" s="423" t="s">
        <v>2795</v>
      </c>
      <c r="NTB732" s="424"/>
      <c r="NTC732" s="424"/>
      <c r="NTD732" s="424"/>
      <c r="NTE732" s="423" t="s">
        <v>2795</v>
      </c>
      <c r="NTF732" s="424"/>
      <c r="NTG732" s="424"/>
      <c r="NTH732" s="424"/>
      <c r="NTI732" s="423" t="s">
        <v>2795</v>
      </c>
      <c r="NTJ732" s="424"/>
      <c r="NTK732" s="424"/>
      <c r="NTL732" s="424"/>
      <c r="NTM732" s="423" t="s">
        <v>2795</v>
      </c>
      <c r="NTN732" s="424"/>
      <c r="NTO732" s="424"/>
      <c r="NTP732" s="424"/>
      <c r="NTQ732" s="423" t="s">
        <v>2795</v>
      </c>
      <c r="NTR732" s="424"/>
      <c r="NTS732" s="424"/>
      <c r="NTT732" s="424"/>
      <c r="NTU732" s="423" t="s">
        <v>2795</v>
      </c>
      <c r="NTV732" s="424"/>
      <c r="NTW732" s="424"/>
      <c r="NTX732" s="424"/>
      <c r="NTY732" s="423" t="s">
        <v>2795</v>
      </c>
      <c r="NTZ732" s="424"/>
      <c r="NUA732" s="424"/>
      <c r="NUB732" s="424"/>
      <c r="NUC732" s="423" t="s">
        <v>2795</v>
      </c>
      <c r="NUD732" s="424"/>
      <c r="NUE732" s="424"/>
      <c r="NUF732" s="424"/>
      <c r="NUG732" s="423" t="s">
        <v>2795</v>
      </c>
      <c r="NUH732" s="424"/>
      <c r="NUI732" s="424"/>
      <c r="NUJ732" s="424"/>
      <c r="NUK732" s="423" t="s">
        <v>2795</v>
      </c>
      <c r="NUL732" s="424"/>
      <c r="NUM732" s="424"/>
      <c r="NUN732" s="424"/>
      <c r="NUO732" s="423" t="s">
        <v>2795</v>
      </c>
      <c r="NUP732" s="424"/>
      <c r="NUQ732" s="424"/>
      <c r="NUR732" s="424"/>
      <c r="NUS732" s="423" t="s">
        <v>2795</v>
      </c>
      <c r="NUT732" s="424"/>
      <c r="NUU732" s="424"/>
      <c r="NUV732" s="424"/>
      <c r="NUW732" s="423" t="s">
        <v>2795</v>
      </c>
      <c r="NUX732" s="424"/>
      <c r="NUY732" s="424"/>
      <c r="NUZ732" s="424"/>
      <c r="NVA732" s="423" t="s">
        <v>2795</v>
      </c>
      <c r="NVB732" s="424"/>
      <c r="NVC732" s="424"/>
      <c r="NVD732" s="424"/>
      <c r="NVE732" s="423" t="s">
        <v>2795</v>
      </c>
      <c r="NVF732" s="424"/>
      <c r="NVG732" s="424"/>
      <c r="NVH732" s="424"/>
      <c r="NVI732" s="423" t="s">
        <v>2795</v>
      </c>
      <c r="NVJ732" s="424"/>
      <c r="NVK732" s="424"/>
      <c r="NVL732" s="424"/>
      <c r="NVM732" s="423" t="s">
        <v>2795</v>
      </c>
      <c r="NVN732" s="424"/>
      <c r="NVO732" s="424"/>
      <c r="NVP732" s="424"/>
      <c r="NVQ732" s="423" t="s">
        <v>2795</v>
      </c>
      <c r="NVR732" s="424"/>
      <c r="NVS732" s="424"/>
      <c r="NVT732" s="424"/>
      <c r="NVU732" s="423" t="s">
        <v>2795</v>
      </c>
      <c r="NVV732" s="424"/>
      <c r="NVW732" s="424"/>
      <c r="NVX732" s="424"/>
      <c r="NVY732" s="423" t="s">
        <v>2795</v>
      </c>
      <c r="NVZ732" s="424"/>
      <c r="NWA732" s="424"/>
      <c r="NWB732" s="424"/>
      <c r="NWC732" s="423" t="s">
        <v>2795</v>
      </c>
      <c r="NWD732" s="424"/>
      <c r="NWE732" s="424"/>
      <c r="NWF732" s="424"/>
      <c r="NWG732" s="423" t="s">
        <v>2795</v>
      </c>
      <c r="NWH732" s="424"/>
      <c r="NWI732" s="424"/>
      <c r="NWJ732" s="424"/>
      <c r="NWK732" s="423" t="s">
        <v>2795</v>
      </c>
      <c r="NWL732" s="424"/>
      <c r="NWM732" s="424"/>
      <c r="NWN732" s="424"/>
      <c r="NWO732" s="423" t="s">
        <v>2795</v>
      </c>
      <c r="NWP732" s="424"/>
      <c r="NWQ732" s="424"/>
      <c r="NWR732" s="424"/>
      <c r="NWS732" s="423" t="s">
        <v>2795</v>
      </c>
      <c r="NWT732" s="424"/>
      <c r="NWU732" s="424"/>
      <c r="NWV732" s="424"/>
      <c r="NWW732" s="423" t="s">
        <v>2795</v>
      </c>
      <c r="NWX732" s="424"/>
      <c r="NWY732" s="424"/>
      <c r="NWZ732" s="424"/>
      <c r="NXA732" s="423" t="s">
        <v>2795</v>
      </c>
      <c r="NXB732" s="424"/>
      <c r="NXC732" s="424"/>
      <c r="NXD732" s="424"/>
      <c r="NXE732" s="423" t="s">
        <v>2795</v>
      </c>
      <c r="NXF732" s="424"/>
      <c r="NXG732" s="424"/>
      <c r="NXH732" s="424"/>
      <c r="NXI732" s="423" t="s">
        <v>2795</v>
      </c>
      <c r="NXJ732" s="424"/>
      <c r="NXK732" s="424"/>
      <c r="NXL732" s="424"/>
      <c r="NXM732" s="423" t="s">
        <v>2795</v>
      </c>
      <c r="NXN732" s="424"/>
      <c r="NXO732" s="424"/>
      <c r="NXP732" s="424"/>
      <c r="NXQ732" s="423" t="s">
        <v>2795</v>
      </c>
      <c r="NXR732" s="424"/>
      <c r="NXS732" s="424"/>
      <c r="NXT732" s="424"/>
      <c r="NXU732" s="423" t="s">
        <v>2795</v>
      </c>
      <c r="NXV732" s="424"/>
      <c r="NXW732" s="424"/>
      <c r="NXX732" s="424"/>
      <c r="NXY732" s="423" t="s">
        <v>2795</v>
      </c>
      <c r="NXZ732" s="424"/>
      <c r="NYA732" s="424"/>
      <c r="NYB732" s="424"/>
      <c r="NYC732" s="423" t="s">
        <v>2795</v>
      </c>
      <c r="NYD732" s="424"/>
      <c r="NYE732" s="424"/>
      <c r="NYF732" s="424"/>
      <c r="NYG732" s="423" t="s">
        <v>2795</v>
      </c>
      <c r="NYH732" s="424"/>
      <c r="NYI732" s="424"/>
      <c r="NYJ732" s="424"/>
      <c r="NYK732" s="423" t="s">
        <v>2795</v>
      </c>
      <c r="NYL732" s="424"/>
      <c r="NYM732" s="424"/>
      <c r="NYN732" s="424"/>
      <c r="NYO732" s="423" t="s">
        <v>2795</v>
      </c>
      <c r="NYP732" s="424"/>
      <c r="NYQ732" s="424"/>
      <c r="NYR732" s="424"/>
      <c r="NYS732" s="423" t="s">
        <v>2795</v>
      </c>
      <c r="NYT732" s="424"/>
      <c r="NYU732" s="424"/>
      <c r="NYV732" s="424"/>
      <c r="NYW732" s="423" t="s">
        <v>2795</v>
      </c>
      <c r="NYX732" s="424"/>
      <c r="NYY732" s="424"/>
      <c r="NYZ732" s="424"/>
      <c r="NZA732" s="423" t="s">
        <v>2795</v>
      </c>
      <c r="NZB732" s="424"/>
      <c r="NZC732" s="424"/>
      <c r="NZD732" s="424"/>
      <c r="NZE732" s="423" t="s">
        <v>2795</v>
      </c>
      <c r="NZF732" s="424"/>
      <c r="NZG732" s="424"/>
      <c r="NZH732" s="424"/>
      <c r="NZI732" s="423" t="s">
        <v>2795</v>
      </c>
      <c r="NZJ732" s="424"/>
      <c r="NZK732" s="424"/>
      <c r="NZL732" s="424"/>
      <c r="NZM732" s="423" t="s">
        <v>2795</v>
      </c>
      <c r="NZN732" s="424"/>
      <c r="NZO732" s="424"/>
      <c r="NZP732" s="424"/>
      <c r="NZQ732" s="423" t="s">
        <v>2795</v>
      </c>
      <c r="NZR732" s="424"/>
      <c r="NZS732" s="424"/>
      <c r="NZT732" s="424"/>
      <c r="NZU732" s="423" t="s">
        <v>2795</v>
      </c>
      <c r="NZV732" s="424"/>
      <c r="NZW732" s="424"/>
      <c r="NZX732" s="424"/>
      <c r="NZY732" s="423" t="s">
        <v>2795</v>
      </c>
      <c r="NZZ732" s="424"/>
      <c r="OAA732" s="424"/>
      <c r="OAB732" s="424"/>
      <c r="OAC732" s="423" t="s">
        <v>2795</v>
      </c>
      <c r="OAD732" s="424"/>
      <c r="OAE732" s="424"/>
      <c r="OAF732" s="424"/>
      <c r="OAG732" s="423" t="s">
        <v>2795</v>
      </c>
      <c r="OAH732" s="424"/>
      <c r="OAI732" s="424"/>
      <c r="OAJ732" s="424"/>
      <c r="OAK732" s="423" t="s">
        <v>2795</v>
      </c>
      <c r="OAL732" s="424"/>
      <c r="OAM732" s="424"/>
      <c r="OAN732" s="424"/>
      <c r="OAO732" s="423" t="s">
        <v>2795</v>
      </c>
      <c r="OAP732" s="424"/>
      <c r="OAQ732" s="424"/>
      <c r="OAR732" s="424"/>
      <c r="OAS732" s="423" t="s">
        <v>2795</v>
      </c>
      <c r="OAT732" s="424"/>
      <c r="OAU732" s="424"/>
      <c r="OAV732" s="424"/>
      <c r="OAW732" s="423" t="s">
        <v>2795</v>
      </c>
      <c r="OAX732" s="424"/>
      <c r="OAY732" s="424"/>
      <c r="OAZ732" s="424"/>
      <c r="OBA732" s="423" t="s">
        <v>2795</v>
      </c>
      <c r="OBB732" s="424"/>
      <c r="OBC732" s="424"/>
      <c r="OBD732" s="424"/>
      <c r="OBE732" s="423" t="s">
        <v>2795</v>
      </c>
      <c r="OBF732" s="424"/>
      <c r="OBG732" s="424"/>
      <c r="OBH732" s="424"/>
      <c r="OBI732" s="423" t="s">
        <v>2795</v>
      </c>
      <c r="OBJ732" s="424"/>
      <c r="OBK732" s="424"/>
      <c r="OBL732" s="424"/>
      <c r="OBM732" s="423" t="s">
        <v>2795</v>
      </c>
      <c r="OBN732" s="424"/>
      <c r="OBO732" s="424"/>
      <c r="OBP732" s="424"/>
      <c r="OBQ732" s="423" t="s">
        <v>2795</v>
      </c>
      <c r="OBR732" s="424"/>
      <c r="OBS732" s="424"/>
      <c r="OBT732" s="424"/>
      <c r="OBU732" s="423" t="s">
        <v>2795</v>
      </c>
      <c r="OBV732" s="424"/>
      <c r="OBW732" s="424"/>
      <c r="OBX732" s="424"/>
      <c r="OBY732" s="423" t="s">
        <v>2795</v>
      </c>
      <c r="OBZ732" s="424"/>
      <c r="OCA732" s="424"/>
      <c r="OCB732" s="424"/>
      <c r="OCC732" s="423" t="s">
        <v>2795</v>
      </c>
      <c r="OCD732" s="424"/>
      <c r="OCE732" s="424"/>
      <c r="OCF732" s="424"/>
      <c r="OCG732" s="423" t="s">
        <v>2795</v>
      </c>
      <c r="OCH732" s="424"/>
      <c r="OCI732" s="424"/>
      <c r="OCJ732" s="424"/>
      <c r="OCK732" s="423" t="s">
        <v>2795</v>
      </c>
      <c r="OCL732" s="424"/>
      <c r="OCM732" s="424"/>
      <c r="OCN732" s="424"/>
      <c r="OCO732" s="423" t="s">
        <v>2795</v>
      </c>
      <c r="OCP732" s="424"/>
      <c r="OCQ732" s="424"/>
      <c r="OCR732" s="424"/>
      <c r="OCS732" s="423" t="s">
        <v>2795</v>
      </c>
      <c r="OCT732" s="424"/>
      <c r="OCU732" s="424"/>
      <c r="OCV732" s="424"/>
      <c r="OCW732" s="423" t="s">
        <v>2795</v>
      </c>
      <c r="OCX732" s="424"/>
      <c r="OCY732" s="424"/>
      <c r="OCZ732" s="424"/>
      <c r="ODA732" s="423" t="s">
        <v>2795</v>
      </c>
      <c r="ODB732" s="424"/>
      <c r="ODC732" s="424"/>
      <c r="ODD732" s="424"/>
      <c r="ODE732" s="423" t="s">
        <v>2795</v>
      </c>
      <c r="ODF732" s="424"/>
      <c r="ODG732" s="424"/>
      <c r="ODH732" s="424"/>
      <c r="ODI732" s="423" t="s">
        <v>2795</v>
      </c>
      <c r="ODJ732" s="424"/>
      <c r="ODK732" s="424"/>
      <c r="ODL732" s="424"/>
      <c r="ODM732" s="423" t="s">
        <v>2795</v>
      </c>
      <c r="ODN732" s="424"/>
      <c r="ODO732" s="424"/>
      <c r="ODP732" s="424"/>
      <c r="ODQ732" s="423" t="s">
        <v>2795</v>
      </c>
      <c r="ODR732" s="424"/>
      <c r="ODS732" s="424"/>
      <c r="ODT732" s="424"/>
      <c r="ODU732" s="423" t="s">
        <v>2795</v>
      </c>
      <c r="ODV732" s="424"/>
      <c r="ODW732" s="424"/>
      <c r="ODX732" s="424"/>
      <c r="ODY732" s="423" t="s">
        <v>2795</v>
      </c>
      <c r="ODZ732" s="424"/>
      <c r="OEA732" s="424"/>
      <c r="OEB732" s="424"/>
      <c r="OEC732" s="423" t="s">
        <v>2795</v>
      </c>
      <c r="OED732" s="424"/>
      <c r="OEE732" s="424"/>
      <c r="OEF732" s="424"/>
      <c r="OEG732" s="423" t="s">
        <v>2795</v>
      </c>
      <c r="OEH732" s="424"/>
      <c r="OEI732" s="424"/>
      <c r="OEJ732" s="424"/>
      <c r="OEK732" s="423" t="s">
        <v>2795</v>
      </c>
      <c r="OEL732" s="424"/>
      <c r="OEM732" s="424"/>
      <c r="OEN732" s="424"/>
      <c r="OEO732" s="423" t="s">
        <v>2795</v>
      </c>
      <c r="OEP732" s="424"/>
      <c r="OEQ732" s="424"/>
      <c r="OER732" s="424"/>
      <c r="OES732" s="423" t="s">
        <v>2795</v>
      </c>
      <c r="OET732" s="424"/>
      <c r="OEU732" s="424"/>
      <c r="OEV732" s="424"/>
      <c r="OEW732" s="423" t="s">
        <v>2795</v>
      </c>
      <c r="OEX732" s="424"/>
      <c r="OEY732" s="424"/>
      <c r="OEZ732" s="424"/>
      <c r="OFA732" s="423" t="s">
        <v>2795</v>
      </c>
      <c r="OFB732" s="424"/>
      <c r="OFC732" s="424"/>
      <c r="OFD732" s="424"/>
      <c r="OFE732" s="423" t="s">
        <v>2795</v>
      </c>
      <c r="OFF732" s="424"/>
      <c r="OFG732" s="424"/>
      <c r="OFH732" s="424"/>
      <c r="OFI732" s="423" t="s">
        <v>2795</v>
      </c>
      <c r="OFJ732" s="424"/>
      <c r="OFK732" s="424"/>
      <c r="OFL732" s="424"/>
      <c r="OFM732" s="423" t="s">
        <v>2795</v>
      </c>
      <c r="OFN732" s="424"/>
      <c r="OFO732" s="424"/>
      <c r="OFP732" s="424"/>
      <c r="OFQ732" s="423" t="s">
        <v>2795</v>
      </c>
      <c r="OFR732" s="424"/>
      <c r="OFS732" s="424"/>
      <c r="OFT732" s="424"/>
      <c r="OFU732" s="423" t="s">
        <v>2795</v>
      </c>
      <c r="OFV732" s="424"/>
      <c r="OFW732" s="424"/>
      <c r="OFX732" s="424"/>
      <c r="OFY732" s="423" t="s">
        <v>2795</v>
      </c>
      <c r="OFZ732" s="424"/>
      <c r="OGA732" s="424"/>
      <c r="OGB732" s="424"/>
      <c r="OGC732" s="423" t="s">
        <v>2795</v>
      </c>
      <c r="OGD732" s="424"/>
      <c r="OGE732" s="424"/>
      <c r="OGF732" s="424"/>
      <c r="OGG732" s="423" t="s">
        <v>2795</v>
      </c>
      <c r="OGH732" s="424"/>
      <c r="OGI732" s="424"/>
      <c r="OGJ732" s="424"/>
      <c r="OGK732" s="423" t="s">
        <v>2795</v>
      </c>
      <c r="OGL732" s="424"/>
      <c r="OGM732" s="424"/>
      <c r="OGN732" s="424"/>
      <c r="OGO732" s="423" t="s">
        <v>2795</v>
      </c>
      <c r="OGP732" s="424"/>
      <c r="OGQ732" s="424"/>
      <c r="OGR732" s="424"/>
      <c r="OGS732" s="423" t="s">
        <v>2795</v>
      </c>
      <c r="OGT732" s="424"/>
      <c r="OGU732" s="424"/>
      <c r="OGV732" s="424"/>
      <c r="OGW732" s="423" t="s">
        <v>2795</v>
      </c>
      <c r="OGX732" s="424"/>
      <c r="OGY732" s="424"/>
      <c r="OGZ732" s="424"/>
      <c r="OHA732" s="423" t="s">
        <v>2795</v>
      </c>
      <c r="OHB732" s="424"/>
      <c r="OHC732" s="424"/>
      <c r="OHD732" s="424"/>
      <c r="OHE732" s="423" t="s">
        <v>2795</v>
      </c>
      <c r="OHF732" s="424"/>
      <c r="OHG732" s="424"/>
      <c r="OHH732" s="424"/>
      <c r="OHI732" s="423" t="s">
        <v>2795</v>
      </c>
      <c r="OHJ732" s="424"/>
      <c r="OHK732" s="424"/>
      <c r="OHL732" s="424"/>
      <c r="OHM732" s="423" t="s">
        <v>2795</v>
      </c>
      <c r="OHN732" s="424"/>
      <c r="OHO732" s="424"/>
      <c r="OHP732" s="424"/>
      <c r="OHQ732" s="423" t="s">
        <v>2795</v>
      </c>
      <c r="OHR732" s="424"/>
      <c r="OHS732" s="424"/>
      <c r="OHT732" s="424"/>
      <c r="OHU732" s="423" t="s">
        <v>2795</v>
      </c>
      <c r="OHV732" s="424"/>
      <c r="OHW732" s="424"/>
      <c r="OHX732" s="424"/>
      <c r="OHY732" s="423" t="s">
        <v>2795</v>
      </c>
      <c r="OHZ732" s="424"/>
      <c r="OIA732" s="424"/>
      <c r="OIB732" s="424"/>
      <c r="OIC732" s="423" t="s">
        <v>2795</v>
      </c>
      <c r="OID732" s="424"/>
      <c r="OIE732" s="424"/>
      <c r="OIF732" s="424"/>
      <c r="OIG732" s="423" t="s">
        <v>2795</v>
      </c>
      <c r="OIH732" s="424"/>
      <c r="OII732" s="424"/>
      <c r="OIJ732" s="424"/>
      <c r="OIK732" s="423" t="s">
        <v>2795</v>
      </c>
      <c r="OIL732" s="424"/>
      <c r="OIM732" s="424"/>
      <c r="OIN732" s="424"/>
      <c r="OIO732" s="423" t="s">
        <v>2795</v>
      </c>
      <c r="OIP732" s="424"/>
      <c r="OIQ732" s="424"/>
      <c r="OIR732" s="424"/>
      <c r="OIS732" s="423" t="s">
        <v>2795</v>
      </c>
      <c r="OIT732" s="424"/>
      <c r="OIU732" s="424"/>
      <c r="OIV732" s="424"/>
      <c r="OIW732" s="423" t="s">
        <v>2795</v>
      </c>
      <c r="OIX732" s="424"/>
      <c r="OIY732" s="424"/>
      <c r="OIZ732" s="424"/>
      <c r="OJA732" s="423" t="s">
        <v>2795</v>
      </c>
      <c r="OJB732" s="424"/>
      <c r="OJC732" s="424"/>
      <c r="OJD732" s="424"/>
      <c r="OJE732" s="423" t="s">
        <v>2795</v>
      </c>
      <c r="OJF732" s="424"/>
      <c r="OJG732" s="424"/>
      <c r="OJH732" s="424"/>
      <c r="OJI732" s="423" t="s">
        <v>2795</v>
      </c>
      <c r="OJJ732" s="424"/>
      <c r="OJK732" s="424"/>
      <c r="OJL732" s="424"/>
      <c r="OJM732" s="423" t="s">
        <v>2795</v>
      </c>
      <c r="OJN732" s="424"/>
      <c r="OJO732" s="424"/>
      <c r="OJP732" s="424"/>
      <c r="OJQ732" s="423" t="s">
        <v>2795</v>
      </c>
      <c r="OJR732" s="424"/>
      <c r="OJS732" s="424"/>
      <c r="OJT732" s="424"/>
      <c r="OJU732" s="423" t="s">
        <v>2795</v>
      </c>
      <c r="OJV732" s="424"/>
      <c r="OJW732" s="424"/>
      <c r="OJX732" s="424"/>
      <c r="OJY732" s="423" t="s">
        <v>2795</v>
      </c>
      <c r="OJZ732" s="424"/>
      <c r="OKA732" s="424"/>
      <c r="OKB732" s="424"/>
      <c r="OKC732" s="423" t="s">
        <v>2795</v>
      </c>
      <c r="OKD732" s="424"/>
      <c r="OKE732" s="424"/>
      <c r="OKF732" s="424"/>
      <c r="OKG732" s="423" t="s">
        <v>2795</v>
      </c>
      <c r="OKH732" s="424"/>
      <c r="OKI732" s="424"/>
      <c r="OKJ732" s="424"/>
      <c r="OKK732" s="423" t="s">
        <v>2795</v>
      </c>
      <c r="OKL732" s="424"/>
      <c r="OKM732" s="424"/>
      <c r="OKN732" s="424"/>
      <c r="OKO732" s="423" t="s">
        <v>2795</v>
      </c>
      <c r="OKP732" s="424"/>
      <c r="OKQ732" s="424"/>
      <c r="OKR732" s="424"/>
      <c r="OKS732" s="423" t="s">
        <v>2795</v>
      </c>
      <c r="OKT732" s="424"/>
      <c r="OKU732" s="424"/>
      <c r="OKV732" s="424"/>
      <c r="OKW732" s="423" t="s">
        <v>2795</v>
      </c>
      <c r="OKX732" s="424"/>
      <c r="OKY732" s="424"/>
      <c r="OKZ732" s="424"/>
      <c r="OLA732" s="423" t="s">
        <v>2795</v>
      </c>
      <c r="OLB732" s="424"/>
      <c r="OLC732" s="424"/>
      <c r="OLD732" s="424"/>
      <c r="OLE732" s="423" t="s">
        <v>2795</v>
      </c>
      <c r="OLF732" s="424"/>
      <c r="OLG732" s="424"/>
      <c r="OLH732" s="424"/>
      <c r="OLI732" s="423" t="s">
        <v>2795</v>
      </c>
      <c r="OLJ732" s="424"/>
      <c r="OLK732" s="424"/>
      <c r="OLL732" s="424"/>
      <c r="OLM732" s="423" t="s">
        <v>2795</v>
      </c>
      <c r="OLN732" s="424"/>
      <c r="OLO732" s="424"/>
      <c r="OLP732" s="424"/>
      <c r="OLQ732" s="423" t="s">
        <v>2795</v>
      </c>
      <c r="OLR732" s="424"/>
      <c r="OLS732" s="424"/>
      <c r="OLT732" s="424"/>
      <c r="OLU732" s="423" t="s">
        <v>2795</v>
      </c>
      <c r="OLV732" s="424"/>
      <c r="OLW732" s="424"/>
      <c r="OLX732" s="424"/>
      <c r="OLY732" s="423" t="s">
        <v>2795</v>
      </c>
      <c r="OLZ732" s="424"/>
      <c r="OMA732" s="424"/>
      <c r="OMB732" s="424"/>
      <c r="OMC732" s="423" t="s">
        <v>2795</v>
      </c>
      <c r="OMD732" s="424"/>
      <c r="OME732" s="424"/>
      <c r="OMF732" s="424"/>
      <c r="OMG732" s="423" t="s">
        <v>2795</v>
      </c>
      <c r="OMH732" s="424"/>
      <c r="OMI732" s="424"/>
      <c r="OMJ732" s="424"/>
      <c r="OMK732" s="423" t="s">
        <v>2795</v>
      </c>
      <c r="OML732" s="424"/>
      <c r="OMM732" s="424"/>
      <c r="OMN732" s="424"/>
      <c r="OMO732" s="423" t="s">
        <v>2795</v>
      </c>
      <c r="OMP732" s="424"/>
      <c r="OMQ732" s="424"/>
      <c r="OMR732" s="424"/>
      <c r="OMS732" s="423" t="s">
        <v>2795</v>
      </c>
      <c r="OMT732" s="424"/>
      <c r="OMU732" s="424"/>
      <c r="OMV732" s="424"/>
      <c r="OMW732" s="423" t="s">
        <v>2795</v>
      </c>
      <c r="OMX732" s="424"/>
      <c r="OMY732" s="424"/>
      <c r="OMZ732" s="424"/>
      <c r="ONA732" s="423" t="s">
        <v>2795</v>
      </c>
      <c r="ONB732" s="424"/>
      <c r="ONC732" s="424"/>
      <c r="OND732" s="424"/>
      <c r="ONE732" s="423" t="s">
        <v>2795</v>
      </c>
      <c r="ONF732" s="424"/>
      <c r="ONG732" s="424"/>
      <c r="ONH732" s="424"/>
      <c r="ONI732" s="423" t="s">
        <v>2795</v>
      </c>
      <c r="ONJ732" s="424"/>
      <c r="ONK732" s="424"/>
      <c r="ONL732" s="424"/>
      <c r="ONM732" s="423" t="s">
        <v>2795</v>
      </c>
      <c r="ONN732" s="424"/>
      <c r="ONO732" s="424"/>
      <c r="ONP732" s="424"/>
      <c r="ONQ732" s="423" t="s">
        <v>2795</v>
      </c>
      <c r="ONR732" s="424"/>
      <c r="ONS732" s="424"/>
      <c r="ONT732" s="424"/>
      <c r="ONU732" s="423" t="s">
        <v>2795</v>
      </c>
      <c r="ONV732" s="424"/>
      <c r="ONW732" s="424"/>
      <c r="ONX732" s="424"/>
      <c r="ONY732" s="423" t="s">
        <v>2795</v>
      </c>
      <c r="ONZ732" s="424"/>
      <c r="OOA732" s="424"/>
      <c r="OOB732" s="424"/>
      <c r="OOC732" s="423" t="s">
        <v>2795</v>
      </c>
      <c r="OOD732" s="424"/>
      <c r="OOE732" s="424"/>
      <c r="OOF732" s="424"/>
      <c r="OOG732" s="423" t="s">
        <v>2795</v>
      </c>
      <c r="OOH732" s="424"/>
      <c r="OOI732" s="424"/>
      <c r="OOJ732" s="424"/>
      <c r="OOK732" s="423" t="s">
        <v>2795</v>
      </c>
      <c r="OOL732" s="424"/>
      <c r="OOM732" s="424"/>
      <c r="OON732" s="424"/>
      <c r="OOO732" s="423" t="s">
        <v>2795</v>
      </c>
      <c r="OOP732" s="424"/>
      <c r="OOQ732" s="424"/>
      <c r="OOR732" s="424"/>
      <c r="OOS732" s="423" t="s">
        <v>2795</v>
      </c>
      <c r="OOT732" s="424"/>
      <c r="OOU732" s="424"/>
      <c r="OOV732" s="424"/>
      <c r="OOW732" s="423" t="s">
        <v>2795</v>
      </c>
      <c r="OOX732" s="424"/>
      <c r="OOY732" s="424"/>
      <c r="OOZ732" s="424"/>
      <c r="OPA732" s="423" t="s">
        <v>2795</v>
      </c>
      <c r="OPB732" s="424"/>
      <c r="OPC732" s="424"/>
      <c r="OPD732" s="424"/>
      <c r="OPE732" s="423" t="s">
        <v>2795</v>
      </c>
      <c r="OPF732" s="424"/>
      <c r="OPG732" s="424"/>
      <c r="OPH732" s="424"/>
      <c r="OPI732" s="423" t="s">
        <v>2795</v>
      </c>
      <c r="OPJ732" s="424"/>
      <c r="OPK732" s="424"/>
      <c r="OPL732" s="424"/>
      <c r="OPM732" s="423" t="s">
        <v>2795</v>
      </c>
      <c r="OPN732" s="424"/>
      <c r="OPO732" s="424"/>
      <c r="OPP732" s="424"/>
      <c r="OPQ732" s="423" t="s">
        <v>2795</v>
      </c>
      <c r="OPR732" s="424"/>
      <c r="OPS732" s="424"/>
      <c r="OPT732" s="424"/>
      <c r="OPU732" s="423" t="s">
        <v>2795</v>
      </c>
      <c r="OPV732" s="424"/>
      <c r="OPW732" s="424"/>
      <c r="OPX732" s="424"/>
      <c r="OPY732" s="423" t="s">
        <v>2795</v>
      </c>
      <c r="OPZ732" s="424"/>
      <c r="OQA732" s="424"/>
      <c r="OQB732" s="424"/>
      <c r="OQC732" s="423" t="s">
        <v>2795</v>
      </c>
      <c r="OQD732" s="424"/>
      <c r="OQE732" s="424"/>
      <c r="OQF732" s="424"/>
      <c r="OQG732" s="423" t="s">
        <v>2795</v>
      </c>
      <c r="OQH732" s="424"/>
      <c r="OQI732" s="424"/>
      <c r="OQJ732" s="424"/>
      <c r="OQK732" s="423" t="s">
        <v>2795</v>
      </c>
      <c r="OQL732" s="424"/>
      <c r="OQM732" s="424"/>
      <c r="OQN732" s="424"/>
      <c r="OQO732" s="423" t="s">
        <v>2795</v>
      </c>
      <c r="OQP732" s="424"/>
      <c r="OQQ732" s="424"/>
      <c r="OQR732" s="424"/>
      <c r="OQS732" s="423" t="s">
        <v>2795</v>
      </c>
      <c r="OQT732" s="424"/>
      <c r="OQU732" s="424"/>
      <c r="OQV732" s="424"/>
      <c r="OQW732" s="423" t="s">
        <v>2795</v>
      </c>
      <c r="OQX732" s="424"/>
      <c r="OQY732" s="424"/>
      <c r="OQZ732" s="424"/>
      <c r="ORA732" s="423" t="s">
        <v>2795</v>
      </c>
      <c r="ORB732" s="424"/>
      <c r="ORC732" s="424"/>
      <c r="ORD732" s="424"/>
      <c r="ORE732" s="423" t="s">
        <v>2795</v>
      </c>
      <c r="ORF732" s="424"/>
      <c r="ORG732" s="424"/>
      <c r="ORH732" s="424"/>
      <c r="ORI732" s="423" t="s">
        <v>2795</v>
      </c>
      <c r="ORJ732" s="424"/>
      <c r="ORK732" s="424"/>
      <c r="ORL732" s="424"/>
      <c r="ORM732" s="423" t="s">
        <v>2795</v>
      </c>
      <c r="ORN732" s="424"/>
      <c r="ORO732" s="424"/>
      <c r="ORP732" s="424"/>
      <c r="ORQ732" s="423" t="s">
        <v>2795</v>
      </c>
      <c r="ORR732" s="424"/>
      <c r="ORS732" s="424"/>
      <c r="ORT732" s="424"/>
      <c r="ORU732" s="423" t="s">
        <v>2795</v>
      </c>
      <c r="ORV732" s="424"/>
      <c r="ORW732" s="424"/>
      <c r="ORX732" s="424"/>
      <c r="ORY732" s="423" t="s">
        <v>2795</v>
      </c>
      <c r="ORZ732" s="424"/>
      <c r="OSA732" s="424"/>
      <c r="OSB732" s="424"/>
      <c r="OSC732" s="423" t="s">
        <v>2795</v>
      </c>
      <c r="OSD732" s="424"/>
      <c r="OSE732" s="424"/>
      <c r="OSF732" s="424"/>
      <c r="OSG732" s="423" t="s">
        <v>2795</v>
      </c>
      <c r="OSH732" s="424"/>
      <c r="OSI732" s="424"/>
      <c r="OSJ732" s="424"/>
      <c r="OSK732" s="423" t="s">
        <v>2795</v>
      </c>
      <c r="OSL732" s="424"/>
      <c r="OSM732" s="424"/>
      <c r="OSN732" s="424"/>
      <c r="OSO732" s="423" t="s">
        <v>2795</v>
      </c>
      <c r="OSP732" s="424"/>
      <c r="OSQ732" s="424"/>
      <c r="OSR732" s="424"/>
      <c r="OSS732" s="423" t="s">
        <v>2795</v>
      </c>
      <c r="OST732" s="424"/>
      <c r="OSU732" s="424"/>
      <c r="OSV732" s="424"/>
      <c r="OSW732" s="423" t="s">
        <v>2795</v>
      </c>
      <c r="OSX732" s="424"/>
      <c r="OSY732" s="424"/>
      <c r="OSZ732" s="424"/>
      <c r="OTA732" s="423" t="s">
        <v>2795</v>
      </c>
      <c r="OTB732" s="424"/>
      <c r="OTC732" s="424"/>
      <c r="OTD732" s="424"/>
      <c r="OTE732" s="423" t="s">
        <v>2795</v>
      </c>
      <c r="OTF732" s="424"/>
      <c r="OTG732" s="424"/>
      <c r="OTH732" s="424"/>
      <c r="OTI732" s="423" t="s">
        <v>2795</v>
      </c>
      <c r="OTJ732" s="424"/>
      <c r="OTK732" s="424"/>
      <c r="OTL732" s="424"/>
      <c r="OTM732" s="423" t="s">
        <v>2795</v>
      </c>
      <c r="OTN732" s="424"/>
      <c r="OTO732" s="424"/>
      <c r="OTP732" s="424"/>
      <c r="OTQ732" s="423" t="s">
        <v>2795</v>
      </c>
      <c r="OTR732" s="424"/>
      <c r="OTS732" s="424"/>
      <c r="OTT732" s="424"/>
      <c r="OTU732" s="423" t="s">
        <v>2795</v>
      </c>
      <c r="OTV732" s="424"/>
      <c r="OTW732" s="424"/>
      <c r="OTX732" s="424"/>
      <c r="OTY732" s="423" t="s">
        <v>2795</v>
      </c>
      <c r="OTZ732" s="424"/>
      <c r="OUA732" s="424"/>
      <c r="OUB732" s="424"/>
      <c r="OUC732" s="423" t="s">
        <v>2795</v>
      </c>
      <c r="OUD732" s="424"/>
      <c r="OUE732" s="424"/>
      <c r="OUF732" s="424"/>
      <c r="OUG732" s="423" t="s">
        <v>2795</v>
      </c>
      <c r="OUH732" s="424"/>
      <c r="OUI732" s="424"/>
      <c r="OUJ732" s="424"/>
      <c r="OUK732" s="423" t="s">
        <v>2795</v>
      </c>
      <c r="OUL732" s="424"/>
      <c r="OUM732" s="424"/>
      <c r="OUN732" s="424"/>
      <c r="OUO732" s="423" t="s">
        <v>2795</v>
      </c>
      <c r="OUP732" s="424"/>
      <c r="OUQ732" s="424"/>
      <c r="OUR732" s="424"/>
      <c r="OUS732" s="423" t="s">
        <v>2795</v>
      </c>
      <c r="OUT732" s="424"/>
      <c r="OUU732" s="424"/>
      <c r="OUV732" s="424"/>
      <c r="OUW732" s="423" t="s">
        <v>2795</v>
      </c>
      <c r="OUX732" s="424"/>
      <c r="OUY732" s="424"/>
      <c r="OUZ732" s="424"/>
      <c r="OVA732" s="423" t="s">
        <v>2795</v>
      </c>
      <c r="OVB732" s="424"/>
      <c r="OVC732" s="424"/>
      <c r="OVD732" s="424"/>
      <c r="OVE732" s="423" t="s">
        <v>2795</v>
      </c>
      <c r="OVF732" s="424"/>
      <c r="OVG732" s="424"/>
      <c r="OVH732" s="424"/>
      <c r="OVI732" s="423" t="s">
        <v>2795</v>
      </c>
      <c r="OVJ732" s="424"/>
      <c r="OVK732" s="424"/>
      <c r="OVL732" s="424"/>
      <c r="OVM732" s="423" t="s">
        <v>2795</v>
      </c>
      <c r="OVN732" s="424"/>
      <c r="OVO732" s="424"/>
      <c r="OVP732" s="424"/>
      <c r="OVQ732" s="423" t="s">
        <v>2795</v>
      </c>
      <c r="OVR732" s="424"/>
      <c r="OVS732" s="424"/>
      <c r="OVT732" s="424"/>
      <c r="OVU732" s="423" t="s">
        <v>2795</v>
      </c>
      <c r="OVV732" s="424"/>
      <c r="OVW732" s="424"/>
      <c r="OVX732" s="424"/>
      <c r="OVY732" s="423" t="s">
        <v>2795</v>
      </c>
      <c r="OVZ732" s="424"/>
      <c r="OWA732" s="424"/>
      <c r="OWB732" s="424"/>
      <c r="OWC732" s="423" t="s">
        <v>2795</v>
      </c>
      <c r="OWD732" s="424"/>
      <c r="OWE732" s="424"/>
      <c r="OWF732" s="424"/>
      <c r="OWG732" s="423" t="s">
        <v>2795</v>
      </c>
      <c r="OWH732" s="424"/>
      <c r="OWI732" s="424"/>
      <c r="OWJ732" s="424"/>
      <c r="OWK732" s="423" t="s">
        <v>2795</v>
      </c>
      <c r="OWL732" s="424"/>
      <c r="OWM732" s="424"/>
      <c r="OWN732" s="424"/>
      <c r="OWO732" s="423" t="s">
        <v>2795</v>
      </c>
      <c r="OWP732" s="424"/>
      <c r="OWQ732" s="424"/>
      <c r="OWR732" s="424"/>
      <c r="OWS732" s="423" t="s">
        <v>2795</v>
      </c>
      <c r="OWT732" s="424"/>
      <c r="OWU732" s="424"/>
      <c r="OWV732" s="424"/>
      <c r="OWW732" s="423" t="s">
        <v>2795</v>
      </c>
      <c r="OWX732" s="424"/>
      <c r="OWY732" s="424"/>
      <c r="OWZ732" s="424"/>
      <c r="OXA732" s="423" t="s">
        <v>2795</v>
      </c>
      <c r="OXB732" s="424"/>
      <c r="OXC732" s="424"/>
      <c r="OXD732" s="424"/>
      <c r="OXE732" s="423" t="s">
        <v>2795</v>
      </c>
      <c r="OXF732" s="424"/>
      <c r="OXG732" s="424"/>
      <c r="OXH732" s="424"/>
      <c r="OXI732" s="423" t="s">
        <v>2795</v>
      </c>
      <c r="OXJ732" s="424"/>
      <c r="OXK732" s="424"/>
      <c r="OXL732" s="424"/>
      <c r="OXM732" s="423" t="s">
        <v>2795</v>
      </c>
      <c r="OXN732" s="424"/>
      <c r="OXO732" s="424"/>
      <c r="OXP732" s="424"/>
      <c r="OXQ732" s="423" t="s">
        <v>2795</v>
      </c>
      <c r="OXR732" s="424"/>
      <c r="OXS732" s="424"/>
      <c r="OXT732" s="424"/>
      <c r="OXU732" s="423" t="s">
        <v>2795</v>
      </c>
      <c r="OXV732" s="424"/>
      <c r="OXW732" s="424"/>
      <c r="OXX732" s="424"/>
      <c r="OXY732" s="423" t="s">
        <v>2795</v>
      </c>
      <c r="OXZ732" s="424"/>
      <c r="OYA732" s="424"/>
      <c r="OYB732" s="424"/>
      <c r="OYC732" s="423" t="s">
        <v>2795</v>
      </c>
      <c r="OYD732" s="424"/>
      <c r="OYE732" s="424"/>
      <c r="OYF732" s="424"/>
      <c r="OYG732" s="423" t="s">
        <v>2795</v>
      </c>
      <c r="OYH732" s="424"/>
      <c r="OYI732" s="424"/>
      <c r="OYJ732" s="424"/>
      <c r="OYK732" s="423" t="s">
        <v>2795</v>
      </c>
      <c r="OYL732" s="424"/>
      <c r="OYM732" s="424"/>
      <c r="OYN732" s="424"/>
      <c r="OYO732" s="423" t="s">
        <v>2795</v>
      </c>
      <c r="OYP732" s="424"/>
      <c r="OYQ732" s="424"/>
      <c r="OYR732" s="424"/>
      <c r="OYS732" s="423" t="s">
        <v>2795</v>
      </c>
      <c r="OYT732" s="424"/>
      <c r="OYU732" s="424"/>
      <c r="OYV732" s="424"/>
      <c r="OYW732" s="423" t="s">
        <v>2795</v>
      </c>
      <c r="OYX732" s="424"/>
      <c r="OYY732" s="424"/>
      <c r="OYZ732" s="424"/>
      <c r="OZA732" s="423" t="s">
        <v>2795</v>
      </c>
      <c r="OZB732" s="424"/>
      <c r="OZC732" s="424"/>
      <c r="OZD732" s="424"/>
      <c r="OZE732" s="423" t="s">
        <v>2795</v>
      </c>
      <c r="OZF732" s="424"/>
      <c r="OZG732" s="424"/>
      <c r="OZH732" s="424"/>
      <c r="OZI732" s="423" t="s">
        <v>2795</v>
      </c>
      <c r="OZJ732" s="424"/>
      <c r="OZK732" s="424"/>
      <c r="OZL732" s="424"/>
      <c r="OZM732" s="423" t="s">
        <v>2795</v>
      </c>
      <c r="OZN732" s="424"/>
      <c r="OZO732" s="424"/>
      <c r="OZP732" s="424"/>
      <c r="OZQ732" s="423" t="s">
        <v>2795</v>
      </c>
      <c r="OZR732" s="424"/>
      <c r="OZS732" s="424"/>
      <c r="OZT732" s="424"/>
      <c r="OZU732" s="423" t="s">
        <v>2795</v>
      </c>
      <c r="OZV732" s="424"/>
      <c r="OZW732" s="424"/>
      <c r="OZX732" s="424"/>
      <c r="OZY732" s="423" t="s">
        <v>2795</v>
      </c>
      <c r="OZZ732" s="424"/>
      <c r="PAA732" s="424"/>
      <c r="PAB732" s="424"/>
      <c r="PAC732" s="423" t="s">
        <v>2795</v>
      </c>
      <c r="PAD732" s="424"/>
      <c r="PAE732" s="424"/>
      <c r="PAF732" s="424"/>
      <c r="PAG732" s="423" t="s">
        <v>2795</v>
      </c>
      <c r="PAH732" s="424"/>
      <c r="PAI732" s="424"/>
      <c r="PAJ732" s="424"/>
      <c r="PAK732" s="423" t="s">
        <v>2795</v>
      </c>
      <c r="PAL732" s="424"/>
      <c r="PAM732" s="424"/>
      <c r="PAN732" s="424"/>
      <c r="PAO732" s="423" t="s">
        <v>2795</v>
      </c>
      <c r="PAP732" s="424"/>
      <c r="PAQ732" s="424"/>
      <c r="PAR732" s="424"/>
      <c r="PAS732" s="423" t="s">
        <v>2795</v>
      </c>
      <c r="PAT732" s="424"/>
      <c r="PAU732" s="424"/>
      <c r="PAV732" s="424"/>
      <c r="PAW732" s="423" t="s">
        <v>2795</v>
      </c>
      <c r="PAX732" s="424"/>
      <c r="PAY732" s="424"/>
      <c r="PAZ732" s="424"/>
      <c r="PBA732" s="423" t="s">
        <v>2795</v>
      </c>
      <c r="PBB732" s="424"/>
      <c r="PBC732" s="424"/>
      <c r="PBD732" s="424"/>
      <c r="PBE732" s="423" t="s">
        <v>2795</v>
      </c>
      <c r="PBF732" s="424"/>
      <c r="PBG732" s="424"/>
      <c r="PBH732" s="424"/>
      <c r="PBI732" s="423" t="s">
        <v>2795</v>
      </c>
      <c r="PBJ732" s="424"/>
      <c r="PBK732" s="424"/>
      <c r="PBL732" s="424"/>
      <c r="PBM732" s="423" t="s">
        <v>2795</v>
      </c>
      <c r="PBN732" s="424"/>
      <c r="PBO732" s="424"/>
      <c r="PBP732" s="424"/>
      <c r="PBQ732" s="423" t="s">
        <v>2795</v>
      </c>
      <c r="PBR732" s="424"/>
      <c r="PBS732" s="424"/>
      <c r="PBT732" s="424"/>
      <c r="PBU732" s="423" t="s">
        <v>2795</v>
      </c>
      <c r="PBV732" s="424"/>
      <c r="PBW732" s="424"/>
      <c r="PBX732" s="424"/>
      <c r="PBY732" s="423" t="s">
        <v>2795</v>
      </c>
      <c r="PBZ732" s="424"/>
      <c r="PCA732" s="424"/>
      <c r="PCB732" s="424"/>
      <c r="PCC732" s="423" t="s">
        <v>2795</v>
      </c>
      <c r="PCD732" s="424"/>
      <c r="PCE732" s="424"/>
      <c r="PCF732" s="424"/>
      <c r="PCG732" s="423" t="s">
        <v>2795</v>
      </c>
      <c r="PCH732" s="424"/>
      <c r="PCI732" s="424"/>
      <c r="PCJ732" s="424"/>
      <c r="PCK732" s="423" t="s">
        <v>2795</v>
      </c>
      <c r="PCL732" s="424"/>
      <c r="PCM732" s="424"/>
      <c r="PCN732" s="424"/>
      <c r="PCO732" s="423" t="s">
        <v>2795</v>
      </c>
      <c r="PCP732" s="424"/>
      <c r="PCQ732" s="424"/>
      <c r="PCR732" s="424"/>
      <c r="PCS732" s="423" t="s">
        <v>2795</v>
      </c>
      <c r="PCT732" s="424"/>
      <c r="PCU732" s="424"/>
      <c r="PCV732" s="424"/>
      <c r="PCW732" s="423" t="s">
        <v>2795</v>
      </c>
      <c r="PCX732" s="424"/>
      <c r="PCY732" s="424"/>
      <c r="PCZ732" s="424"/>
      <c r="PDA732" s="423" t="s">
        <v>2795</v>
      </c>
      <c r="PDB732" s="424"/>
      <c r="PDC732" s="424"/>
      <c r="PDD732" s="424"/>
      <c r="PDE732" s="423" t="s">
        <v>2795</v>
      </c>
      <c r="PDF732" s="424"/>
      <c r="PDG732" s="424"/>
      <c r="PDH732" s="424"/>
      <c r="PDI732" s="423" t="s">
        <v>2795</v>
      </c>
      <c r="PDJ732" s="424"/>
      <c r="PDK732" s="424"/>
      <c r="PDL732" s="424"/>
      <c r="PDM732" s="423" t="s">
        <v>2795</v>
      </c>
      <c r="PDN732" s="424"/>
      <c r="PDO732" s="424"/>
      <c r="PDP732" s="424"/>
      <c r="PDQ732" s="423" t="s">
        <v>2795</v>
      </c>
      <c r="PDR732" s="424"/>
      <c r="PDS732" s="424"/>
      <c r="PDT732" s="424"/>
      <c r="PDU732" s="423" t="s">
        <v>2795</v>
      </c>
      <c r="PDV732" s="424"/>
      <c r="PDW732" s="424"/>
      <c r="PDX732" s="424"/>
      <c r="PDY732" s="423" t="s">
        <v>2795</v>
      </c>
      <c r="PDZ732" s="424"/>
      <c r="PEA732" s="424"/>
      <c r="PEB732" s="424"/>
      <c r="PEC732" s="423" t="s">
        <v>2795</v>
      </c>
      <c r="PED732" s="424"/>
      <c r="PEE732" s="424"/>
      <c r="PEF732" s="424"/>
      <c r="PEG732" s="423" t="s">
        <v>2795</v>
      </c>
      <c r="PEH732" s="424"/>
      <c r="PEI732" s="424"/>
      <c r="PEJ732" s="424"/>
      <c r="PEK732" s="423" t="s">
        <v>2795</v>
      </c>
      <c r="PEL732" s="424"/>
      <c r="PEM732" s="424"/>
      <c r="PEN732" s="424"/>
      <c r="PEO732" s="423" t="s">
        <v>2795</v>
      </c>
      <c r="PEP732" s="424"/>
      <c r="PEQ732" s="424"/>
      <c r="PER732" s="424"/>
      <c r="PES732" s="423" t="s">
        <v>2795</v>
      </c>
      <c r="PET732" s="424"/>
      <c r="PEU732" s="424"/>
      <c r="PEV732" s="424"/>
      <c r="PEW732" s="423" t="s">
        <v>2795</v>
      </c>
      <c r="PEX732" s="424"/>
      <c r="PEY732" s="424"/>
      <c r="PEZ732" s="424"/>
      <c r="PFA732" s="423" t="s">
        <v>2795</v>
      </c>
      <c r="PFB732" s="424"/>
      <c r="PFC732" s="424"/>
      <c r="PFD732" s="424"/>
      <c r="PFE732" s="423" t="s">
        <v>2795</v>
      </c>
      <c r="PFF732" s="424"/>
      <c r="PFG732" s="424"/>
      <c r="PFH732" s="424"/>
      <c r="PFI732" s="423" t="s">
        <v>2795</v>
      </c>
      <c r="PFJ732" s="424"/>
      <c r="PFK732" s="424"/>
      <c r="PFL732" s="424"/>
      <c r="PFM732" s="423" t="s">
        <v>2795</v>
      </c>
      <c r="PFN732" s="424"/>
      <c r="PFO732" s="424"/>
      <c r="PFP732" s="424"/>
      <c r="PFQ732" s="423" t="s">
        <v>2795</v>
      </c>
      <c r="PFR732" s="424"/>
      <c r="PFS732" s="424"/>
      <c r="PFT732" s="424"/>
      <c r="PFU732" s="423" t="s">
        <v>2795</v>
      </c>
      <c r="PFV732" s="424"/>
      <c r="PFW732" s="424"/>
      <c r="PFX732" s="424"/>
      <c r="PFY732" s="423" t="s">
        <v>2795</v>
      </c>
      <c r="PFZ732" s="424"/>
      <c r="PGA732" s="424"/>
      <c r="PGB732" s="424"/>
      <c r="PGC732" s="423" t="s">
        <v>2795</v>
      </c>
      <c r="PGD732" s="424"/>
      <c r="PGE732" s="424"/>
      <c r="PGF732" s="424"/>
      <c r="PGG732" s="423" t="s">
        <v>2795</v>
      </c>
      <c r="PGH732" s="424"/>
      <c r="PGI732" s="424"/>
      <c r="PGJ732" s="424"/>
      <c r="PGK732" s="423" t="s">
        <v>2795</v>
      </c>
      <c r="PGL732" s="424"/>
      <c r="PGM732" s="424"/>
      <c r="PGN732" s="424"/>
      <c r="PGO732" s="423" t="s">
        <v>2795</v>
      </c>
      <c r="PGP732" s="424"/>
      <c r="PGQ732" s="424"/>
      <c r="PGR732" s="424"/>
      <c r="PGS732" s="423" t="s">
        <v>2795</v>
      </c>
      <c r="PGT732" s="424"/>
      <c r="PGU732" s="424"/>
      <c r="PGV732" s="424"/>
      <c r="PGW732" s="423" t="s">
        <v>2795</v>
      </c>
      <c r="PGX732" s="424"/>
      <c r="PGY732" s="424"/>
      <c r="PGZ732" s="424"/>
      <c r="PHA732" s="423" t="s">
        <v>2795</v>
      </c>
      <c r="PHB732" s="424"/>
      <c r="PHC732" s="424"/>
      <c r="PHD732" s="424"/>
      <c r="PHE732" s="423" t="s">
        <v>2795</v>
      </c>
      <c r="PHF732" s="424"/>
      <c r="PHG732" s="424"/>
      <c r="PHH732" s="424"/>
      <c r="PHI732" s="423" t="s">
        <v>2795</v>
      </c>
      <c r="PHJ732" s="424"/>
      <c r="PHK732" s="424"/>
      <c r="PHL732" s="424"/>
      <c r="PHM732" s="423" t="s">
        <v>2795</v>
      </c>
      <c r="PHN732" s="424"/>
      <c r="PHO732" s="424"/>
      <c r="PHP732" s="424"/>
      <c r="PHQ732" s="423" t="s">
        <v>2795</v>
      </c>
      <c r="PHR732" s="424"/>
      <c r="PHS732" s="424"/>
      <c r="PHT732" s="424"/>
      <c r="PHU732" s="423" t="s">
        <v>2795</v>
      </c>
      <c r="PHV732" s="424"/>
      <c r="PHW732" s="424"/>
      <c r="PHX732" s="424"/>
      <c r="PHY732" s="423" t="s">
        <v>2795</v>
      </c>
      <c r="PHZ732" s="424"/>
      <c r="PIA732" s="424"/>
      <c r="PIB732" s="424"/>
      <c r="PIC732" s="423" t="s">
        <v>2795</v>
      </c>
      <c r="PID732" s="424"/>
      <c r="PIE732" s="424"/>
      <c r="PIF732" s="424"/>
      <c r="PIG732" s="423" t="s">
        <v>2795</v>
      </c>
      <c r="PIH732" s="424"/>
      <c r="PII732" s="424"/>
      <c r="PIJ732" s="424"/>
      <c r="PIK732" s="423" t="s">
        <v>2795</v>
      </c>
      <c r="PIL732" s="424"/>
      <c r="PIM732" s="424"/>
      <c r="PIN732" s="424"/>
      <c r="PIO732" s="423" t="s">
        <v>2795</v>
      </c>
      <c r="PIP732" s="424"/>
      <c r="PIQ732" s="424"/>
      <c r="PIR732" s="424"/>
      <c r="PIS732" s="423" t="s">
        <v>2795</v>
      </c>
      <c r="PIT732" s="424"/>
      <c r="PIU732" s="424"/>
      <c r="PIV732" s="424"/>
      <c r="PIW732" s="423" t="s">
        <v>2795</v>
      </c>
      <c r="PIX732" s="424"/>
      <c r="PIY732" s="424"/>
      <c r="PIZ732" s="424"/>
      <c r="PJA732" s="423" t="s">
        <v>2795</v>
      </c>
      <c r="PJB732" s="424"/>
      <c r="PJC732" s="424"/>
      <c r="PJD732" s="424"/>
      <c r="PJE732" s="423" t="s">
        <v>2795</v>
      </c>
      <c r="PJF732" s="424"/>
      <c r="PJG732" s="424"/>
      <c r="PJH732" s="424"/>
      <c r="PJI732" s="423" t="s">
        <v>2795</v>
      </c>
      <c r="PJJ732" s="424"/>
      <c r="PJK732" s="424"/>
      <c r="PJL732" s="424"/>
      <c r="PJM732" s="423" t="s">
        <v>2795</v>
      </c>
      <c r="PJN732" s="424"/>
      <c r="PJO732" s="424"/>
      <c r="PJP732" s="424"/>
      <c r="PJQ732" s="423" t="s">
        <v>2795</v>
      </c>
      <c r="PJR732" s="424"/>
      <c r="PJS732" s="424"/>
      <c r="PJT732" s="424"/>
      <c r="PJU732" s="423" t="s">
        <v>2795</v>
      </c>
      <c r="PJV732" s="424"/>
      <c r="PJW732" s="424"/>
      <c r="PJX732" s="424"/>
      <c r="PJY732" s="423" t="s">
        <v>2795</v>
      </c>
      <c r="PJZ732" s="424"/>
      <c r="PKA732" s="424"/>
      <c r="PKB732" s="424"/>
      <c r="PKC732" s="423" t="s">
        <v>2795</v>
      </c>
      <c r="PKD732" s="424"/>
      <c r="PKE732" s="424"/>
      <c r="PKF732" s="424"/>
      <c r="PKG732" s="423" t="s">
        <v>2795</v>
      </c>
      <c r="PKH732" s="424"/>
      <c r="PKI732" s="424"/>
      <c r="PKJ732" s="424"/>
      <c r="PKK732" s="423" t="s">
        <v>2795</v>
      </c>
      <c r="PKL732" s="424"/>
      <c r="PKM732" s="424"/>
      <c r="PKN732" s="424"/>
      <c r="PKO732" s="423" t="s">
        <v>2795</v>
      </c>
      <c r="PKP732" s="424"/>
      <c r="PKQ732" s="424"/>
      <c r="PKR732" s="424"/>
      <c r="PKS732" s="423" t="s">
        <v>2795</v>
      </c>
      <c r="PKT732" s="424"/>
      <c r="PKU732" s="424"/>
      <c r="PKV732" s="424"/>
      <c r="PKW732" s="423" t="s">
        <v>2795</v>
      </c>
      <c r="PKX732" s="424"/>
      <c r="PKY732" s="424"/>
      <c r="PKZ732" s="424"/>
      <c r="PLA732" s="423" t="s">
        <v>2795</v>
      </c>
      <c r="PLB732" s="424"/>
      <c r="PLC732" s="424"/>
      <c r="PLD732" s="424"/>
      <c r="PLE732" s="423" t="s">
        <v>2795</v>
      </c>
      <c r="PLF732" s="424"/>
      <c r="PLG732" s="424"/>
      <c r="PLH732" s="424"/>
      <c r="PLI732" s="423" t="s">
        <v>2795</v>
      </c>
      <c r="PLJ732" s="424"/>
      <c r="PLK732" s="424"/>
      <c r="PLL732" s="424"/>
      <c r="PLM732" s="423" t="s">
        <v>2795</v>
      </c>
      <c r="PLN732" s="424"/>
      <c r="PLO732" s="424"/>
      <c r="PLP732" s="424"/>
      <c r="PLQ732" s="423" t="s">
        <v>2795</v>
      </c>
      <c r="PLR732" s="424"/>
      <c r="PLS732" s="424"/>
      <c r="PLT732" s="424"/>
      <c r="PLU732" s="423" t="s">
        <v>2795</v>
      </c>
      <c r="PLV732" s="424"/>
      <c r="PLW732" s="424"/>
      <c r="PLX732" s="424"/>
      <c r="PLY732" s="423" t="s">
        <v>2795</v>
      </c>
      <c r="PLZ732" s="424"/>
      <c r="PMA732" s="424"/>
      <c r="PMB732" s="424"/>
      <c r="PMC732" s="423" t="s">
        <v>2795</v>
      </c>
      <c r="PMD732" s="424"/>
      <c r="PME732" s="424"/>
      <c r="PMF732" s="424"/>
      <c r="PMG732" s="423" t="s">
        <v>2795</v>
      </c>
      <c r="PMH732" s="424"/>
      <c r="PMI732" s="424"/>
      <c r="PMJ732" s="424"/>
      <c r="PMK732" s="423" t="s">
        <v>2795</v>
      </c>
      <c r="PML732" s="424"/>
      <c r="PMM732" s="424"/>
      <c r="PMN732" s="424"/>
      <c r="PMO732" s="423" t="s">
        <v>2795</v>
      </c>
      <c r="PMP732" s="424"/>
      <c r="PMQ732" s="424"/>
      <c r="PMR732" s="424"/>
      <c r="PMS732" s="423" t="s">
        <v>2795</v>
      </c>
      <c r="PMT732" s="424"/>
      <c r="PMU732" s="424"/>
      <c r="PMV732" s="424"/>
      <c r="PMW732" s="423" t="s">
        <v>2795</v>
      </c>
      <c r="PMX732" s="424"/>
      <c r="PMY732" s="424"/>
      <c r="PMZ732" s="424"/>
      <c r="PNA732" s="423" t="s">
        <v>2795</v>
      </c>
      <c r="PNB732" s="424"/>
      <c r="PNC732" s="424"/>
      <c r="PND732" s="424"/>
      <c r="PNE732" s="423" t="s">
        <v>2795</v>
      </c>
      <c r="PNF732" s="424"/>
      <c r="PNG732" s="424"/>
      <c r="PNH732" s="424"/>
      <c r="PNI732" s="423" t="s">
        <v>2795</v>
      </c>
      <c r="PNJ732" s="424"/>
      <c r="PNK732" s="424"/>
      <c r="PNL732" s="424"/>
      <c r="PNM732" s="423" t="s">
        <v>2795</v>
      </c>
      <c r="PNN732" s="424"/>
      <c r="PNO732" s="424"/>
      <c r="PNP732" s="424"/>
      <c r="PNQ732" s="423" t="s">
        <v>2795</v>
      </c>
      <c r="PNR732" s="424"/>
      <c r="PNS732" s="424"/>
      <c r="PNT732" s="424"/>
      <c r="PNU732" s="423" t="s">
        <v>2795</v>
      </c>
      <c r="PNV732" s="424"/>
      <c r="PNW732" s="424"/>
      <c r="PNX732" s="424"/>
      <c r="PNY732" s="423" t="s">
        <v>2795</v>
      </c>
      <c r="PNZ732" s="424"/>
      <c r="POA732" s="424"/>
      <c r="POB732" s="424"/>
      <c r="POC732" s="423" t="s">
        <v>2795</v>
      </c>
      <c r="POD732" s="424"/>
      <c r="POE732" s="424"/>
      <c r="POF732" s="424"/>
      <c r="POG732" s="423" t="s">
        <v>2795</v>
      </c>
      <c r="POH732" s="424"/>
      <c r="POI732" s="424"/>
      <c r="POJ732" s="424"/>
      <c r="POK732" s="423" t="s">
        <v>2795</v>
      </c>
      <c r="POL732" s="424"/>
      <c r="POM732" s="424"/>
      <c r="PON732" s="424"/>
      <c r="POO732" s="423" t="s">
        <v>2795</v>
      </c>
      <c r="POP732" s="424"/>
      <c r="POQ732" s="424"/>
      <c r="POR732" s="424"/>
      <c r="POS732" s="423" t="s">
        <v>2795</v>
      </c>
      <c r="POT732" s="424"/>
      <c r="POU732" s="424"/>
      <c r="POV732" s="424"/>
      <c r="POW732" s="423" t="s">
        <v>2795</v>
      </c>
      <c r="POX732" s="424"/>
      <c r="POY732" s="424"/>
      <c r="POZ732" s="424"/>
      <c r="PPA732" s="423" t="s">
        <v>2795</v>
      </c>
      <c r="PPB732" s="424"/>
      <c r="PPC732" s="424"/>
      <c r="PPD732" s="424"/>
      <c r="PPE732" s="423" t="s">
        <v>2795</v>
      </c>
      <c r="PPF732" s="424"/>
      <c r="PPG732" s="424"/>
      <c r="PPH732" s="424"/>
      <c r="PPI732" s="423" t="s">
        <v>2795</v>
      </c>
      <c r="PPJ732" s="424"/>
      <c r="PPK732" s="424"/>
      <c r="PPL732" s="424"/>
      <c r="PPM732" s="423" t="s">
        <v>2795</v>
      </c>
      <c r="PPN732" s="424"/>
      <c r="PPO732" s="424"/>
      <c r="PPP732" s="424"/>
      <c r="PPQ732" s="423" t="s">
        <v>2795</v>
      </c>
      <c r="PPR732" s="424"/>
      <c r="PPS732" s="424"/>
      <c r="PPT732" s="424"/>
      <c r="PPU732" s="423" t="s">
        <v>2795</v>
      </c>
      <c r="PPV732" s="424"/>
      <c r="PPW732" s="424"/>
      <c r="PPX732" s="424"/>
      <c r="PPY732" s="423" t="s">
        <v>2795</v>
      </c>
      <c r="PPZ732" s="424"/>
      <c r="PQA732" s="424"/>
      <c r="PQB732" s="424"/>
      <c r="PQC732" s="423" t="s">
        <v>2795</v>
      </c>
      <c r="PQD732" s="424"/>
      <c r="PQE732" s="424"/>
      <c r="PQF732" s="424"/>
      <c r="PQG732" s="423" t="s">
        <v>2795</v>
      </c>
      <c r="PQH732" s="424"/>
      <c r="PQI732" s="424"/>
      <c r="PQJ732" s="424"/>
      <c r="PQK732" s="423" t="s">
        <v>2795</v>
      </c>
      <c r="PQL732" s="424"/>
      <c r="PQM732" s="424"/>
      <c r="PQN732" s="424"/>
      <c r="PQO732" s="423" t="s">
        <v>2795</v>
      </c>
      <c r="PQP732" s="424"/>
      <c r="PQQ732" s="424"/>
      <c r="PQR732" s="424"/>
      <c r="PQS732" s="423" t="s">
        <v>2795</v>
      </c>
      <c r="PQT732" s="424"/>
      <c r="PQU732" s="424"/>
      <c r="PQV732" s="424"/>
      <c r="PQW732" s="423" t="s">
        <v>2795</v>
      </c>
      <c r="PQX732" s="424"/>
      <c r="PQY732" s="424"/>
      <c r="PQZ732" s="424"/>
      <c r="PRA732" s="423" t="s">
        <v>2795</v>
      </c>
      <c r="PRB732" s="424"/>
      <c r="PRC732" s="424"/>
      <c r="PRD732" s="424"/>
      <c r="PRE732" s="423" t="s">
        <v>2795</v>
      </c>
      <c r="PRF732" s="424"/>
      <c r="PRG732" s="424"/>
      <c r="PRH732" s="424"/>
      <c r="PRI732" s="423" t="s">
        <v>2795</v>
      </c>
      <c r="PRJ732" s="424"/>
      <c r="PRK732" s="424"/>
      <c r="PRL732" s="424"/>
      <c r="PRM732" s="423" t="s">
        <v>2795</v>
      </c>
      <c r="PRN732" s="424"/>
      <c r="PRO732" s="424"/>
      <c r="PRP732" s="424"/>
      <c r="PRQ732" s="423" t="s">
        <v>2795</v>
      </c>
      <c r="PRR732" s="424"/>
      <c r="PRS732" s="424"/>
      <c r="PRT732" s="424"/>
      <c r="PRU732" s="423" t="s">
        <v>2795</v>
      </c>
      <c r="PRV732" s="424"/>
      <c r="PRW732" s="424"/>
      <c r="PRX732" s="424"/>
      <c r="PRY732" s="423" t="s">
        <v>2795</v>
      </c>
      <c r="PRZ732" s="424"/>
      <c r="PSA732" s="424"/>
      <c r="PSB732" s="424"/>
      <c r="PSC732" s="423" t="s">
        <v>2795</v>
      </c>
      <c r="PSD732" s="424"/>
      <c r="PSE732" s="424"/>
      <c r="PSF732" s="424"/>
      <c r="PSG732" s="423" t="s">
        <v>2795</v>
      </c>
      <c r="PSH732" s="424"/>
      <c r="PSI732" s="424"/>
      <c r="PSJ732" s="424"/>
      <c r="PSK732" s="423" t="s">
        <v>2795</v>
      </c>
      <c r="PSL732" s="424"/>
      <c r="PSM732" s="424"/>
      <c r="PSN732" s="424"/>
      <c r="PSO732" s="423" t="s">
        <v>2795</v>
      </c>
      <c r="PSP732" s="424"/>
      <c r="PSQ732" s="424"/>
      <c r="PSR732" s="424"/>
      <c r="PSS732" s="423" t="s">
        <v>2795</v>
      </c>
      <c r="PST732" s="424"/>
      <c r="PSU732" s="424"/>
      <c r="PSV732" s="424"/>
      <c r="PSW732" s="423" t="s">
        <v>2795</v>
      </c>
      <c r="PSX732" s="424"/>
      <c r="PSY732" s="424"/>
      <c r="PSZ732" s="424"/>
      <c r="PTA732" s="423" t="s">
        <v>2795</v>
      </c>
      <c r="PTB732" s="424"/>
      <c r="PTC732" s="424"/>
      <c r="PTD732" s="424"/>
      <c r="PTE732" s="423" t="s">
        <v>2795</v>
      </c>
      <c r="PTF732" s="424"/>
      <c r="PTG732" s="424"/>
      <c r="PTH732" s="424"/>
      <c r="PTI732" s="423" t="s">
        <v>2795</v>
      </c>
      <c r="PTJ732" s="424"/>
      <c r="PTK732" s="424"/>
      <c r="PTL732" s="424"/>
      <c r="PTM732" s="423" t="s">
        <v>2795</v>
      </c>
      <c r="PTN732" s="424"/>
      <c r="PTO732" s="424"/>
      <c r="PTP732" s="424"/>
      <c r="PTQ732" s="423" t="s">
        <v>2795</v>
      </c>
      <c r="PTR732" s="424"/>
      <c r="PTS732" s="424"/>
      <c r="PTT732" s="424"/>
      <c r="PTU732" s="423" t="s">
        <v>2795</v>
      </c>
      <c r="PTV732" s="424"/>
      <c r="PTW732" s="424"/>
      <c r="PTX732" s="424"/>
      <c r="PTY732" s="423" t="s">
        <v>2795</v>
      </c>
      <c r="PTZ732" s="424"/>
      <c r="PUA732" s="424"/>
      <c r="PUB732" s="424"/>
      <c r="PUC732" s="423" t="s">
        <v>2795</v>
      </c>
      <c r="PUD732" s="424"/>
      <c r="PUE732" s="424"/>
      <c r="PUF732" s="424"/>
      <c r="PUG732" s="423" t="s">
        <v>2795</v>
      </c>
      <c r="PUH732" s="424"/>
      <c r="PUI732" s="424"/>
      <c r="PUJ732" s="424"/>
      <c r="PUK732" s="423" t="s">
        <v>2795</v>
      </c>
      <c r="PUL732" s="424"/>
      <c r="PUM732" s="424"/>
      <c r="PUN732" s="424"/>
      <c r="PUO732" s="423" t="s">
        <v>2795</v>
      </c>
      <c r="PUP732" s="424"/>
      <c r="PUQ732" s="424"/>
      <c r="PUR732" s="424"/>
      <c r="PUS732" s="423" t="s">
        <v>2795</v>
      </c>
      <c r="PUT732" s="424"/>
      <c r="PUU732" s="424"/>
      <c r="PUV732" s="424"/>
      <c r="PUW732" s="423" t="s">
        <v>2795</v>
      </c>
      <c r="PUX732" s="424"/>
      <c r="PUY732" s="424"/>
      <c r="PUZ732" s="424"/>
      <c r="PVA732" s="423" t="s">
        <v>2795</v>
      </c>
      <c r="PVB732" s="424"/>
      <c r="PVC732" s="424"/>
      <c r="PVD732" s="424"/>
      <c r="PVE732" s="423" t="s">
        <v>2795</v>
      </c>
      <c r="PVF732" s="424"/>
      <c r="PVG732" s="424"/>
      <c r="PVH732" s="424"/>
      <c r="PVI732" s="423" t="s">
        <v>2795</v>
      </c>
      <c r="PVJ732" s="424"/>
      <c r="PVK732" s="424"/>
      <c r="PVL732" s="424"/>
      <c r="PVM732" s="423" t="s">
        <v>2795</v>
      </c>
      <c r="PVN732" s="424"/>
      <c r="PVO732" s="424"/>
      <c r="PVP732" s="424"/>
      <c r="PVQ732" s="423" t="s">
        <v>2795</v>
      </c>
      <c r="PVR732" s="424"/>
      <c r="PVS732" s="424"/>
      <c r="PVT732" s="424"/>
      <c r="PVU732" s="423" t="s">
        <v>2795</v>
      </c>
      <c r="PVV732" s="424"/>
      <c r="PVW732" s="424"/>
      <c r="PVX732" s="424"/>
      <c r="PVY732" s="423" t="s">
        <v>2795</v>
      </c>
      <c r="PVZ732" s="424"/>
      <c r="PWA732" s="424"/>
      <c r="PWB732" s="424"/>
      <c r="PWC732" s="423" t="s">
        <v>2795</v>
      </c>
      <c r="PWD732" s="424"/>
      <c r="PWE732" s="424"/>
      <c r="PWF732" s="424"/>
      <c r="PWG732" s="423" t="s">
        <v>2795</v>
      </c>
      <c r="PWH732" s="424"/>
      <c r="PWI732" s="424"/>
      <c r="PWJ732" s="424"/>
      <c r="PWK732" s="423" t="s">
        <v>2795</v>
      </c>
      <c r="PWL732" s="424"/>
      <c r="PWM732" s="424"/>
      <c r="PWN732" s="424"/>
      <c r="PWO732" s="423" t="s">
        <v>2795</v>
      </c>
      <c r="PWP732" s="424"/>
      <c r="PWQ732" s="424"/>
      <c r="PWR732" s="424"/>
      <c r="PWS732" s="423" t="s">
        <v>2795</v>
      </c>
      <c r="PWT732" s="424"/>
      <c r="PWU732" s="424"/>
      <c r="PWV732" s="424"/>
      <c r="PWW732" s="423" t="s">
        <v>2795</v>
      </c>
      <c r="PWX732" s="424"/>
      <c r="PWY732" s="424"/>
      <c r="PWZ732" s="424"/>
      <c r="PXA732" s="423" t="s">
        <v>2795</v>
      </c>
      <c r="PXB732" s="424"/>
      <c r="PXC732" s="424"/>
      <c r="PXD732" s="424"/>
      <c r="PXE732" s="423" t="s">
        <v>2795</v>
      </c>
      <c r="PXF732" s="424"/>
      <c r="PXG732" s="424"/>
      <c r="PXH732" s="424"/>
      <c r="PXI732" s="423" t="s">
        <v>2795</v>
      </c>
      <c r="PXJ732" s="424"/>
      <c r="PXK732" s="424"/>
      <c r="PXL732" s="424"/>
      <c r="PXM732" s="423" t="s">
        <v>2795</v>
      </c>
      <c r="PXN732" s="424"/>
      <c r="PXO732" s="424"/>
      <c r="PXP732" s="424"/>
      <c r="PXQ732" s="423" t="s">
        <v>2795</v>
      </c>
      <c r="PXR732" s="424"/>
      <c r="PXS732" s="424"/>
      <c r="PXT732" s="424"/>
      <c r="PXU732" s="423" t="s">
        <v>2795</v>
      </c>
      <c r="PXV732" s="424"/>
      <c r="PXW732" s="424"/>
      <c r="PXX732" s="424"/>
      <c r="PXY732" s="423" t="s">
        <v>2795</v>
      </c>
      <c r="PXZ732" s="424"/>
      <c r="PYA732" s="424"/>
      <c r="PYB732" s="424"/>
      <c r="PYC732" s="423" t="s">
        <v>2795</v>
      </c>
      <c r="PYD732" s="424"/>
      <c r="PYE732" s="424"/>
      <c r="PYF732" s="424"/>
      <c r="PYG732" s="423" t="s">
        <v>2795</v>
      </c>
      <c r="PYH732" s="424"/>
      <c r="PYI732" s="424"/>
      <c r="PYJ732" s="424"/>
      <c r="PYK732" s="423" t="s">
        <v>2795</v>
      </c>
      <c r="PYL732" s="424"/>
      <c r="PYM732" s="424"/>
      <c r="PYN732" s="424"/>
      <c r="PYO732" s="423" t="s">
        <v>2795</v>
      </c>
      <c r="PYP732" s="424"/>
      <c r="PYQ732" s="424"/>
      <c r="PYR732" s="424"/>
      <c r="PYS732" s="423" t="s">
        <v>2795</v>
      </c>
      <c r="PYT732" s="424"/>
      <c r="PYU732" s="424"/>
      <c r="PYV732" s="424"/>
      <c r="PYW732" s="423" t="s">
        <v>2795</v>
      </c>
      <c r="PYX732" s="424"/>
      <c r="PYY732" s="424"/>
      <c r="PYZ732" s="424"/>
      <c r="PZA732" s="423" t="s">
        <v>2795</v>
      </c>
      <c r="PZB732" s="424"/>
      <c r="PZC732" s="424"/>
      <c r="PZD732" s="424"/>
      <c r="PZE732" s="423" t="s">
        <v>2795</v>
      </c>
      <c r="PZF732" s="424"/>
      <c r="PZG732" s="424"/>
      <c r="PZH732" s="424"/>
      <c r="PZI732" s="423" t="s">
        <v>2795</v>
      </c>
      <c r="PZJ732" s="424"/>
      <c r="PZK732" s="424"/>
      <c r="PZL732" s="424"/>
      <c r="PZM732" s="423" t="s">
        <v>2795</v>
      </c>
      <c r="PZN732" s="424"/>
      <c r="PZO732" s="424"/>
      <c r="PZP732" s="424"/>
      <c r="PZQ732" s="423" t="s">
        <v>2795</v>
      </c>
      <c r="PZR732" s="424"/>
      <c r="PZS732" s="424"/>
      <c r="PZT732" s="424"/>
      <c r="PZU732" s="423" t="s">
        <v>2795</v>
      </c>
      <c r="PZV732" s="424"/>
      <c r="PZW732" s="424"/>
      <c r="PZX732" s="424"/>
      <c r="PZY732" s="423" t="s">
        <v>2795</v>
      </c>
      <c r="PZZ732" s="424"/>
      <c r="QAA732" s="424"/>
      <c r="QAB732" s="424"/>
      <c r="QAC732" s="423" t="s">
        <v>2795</v>
      </c>
      <c r="QAD732" s="424"/>
      <c r="QAE732" s="424"/>
      <c r="QAF732" s="424"/>
      <c r="QAG732" s="423" t="s">
        <v>2795</v>
      </c>
      <c r="QAH732" s="424"/>
      <c r="QAI732" s="424"/>
      <c r="QAJ732" s="424"/>
      <c r="QAK732" s="423" t="s">
        <v>2795</v>
      </c>
      <c r="QAL732" s="424"/>
      <c r="QAM732" s="424"/>
      <c r="QAN732" s="424"/>
      <c r="QAO732" s="423" t="s">
        <v>2795</v>
      </c>
      <c r="QAP732" s="424"/>
      <c r="QAQ732" s="424"/>
      <c r="QAR732" s="424"/>
      <c r="QAS732" s="423" t="s">
        <v>2795</v>
      </c>
      <c r="QAT732" s="424"/>
      <c r="QAU732" s="424"/>
      <c r="QAV732" s="424"/>
      <c r="QAW732" s="423" t="s">
        <v>2795</v>
      </c>
      <c r="QAX732" s="424"/>
      <c r="QAY732" s="424"/>
      <c r="QAZ732" s="424"/>
      <c r="QBA732" s="423" t="s">
        <v>2795</v>
      </c>
      <c r="QBB732" s="424"/>
      <c r="QBC732" s="424"/>
      <c r="QBD732" s="424"/>
      <c r="QBE732" s="423" t="s">
        <v>2795</v>
      </c>
      <c r="QBF732" s="424"/>
      <c r="QBG732" s="424"/>
      <c r="QBH732" s="424"/>
      <c r="QBI732" s="423" t="s">
        <v>2795</v>
      </c>
      <c r="QBJ732" s="424"/>
      <c r="QBK732" s="424"/>
      <c r="QBL732" s="424"/>
      <c r="QBM732" s="423" t="s">
        <v>2795</v>
      </c>
      <c r="QBN732" s="424"/>
      <c r="QBO732" s="424"/>
      <c r="QBP732" s="424"/>
      <c r="QBQ732" s="423" t="s">
        <v>2795</v>
      </c>
      <c r="QBR732" s="424"/>
      <c r="QBS732" s="424"/>
      <c r="QBT732" s="424"/>
      <c r="QBU732" s="423" t="s">
        <v>2795</v>
      </c>
      <c r="QBV732" s="424"/>
      <c r="QBW732" s="424"/>
      <c r="QBX732" s="424"/>
      <c r="QBY732" s="423" t="s">
        <v>2795</v>
      </c>
      <c r="QBZ732" s="424"/>
      <c r="QCA732" s="424"/>
      <c r="QCB732" s="424"/>
      <c r="QCC732" s="423" t="s">
        <v>2795</v>
      </c>
      <c r="QCD732" s="424"/>
      <c r="QCE732" s="424"/>
      <c r="QCF732" s="424"/>
      <c r="QCG732" s="423" t="s">
        <v>2795</v>
      </c>
      <c r="QCH732" s="424"/>
      <c r="QCI732" s="424"/>
      <c r="QCJ732" s="424"/>
      <c r="QCK732" s="423" t="s">
        <v>2795</v>
      </c>
      <c r="QCL732" s="424"/>
      <c r="QCM732" s="424"/>
      <c r="QCN732" s="424"/>
      <c r="QCO732" s="423" t="s">
        <v>2795</v>
      </c>
      <c r="QCP732" s="424"/>
      <c r="QCQ732" s="424"/>
      <c r="QCR732" s="424"/>
      <c r="QCS732" s="423" t="s">
        <v>2795</v>
      </c>
      <c r="QCT732" s="424"/>
      <c r="QCU732" s="424"/>
      <c r="QCV732" s="424"/>
      <c r="QCW732" s="423" t="s">
        <v>2795</v>
      </c>
      <c r="QCX732" s="424"/>
      <c r="QCY732" s="424"/>
      <c r="QCZ732" s="424"/>
      <c r="QDA732" s="423" t="s">
        <v>2795</v>
      </c>
      <c r="QDB732" s="424"/>
      <c r="QDC732" s="424"/>
      <c r="QDD732" s="424"/>
      <c r="QDE732" s="423" t="s">
        <v>2795</v>
      </c>
      <c r="QDF732" s="424"/>
      <c r="QDG732" s="424"/>
      <c r="QDH732" s="424"/>
      <c r="QDI732" s="423" t="s">
        <v>2795</v>
      </c>
      <c r="QDJ732" s="424"/>
      <c r="QDK732" s="424"/>
      <c r="QDL732" s="424"/>
      <c r="QDM732" s="423" t="s">
        <v>2795</v>
      </c>
      <c r="QDN732" s="424"/>
      <c r="QDO732" s="424"/>
      <c r="QDP732" s="424"/>
      <c r="QDQ732" s="423" t="s">
        <v>2795</v>
      </c>
      <c r="QDR732" s="424"/>
      <c r="QDS732" s="424"/>
      <c r="QDT732" s="424"/>
      <c r="QDU732" s="423" t="s">
        <v>2795</v>
      </c>
      <c r="QDV732" s="424"/>
      <c r="QDW732" s="424"/>
      <c r="QDX732" s="424"/>
      <c r="QDY732" s="423" t="s">
        <v>2795</v>
      </c>
      <c r="QDZ732" s="424"/>
      <c r="QEA732" s="424"/>
      <c r="QEB732" s="424"/>
      <c r="QEC732" s="423" t="s">
        <v>2795</v>
      </c>
      <c r="QED732" s="424"/>
      <c r="QEE732" s="424"/>
      <c r="QEF732" s="424"/>
      <c r="QEG732" s="423" t="s">
        <v>2795</v>
      </c>
      <c r="QEH732" s="424"/>
      <c r="QEI732" s="424"/>
      <c r="QEJ732" s="424"/>
      <c r="QEK732" s="423" t="s">
        <v>2795</v>
      </c>
      <c r="QEL732" s="424"/>
      <c r="QEM732" s="424"/>
      <c r="QEN732" s="424"/>
      <c r="QEO732" s="423" t="s">
        <v>2795</v>
      </c>
      <c r="QEP732" s="424"/>
      <c r="QEQ732" s="424"/>
      <c r="QER732" s="424"/>
      <c r="QES732" s="423" t="s">
        <v>2795</v>
      </c>
      <c r="QET732" s="424"/>
      <c r="QEU732" s="424"/>
      <c r="QEV732" s="424"/>
      <c r="QEW732" s="423" t="s">
        <v>2795</v>
      </c>
      <c r="QEX732" s="424"/>
      <c r="QEY732" s="424"/>
      <c r="QEZ732" s="424"/>
      <c r="QFA732" s="423" t="s">
        <v>2795</v>
      </c>
      <c r="QFB732" s="424"/>
      <c r="QFC732" s="424"/>
      <c r="QFD732" s="424"/>
      <c r="QFE732" s="423" t="s">
        <v>2795</v>
      </c>
      <c r="QFF732" s="424"/>
      <c r="QFG732" s="424"/>
      <c r="QFH732" s="424"/>
      <c r="QFI732" s="423" t="s">
        <v>2795</v>
      </c>
      <c r="QFJ732" s="424"/>
      <c r="QFK732" s="424"/>
      <c r="QFL732" s="424"/>
      <c r="QFM732" s="423" t="s">
        <v>2795</v>
      </c>
      <c r="QFN732" s="424"/>
      <c r="QFO732" s="424"/>
      <c r="QFP732" s="424"/>
      <c r="QFQ732" s="423" t="s">
        <v>2795</v>
      </c>
      <c r="QFR732" s="424"/>
      <c r="QFS732" s="424"/>
      <c r="QFT732" s="424"/>
      <c r="QFU732" s="423" t="s">
        <v>2795</v>
      </c>
      <c r="QFV732" s="424"/>
      <c r="QFW732" s="424"/>
      <c r="QFX732" s="424"/>
      <c r="QFY732" s="423" t="s">
        <v>2795</v>
      </c>
      <c r="QFZ732" s="424"/>
      <c r="QGA732" s="424"/>
      <c r="QGB732" s="424"/>
      <c r="QGC732" s="423" t="s">
        <v>2795</v>
      </c>
      <c r="QGD732" s="424"/>
      <c r="QGE732" s="424"/>
      <c r="QGF732" s="424"/>
      <c r="QGG732" s="423" t="s">
        <v>2795</v>
      </c>
      <c r="QGH732" s="424"/>
      <c r="QGI732" s="424"/>
      <c r="QGJ732" s="424"/>
      <c r="QGK732" s="423" t="s">
        <v>2795</v>
      </c>
      <c r="QGL732" s="424"/>
      <c r="QGM732" s="424"/>
      <c r="QGN732" s="424"/>
      <c r="QGO732" s="423" t="s">
        <v>2795</v>
      </c>
      <c r="QGP732" s="424"/>
      <c r="QGQ732" s="424"/>
      <c r="QGR732" s="424"/>
      <c r="QGS732" s="423" t="s">
        <v>2795</v>
      </c>
      <c r="QGT732" s="424"/>
      <c r="QGU732" s="424"/>
      <c r="QGV732" s="424"/>
      <c r="QGW732" s="423" t="s">
        <v>2795</v>
      </c>
      <c r="QGX732" s="424"/>
      <c r="QGY732" s="424"/>
      <c r="QGZ732" s="424"/>
      <c r="QHA732" s="423" t="s">
        <v>2795</v>
      </c>
      <c r="QHB732" s="424"/>
      <c r="QHC732" s="424"/>
      <c r="QHD732" s="424"/>
      <c r="QHE732" s="423" t="s">
        <v>2795</v>
      </c>
      <c r="QHF732" s="424"/>
      <c r="QHG732" s="424"/>
      <c r="QHH732" s="424"/>
      <c r="QHI732" s="423" t="s">
        <v>2795</v>
      </c>
      <c r="QHJ732" s="424"/>
      <c r="QHK732" s="424"/>
      <c r="QHL732" s="424"/>
      <c r="QHM732" s="423" t="s">
        <v>2795</v>
      </c>
      <c r="QHN732" s="424"/>
      <c r="QHO732" s="424"/>
      <c r="QHP732" s="424"/>
      <c r="QHQ732" s="423" t="s">
        <v>2795</v>
      </c>
      <c r="QHR732" s="424"/>
      <c r="QHS732" s="424"/>
      <c r="QHT732" s="424"/>
      <c r="QHU732" s="423" t="s">
        <v>2795</v>
      </c>
      <c r="QHV732" s="424"/>
      <c r="QHW732" s="424"/>
      <c r="QHX732" s="424"/>
      <c r="QHY732" s="423" t="s">
        <v>2795</v>
      </c>
      <c r="QHZ732" s="424"/>
      <c r="QIA732" s="424"/>
      <c r="QIB732" s="424"/>
      <c r="QIC732" s="423" t="s">
        <v>2795</v>
      </c>
      <c r="QID732" s="424"/>
      <c r="QIE732" s="424"/>
      <c r="QIF732" s="424"/>
      <c r="QIG732" s="423" t="s">
        <v>2795</v>
      </c>
      <c r="QIH732" s="424"/>
      <c r="QII732" s="424"/>
      <c r="QIJ732" s="424"/>
      <c r="QIK732" s="423" t="s">
        <v>2795</v>
      </c>
      <c r="QIL732" s="424"/>
      <c r="QIM732" s="424"/>
      <c r="QIN732" s="424"/>
      <c r="QIO732" s="423" t="s">
        <v>2795</v>
      </c>
      <c r="QIP732" s="424"/>
      <c r="QIQ732" s="424"/>
      <c r="QIR732" s="424"/>
      <c r="QIS732" s="423" t="s">
        <v>2795</v>
      </c>
      <c r="QIT732" s="424"/>
      <c r="QIU732" s="424"/>
      <c r="QIV732" s="424"/>
      <c r="QIW732" s="423" t="s">
        <v>2795</v>
      </c>
      <c r="QIX732" s="424"/>
      <c r="QIY732" s="424"/>
      <c r="QIZ732" s="424"/>
      <c r="QJA732" s="423" t="s">
        <v>2795</v>
      </c>
      <c r="QJB732" s="424"/>
      <c r="QJC732" s="424"/>
      <c r="QJD732" s="424"/>
      <c r="QJE732" s="423" t="s">
        <v>2795</v>
      </c>
      <c r="QJF732" s="424"/>
      <c r="QJG732" s="424"/>
      <c r="QJH732" s="424"/>
      <c r="QJI732" s="423" t="s">
        <v>2795</v>
      </c>
      <c r="QJJ732" s="424"/>
      <c r="QJK732" s="424"/>
      <c r="QJL732" s="424"/>
      <c r="QJM732" s="423" t="s">
        <v>2795</v>
      </c>
      <c r="QJN732" s="424"/>
      <c r="QJO732" s="424"/>
      <c r="QJP732" s="424"/>
      <c r="QJQ732" s="423" t="s">
        <v>2795</v>
      </c>
      <c r="QJR732" s="424"/>
      <c r="QJS732" s="424"/>
      <c r="QJT732" s="424"/>
      <c r="QJU732" s="423" t="s">
        <v>2795</v>
      </c>
      <c r="QJV732" s="424"/>
      <c r="QJW732" s="424"/>
      <c r="QJX732" s="424"/>
      <c r="QJY732" s="423" t="s">
        <v>2795</v>
      </c>
      <c r="QJZ732" s="424"/>
      <c r="QKA732" s="424"/>
      <c r="QKB732" s="424"/>
      <c r="QKC732" s="423" t="s">
        <v>2795</v>
      </c>
      <c r="QKD732" s="424"/>
      <c r="QKE732" s="424"/>
      <c r="QKF732" s="424"/>
      <c r="QKG732" s="423" t="s">
        <v>2795</v>
      </c>
      <c r="QKH732" s="424"/>
      <c r="QKI732" s="424"/>
      <c r="QKJ732" s="424"/>
      <c r="QKK732" s="423" t="s">
        <v>2795</v>
      </c>
      <c r="QKL732" s="424"/>
      <c r="QKM732" s="424"/>
      <c r="QKN732" s="424"/>
      <c r="QKO732" s="423" t="s">
        <v>2795</v>
      </c>
      <c r="QKP732" s="424"/>
      <c r="QKQ732" s="424"/>
      <c r="QKR732" s="424"/>
      <c r="QKS732" s="423" t="s">
        <v>2795</v>
      </c>
      <c r="QKT732" s="424"/>
      <c r="QKU732" s="424"/>
      <c r="QKV732" s="424"/>
      <c r="QKW732" s="423" t="s">
        <v>2795</v>
      </c>
      <c r="QKX732" s="424"/>
      <c r="QKY732" s="424"/>
      <c r="QKZ732" s="424"/>
      <c r="QLA732" s="423" t="s">
        <v>2795</v>
      </c>
      <c r="QLB732" s="424"/>
      <c r="QLC732" s="424"/>
      <c r="QLD732" s="424"/>
      <c r="QLE732" s="423" t="s">
        <v>2795</v>
      </c>
      <c r="QLF732" s="424"/>
      <c r="QLG732" s="424"/>
      <c r="QLH732" s="424"/>
      <c r="QLI732" s="423" t="s">
        <v>2795</v>
      </c>
      <c r="QLJ732" s="424"/>
      <c r="QLK732" s="424"/>
      <c r="QLL732" s="424"/>
      <c r="QLM732" s="423" t="s">
        <v>2795</v>
      </c>
      <c r="QLN732" s="424"/>
      <c r="QLO732" s="424"/>
      <c r="QLP732" s="424"/>
      <c r="QLQ732" s="423" t="s">
        <v>2795</v>
      </c>
      <c r="QLR732" s="424"/>
      <c r="QLS732" s="424"/>
      <c r="QLT732" s="424"/>
      <c r="QLU732" s="423" t="s">
        <v>2795</v>
      </c>
      <c r="QLV732" s="424"/>
      <c r="QLW732" s="424"/>
      <c r="QLX732" s="424"/>
      <c r="QLY732" s="423" t="s">
        <v>2795</v>
      </c>
      <c r="QLZ732" s="424"/>
      <c r="QMA732" s="424"/>
      <c r="QMB732" s="424"/>
      <c r="QMC732" s="423" t="s">
        <v>2795</v>
      </c>
      <c r="QMD732" s="424"/>
      <c r="QME732" s="424"/>
      <c r="QMF732" s="424"/>
      <c r="QMG732" s="423" t="s">
        <v>2795</v>
      </c>
      <c r="QMH732" s="424"/>
      <c r="QMI732" s="424"/>
      <c r="QMJ732" s="424"/>
      <c r="QMK732" s="423" t="s">
        <v>2795</v>
      </c>
      <c r="QML732" s="424"/>
      <c r="QMM732" s="424"/>
      <c r="QMN732" s="424"/>
      <c r="QMO732" s="423" t="s">
        <v>2795</v>
      </c>
      <c r="QMP732" s="424"/>
      <c r="QMQ732" s="424"/>
      <c r="QMR732" s="424"/>
      <c r="QMS732" s="423" t="s">
        <v>2795</v>
      </c>
      <c r="QMT732" s="424"/>
      <c r="QMU732" s="424"/>
      <c r="QMV732" s="424"/>
      <c r="QMW732" s="423" t="s">
        <v>2795</v>
      </c>
      <c r="QMX732" s="424"/>
      <c r="QMY732" s="424"/>
      <c r="QMZ732" s="424"/>
      <c r="QNA732" s="423" t="s">
        <v>2795</v>
      </c>
      <c r="QNB732" s="424"/>
      <c r="QNC732" s="424"/>
      <c r="QND732" s="424"/>
      <c r="QNE732" s="423" t="s">
        <v>2795</v>
      </c>
      <c r="QNF732" s="424"/>
      <c r="QNG732" s="424"/>
      <c r="QNH732" s="424"/>
      <c r="QNI732" s="423" t="s">
        <v>2795</v>
      </c>
      <c r="QNJ732" s="424"/>
      <c r="QNK732" s="424"/>
      <c r="QNL732" s="424"/>
      <c r="QNM732" s="423" t="s">
        <v>2795</v>
      </c>
      <c r="QNN732" s="424"/>
      <c r="QNO732" s="424"/>
      <c r="QNP732" s="424"/>
      <c r="QNQ732" s="423" t="s">
        <v>2795</v>
      </c>
      <c r="QNR732" s="424"/>
      <c r="QNS732" s="424"/>
      <c r="QNT732" s="424"/>
      <c r="QNU732" s="423" t="s">
        <v>2795</v>
      </c>
      <c r="QNV732" s="424"/>
      <c r="QNW732" s="424"/>
      <c r="QNX732" s="424"/>
      <c r="QNY732" s="423" t="s">
        <v>2795</v>
      </c>
      <c r="QNZ732" s="424"/>
      <c r="QOA732" s="424"/>
      <c r="QOB732" s="424"/>
      <c r="QOC732" s="423" t="s">
        <v>2795</v>
      </c>
      <c r="QOD732" s="424"/>
      <c r="QOE732" s="424"/>
      <c r="QOF732" s="424"/>
      <c r="QOG732" s="423" t="s">
        <v>2795</v>
      </c>
      <c r="QOH732" s="424"/>
      <c r="QOI732" s="424"/>
      <c r="QOJ732" s="424"/>
      <c r="QOK732" s="423" t="s">
        <v>2795</v>
      </c>
      <c r="QOL732" s="424"/>
      <c r="QOM732" s="424"/>
      <c r="QON732" s="424"/>
      <c r="QOO732" s="423" t="s">
        <v>2795</v>
      </c>
      <c r="QOP732" s="424"/>
      <c r="QOQ732" s="424"/>
      <c r="QOR732" s="424"/>
      <c r="QOS732" s="423" t="s">
        <v>2795</v>
      </c>
      <c r="QOT732" s="424"/>
      <c r="QOU732" s="424"/>
      <c r="QOV732" s="424"/>
      <c r="QOW732" s="423" t="s">
        <v>2795</v>
      </c>
      <c r="QOX732" s="424"/>
      <c r="QOY732" s="424"/>
      <c r="QOZ732" s="424"/>
      <c r="QPA732" s="423" t="s">
        <v>2795</v>
      </c>
      <c r="QPB732" s="424"/>
      <c r="QPC732" s="424"/>
      <c r="QPD732" s="424"/>
      <c r="QPE732" s="423" t="s">
        <v>2795</v>
      </c>
      <c r="QPF732" s="424"/>
      <c r="QPG732" s="424"/>
      <c r="QPH732" s="424"/>
      <c r="QPI732" s="423" t="s">
        <v>2795</v>
      </c>
      <c r="QPJ732" s="424"/>
      <c r="QPK732" s="424"/>
      <c r="QPL732" s="424"/>
      <c r="QPM732" s="423" t="s">
        <v>2795</v>
      </c>
      <c r="QPN732" s="424"/>
      <c r="QPO732" s="424"/>
      <c r="QPP732" s="424"/>
      <c r="QPQ732" s="423" t="s">
        <v>2795</v>
      </c>
      <c r="QPR732" s="424"/>
      <c r="QPS732" s="424"/>
      <c r="QPT732" s="424"/>
      <c r="QPU732" s="423" t="s">
        <v>2795</v>
      </c>
      <c r="QPV732" s="424"/>
      <c r="QPW732" s="424"/>
      <c r="QPX732" s="424"/>
      <c r="QPY732" s="423" t="s">
        <v>2795</v>
      </c>
      <c r="QPZ732" s="424"/>
      <c r="QQA732" s="424"/>
      <c r="QQB732" s="424"/>
      <c r="QQC732" s="423" t="s">
        <v>2795</v>
      </c>
      <c r="QQD732" s="424"/>
      <c r="QQE732" s="424"/>
      <c r="QQF732" s="424"/>
      <c r="QQG732" s="423" t="s">
        <v>2795</v>
      </c>
      <c r="QQH732" s="424"/>
      <c r="QQI732" s="424"/>
      <c r="QQJ732" s="424"/>
      <c r="QQK732" s="423" t="s">
        <v>2795</v>
      </c>
      <c r="QQL732" s="424"/>
      <c r="QQM732" s="424"/>
      <c r="QQN732" s="424"/>
      <c r="QQO732" s="423" t="s">
        <v>2795</v>
      </c>
      <c r="QQP732" s="424"/>
      <c r="QQQ732" s="424"/>
      <c r="QQR732" s="424"/>
      <c r="QQS732" s="423" t="s">
        <v>2795</v>
      </c>
      <c r="QQT732" s="424"/>
      <c r="QQU732" s="424"/>
      <c r="QQV732" s="424"/>
      <c r="QQW732" s="423" t="s">
        <v>2795</v>
      </c>
      <c r="QQX732" s="424"/>
      <c r="QQY732" s="424"/>
      <c r="QQZ732" s="424"/>
      <c r="QRA732" s="423" t="s">
        <v>2795</v>
      </c>
      <c r="QRB732" s="424"/>
      <c r="QRC732" s="424"/>
      <c r="QRD732" s="424"/>
      <c r="QRE732" s="423" t="s">
        <v>2795</v>
      </c>
      <c r="QRF732" s="424"/>
      <c r="QRG732" s="424"/>
      <c r="QRH732" s="424"/>
      <c r="QRI732" s="423" t="s">
        <v>2795</v>
      </c>
      <c r="QRJ732" s="424"/>
      <c r="QRK732" s="424"/>
      <c r="QRL732" s="424"/>
      <c r="QRM732" s="423" t="s">
        <v>2795</v>
      </c>
      <c r="QRN732" s="424"/>
      <c r="QRO732" s="424"/>
      <c r="QRP732" s="424"/>
      <c r="QRQ732" s="423" t="s">
        <v>2795</v>
      </c>
      <c r="QRR732" s="424"/>
      <c r="QRS732" s="424"/>
      <c r="QRT732" s="424"/>
      <c r="QRU732" s="423" t="s">
        <v>2795</v>
      </c>
      <c r="QRV732" s="424"/>
      <c r="QRW732" s="424"/>
      <c r="QRX732" s="424"/>
      <c r="QRY732" s="423" t="s">
        <v>2795</v>
      </c>
      <c r="QRZ732" s="424"/>
      <c r="QSA732" s="424"/>
      <c r="QSB732" s="424"/>
      <c r="QSC732" s="423" t="s">
        <v>2795</v>
      </c>
      <c r="QSD732" s="424"/>
      <c r="QSE732" s="424"/>
      <c r="QSF732" s="424"/>
      <c r="QSG732" s="423" t="s">
        <v>2795</v>
      </c>
      <c r="QSH732" s="424"/>
      <c r="QSI732" s="424"/>
      <c r="QSJ732" s="424"/>
      <c r="QSK732" s="423" t="s">
        <v>2795</v>
      </c>
      <c r="QSL732" s="424"/>
      <c r="QSM732" s="424"/>
      <c r="QSN732" s="424"/>
      <c r="QSO732" s="423" t="s">
        <v>2795</v>
      </c>
      <c r="QSP732" s="424"/>
      <c r="QSQ732" s="424"/>
      <c r="QSR732" s="424"/>
      <c r="QSS732" s="423" t="s">
        <v>2795</v>
      </c>
      <c r="QST732" s="424"/>
      <c r="QSU732" s="424"/>
      <c r="QSV732" s="424"/>
      <c r="QSW732" s="423" t="s">
        <v>2795</v>
      </c>
      <c r="QSX732" s="424"/>
      <c r="QSY732" s="424"/>
      <c r="QSZ732" s="424"/>
      <c r="QTA732" s="423" t="s">
        <v>2795</v>
      </c>
      <c r="QTB732" s="424"/>
      <c r="QTC732" s="424"/>
      <c r="QTD732" s="424"/>
      <c r="QTE732" s="423" t="s">
        <v>2795</v>
      </c>
      <c r="QTF732" s="424"/>
      <c r="QTG732" s="424"/>
      <c r="QTH732" s="424"/>
      <c r="QTI732" s="423" t="s">
        <v>2795</v>
      </c>
      <c r="QTJ732" s="424"/>
      <c r="QTK732" s="424"/>
      <c r="QTL732" s="424"/>
      <c r="QTM732" s="423" t="s">
        <v>2795</v>
      </c>
      <c r="QTN732" s="424"/>
      <c r="QTO732" s="424"/>
      <c r="QTP732" s="424"/>
      <c r="QTQ732" s="423" t="s">
        <v>2795</v>
      </c>
      <c r="QTR732" s="424"/>
      <c r="QTS732" s="424"/>
      <c r="QTT732" s="424"/>
      <c r="QTU732" s="423" t="s">
        <v>2795</v>
      </c>
      <c r="QTV732" s="424"/>
      <c r="QTW732" s="424"/>
      <c r="QTX732" s="424"/>
      <c r="QTY732" s="423" t="s">
        <v>2795</v>
      </c>
      <c r="QTZ732" s="424"/>
      <c r="QUA732" s="424"/>
      <c r="QUB732" s="424"/>
      <c r="QUC732" s="423" t="s">
        <v>2795</v>
      </c>
      <c r="QUD732" s="424"/>
      <c r="QUE732" s="424"/>
      <c r="QUF732" s="424"/>
      <c r="QUG732" s="423" t="s">
        <v>2795</v>
      </c>
      <c r="QUH732" s="424"/>
      <c r="QUI732" s="424"/>
      <c r="QUJ732" s="424"/>
      <c r="QUK732" s="423" t="s">
        <v>2795</v>
      </c>
      <c r="QUL732" s="424"/>
      <c r="QUM732" s="424"/>
      <c r="QUN732" s="424"/>
      <c r="QUO732" s="423" t="s">
        <v>2795</v>
      </c>
      <c r="QUP732" s="424"/>
      <c r="QUQ732" s="424"/>
      <c r="QUR732" s="424"/>
      <c r="QUS732" s="423" t="s">
        <v>2795</v>
      </c>
      <c r="QUT732" s="424"/>
      <c r="QUU732" s="424"/>
      <c r="QUV732" s="424"/>
      <c r="QUW732" s="423" t="s">
        <v>2795</v>
      </c>
      <c r="QUX732" s="424"/>
      <c r="QUY732" s="424"/>
      <c r="QUZ732" s="424"/>
      <c r="QVA732" s="423" t="s">
        <v>2795</v>
      </c>
      <c r="QVB732" s="424"/>
      <c r="QVC732" s="424"/>
      <c r="QVD732" s="424"/>
      <c r="QVE732" s="423" t="s">
        <v>2795</v>
      </c>
      <c r="QVF732" s="424"/>
      <c r="QVG732" s="424"/>
      <c r="QVH732" s="424"/>
      <c r="QVI732" s="423" t="s">
        <v>2795</v>
      </c>
      <c r="QVJ732" s="424"/>
      <c r="QVK732" s="424"/>
      <c r="QVL732" s="424"/>
      <c r="QVM732" s="423" t="s">
        <v>2795</v>
      </c>
      <c r="QVN732" s="424"/>
      <c r="QVO732" s="424"/>
      <c r="QVP732" s="424"/>
      <c r="QVQ732" s="423" t="s">
        <v>2795</v>
      </c>
      <c r="QVR732" s="424"/>
      <c r="QVS732" s="424"/>
      <c r="QVT732" s="424"/>
      <c r="QVU732" s="423" t="s">
        <v>2795</v>
      </c>
      <c r="QVV732" s="424"/>
      <c r="QVW732" s="424"/>
      <c r="QVX732" s="424"/>
      <c r="QVY732" s="423" t="s">
        <v>2795</v>
      </c>
      <c r="QVZ732" s="424"/>
      <c r="QWA732" s="424"/>
      <c r="QWB732" s="424"/>
      <c r="QWC732" s="423" t="s">
        <v>2795</v>
      </c>
      <c r="QWD732" s="424"/>
      <c r="QWE732" s="424"/>
      <c r="QWF732" s="424"/>
      <c r="QWG732" s="423" t="s">
        <v>2795</v>
      </c>
      <c r="QWH732" s="424"/>
      <c r="QWI732" s="424"/>
      <c r="QWJ732" s="424"/>
      <c r="QWK732" s="423" t="s">
        <v>2795</v>
      </c>
      <c r="QWL732" s="424"/>
      <c r="QWM732" s="424"/>
      <c r="QWN732" s="424"/>
      <c r="QWO732" s="423" t="s">
        <v>2795</v>
      </c>
      <c r="QWP732" s="424"/>
      <c r="QWQ732" s="424"/>
      <c r="QWR732" s="424"/>
      <c r="QWS732" s="423" t="s">
        <v>2795</v>
      </c>
      <c r="QWT732" s="424"/>
      <c r="QWU732" s="424"/>
      <c r="QWV732" s="424"/>
      <c r="QWW732" s="423" t="s">
        <v>2795</v>
      </c>
      <c r="QWX732" s="424"/>
      <c r="QWY732" s="424"/>
      <c r="QWZ732" s="424"/>
      <c r="QXA732" s="423" t="s">
        <v>2795</v>
      </c>
      <c r="QXB732" s="424"/>
      <c r="QXC732" s="424"/>
      <c r="QXD732" s="424"/>
      <c r="QXE732" s="423" t="s">
        <v>2795</v>
      </c>
      <c r="QXF732" s="424"/>
      <c r="QXG732" s="424"/>
      <c r="QXH732" s="424"/>
      <c r="QXI732" s="423" t="s">
        <v>2795</v>
      </c>
      <c r="QXJ732" s="424"/>
      <c r="QXK732" s="424"/>
      <c r="QXL732" s="424"/>
      <c r="QXM732" s="423" t="s">
        <v>2795</v>
      </c>
      <c r="QXN732" s="424"/>
      <c r="QXO732" s="424"/>
      <c r="QXP732" s="424"/>
      <c r="QXQ732" s="423" t="s">
        <v>2795</v>
      </c>
      <c r="QXR732" s="424"/>
      <c r="QXS732" s="424"/>
      <c r="QXT732" s="424"/>
      <c r="QXU732" s="423" t="s">
        <v>2795</v>
      </c>
      <c r="QXV732" s="424"/>
      <c r="QXW732" s="424"/>
      <c r="QXX732" s="424"/>
      <c r="QXY732" s="423" t="s">
        <v>2795</v>
      </c>
      <c r="QXZ732" s="424"/>
      <c r="QYA732" s="424"/>
      <c r="QYB732" s="424"/>
      <c r="QYC732" s="423" t="s">
        <v>2795</v>
      </c>
      <c r="QYD732" s="424"/>
      <c r="QYE732" s="424"/>
      <c r="QYF732" s="424"/>
      <c r="QYG732" s="423" t="s">
        <v>2795</v>
      </c>
      <c r="QYH732" s="424"/>
      <c r="QYI732" s="424"/>
      <c r="QYJ732" s="424"/>
      <c r="QYK732" s="423" t="s">
        <v>2795</v>
      </c>
      <c r="QYL732" s="424"/>
      <c r="QYM732" s="424"/>
      <c r="QYN732" s="424"/>
      <c r="QYO732" s="423" t="s">
        <v>2795</v>
      </c>
      <c r="QYP732" s="424"/>
      <c r="QYQ732" s="424"/>
      <c r="QYR732" s="424"/>
      <c r="QYS732" s="423" t="s">
        <v>2795</v>
      </c>
      <c r="QYT732" s="424"/>
      <c r="QYU732" s="424"/>
      <c r="QYV732" s="424"/>
      <c r="QYW732" s="423" t="s">
        <v>2795</v>
      </c>
      <c r="QYX732" s="424"/>
      <c r="QYY732" s="424"/>
      <c r="QYZ732" s="424"/>
      <c r="QZA732" s="423" t="s">
        <v>2795</v>
      </c>
      <c r="QZB732" s="424"/>
      <c r="QZC732" s="424"/>
      <c r="QZD732" s="424"/>
      <c r="QZE732" s="423" t="s">
        <v>2795</v>
      </c>
      <c r="QZF732" s="424"/>
      <c r="QZG732" s="424"/>
      <c r="QZH732" s="424"/>
      <c r="QZI732" s="423" t="s">
        <v>2795</v>
      </c>
      <c r="QZJ732" s="424"/>
      <c r="QZK732" s="424"/>
      <c r="QZL732" s="424"/>
      <c r="QZM732" s="423" t="s">
        <v>2795</v>
      </c>
      <c r="QZN732" s="424"/>
      <c r="QZO732" s="424"/>
      <c r="QZP732" s="424"/>
      <c r="QZQ732" s="423" t="s">
        <v>2795</v>
      </c>
      <c r="QZR732" s="424"/>
      <c r="QZS732" s="424"/>
      <c r="QZT732" s="424"/>
      <c r="QZU732" s="423" t="s">
        <v>2795</v>
      </c>
      <c r="QZV732" s="424"/>
      <c r="QZW732" s="424"/>
      <c r="QZX732" s="424"/>
      <c r="QZY732" s="423" t="s">
        <v>2795</v>
      </c>
      <c r="QZZ732" s="424"/>
      <c r="RAA732" s="424"/>
      <c r="RAB732" s="424"/>
      <c r="RAC732" s="423" t="s">
        <v>2795</v>
      </c>
      <c r="RAD732" s="424"/>
      <c r="RAE732" s="424"/>
      <c r="RAF732" s="424"/>
      <c r="RAG732" s="423" t="s">
        <v>2795</v>
      </c>
      <c r="RAH732" s="424"/>
      <c r="RAI732" s="424"/>
      <c r="RAJ732" s="424"/>
      <c r="RAK732" s="423" t="s">
        <v>2795</v>
      </c>
      <c r="RAL732" s="424"/>
      <c r="RAM732" s="424"/>
      <c r="RAN732" s="424"/>
      <c r="RAO732" s="423" t="s">
        <v>2795</v>
      </c>
      <c r="RAP732" s="424"/>
      <c r="RAQ732" s="424"/>
      <c r="RAR732" s="424"/>
      <c r="RAS732" s="423" t="s">
        <v>2795</v>
      </c>
      <c r="RAT732" s="424"/>
      <c r="RAU732" s="424"/>
      <c r="RAV732" s="424"/>
      <c r="RAW732" s="423" t="s">
        <v>2795</v>
      </c>
      <c r="RAX732" s="424"/>
      <c r="RAY732" s="424"/>
      <c r="RAZ732" s="424"/>
      <c r="RBA732" s="423" t="s">
        <v>2795</v>
      </c>
      <c r="RBB732" s="424"/>
      <c r="RBC732" s="424"/>
      <c r="RBD732" s="424"/>
      <c r="RBE732" s="423" t="s">
        <v>2795</v>
      </c>
      <c r="RBF732" s="424"/>
      <c r="RBG732" s="424"/>
      <c r="RBH732" s="424"/>
      <c r="RBI732" s="423" t="s">
        <v>2795</v>
      </c>
      <c r="RBJ732" s="424"/>
      <c r="RBK732" s="424"/>
      <c r="RBL732" s="424"/>
      <c r="RBM732" s="423" t="s">
        <v>2795</v>
      </c>
      <c r="RBN732" s="424"/>
      <c r="RBO732" s="424"/>
      <c r="RBP732" s="424"/>
      <c r="RBQ732" s="423" t="s">
        <v>2795</v>
      </c>
      <c r="RBR732" s="424"/>
      <c r="RBS732" s="424"/>
      <c r="RBT732" s="424"/>
      <c r="RBU732" s="423" t="s">
        <v>2795</v>
      </c>
      <c r="RBV732" s="424"/>
      <c r="RBW732" s="424"/>
      <c r="RBX732" s="424"/>
      <c r="RBY732" s="423" t="s">
        <v>2795</v>
      </c>
      <c r="RBZ732" s="424"/>
      <c r="RCA732" s="424"/>
      <c r="RCB732" s="424"/>
      <c r="RCC732" s="423" t="s">
        <v>2795</v>
      </c>
      <c r="RCD732" s="424"/>
      <c r="RCE732" s="424"/>
      <c r="RCF732" s="424"/>
      <c r="RCG732" s="423" t="s">
        <v>2795</v>
      </c>
      <c r="RCH732" s="424"/>
      <c r="RCI732" s="424"/>
      <c r="RCJ732" s="424"/>
      <c r="RCK732" s="423" t="s">
        <v>2795</v>
      </c>
      <c r="RCL732" s="424"/>
      <c r="RCM732" s="424"/>
      <c r="RCN732" s="424"/>
      <c r="RCO732" s="423" t="s">
        <v>2795</v>
      </c>
      <c r="RCP732" s="424"/>
      <c r="RCQ732" s="424"/>
      <c r="RCR732" s="424"/>
      <c r="RCS732" s="423" t="s">
        <v>2795</v>
      </c>
      <c r="RCT732" s="424"/>
      <c r="RCU732" s="424"/>
      <c r="RCV732" s="424"/>
      <c r="RCW732" s="423" t="s">
        <v>2795</v>
      </c>
      <c r="RCX732" s="424"/>
      <c r="RCY732" s="424"/>
      <c r="RCZ732" s="424"/>
      <c r="RDA732" s="423" t="s">
        <v>2795</v>
      </c>
      <c r="RDB732" s="424"/>
      <c r="RDC732" s="424"/>
      <c r="RDD732" s="424"/>
      <c r="RDE732" s="423" t="s">
        <v>2795</v>
      </c>
      <c r="RDF732" s="424"/>
      <c r="RDG732" s="424"/>
      <c r="RDH732" s="424"/>
      <c r="RDI732" s="423" t="s">
        <v>2795</v>
      </c>
      <c r="RDJ732" s="424"/>
      <c r="RDK732" s="424"/>
      <c r="RDL732" s="424"/>
      <c r="RDM732" s="423" t="s">
        <v>2795</v>
      </c>
      <c r="RDN732" s="424"/>
      <c r="RDO732" s="424"/>
      <c r="RDP732" s="424"/>
      <c r="RDQ732" s="423" t="s">
        <v>2795</v>
      </c>
      <c r="RDR732" s="424"/>
      <c r="RDS732" s="424"/>
      <c r="RDT732" s="424"/>
      <c r="RDU732" s="423" t="s">
        <v>2795</v>
      </c>
      <c r="RDV732" s="424"/>
      <c r="RDW732" s="424"/>
      <c r="RDX732" s="424"/>
      <c r="RDY732" s="423" t="s">
        <v>2795</v>
      </c>
      <c r="RDZ732" s="424"/>
      <c r="REA732" s="424"/>
      <c r="REB732" s="424"/>
      <c r="REC732" s="423" t="s">
        <v>2795</v>
      </c>
      <c r="RED732" s="424"/>
      <c r="REE732" s="424"/>
      <c r="REF732" s="424"/>
      <c r="REG732" s="423" t="s">
        <v>2795</v>
      </c>
      <c r="REH732" s="424"/>
      <c r="REI732" s="424"/>
      <c r="REJ732" s="424"/>
      <c r="REK732" s="423" t="s">
        <v>2795</v>
      </c>
      <c r="REL732" s="424"/>
      <c r="REM732" s="424"/>
      <c r="REN732" s="424"/>
      <c r="REO732" s="423" t="s">
        <v>2795</v>
      </c>
      <c r="REP732" s="424"/>
      <c r="REQ732" s="424"/>
      <c r="RER732" s="424"/>
      <c r="RES732" s="423" t="s">
        <v>2795</v>
      </c>
      <c r="RET732" s="424"/>
      <c r="REU732" s="424"/>
      <c r="REV732" s="424"/>
      <c r="REW732" s="423" t="s">
        <v>2795</v>
      </c>
      <c r="REX732" s="424"/>
      <c r="REY732" s="424"/>
      <c r="REZ732" s="424"/>
      <c r="RFA732" s="423" t="s">
        <v>2795</v>
      </c>
      <c r="RFB732" s="424"/>
      <c r="RFC732" s="424"/>
      <c r="RFD732" s="424"/>
      <c r="RFE732" s="423" t="s">
        <v>2795</v>
      </c>
      <c r="RFF732" s="424"/>
      <c r="RFG732" s="424"/>
      <c r="RFH732" s="424"/>
      <c r="RFI732" s="423" t="s">
        <v>2795</v>
      </c>
      <c r="RFJ732" s="424"/>
      <c r="RFK732" s="424"/>
      <c r="RFL732" s="424"/>
      <c r="RFM732" s="423" t="s">
        <v>2795</v>
      </c>
      <c r="RFN732" s="424"/>
      <c r="RFO732" s="424"/>
      <c r="RFP732" s="424"/>
      <c r="RFQ732" s="423" t="s">
        <v>2795</v>
      </c>
      <c r="RFR732" s="424"/>
      <c r="RFS732" s="424"/>
      <c r="RFT732" s="424"/>
      <c r="RFU732" s="423" t="s">
        <v>2795</v>
      </c>
      <c r="RFV732" s="424"/>
      <c r="RFW732" s="424"/>
      <c r="RFX732" s="424"/>
      <c r="RFY732" s="423" t="s">
        <v>2795</v>
      </c>
      <c r="RFZ732" s="424"/>
      <c r="RGA732" s="424"/>
      <c r="RGB732" s="424"/>
      <c r="RGC732" s="423" t="s">
        <v>2795</v>
      </c>
      <c r="RGD732" s="424"/>
      <c r="RGE732" s="424"/>
      <c r="RGF732" s="424"/>
      <c r="RGG732" s="423" t="s">
        <v>2795</v>
      </c>
      <c r="RGH732" s="424"/>
      <c r="RGI732" s="424"/>
      <c r="RGJ732" s="424"/>
      <c r="RGK732" s="423" t="s">
        <v>2795</v>
      </c>
      <c r="RGL732" s="424"/>
      <c r="RGM732" s="424"/>
      <c r="RGN732" s="424"/>
      <c r="RGO732" s="423" t="s">
        <v>2795</v>
      </c>
      <c r="RGP732" s="424"/>
      <c r="RGQ732" s="424"/>
      <c r="RGR732" s="424"/>
      <c r="RGS732" s="423" t="s">
        <v>2795</v>
      </c>
      <c r="RGT732" s="424"/>
      <c r="RGU732" s="424"/>
      <c r="RGV732" s="424"/>
      <c r="RGW732" s="423" t="s">
        <v>2795</v>
      </c>
      <c r="RGX732" s="424"/>
      <c r="RGY732" s="424"/>
      <c r="RGZ732" s="424"/>
      <c r="RHA732" s="423" t="s">
        <v>2795</v>
      </c>
      <c r="RHB732" s="424"/>
      <c r="RHC732" s="424"/>
      <c r="RHD732" s="424"/>
      <c r="RHE732" s="423" t="s">
        <v>2795</v>
      </c>
      <c r="RHF732" s="424"/>
      <c r="RHG732" s="424"/>
      <c r="RHH732" s="424"/>
      <c r="RHI732" s="423" t="s">
        <v>2795</v>
      </c>
      <c r="RHJ732" s="424"/>
      <c r="RHK732" s="424"/>
      <c r="RHL732" s="424"/>
      <c r="RHM732" s="423" t="s">
        <v>2795</v>
      </c>
      <c r="RHN732" s="424"/>
      <c r="RHO732" s="424"/>
      <c r="RHP732" s="424"/>
      <c r="RHQ732" s="423" t="s">
        <v>2795</v>
      </c>
      <c r="RHR732" s="424"/>
      <c r="RHS732" s="424"/>
      <c r="RHT732" s="424"/>
      <c r="RHU732" s="423" t="s">
        <v>2795</v>
      </c>
      <c r="RHV732" s="424"/>
      <c r="RHW732" s="424"/>
      <c r="RHX732" s="424"/>
      <c r="RHY732" s="423" t="s">
        <v>2795</v>
      </c>
      <c r="RHZ732" s="424"/>
      <c r="RIA732" s="424"/>
      <c r="RIB732" s="424"/>
      <c r="RIC732" s="423" t="s">
        <v>2795</v>
      </c>
      <c r="RID732" s="424"/>
      <c r="RIE732" s="424"/>
      <c r="RIF732" s="424"/>
      <c r="RIG732" s="423" t="s">
        <v>2795</v>
      </c>
      <c r="RIH732" s="424"/>
      <c r="RII732" s="424"/>
      <c r="RIJ732" s="424"/>
      <c r="RIK732" s="423" t="s">
        <v>2795</v>
      </c>
      <c r="RIL732" s="424"/>
      <c r="RIM732" s="424"/>
      <c r="RIN732" s="424"/>
      <c r="RIO732" s="423" t="s">
        <v>2795</v>
      </c>
      <c r="RIP732" s="424"/>
      <c r="RIQ732" s="424"/>
      <c r="RIR732" s="424"/>
      <c r="RIS732" s="423" t="s">
        <v>2795</v>
      </c>
      <c r="RIT732" s="424"/>
      <c r="RIU732" s="424"/>
      <c r="RIV732" s="424"/>
      <c r="RIW732" s="423" t="s">
        <v>2795</v>
      </c>
      <c r="RIX732" s="424"/>
      <c r="RIY732" s="424"/>
      <c r="RIZ732" s="424"/>
      <c r="RJA732" s="423" t="s">
        <v>2795</v>
      </c>
      <c r="RJB732" s="424"/>
      <c r="RJC732" s="424"/>
      <c r="RJD732" s="424"/>
      <c r="RJE732" s="423" t="s">
        <v>2795</v>
      </c>
      <c r="RJF732" s="424"/>
      <c r="RJG732" s="424"/>
      <c r="RJH732" s="424"/>
      <c r="RJI732" s="423" t="s">
        <v>2795</v>
      </c>
      <c r="RJJ732" s="424"/>
      <c r="RJK732" s="424"/>
      <c r="RJL732" s="424"/>
      <c r="RJM732" s="423" t="s">
        <v>2795</v>
      </c>
      <c r="RJN732" s="424"/>
      <c r="RJO732" s="424"/>
      <c r="RJP732" s="424"/>
      <c r="RJQ732" s="423" t="s">
        <v>2795</v>
      </c>
      <c r="RJR732" s="424"/>
      <c r="RJS732" s="424"/>
      <c r="RJT732" s="424"/>
      <c r="RJU732" s="423" t="s">
        <v>2795</v>
      </c>
      <c r="RJV732" s="424"/>
      <c r="RJW732" s="424"/>
      <c r="RJX732" s="424"/>
      <c r="RJY732" s="423" t="s">
        <v>2795</v>
      </c>
      <c r="RJZ732" s="424"/>
      <c r="RKA732" s="424"/>
      <c r="RKB732" s="424"/>
      <c r="RKC732" s="423" t="s">
        <v>2795</v>
      </c>
      <c r="RKD732" s="424"/>
      <c r="RKE732" s="424"/>
      <c r="RKF732" s="424"/>
      <c r="RKG732" s="423" t="s">
        <v>2795</v>
      </c>
      <c r="RKH732" s="424"/>
      <c r="RKI732" s="424"/>
      <c r="RKJ732" s="424"/>
      <c r="RKK732" s="423" t="s">
        <v>2795</v>
      </c>
      <c r="RKL732" s="424"/>
      <c r="RKM732" s="424"/>
      <c r="RKN732" s="424"/>
      <c r="RKO732" s="423" t="s">
        <v>2795</v>
      </c>
      <c r="RKP732" s="424"/>
      <c r="RKQ732" s="424"/>
      <c r="RKR732" s="424"/>
      <c r="RKS732" s="423" t="s">
        <v>2795</v>
      </c>
      <c r="RKT732" s="424"/>
      <c r="RKU732" s="424"/>
      <c r="RKV732" s="424"/>
      <c r="RKW732" s="423" t="s">
        <v>2795</v>
      </c>
      <c r="RKX732" s="424"/>
      <c r="RKY732" s="424"/>
      <c r="RKZ732" s="424"/>
      <c r="RLA732" s="423" t="s">
        <v>2795</v>
      </c>
      <c r="RLB732" s="424"/>
      <c r="RLC732" s="424"/>
      <c r="RLD732" s="424"/>
      <c r="RLE732" s="423" t="s">
        <v>2795</v>
      </c>
      <c r="RLF732" s="424"/>
      <c r="RLG732" s="424"/>
      <c r="RLH732" s="424"/>
      <c r="RLI732" s="423" t="s">
        <v>2795</v>
      </c>
      <c r="RLJ732" s="424"/>
      <c r="RLK732" s="424"/>
      <c r="RLL732" s="424"/>
      <c r="RLM732" s="423" t="s">
        <v>2795</v>
      </c>
      <c r="RLN732" s="424"/>
      <c r="RLO732" s="424"/>
      <c r="RLP732" s="424"/>
      <c r="RLQ732" s="423" t="s">
        <v>2795</v>
      </c>
      <c r="RLR732" s="424"/>
      <c r="RLS732" s="424"/>
      <c r="RLT732" s="424"/>
      <c r="RLU732" s="423" t="s">
        <v>2795</v>
      </c>
      <c r="RLV732" s="424"/>
      <c r="RLW732" s="424"/>
      <c r="RLX732" s="424"/>
      <c r="RLY732" s="423" t="s">
        <v>2795</v>
      </c>
      <c r="RLZ732" s="424"/>
      <c r="RMA732" s="424"/>
      <c r="RMB732" s="424"/>
      <c r="RMC732" s="423" t="s">
        <v>2795</v>
      </c>
      <c r="RMD732" s="424"/>
      <c r="RME732" s="424"/>
      <c r="RMF732" s="424"/>
      <c r="RMG732" s="423" t="s">
        <v>2795</v>
      </c>
      <c r="RMH732" s="424"/>
      <c r="RMI732" s="424"/>
      <c r="RMJ732" s="424"/>
      <c r="RMK732" s="423" t="s">
        <v>2795</v>
      </c>
      <c r="RML732" s="424"/>
      <c r="RMM732" s="424"/>
      <c r="RMN732" s="424"/>
      <c r="RMO732" s="423" t="s">
        <v>2795</v>
      </c>
      <c r="RMP732" s="424"/>
      <c r="RMQ732" s="424"/>
      <c r="RMR732" s="424"/>
      <c r="RMS732" s="423" t="s">
        <v>2795</v>
      </c>
      <c r="RMT732" s="424"/>
      <c r="RMU732" s="424"/>
      <c r="RMV732" s="424"/>
      <c r="RMW732" s="423" t="s">
        <v>2795</v>
      </c>
      <c r="RMX732" s="424"/>
      <c r="RMY732" s="424"/>
      <c r="RMZ732" s="424"/>
      <c r="RNA732" s="423" t="s">
        <v>2795</v>
      </c>
      <c r="RNB732" s="424"/>
      <c r="RNC732" s="424"/>
      <c r="RND732" s="424"/>
      <c r="RNE732" s="423" t="s">
        <v>2795</v>
      </c>
      <c r="RNF732" s="424"/>
      <c r="RNG732" s="424"/>
      <c r="RNH732" s="424"/>
      <c r="RNI732" s="423" t="s">
        <v>2795</v>
      </c>
      <c r="RNJ732" s="424"/>
      <c r="RNK732" s="424"/>
      <c r="RNL732" s="424"/>
      <c r="RNM732" s="423" t="s">
        <v>2795</v>
      </c>
      <c r="RNN732" s="424"/>
      <c r="RNO732" s="424"/>
      <c r="RNP732" s="424"/>
      <c r="RNQ732" s="423" t="s">
        <v>2795</v>
      </c>
      <c r="RNR732" s="424"/>
      <c r="RNS732" s="424"/>
      <c r="RNT732" s="424"/>
      <c r="RNU732" s="423" t="s">
        <v>2795</v>
      </c>
      <c r="RNV732" s="424"/>
      <c r="RNW732" s="424"/>
      <c r="RNX732" s="424"/>
      <c r="RNY732" s="423" t="s">
        <v>2795</v>
      </c>
      <c r="RNZ732" s="424"/>
      <c r="ROA732" s="424"/>
      <c r="ROB732" s="424"/>
      <c r="ROC732" s="423" t="s">
        <v>2795</v>
      </c>
      <c r="ROD732" s="424"/>
      <c r="ROE732" s="424"/>
      <c r="ROF732" s="424"/>
      <c r="ROG732" s="423" t="s">
        <v>2795</v>
      </c>
      <c r="ROH732" s="424"/>
      <c r="ROI732" s="424"/>
      <c r="ROJ732" s="424"/>
      <c r="ROK732" s="423" t="s">
        <v>2795</v>
      </c>
      <c r="ROL732" s="424"/>
      <c r="ROM732" s="424"/>
      <c r="RON732" s="424"/>
      <c r="ROO732" s="423" t="s">
        <v>2795</v>
      </c>
      <c r="ROP732" s="424"/>
      <c r="ROQ732" s="424"/>
      <c r="ROR732" s="424"/>
      <c r="ROS732" s="423" t="s">
        <v>2795</v>
      </c>
      <c r="ROT732" s="424"/>
      <c r="ROU732" s="424"/>
      <c r="ROV732" s="424"/>
      <c r="ROW732" s="423" t="s">
        <v>2795</v>
      </c>
      <c r="ROX732" s="424"/>
      <c r="ROY732" s="424"/>
      <c r="ROZ732" s="424"/>
      <c r="RPA732" s="423" t="s">
        <v>2795</v>
      </c>
      <c r="RPB732" s="424"/>
      <c r="RPC732" s="424"/>
      <c r="RPD732" s="424"/>
      <c r="RPE732" s="423" t="s">
        <v>2795</v>
      </c>
      <c r="RPF732" s="424"/>
      <c r="RPG732" s="424"/>
      <c r="RPH732" s="424"/>
      <c r="RPI732" s="423" t="s">
        <v>2795</v>
      </c>
      <c r="RPJ732" s="424"/>
      <c r="RPK732" s="424"/>
      <c r="RPL732" s="424"/>
      <c r="RPM732" s="423" t="s">
        <v>2795</v>
      </c>
      <c r="RPN732" s="424"/>
      <c r="RPO732" s="424"/>
      <c r="RPP732" s="424"/>
      <c r="RPQ732" s="423" t="s">
        <v>2795</v>
      </c>
      <c r="RPR732" s="424"/>
      <c r="RPS732" s="424"/>
      <c r="RPT732" s="424"/>
      <c r="RPU732" s="423" t="s">
        <v>2795</v>
      </c>
      <c r="RPV732" s="424"/>
      <c r="RPW732" s="424"/>
      <c r="RPX732" s="424"/>
      <c r="RPY732" s="423" t="s">
        <v>2795</v>
      </c>
      <c r="RPZ732" s="424"/>
      <c r="RQA732" s="424"/>
      <c r="RQB732" s="424"/>
      <c r="RQC732" s="423" t="s">
        <v>2795</v>
      </c>
      <c r="RQD732" s="424"/>
      <c r="RQE732" s="424"/>
      <c r="RQF732" s="424"/>
      <c r="RQG732" s="423" t="s">
        <v>2795</v>
      </c>
      <c r="RQH732" s="424"/>
      <c r="RQI732" s="424"/>
      <c r="RQJ732" s="424"/>
      <c r="RQK732" s="423" t="s">
        <v>2795</v>
      </c>
      <c r="RQL732" s="424"/>
      <c r="RQM732" s="424"/>
      <c r="RQN732" s="424"/>
      <c r="RQO732" s="423" t="s">
        <v>2795</v>
      </c>
      <c r="RQP732" s="424"/>
      <c r="RQQ732" s="424"/>
      <c r="RQR732" s="424"/>
      <c r="RQS732" s="423" t="s">
        <v>2795</v>
      </c>
      <c r="RQT732" s="424"/>
      <c r="RQU732" s="424"/>
      <c r="RQV732" s="424"/>
      <c r="RQW732" s="423" t="s">
        <v>2795</v>
      </c>
      <c r="RQX732" s="424"/>
      <c r="RQY732" s="424"/>
      <c r="RQZ732" s="424"/>
      <c r="RRA732" s="423" t="s">
        <v>2795</v>
      </c>
      <c r="RRB732" s="424"/>
      <c r="RRC732" s="424"/>
      <c r="RRD732" s="424"/>
      <c r="RRE732" s="423" t="s">
        <v>2795</v>
      </c>
      <c r="RRF732" s="424"/>
      <c r="RRG732" s="424"/>
      <c r="RRH732" s="424"/>
      <c r="RRI732" s="423" t="s">
        <v>2795</v>
      </c>
      <c r="RRJ732" s="424"/>
      <c r="RRK732" s="424"/>
      <c r="RRL732" s="424"/>
      <c r="RRM732" s="423" t="s">
        <v>2795</v>
      </c>
      <c r="RRN732" s="424"/>
      <c r="RRO732" s="424"/>
      <c r="RRP732" s="424"/>
      <c r="RRQ732" s="423" t="s">
        <v>2795</v>
      </c>
      <c r="RRR732" s="424"/>
      <c r="RRS732" s="424"/>
      <c r="RRT732" s="424"/>
      <c r="RRU732" s="423" t="s">
        <v>2795</v>
      </c>
      <c r="RRV732" s="424"/>
      <c r="RRW732" s="424"/>
      <c r="RRX732" s="424"/>
      <c r="RRY732" s="423" t="s">
        <v>2795</v>
      </c>
      <c r="RRZ732" s="424"/>
      <c r="RSA732" s="424"/>
      <c r="RSB732" s="424"/>
      <c r="RSC732" s="423" t="s">
        <v>2795</v>
      </c>
      <c r="RSD732" s="424"/>
      <c r="RSE732" s="424"/>
      <c r="RSF732" s="424"/>
      <c r="RSG732" s="423" t="s">
        <v>2795</v>
      </c>
      <c r="RSH732" s="424"/>
      <c r="RSI732" s="424"/>
      <c r="RSJ732" s="424"/>
      <c r="RSK732" s="423" t="s">
        <v>2795</v>
      </c>
      <c r="RSL732" s="424"/>
      <c r="RSM732" s="424"/>
      <c r="RSN732" s="424"/>
      <c r="RSO732" s="423" t="s">
        <v>2795</v>
      </c>
      <c r="RSP732" s="424"/>
      <c r="RSQ732" s="424"/>
      <c r="RSR732" s="424"/>
      <c r="RSS732" s="423" t="s">
        <v>2795</v>
      </c>
      <c r="RST732" s="424"/>
      <c r="RSU732" s="424"/>
      <c r="RSV732" s="424"/>
      <c r="RSW732" s="423" t="s">
        <v>2795</v>
      </c>
      <c r="RSX732" s="424"/>
      <c r="RSY732" s="424"/>
      <c r="RSZ732" s="424"/>
      <c r="RTA732" s="423" t="s">
        <v>2795</v>
      </c>
      <c r="RTB732" s="424"/>
      <c r="RTC732" s="424"/>
      <c r="RTD732" s="424"/>
      <c r="RTE732" s="423" t="s">
        <v>2795</v>
      </c>
      <c r="RTF732" s="424"/>
      <c r="RTG732" s="424"/>
      <c r="RTH732" s="424"/>
      <c r="RTI732" s="423" t="s">
        <v>2795</v>
      </c>
      <c r="RTJ732" s="424"/>
      <c r="RTK732" s="424"/>
      <c r="RTL732" s="424"/>
      <c r="RTM732" s="423" t="s">
        <v>2795</v>
      </c>
      <c r="RTN732" s="424"/>
      <c r="RTO732" s="424"/>
      <c r="RTP732" s="424"/>
      <c r="RTQ732" s="423" t="s">
        <v>2795</v>
      </c>
      <c r="RTR732" s="424"/>
      <c r="RTS732" s="424"/>
      <c r="RTT732" s="424"/>
      <c r="RTU732" s="423" t="s">
        <v>2795</v>
      </c>
      <c r="RTV732" s="424"/>
      <c r="RTW732" s="424"/>
      <c r="RTX732" s="424"/>
      <c r="RTY732" s="423" t="s">
        <v>2795</v>
      </c>
      <c r="RTZ732" s="424"/>
      <c r="RUA732" s="424"/>
      <c r="RUB732" s="424"/>
      <c r="RUC732" s="423" t="s">
        <v>2795</v>
      </c>
      <c r="RUD732" s="424"/>
      <c r="RUE732" s="424"/>
      <c r="RUF732" s="424"/>
      <c r="RUG732" s="423" t="s">
        <v>2795</v>
      </c>
      <c r="RUH732" s="424"/>
      <c r="RUI732" s="424"/>
      <c r="RUJ732" s="424"/>
      <c r="RUK732" s="423" t="s">
        <v>2795</v>
      </c>
      <c r="RUL732" s="424"/>
      <c r="RUM732" s="424"/>
      <c r="RUN732" s="424"/>
      <c r="RUO732" s="423" t="s">
        <v>2795</v>
      </c>
      <c r="RUP732" s="424"/>
      <c r="RUQ732" s="424"/>
      <c r="RUR732" s="424"/>
      <c r="RUS732" s="423" t="s">
        <v>2795</v>
      </c>
      <c r="RUT732" s="424"/>
      <c r="RUU732" s="424"/>
      <c r="RUV732" s="424"/>
      <c r="RUW732" s="423" t="s">
        <v>2795</v>
      </c>
      <c r="RUX732" s="424"/>
      <c r="RUY732" s="424"/>
      <c r="RUZ732" s="424"/>
      <c r="RVA732" s="423" t="s">
        <v>2795</v>
      </c>
      <c r="RVB732" s="424"/>
      <c r="RVC732" s="424"/>
      <c r="RVD732" s="424"/>
      <c r="RVE732" s="423" t="s">
        <v>2795</v>
      </c>
      <c r="RVF732" s="424"/>
      <c r="RVG732" s="424"/>
      <c r="RVH732" s="424"/>
      <c r="RVI732" s="423" t="s">
        <v>2795</v>
      </c>
      <c r="RVJ732" s="424"/>
      <c r="RVK732" s="424"/>
      <c r="RVL732" s="424"/>
      <c r="RVM732" s="423" t="s">
        <v>2795</v>
      </c>
      <c r="RVN732" s="424"/>
      <c r="RVO732" s="424"/>
      <c r="RVP732" s="424"/>
      <c r="RVQ732" s="423" t="s">
        <v>2795</v>
      </c>
      <c r="RVR732" s="424"/>
      <c r="RVS732" s="424"/>
      <c r="RVT732" s="424"/>
      <c r="RVU732" s="423" t="s">
        <v>2795</v>
      </c>
      <c r="RVV732" s="424"/>
      <c r="RVW732" s="424"/>
      <c r="RVX732" s="424"/>
      <c r="RVY732" s="423" t="s">
        <v>2795</v>
      </c>
      <c r="RVZ732" s="424"/>
      <c r="RWA732" s="424"/>
      <c r="RWB732" s="424"/>
      <c r="RWC732" s="423" t="s">
        <v>2795</v>
      </c>
      <c r="RWD732" s="424"/>
      <c r="RWE732" s="424"/>
      <c r="RWF732" s="424"/>
      <c r="RWG732" s="423" t="s">
        <v>2795</v>
      </c>
      <c r="RWH732" s="424"/>
      <c r="RWI732" s="424"/>
      <c r="RWJ732" s="424"/>
      <c r="RWK732" s="423" t="s">
        <v>2795</v>
      </c>
      <c r="RWL732" s="424"/>
      <c r="RWM732" s="424"/>
      <c r="RWN732" s="424"/>
      <c r="RWO732" s="423" t="s">
        <v>2795</v>
      </c>
      <c r="RWP732" s="424"/>
      <c r="RWQ732" s="424"/>
      <c r="RWR732" s="424"/>
      <c r="RWS732" s="423" t="s">
        <v>2795</v>
      </c>
      <c r="RWT732" s="424"/>
      <c r="RWU732" s="424"/>
      <c r="RWV732" s="424"/>
      <c r="RWW732" s="423" t="s">
        <v>2795</v>
      </c>
      <c r="RWX732" s="424"/>
      <c r="RWY732" s="424"/>
      <c r="RWZ732" s="424"/>
      <c r="RXA732" s="423" t="s">
        <v>2795</v>
      </c>
      <c r="RXB732" s="424"/>
      <c r="RXC732" s="424"/>
      <c r="RXD732" s="424"/>
      <c r="RXE732" s="423" t="s">
        <v>2795</v>
      </c>
      <c r="RXF732" s="424"/>
      <c r="RXG732" s="424"/>
      <c r="RXH732" s="424"/>
      <c r="RXI732" s="423" t="s">
        <v>2795</v>
      </c>
      <c r="RXJ732" s="424"/>
      <c r="RXK732" s="424"/>
      <c r="RXL732" s="424"/>
      <c r="RXM732" s="423" t="s">
        <v>2795</v>
      </c>
      <c r="RXN732" s="424"/>
      <c r="RXO732" s="424"/>
      <c r="RXP732" s="424"/>
      <c r="RXQ732" s="423" t="s">
        <v>2795</v>
      </c>
      <c r="RXR732" s="424"/>
      <c r="RXS732" s="424"/>
      <c r="RXT732" s="424"/>
      <c r="RXU732" s="423" t="s">
        <v>2795</v>
      </c>
      <c r="RXV732" s="424"/>
      <c r="RXW732" s="424"/>
      <c r="RXX732" s="424"/>
      <c r="RXY732" s="423" t="s">
        <v>2795</v>
      </c>
      <c r="RXZ732" s="424"/>
      <c r="RYA732" s="424"/>
      <c r="RYB732" s="424"/>
      <c r="RYC732" s="423" t="s">
        <v>2795</v>
      </c>
      <c r="RYD732" s="424"/>
      <c r="RYE732" s="424"/>
      <c r="RYF732" s="424"/>
      <c r="RYG732" s="423" t="s">
        <v>2795</v>
      </c>
      <c r="RYH732" s="424"/>
      <c r="RYI732" s="424"/>
      <c r="RYJ732" s="424"/>
      <c r="RYK732" s="423" t="s">
        <v>2795</v>
      </c>
      <c r="RYL732" s="424"/>
      <c r="RYM732" s="424"/>
      <c r="RYN732" s="424"/>
      <c r="RYO732" s="423" t="s">
        <v>2795</v>
      </c>
      <c r="RYP732" s="424"/>
      <c r="RYQ732" s="424"/>
      <c r="RYR732" s="424"/>
      <c r="RYS732" s="423" t="s">
        <v>2795</v>
      </c>
      <c r="RYT732" s="424"/>
      <c r="RYU732" s="424"/>
      <c r="RYV732" s="424"/>
      <c r="RYW732" s="423" t="s">
        <v>2795</v>
      </c>
      <c r="RYX732" s="424"/>
      <c r="RYY732" s="424"/>
      <c r="RYZ732" s="424"/>
      <c r="RZA732" s="423" t="s">
        <v>2795</v>
      </c>
      <c r="RZB732" s="424"/>
      <c r="RZC732" s="424"/>
      <c r="RZD732" s="424"/>
      <c r="RZE732" s="423" t="s">
        <v>2795</v>
      </c>
      <c r="RZF732" s="424"/>
      <c r="RZG732" s="424"/>
      <c r="RZH732" s="424"/>
      <c r="RZI732" s="423" t="s">
        <v>2795</v>
      </c>
      <c r="RZJ732" s="424"/>
      <c r="RZK732" s="424"/>
      <c r="RZL732" s="424"/>
      <c r="RZM732" s="423" t="s">
        <v>2795</v>
      </c>
      <c r="RZN732" s="424"/>
      <c r="RZO732" s="424"/>
      <c r="RZP732" s="424"/>
      <c r="RZQ732" s="423" t="s">
        <v>2795</v>
      </c>
      <c r="RZR732" s="424"/>
      <c r="RZS732" s="424"/>
      <c r="RZT732" s="424"/>
      <c r="RZU732" s="423" t="s">
        <v>2795</v>
      </c>
      <c r="RZV732" s="424"/>
      <c r="RZW732" s="424"/>
      <c r="RZX732" s="424"/>
      <c r="RZY732" s="423" t="s">
        <v>2795</v>
      </c>
      <c r="RZZ732" s="424"/>
      <c r="SAA732" s="424"/>
      <c r="SAB732" s="424"/>
      <c r="SAC732" s="423" t="s">
        <v>2795</v>
      </c>
      <c r="SAD732" s="424"/>
      <c r="SAE732" s="424"/>
      <c r="SAF732" s="424"/>
      <c r="SAG732" s="423" t="s">
        <v>2795</v>
      </c>
      <c r="SAH732" s="424"/>
      <c r="SAI732" s="424"/>
      <c r="SAJ732" s="424"/>
      <c r="SAK732" s="423" t="s">
        <v>2795</v>
      </c>
      <c r="SAL732" s="424"/>
      <c r="SAM732" s="424"/>
      <c r="SAN732" s="424"/>
      <c r="SAO732" s="423" t="s">
        <v>2795</v>
      </c>
      <c r="SAP732" s="424"/>
      <c r="SAQ732" s="424"/>
      <c r="SAR732" s="424"/>
      <c r="SAS732" s="423" t="s">
        <v>2795</v>
      </c>
      <c r="SAT732" s="424"/>
      <c r="SAU732" s="424"/>
      <c r="SAV732" s="424"/>
      <c r="SAW732" s="423" t="s">
        <v>2795</v>
      </c>
      <c r="SAX732" s="424"/>
      <c r="SAY732" s="424"/>
      <c r="SAZ732" s="424"/>
      <c r="SBA732" s="423" t="s">
        <v>2795</v>
      </c>
      <c r="SBB732" s="424"/>
      <c r="SBC732" s="424"/>
      <c r="SBD732" s="424"/>
      <c r="SBE732" s="423" t="s">
        <v>2795</v>
      </c>
      <c r="SBF732" s="424"/>
      <c r="SBG732" s="424"/>
      <c r="SBH732" s="424"/>
      <c r="SBI732" s="423" t="s">
        <v>2795</v>
      </c>
      <c r="SBJ732" s="424"/>
      <c r="SBK732" s="424"/>
      <c r="SBL732" s="424"/>
      <c r="SBM732" s="423" t="s">
        <v>2795</v>
      </c>
      <c r="SBN732" s="424"/>
      <c r="SBO732" s="424"/>
      <c r="SBP732" s="424"/>
      <c r="SBQ732" s="423" t="s">
        <v>2795</v>
      </c>
      <c r="SBR732" s="424"/>
      <c r="SBS732" s="424"/>
      <c r="SBT732" s="424"/>
      <c r="SBU732" s="423" t="s">
        <v>2795</v>
      </c>
      <c r="SBV732" s="424"/>
      <c r="SBW732" s="424"/>
      <c r="SBX732" s="424"/>
      <c r="SBY732" s="423" t="s">
        <v>2795</v>
      </c>
      <c r="SBZ732" s="424"/>
      <c r="SCA732" s="424"/>
      <c r="SCB732" s="424"/>
      <c r="SCC732" s="423" t="s">
        <v>2795</v>
      </c>
      <c r="SCD732" s="424"/>
      <c r="SCE732" s="424"/>
      <c r="SCF732" s="424"/>
      <c r="SCG732" s="423" t="s">
        <v>2795</v>
      </c>
      <c r="SCH732" s="424"/>
      <c r="SCI732" s="424"/>
      <c r="SCJ732" s="424"/>
      <c r="SCK732" s="423" t="s">
        <v>2795</v>
      </c>
      <c r="SCL732" s="424"/>
      <c r="SCM732" s="424"/>
      <c r="SCN732" s="424"/>
      <c r="SCO732" s="423" t="s">
        <v>2795</v>
      </c>
      <c r="SCP732" s="424"/>
      <c r="SCQ732" s="424"/>
      <c r="SCR732" s="424"/>
      <c r="SCS732" s="423" t="s">
        <v>2795</v>
      </c>
      <c r="SCT732" s="424"/>
      <c r="SCU732" s="424"/>
      <c r="SCV732" s="424"/>
      <c r="SCW732" s="423" t="s">
        <v>2795</v>
      </c>
      <c r="SCX732" s="424"/>
      <c r="SCY732" s="424"/>
      <c r="SCZ732" s="424"/>
      <c r="SDA732" s="423" t="s">
        <v>2795</v>
      </c>
      <c r="SDB732" s="424"/>
      <c r="SDC732" s="424"/>
      <c r="SDD732" s="424"/>
      <c r="SDE732" s="423" t="s">
        <v>2795</v>
      </c>
      <c r="SDF732" s="424"/>
      <c r="SDG732" s="424"/>
      <c r="SDH732" s="424"/>
      <c r="SDI732" s="423" t="s">
        <v>2795</v>
      </c>
      <c r="SDJ732" s="424"/>
      <c r="SDK732" s="424"/>
      <c r="SDL732" s="424"/>
      <c r="SDM732" s="423" t="s">
        <v>2795</v>
      </c>
      <c r="SDN732" s="424"/>
      <c r="SDO732" s="424"/>
      <c r="SDP732" s="424"/>
      <c r="SDQ732" s="423" t="s">
        <v>2795</v>
      </c>
      <c r="SDR732" s="424"/>
      <c r="SDS732" s="424"/>
      <c r="SDT732" s="424"/>
      <c r="SDU732" s="423" t="s">
        <v>2795</v>
      </c>
      <c r="SDV732" s="424"/>
      <c r="SDW732" s="424"/>
      <c r="SDX732" s="424"/>
      <c r="SDY732" s="423" t="s">
        <v>2795</v>
      </c>
      <c r="SDZ732" s="424"/>
      <c r="SEA732" s="424"/>
      <c r="SEB732" s="424"/>
      <c r="SEC732" s="423" t="s">
        <v>2795</v>
      </c>
      <c r="SED732" s="424"/>
      <c r="SEE732" s="424"/>
      <c r="SEF732" s="424"/>
      <c r="SEG732" s="423" t="s">
        <v>2795</v>
      </c>
      <c r="SEH732" s="424"/>
      <c r="SEI732" s="424"/>
      <c r="SEJ732" s="424"/>
      <c r="SEK732" s="423" t="s">
        <v>2795</v>
      </c>
      <c r="SEL732" s="424"/>
      <c r="SEM732" s="424"/>
      <c r="SEN732" s="424"/>
      <c r="SEO732" s="423" t="s">
        <v>2795</v>
      </c>
      <c r="SEP732" s="424"/>
      <c r="SEQ732" s="424"/>
      <c r="SER732" s="424"/>
      <c r="SES732" s="423" t="s">
        <v>2795</v>
      </c>
      <c r="SET732" s="424"/>
      <c r="SEU732" s="424"/>
      <c r="SEV732" s="424"/>
      <c r="SEW732" s="423" t="s">
        <v>2795</v>
      </c>
      <c r="SEX732" s="424"/>
      <c r="SEY732" s="424"/>
      <c r="SEZ732" s="424"/>
      <c r="SFA732" s="423" t="s">
        <v>2795</v>
      </c>
      <c r="SFB732" s="424"/>
      <c r="SFC732" s="424"/>
      <c r="SFD732" s="424"/>
      <c r="SFE732" s="423" t="s">
        <v>2795</v>
      </c>
      <c r="SFF732" s="424"/>
      <c r="SFG732" s="424"/>
      <c r="SFH732" s="424"/>
      <c r="SFI732" s="423" t="s">
        <v>2795</v>
      </c>
      <c r="SFJ732" s="424"/>
      <c r="SFK732" s="424"/>
      <c r="SFL732" s="424"/>
      <c r="SFM732" s="423" t="s">
        <v>2795</v>
      </c>
      <c r="SFN732" s="424"/>
      <c r="SFO732" s="424"/>
      <c r="SFP732" s="424"/>
      <c r="SFQ732" s="423" t="s">
        <v>2795</v>
      </c>
      <c r="SFR732" s="424"/>
      <c r="SFS732" s="424"/>
      <c r="SFT732" s="424"/>
      <c r="SFU732" s="423" t="s">
        <v>2795</v>
      </c>
      <c r="SFV732" s="424"/>
      <c r="SFW732" s="424"/>
      <c r="SFX732" s="424"/>
      <c r="SFY732" s="423" t="s">
        <v>2795</v>
      </c>
      <c r="SFZ732" s="424"/>
      <c r="SGA732" s="424"/>
      <c r="SGB732" s="424"/>
      <c r="SGC732" s="423" t="s">
        <v>2795</v>
      </c>
      <c r="SGD732" s="424"/>
      <c r="SGE732" s="424"/>
      <c r="SGF732" s="424"/>
      <c r="SGG732" s="423" t="s">
        <v>2795</v>
      </c>
      <c r="SGH732" s="424"/>
      <c r="SGI732" s="424"/>
      <c r="SGJ732" s="424"/>
      <c r="SGK732" s="423" t="s">
        <v>2795</v>
      </c>
      <c r="SGL732" s="424"/>
      <c r="SGM732" s="424"/>
      <c r="SGN732" s="424"/>
      <c r="SGO732" s="423" t="s">
        <v>2795</v>
      </c>
      <c r="SGP732" s="424"/>
      <c r="SGQ732" s="424"/>
      <c r="SGR732" s="424"/>
      <c r="SGS732" s="423" t="s">
        <v>2795</v>
      </c>
      <c r="SGT732" s="424"/>
      <c r="SGU732" s="424"/>
      <c r="SGV732" s="424"/>
      <c r="SGW732" s="423" t="s">
        <v>2795</v>
      </c>
      <c r="SGX732" s="424"/>
      <c r="SGY732" s="424"/>
      <c r="SGZ732" s="424"/>
      <c r="SHA732" s="423" t="s">
        <v>2795</v>
      </c>
      <c r="SHB732" s="424"/>
      <c r="SHC732" s="424"/>
      <c r="SHD732" s="424"/>
      <c r="SHE732" s="423" t="s">
        <v>2795</v>
      </c>
      <c r="SHF732" s="424"/>
      <c r="SHG732" s="424"/>
      <c r="SHH732" s="424"/>
      <c r="SHI732" s="423" t="s">
        <v>2795</v>
      </c>
      <c r="SHJ732" s="424"/>
      <c r="SHK732" s="424"/>
      <c r="SHL732" s="424"/>
      <c r="SHM732" s="423" t="s">
        <v>2795</v>
      </c>
      <c r="SHN732" s="424"/>
      <c r="SHO732" s="424"/>
      <c r="SHP732" s="424"/>
      <c r="SHQ732" s="423" t="s">
        <v>2795</v>
      </c>
      <c r="SHR732" s="424"/>
      <c r="SHS732" s="424"/>
      <c r="SHT732" s="424"/>
      <c r="SHU732" s="423" t="s">
        <v>2795</v>
      </c>
      <c r="SHV732" s="424"/>
      <c r="SHW732" s="424"/>
      <c r="SHX732" s="424"/>
      <c r="SHY732" s="423" t="s">
        <v>2795</v>
      </c>
      <c r="SHZ732" s="424"/>
      <c r="SIA732" s="424"/>
      <c r="SIB732" s="424"/>
      <c r="SIC732" s="423" t="s">
        <v>2795</v>
      </c>
      <c r="SID732" s="424"/>
      <c r="SIE732" s="424"/>
      <c r="SIF732" s="424"/>
      <c r="SIG732" s="423" t="s">
        <v>2795</v>
      </c>
      <c r="SIH732" s="424"/>
      <c r="SII732" s="424"/>
      <c r="SIJ732" s="424"/>
      <c r="SIK732" s="423" t="s">
        <v>2795</v>
      </c>
      <c r="SIL732" s="424"/>
      <c r="SIM732" s="424"/>
      <c r="SIN732" s="424"/>
      <c r="SIO732" s="423" t="s">
        <v>2795</v>
      </c>
      <c r="SIP732" s="424"/>
      <c r="SIQ732" s="424"/>
      <c r="SIR732" s="424"/>
      <c r="SIS732" s="423" t="s">
        <v>2795</v>
      </c>
      <c r="SIT732" s="424"/>
      <c r="SIU732" s="424"/>
      <c r="SIV732" s="424"/>
      <c r="SIW732" s="423" t="s">
        <v>2795</v>
      </c>
      <c r="SIX732" s="424"/>
      <c r="SIY732" s="424"/>
      <c r="SIZ732" s="424"/>
      <c r="SJA732" s="423" t="s">
        <v>2795</v>
      </c>
      <c r="SJB732" s="424"/>
      <c r="SJC732" s="424"/>
      <c r="SJD732" s="424"/>
      <c r="SJE732" s="423" t="s">
        <v>2795</v>
      </c>
      <c r="SJF732" s="424"/>
      <c r="SJG732" s="424"/>
      <c r="SJH732" s="424"/>
      <c r="SJI732" s="423" t="s">
        <v>2795</v>
      </c>
      <c r="SJJ732" s="424"/>
      <c r="SJK732" s="424"/>
      <c r="SJL732" s="424"/>
      <c r="SJM732" s="423" t="s">
        <v>2795</v>
      </c>
      <c r="SJN732" s="424"/>
      <c r="SJO732" s="424"/>
      <c r="SJP732" s="424"/>
      <c r="SJQ732" s="423" t="s">
        <v>2795</v>
      </c>
      <c r="SJR732" s="424"/>
      <c r="SJS732" s="424"/>
      <c r="SJT732" s="424"/>
      <c r="SJU732" s="423" t="s">
        <v>2795</v>
      </c>
      <c r="SJV732" s="424"/>
      <c r="SJW732" s="424"/>
      <c r="SJX732" s="424"/>
      <c r="SJY732" s="423" t="s">
        <v>2795</v>
      </c>
      <c r="SJZ732" s="424"/>
      <c r="SKA732" s="424"/>
      <c r="SKB732" s="424"/>
      <c r="SKC732" s="423" t="s">
        <v>2795</v>
      </c>
      <c r="SKD732" s="424"/>
      <c r="SKE732" s="424"/>
      <c r="SKF732" s="424"/>
      <c r="SKG732" s="423" t="s">
        <v>2795</v>
      </c>
      <c r="SKH732" s="424"/>
      <c r="SKI732" s="424"/>
      <c r="SKJ732" s="424"/>
      <c r="SKK732" s="423" t="s">
        <v>2795</v>
      </c>
      <c r="SKL732" s="424"/>
      <c r="SKM732" s="424"/>
      <c r="SKN732" s="424"/>
      <c r="SKO732" s="423" t="s">
        <v>2795</v>
      </c>
      <c r="SKP732" s="424"/>
      <c r="SKQ732" s="424"/>
      <c r="SKR732" s="424"/>
      <c r="SKS732" s="423" t="s">
        <v>2795</v>
      </c>
      <c r="SKT732" s="424"/>
      <c r="SKU732" s="424"/>
      <c r="SKV732" s="424"/>
      <c r="SKW732" s="423" t="s">
        <v>2795</v>
      </c>
      <c r="SKX732" s="424"/>
      <c r="SKY732" s="424"/>
      <c r="SKZ732" s="424"/>
      <c r="SLA732" s="423" t="s">
        <v>2795</v>
      </c>
      <c r="SLB732" s="424"/>
      <c r="SLC732" s="424"/>
      <c r="SLD732" s="424"/>
      <c r="SLE732" s="423" t="s">
        <v>2795</v>
      </c>
      <c r="SLF732" s="424"/>
      <c r="SLG732" s="424"/>
      <c r="SLH732" s="424"/>
      <c r="SLI732" s="423" t="s">
        <v>2795</v>
      </c>
      <c r="SLJ732" s="424"/>
      <c r="SLK732" s="424"/>
      <c r="SLL732" s="424"/>
      <c r="SLM732" s="423" t="s">
        <v>2795</v>
      </c>
      <c r="SLN732" s="424"/>
      <c r="SLO732" s="424"/>
      <c r="SLP732" s="424"/>
      <c r="SLQ732" s="423" t="s">
        <v>2795</v>
      </c>
      <c r="SLR732" s="424"/>
      <c r="SLS732" s="424"/>
      <c r="SLT732" s="424"/>
      <c r="SLU732" s="423" t="s">
        <v>2795</v>
      </c>
      <c r="SLV732" s="424"/>
      <c r="SLW732" s="424"/>
      <c r="SLX732" s="424"/>
      <c r="SLY732" s="423" t="s">
        <v>2795</v>
      </c>
      <c r="SLZ732" s="424"/>
      <c r="SMA732" s="424"/>
      <c r="SMB732" s="424"/>
      <c r="SMC732" s="423" t="s">
        <v>2795</v>
      </c>
      <c r="SMD732" s="424"/>
      <c r="SME732" s="424"/>
      <c r="SMF732" s="424"/>
      <c r="SMG732" s="423" t="s">
        <v>2795</v>
      </c>
      <c r="SMH732" s="424"/>
      <c r="SMI732" s="424"/>
      <c r="SMJ732" s="424"/>
      <c r="SMK732" s="423" t="s">
        <v>2795</v>
      </c>
      <c r="SML732" s="424"/>
      <c r="SMM732" s="424"/>
      <c r="SMN732" s="424"/>
      <c r="SMO732" s="423" t="s">
        <v>2795</v>
      </c>
      <c r="SMP732" s="424"/>
      <c r="SMQ732" s="424"/>
      <c r="SMR732" s="424"/>
      <c r="SMS732" s="423" t="s">
        <v>2795</v>
      </c>
      <c r="SMT732" s="424"/>
      <c r="SMU732" s="424"/>
      <c r="SMV732" s="424"/>
      <c r="SMW732" s="423" t="s">
        <v>2795</v>
      </c>
      <c r="SMX732" s="424"/>
      <c r="SMY732" s="424"/>
      <c r="SMZ732" s="424"/>
      <c r="SNA732" s="423" t="s">
        <v>2795</v>
      </c>
      <c r="SNB732" s="424"/>
      <c r="SNC732" s="424"/>
      <c r="SND732" s="424"/>
      <c r="SNE732" s="423" t="s">
        <v>2795</v>
      </c>
      <c r="SNF732" s="424"/>
      <c r="SNG732" s="424"/>
      <c r="SNH732" s="424"/>
      <c r="SNI732" s="423" t="s">
        <v>2795</v>
      </c>
      <c r="SNJ732" s="424"/>
      <c r="SNK732" s="424"/>
      <c r="SNL732" s="424"/>
      <c r="SNM732" s="423" t="s">
        <v>2795</v>
      </c>
      <c r="SNN732" s="424"/>
      <c r="SNO732" s="424"/>
      <c r="SNP732" s="424"/>
      <c r="SNQ732" s="423" t="s">
        <v>2795</v>
      </c>
      <c r="SNR732" s="424"/>
      <c r="SNS732" s="424"/>
      <c r="SNT732" s="424"/>
      <c r="SNU732" s="423" t="s">
        <v>2795</v>
      </c>
      <c r="SNV732" s="424"/>
      <c r="SNW732" s="424"/>
      <c r="SNX732" s="424"/>
      <c r="SNY732" s="423" t="s">
        <v>2795</v>
      </c>
      <c r="SNZ732" s="424"/>
      <c r="SOA732" s="424"/>
      <c r="SOB732" s="424"/>
      <c r="SOC732" s="423" t="s">
        <v>2795</v>
      </c>
      <c r="SOD732" s="424"/>
      <c r="SOE732" s="424"/>
      <c r="SOF732" s="424"/>
      <c r="SOG732" s="423" t="s">
        <v>2795</v>
      </c>
      <c r="SOH732" s="424"/>
      <c r="SOI732" s="424"/>
      <c r="SOJ732" s="424"/>
      <c r="SOK732" s="423" t="s">
        <v>2795</v>
      </c>
      <c r="SOL732" s="424"/>
      <c r="SOM732" s="424"/>
      <c r="SON732" s="424"/>
      <c r="SOO732" s="423" t="s">
        <v>2795</v>
      </c>
      <c r="SOP732" s="424"/>
      <c r="SOQ732" s="424"/>
      <c r="SOR732" s="424"/>
      <c r="SOS732" s="423" t="s">
        <v>2795</v>
      </c>
      <c r="SOT732" s="424"/>
      <c r="SOU732" s="424"/>
      <c r="SOV732" s="424"/>
      <c r="SOW732" s="423" t="s">
        <v>2795</v>
      </c>
      <c r="SOX732" s="424"/>
      <c r="SOY732" s="424"/>
      <c r="SOZ732" s="424"/>
      <c r="SPA732" s="423" t="s">
        <v>2795</v>
      </c>
      <c r="SPB732" s="424"/>
      <c r="SPC732" s="424"/>
      <c r="SPD732" s="424"/>
      <c r="SPE732" s="423" t="s">
        <v>2795</v>
      </c>
      <c r="SPF732" s="424"/>
      <c r="SPG732" s="424"/>
      <c r="SPH732" s="424"/>
      <c r="SPI732" s="423" t="s">
        <v>2795</v>
      </c>
      <c r="SPJ732" s="424"/>
      <c r="SPK732" s="424"/>
      <c r="SPL732" s="424"/>
      <c r="SPM732" s="423" t="s">
        <v>2795</v>
      </c>
      <c r="SPN732" s="424"/>
      <c r="SPO732" s="424"/>
      <c r="SPP732" s="424"/>
      <c r="SPQ732" s="423" t="s">
        <v>2795</v>
      </c>
      <c r="SPR732" s="424"/>
      <c r="SPS732" s="424"/>
      <c r="SPT732" s="424"/>
      <c r="SPU732" s="423" t="s">
        <v>2795</v>
      </c>
      <c r="SPV732" s="424"/>
      <c r="SPW732" s="424"/>
      <c r="SPX732" s="424"/>
      <c r="SPY732" s="423" t="s">
        <v>2795</v>
      </c>
      <c r="SPZ732" s="424"/>
      <c r="SQA732" s="424"/>
      <c r="SQB732" s="424"/>
      <c r="SQC732" s="423" t="s">
        <v>2795</v>
      </c>
      <c r="SQD732" s="424"/>
      <c r="SQE732" s="424"/>
      <c r="SQF732" s="424"/>
      <c r="SQG732" s="423" t="s">
        <v>2795</v>
      </c>
      <c r="SQH732" s="424"/>
      <c r="SQI732" s="424"/>
      <c r="SQJ732" s="424"/>
      <c r="SQK732" s="423" t="s">
        <v>2795</v>
      </c>
      <c r="SQL732" s="424"/>
      <c r="SQM732" s="424"/>
      <c r="SQN732" s="424"/>
      <c r="SQO732" s="423" t="s">
        <v>2795</v>
      </c>
      <c r="SQP732" s="424"/>
      <c r="SQQ732" s="424"/>
      <c r="SQR732" s="424"/>
      <c r="SQS732" s="423" t="s">
        <v>2795</v>
      </c>
      <c r="SQT732" s="424"/>
      <c r="SQU732" s="424"/>
      <c r="SQV732" s="424"/>
      <c r="SQW732" s="423" t="s">
        <v>2795</v>
      </c>
      <c r="SQX732" s="424"/>
      <c r="SQY732" s="424"/>
      <c r="SQZ732" s="424"/>
      <c r="SRA732" s="423" t="s">
        <v>2795</v>
      </c>
      <c r="SRB732" s="424"/>
      <c r="SRC732" s="424"/>
      <c r="SRD732" s="424"/>
      <c r="SRE732" s="423" t="s">
        <v>2795</v>
      </c>
      <c r="SRF732" s="424"/>
      <c r="SRG732" s="424"/>
      <c r="SRH732" s="424"/>
      <c r="SRI732" s="423" t="s">
        <v>2795</v>
      </c>
      <c r="SRJ732" s="424"/>
      <c r="SRK732" s="424"/>
      <c r="SRL732" s="424"/>
      <c r="SRM732" s="423" t="s">
        <v>2795</v>
      </c>
      <c r="SRN732" s="424"/>
      <c r="SRO732" s="424"/>
      <c r="SRP732" s="424"/>
      <c r="SRQ732" s="423" t="s">
        <v>2795</v>
      </c>
      <c r="SRR732" s="424"/>
      <c r="SRS732" s="424"/>
      <c r="SRT732" s="424"/>
      <c r="SRU732" s="423" t="s">
        <v>2795</v>
      </c>
      <c r="SRV732" s="424"/>
      <c r="SRW732" s="424"/>
      <c r="SRX732" s="424"/>
      <c r="SRY732" s="423" t="s">
        <v>2795</v>
      </c>
      <c r="SRZ732" s="424"/>
      <c r="SSA732" s="424"/>
      <c r="SSB732" s="424"/>
      <c r="SSC732" s="423" t="s">
        <v>2795</v>
      </c>
      <c r="SSD732" s="424"/>
      <c r="SSE732" s="424"/>
      <c r="SSF732" s="424"/>
      <c r="SSG732" s="423" t="s">
        <v>2795</v>
      </c>
      <c r="SSH732" s="424"/>
      <c r="SSI732" s="424"/>
      <c r="SSJ732" s="424"/>
      <c r="SSK732" s="423" t="s">
        <v>2795</v>
      </c>
      <c r="SSL732" s="424"/>
      <c r="SSM732" s="424"/>
      <c r="SSN732" s="424"/>
      <c r="SSO732" s="423" t="s">
        <v>2795</v>
      </c>
      <c r="SSP732" s="424"/>
      <c r="SSQ732" s="424"/>
      <c r="SSR732" s="424"/>
      <c r="SSS732" s="423" t="s">
        <v>2795</v>
      </c>
      <c r="SST732" s="424"/>
      <c r="SSU732" s="424"/>
      <c r="SSV732" s="424"/>
      <c r="SSW732" s="423" t="s">
        <v>2795</v>
      </c>
      <c r="SSX732" s="424"/>
      <c r="SSY732" s="424"/>
      <c r="SSZ732" s="424"/>
      <c r="STA732" s="423" t="s">
        <v>2795</v>
      </c>
      <c r="STB732" s="424"/>
      <c r="STC732" s="424"/>
      <c r="STD732" s="424"/>
      <c r="STE732" s="423" t="s">
        <v>2795</v>
      </c>
      <c r="STF732" s="424"/>
      <c r="STG732" s="424"/>
      <c r="STH732" s="424"/>
      <c r="STI732" s="423" t="s">
        <v>2795</v>
      </c>
      <c r="STJ732" s="424"/>
      <c r="STK732" s="424"/>
      <c r="STL732" s="424"/>
      <c r="STM732" s="423" t="s">
        <v>2795</v>
      </c>
      <c r="STN732" s="424"/>
      <c r="STO732" s="424"/>
      <c r="STP732" s="424"/>
      <c r="STQ732" s="423" t="s">
        <v>2795</v>
      </c>
      <c r="STR732" s="424"/>
      <c r="STS732" s="424"/>
      <c r="STT732" s="424"/>
      <c r="STU732" s="423" t="s">
        <v>2795</v>
      </c>
      <c r="STV732" s="424"/>
      <c r="STW732" s="424"/>
      <c r="STX732" s="424"/>
      <c r="STY732" s="423" t="s">
        <v>2795</v>
      </c>
      <c r="STZ732" s="424"/>
      <c r="SUA732" s="424"/>
      <c r="SUB732" s="424"/>
      <c r="SUC732" s="423" t="s">
        <v>2795</v>
      </c>
      <c r="SUD732" s="424"/>
      <c r="SUE732" s="424"/>
      <c r="SUF732" s="424"/>
      <c r="SUG732" s="423" t="s">
        <v>2795</v>
      </c>
      <c r="SUH732" s="424"/>
      <c r="SUI732" s="424"/>
      <c r="SUJ732" s="424"/>
      <c r="SUK732" s="423" t="s">
        <v>2795</v>
      </c>
      <c r="SUL732" s="424"/>
      <c r="SUM732" s="424"/>
      <c r="SUN732" s="424"/>
      <c r="SUO732" s="423" t="s">
        <v>2795</v>
      </c>
      <c r="SUP732" s="424"/>
      <c r="SUQ732" s="424"/>
      <c r="SUR732" s="424"/>
      <c r="SUS732" s="423" t="s">
        <v>2795</v>
      </c>
      <c r="SUT732" s="424"/>
      <c r="SUU732" s="424"/>
      <c r="SUV732" s="424"/>
      <c r="SUW732" s="423" t="s">
        <v>2795</v>
      </c>
      <c r="SUX732" s="424"/>
      <c r="SUY732" s="424"/>
      <c r="SUZ732" s="424"/>
      <c r="SVA732" s="423" t="s">
        <v>2795</v>
      </c>
      <c r="SVB732" s="424"/>
      <c r="SVC732" s="424"/>
      <c r="SVD732" s="424"/>
      <c r="SVE732" s="423" t="s">
        <v>2795</v>
      </c>
      <c r="SVF732" s="424"/>
      <c r="SVG732" s="424"/>
      <c r="SVH732" s="424"/>
      <c r="SVI732" s="423" t="s">
        <v>2795</v>
      </c>
      <c r="SVJ732" s="424"/>
      <c r="SVK732" s="424"/>
      <c r="SVL732" s="424"/>
      <c r="SVM732" s="423" t="s">
        <v>2795</v>
      </c>
      <c r="SVN732" s="424"/>
      <c r="SVO732" s="424"/>
      <c r="SVP732" s="424"/>
      <c r="SVQ732" s="423" t="s">
        <v>2795</v>
      </c>
      <c r="SVR732" s="424"/>
      <c r="SVS732" s="424"/>
      <c r="SVT732" s="424"/>
      <c r="SVU732" s="423" t="s">
        <v>2795</v>
      </c>
      <c r="SVV732" s="424"/>
      <c r="SVW732" s="424"/>
      <c r="SVX732" s="424"/>
      <c r="SVY732" s="423" t="s">
        <v>2795</v>
      </c>
      <c r="SVZ732" s="424"/>
      <c r="SWA732" s="424"/>
      <c r="SWB732" s="424"/>
      <c r="SWC732" s="423" t="s">
        <v>2795</v>
      </c>
      <c r="SWD732" s="424"/>
      <c r="SWE732" s="424"/>
      <c r="SWF732" s="424"/>
      <c r="SWG732" s="423" t="s">
        <v>2795</v>
      </c>
      <c r="SWH732" s="424"/>
      <c r="SWI732" s="424"/>
      <c r="SWJ732" s="424"/>
      <c r="SWK732" s="423" t="s">
        <v>2795</v>
      </c>
      <c r="SWL732" s="424"/>
      <c r="SWM732" s="424"/>
      <c r="SWN732" s="424"/>
      <c r="SWO732" s="423" t="s">
        <v>2795</v>
      </c>
      <c r="SWP732" s="424"/>
      <c r="SWQ732" s="424"/>
      <c r="SWR732" s="424"/>
      <c r="SWS732" s="423" t="s">
        <v>2795</v>
      </c>
      <c r="SWT732" s="424"/>
      <c r="SWU732" s="424"/>
      <c r="SWV732" s="424"/>
      <c r="SWW732" s="423" t="s">
        <v>2795</v>
      </c>
      <c r="SWX732" s="424"/>
      <c r="SWY732" s="424"/>
      <c r="SWZ732" s="424"/>
      <c r="SXA732" s="423" t="s">
        <v>2795</v>
      </c>
      <c r="SXB732" s="424"/>
      <c r="SXC732" s="424"/>
      <c r="SXD732" s="424"/>
      <c r="SXE732" s="423" t="s">
        <v>2795</v>
      </c>
      <c r="SXF732" s="424"/>
      <c r="SXG732" s="424"/>
      <c r="SXH732" s="424"/>
      <c r="SXI732" s="423" t="s">
        <v>2795</v>
      </c>
      <c r="SXJ732" s="424"/>
      <c r="SXK732" s="424"/>
      <c r="SXL732" s="424"/>
      <c r="SXM732" s="423" t="s">
        <v>2795</v>
      </c>
      <c r="SXN732" s="424"/>
      <c r="SXO732" s="424"/>
      <c r="SXP732" s="424"/>
      <c r="SXQ732" s="423" t="s">
        <v>2795</v>
      </c>
      <c r="SXR732" s="424"/>
      <c r="SXS732" s="424"/>
      <c r="SXT732" s="424"/>
      <c r="SXU732" s="423" t="s">
        <v>2795</v>
      </c>
      <c r="SXV732" s="424"/>
      <c r="SXW732" s="424"/>
      <c r="SXX732" s="424"/>
      <c r="SXY732" s="423" t="s">
        <v>2795</v>
      </c>
      <c r="SXZ732" s="424"/>
      <c r="SYA732" s="424"/>
      <c r="SYB732" s="424"/>
      <c r="SYC732" s="423" t="s">
        <v>2795</v>
      </c>
      <c r="SYD732" s="424"/>
      <c r="SYE732" s="424"/>
      <c r="SYF732" s="424"/>
      <c r="SYG732" s="423" t="s">
        <v>2795</v>
      </c>
      <c r="SYH732" s="424"/>
      <c r="SYI732" s="424"/>
      <c r="SYJ732" s="424"/>
      <c r="SYK732" s="423" t="s">
        <v>2795</v>
      </c>
      <c r="SYL732" s="424"/>
      <c r="SYM732" s="424"/>
      <c r="SYN732" s="424"/>
      <c r="SYO732" s="423" t="s">
        <v>2795</v>
      </c>
      <c r="SYP732" s="424"/>
      <c r="SYQ732" s="424"/>
      <c r="SYR732" s="424"/>
      <c r="SYS732" s="423" t="s">
        <v>2795</v>
      </c>
      <c r="SYT732" s="424"/>
      <c r="SYU732" s="424"/>
      <c r="SYV732" s="424"/>
      <c r="SYW732" s="423" t="s">
        <v>2795</v>
      </c>
      <c r="SYX732" s="424"/>
      <c r="SYY732" s="424"/>
      <c r="SYZ732" s="424"/>
      <c r="SZA732" s="423" t="s">
        <v>2795</v>
      </c>
      <c r="SZB732" s="424"/>
      <c r="SZC732" s="424"/>
      <c r="SZD732" s="424"/>
      <c r="SZE732" s="423" t="s">
        <v>2795</v>
      </c>
      <c r="SZF732" s="424"/>
      <c r="SZG732" s="424"/>
      <c r="SZH732" s="424"/>
      <c r="SZI732" s="423" t="s">
        <v>2795</v>
      </c>
      <c r="SZJ732" s="424"/>
      <c r="SZK732" s="424"/>
      <c r="SZL732" s="424"/>
      <c r="SZM732" s="423" t="s">
        <v>2795</v>
      </c>
      <c r="SZN732" s="424"/>
      <c r="SZO732" s="424"/>
      <c r="SZP732" s="424"/>
      <c r="SZQ732" s="423" t="s">
        <v>2795</v>
      </c>
      <c r="SZR732" s="424"/>
      <c r="SZS732" s="424"/>
      <c r="SZT732" s="424"/>
      <c r="SZU732" s="423" t="s">
        <v>2795</v>
      </c>
      <c r="SZV732" s="424"/>
      <c r="SZW732" s="424"/>
      <c r="SZX732" s="424"/>
      <c r="SZY732" s="423" t="s">
        <v>2795</v>
      </c>
      <c r="SZZ732" s="424"/>
      <c r="TAA732" s="424"/>
      <c r="TAB732" s="424"/>
      <c r="TAC732" s="423" t="s">
        <v>2795</v>
      </c>
      <c r="TAD732" s="424"/>
      <c r="TAE732" s="424"/>
      <c r="TAF732" s="424"/>
      <c r="TAG732" s="423" t="s">
        <v>2795</v>
      </c>
      <c r="TAH732" s="424"/>
      <c r="TAI732" s="424"/>
      <c r="TAJ732" s="424"/>
      <c r="TAK732" s="423" t="s">
        <v>2795</v>
      </c>
      <c r="TAL732" s="424"/>
      <c r="TAM732" s="424"/>
      <c r="TAN732" s="424"/>
      <c r="TAO732" s="423" t="s">
        <v>2795</v>
      </c>
      <c r="TAP732" s="424"/>
      <c r="TAQ732" s="424"/>
      <c r="TAR732" s="424"/>
      <c r="TAS732" s="423" t="s">
        <v>2795</v>
      </c>
      <c r="TAT732" s="424"/>
      <c r="TAU732" s="424"/>
      <c r="TAV732" s="424"/>
      <c r="TAW732" s="423" t="s">
        <v>2795</v>
      </c>
      <c r="TAX732" s="424"/>
      <c r="TAY732" s="424"/>
      <c r="TAZ732" s="424"/>
      <c r="TBA732" s="423" t="s">
        <v>2795</v>
      </c>
      <c r="TBB732" s="424"/>
      <c r="TBC732" s="424"/>
      <c r="TBD732" s="424"/>
      <c r="TBE732" s="423" t="s">
        <v>2795</v>
      </c>
      <c r="TBF732" s="424"/>
      <c r="TBG732" s="424"/>
      <c r="TBH732" s="424"/>
      <c r="TBI732" s="423" t="s">
        <v>2795</v>
      </c>
      <c r="TBJ732" s="424"/>
      <c r="TBK732" s="424"/>
      <c r="TBL732" s="424"/>
      <c r="TBM732" s="423" t="s">
        <v>2795</v>
      </c>
      <c r="TBN732" s="424"/>
      <c r="TBO732" s="424"/>
      <c r="TBP732" s="424"/>
      <c r="TBQ732" s="423" t="s">
        <v>2795</v>
      </c>
      <c r="TBR732" s="424"/>
      <c r="TBS732" s="424"/>
      <c r="TBT732" s="424"/>
      <c r="TBU732" s="423" t="s">
        <v>2795</v>
      </c>
      <c r="TBV732" s="424"/>
      <c r="TBW732" s="424"/>
      <c r="TBX732" s="424"/>
      <c r="TBY732" s="423" t="s">
        <v>2795</v>
      </c>
      <c r="TBZ732" s="424"/>
      <c r="TCA732" s="424"/>
      <c r="TCB732" s="424"/>
      <c r="TCC732" s="423" t="s">
        <v>2795</v>
      </c>
      <c r="TCD732" s="424"/>
      <c r="TCE732" s="424"/>
      <c r="TCF732" s="424"/>
      <c r="TCG732" s="423" t="s">
        <v>2795</v>
      </c>
      <c r="TCH732" s="424"/>
      <c r="TCI732" s="424"/>
      <c r="TCJ732" s="424"/>
      <c r="TCK732" s="423" t="s">
        <v>2795</v>
      </c>
      <c r="TCL732" s="424"/>
      <c r="TCM732" s="424"/>
      <c r="TCN732" s="424"/>
      <c r="TCO732" s="423" t="s">
        <v>2795</v>
      </c>
      <c r="TCP732" s="424"/>
      <c r="TCQ732" s="424"/>
      <c r="TCR732" s="424"/>
      <c r="TCS732" s="423" t="s">
        <v>2795</v>
      </c>
      <c r="TCT732" s="424"/>
      <c r="TCU732" s="424"/>
      <c r="TCV732" s="424"/>
      <c r="TCW732" s="423" t="s">
        <v>2795</v>
      </c>
      <c r="TCX732" s="424"/>
      <c r="TCY732" s="424"/>
      <c r="TCZ732" s="424"/>
      <c r="TDA732" s="423" t="s">
        <v>2795</v>
      </c>
      <c r="TDB732" s="424"/>
      <c r="TDC732" s="424"/>
      <c r="TDD732" s="424"/>
      <c r="TDE732" s="423" t="s">
        <v>2795</v>
      </c>
      <c r="TDF732" s="424"/>
      <c r="TDG732" s="424"/>
      <c r="TDH732" s="424"/>
      <c r="TDI732" s="423" t="s">
        <v>2795</v>
      </c>
      <c r="TDJ732" s="424"/>
      <c r="TDK732" s="424"/>
      <c r="TDL732" s="424"/>
      <c r="TDM732" s="423" t="s">
        <v>2795</v>
      </c>
      <c r="TDN732" s="424"/>
      <c r="TDO732" s="424"/>
      <c r="TDP732" s="424"/>
      <c r="TDQ732" s="423" t="s">
        <v>2795</v>
      </c>
      <c r="TDR732" s="424"/>
      <c r="TDS732" s="424"/>
      <c r="TDT732" s="424"/>
      <c r="TDU732" s="423" t="s">
        <v>2795</v>
      </c>
      <c r="TDV732" s="424"/>
      <c r="TDW732" s="424"/>
      <c r="TDX732" s="424"/>
      <c r="TDY732" s="423" t="s">
        <v>2795</v>
      </c>
      <c r="TDZ732" s="424"/>
      <c r="TEA732" s="424"/>
      <c r="TEB732" s="424"/>
      <c r="TEC732" s="423" t="s">
        <v>2795</v>
      </c>
      <c r="TED732" s="424"/>
      <c r="TEE732" s="424"/>
      <c r="TEF732" s="424"/>
      <c r="TEG732" s="423" t="s">
        <v>2795</v>
      </c>
      <c r="TEH732" s="424"/>
      <c r="TEI732" s="424"/>
      <c r="TEJ732" s="424"/>
      <c r="TEK732" s="423" t="s">
        <v>2795</v>
      </c>
      <c r="TEL732" s="424"/>
      <c r="TEM732" s="424"/>
      <c r="TEN732" s="424"/>
      <c r="TEO732" s="423" t="s">
        <v>2795</v>
      </c>
      <c r="TEP732" s="424"/>
      <c r="TEQ732" s="424"/>
      <c r="TER732" s="424"/>
      <c r="TES732" s="423" t="s">
        <v>2795</v>
      </c>
      <c r="TET732" s="424"/>
      <c r="TEU732" s="424"/>
      <c r="TEV732" s="424"/>
      <c r="TEW732" s="423" t="s">
        <v>2795</v>
      </c>
      <c r="TEX732" s="424"/>
      <c r="TEY732" s="424"/>
      <c r="TEZ732" s="424"/>
      <c r="TFA732" s="423" t="s">
        <v>2795</v>
      </c>
      <c r="TFB732" s="424"/>
      <c r="TFC732" s="424"/>
      <c r="TFD732" s="424"/>
      <c r="TFE732" s="423" t="s">
        <v>2795</v>
      </c>
      <c r="TFF732" s="424"/>
      <c r="TFG732" s="424"/>
      <c r="TFH732" s="424"/>
      <c r="TFI732" s="423" t="s">
        <v>2795</v>
      </c>
      <c r="TFJ732" s="424"/>
      <c r="TFK732" s="424"/>
      <c r="TFL732" s="424"/>
      <c r="TFM732" s="423" t="s">
        <v>2795</v>
      </c>
      <c r="TFN732" s="424"/>
      <c r="TFO732" s="424"/>
      <c r="TFP732" s="424"/>
      <c r="TFQ732" s="423" t="s">
        <v>2795</v>
      </c>
      <c r="TFR732" s="424"/>
      <c r="TFS732" s="424"/>
      <c r="TFT732" s="424"/>
      <c r="TFU732" s="423" t="s">
        <v>2795</v>
      </c>
      <c r="TFV732" s="424"/>
      <c r="TFW732" s="424"/>
      <c r="TFX732" s="424"/>
      <c r="TFY732" s="423" t="s">
        <v>2795</v>
      </c>
      <c r="TFZ732" s="424"/>
      <c r="TGA732" s="424"/>
      <c r="TGB732" s="424"/>
      <c r="TGC732" s="423" t="s">
        <v>2795</v>
      </c>
      <c r="TGD732" s="424"/>
      <c r="TGE732" s="424"/>
      <c r="TGF732" s="424"/>
      <c r="TGG732" s="423" t="s">
        <v>2795</v>
      </c>
      <c r="TGH732" s="424"/>
      <c r="TGI732" s="424"/>
      <c r="TGJ732" s="424"/>
      <c r="TGK732" s="423" t="s">
        <v>2795</v>
      </c>
      <c r="TGL732" s="424"/>
      <c r="TGM732" s="424"/>
      <c r="TGN732" s="424"/>
      <c r="TGO732" s="423" t="s">
        <v>2795</v>
      </c>
      <c r="TGP732" s="424"/>
      <c r="TGQ732" s="424"/>
      <c r="TGR732" s="424"/>
      <c r="TGS732" s="423" t="s">
        <v>2795</v>
      </c>
      <c r="TGT732" s="424"/>
      <c r="TGU732" s="424"/>
      <c r="TGV732" s="424"/>
      <c r="TGW732" s="423" t="s">
        <v>2795</v>
      </c>
      <c r="TGX732" s="424"/>
      <c r="TGY732" s="424"/>
      <c r="TGZ732" s="424"/>
      <c r="THA732" s="423" t="s">
        <v>2795</v>
      </c>
      <c r="THB732" s="424"/>
      <c r="THC732" s="424"/>
      <c r="THD732" s="424"/>
      <c r="THE732" s="423" t="s">
        <v>2795</v>
      </c>
      <c r="THF732" s="424"/>
      <c r="THG732" s="424"/>
      <c r="THH732" s="424"/>
      <c r="THI732" s="423" t="s">
        <v>2795</v>
      </c>
      <c r="THJ732" s="424"/>
      <c r="THK732" s="424"/>
      <c r="THL732" s="424"/>
      <c r="THM732" s="423" t="s">
        <v>2795</v>
      </c>
      <c r="THN732" s="424"/>
      <c r="THO732" s="424"/>
      <c r="THP732" s="424"/>
      <c r="THQ732" s="423" t="s">
        <v>2795</v>
      </c>
      <c r="THR732" s="424"/>
      <c r="THS732" s="424"/>
      <c r="THT732" s="424"/>
      <c r="THU732" s="423" t="s">
        <v>2795</v>
      </c>
      <c r="THV732" s="424"/>
      <c r="THW732" s="424"/>
      <c r="THX732" s="424"/>
      <c r="THY732" s="423" t="s">
        <v>2795</v>
      </c>
      <c r="THZ732" s="424"/>
      <c r="TIA732" s="424"/>
      <c r="TIB732" s="424"/>
      <c r="TIC732" s="423" t="s">
        <v>2795</v>
      </c>
      <c r="TID732" s="424"/>
      <c r="TIE732" s="424"/>
      <c r="TIF732" s="424"/>
      <c r="TIG732" s="423" t="s">
        <v>2795</v>
      </c>
      <c r="TIH732" s="424"/>
      <c r="TII732" s="424"/>
      <c r="TIJ732" s="424"/>
      <c r="TIK732" s="423" t="s">
        <v>2795</v>
      </c>
      <c r="TIL732" s="424"/>
      <c r="TIM732" s="424"/>
      <c r="TIN732" s="424"/>
      <c r="TIO732" s="423" t="s">
        <v>2795</v>
      </c>
      <c r="TIP732" s="424"/>
      <c r="TIQ732" s="424"/>
      <c r="TIR732" s="424"/>
      <c r="TIS732" s="423" t="s">
        <v>2795</v>
      </c>
      <c r="TIT732" s="424"/>
      <c r="TIU732" s="424"/>
      <c r="TIV732" s="424"/>
      <c r="TIW732" s="423" t="s">
        <v>2795</v>
      </c>
      <c r="TIX732" s="424"/>
      <c r="TIY732" s="424"/>
      <c r="TIZ732" s="424"/>
      <c r="TJA732" s="423" t="s">
        <v>2795</v>
      </c>
      <c r="TJB732" s="424"/>
      <c r="TJC732" s="424"/>
      <c r="TJD732" s="424"/>
      <c r="TJE732" s="423" t="s">
        <v>2795</v>
      </c>
      <c r="TJF732" s="424"/>
      <c r="TJG732" s="424"/>
      <c r="TJH732" s="424"/>
      <c r="TJI732" s="423" t="s">
        <v>2795</v>
      </c>
      <c r="TJJ732" s="424"/>
      <c r="TJK732" s="424"/>
      <c r="TJL732" s="424"/>
      <c r="TJM732" s="423" t="s">
        <v>2795</v>
      </c>
      <c r="TJN732" s="424"/>
      <c r="TJO732" s="424"/>
      <c r="TJP732" s="424"/>
      <c r="TJQ732" s="423" t="s">
        <v>2795</v>
      </c>
      <c r="TJR732" s="424"/>
      <c r="TJS732" s="424"/>
      <c r="TJT732" s="424"/>
      <c r="TJU732" s="423" t="s">
        <v>2795</v>
      </c>
      <c r="TJV732" s="424"/>
      <c r="TJW732" s="424"/>
      <c r="TJX732" s="424"/>
      <c r="TJY732" s="423" t="s">
        <v>2795</v>
      </c>
      <c r="TJZ732" s="424"/>
      <c r="TKA732" s="424"/>
      <c r="TKB732" s="424"/>
      <c r="TKC732" s="423" t="s">
        <v>2795</v>
      </c>
      <c r="TKD732" s="424"/>
      <c r="TKE732" s="424"/>
      <c r="TKF732" s="424"/>
      <c r="TKG732" s="423" t="s">
        <v>2795</v>
      </c>
      <c r="TKH732" s="424"/>
      <c r="TKI732" s="424"/>
      <c r="TKJ732" s="424"/>
      <c r="TKK732" s="423" t="s">
        <v>2795</v>
      </c>
      <c r="TKL732" s="424"/>
      <c r="TKM732" s="424"/>
      <c r="TKN732" s="424"/>
      <c r="TKO732" s="423" t="s">
        <v>2795</v>
      </c>
      <c r="TKP732" s="424"/>
      <c r="TKQ732" s="424"/>
      <c r="TKR732" s="424"/>
      <c r="TKS732" s="423" t="s">
        <v>2795</v>
      </c>
      <c r="TKT732" s="424"/>
      <c r="TKU732" s="424"/>
      <c r="TKV732" s="424"/>
      <c r="TKW732" s="423" t="s">
        <v>2795</v>
      </c>
      <c r="TKX732" s="424"/>
      <c r="TKY732" s="424"/>
      <c r="TKZ732" s="424"/>
      <c r="TLA732" s="423" t="s">
        <v>2795</v>
      </c>
      <c r="TLB732" s="424"/>
      <c r="TLC732" s="424"/>
      <c r="TLD732" s="424"/>
      <c r="TLE732" s="423" t="s">
        <v>2795</v>
      </c>
      <c r="TLF732" s="424"/>
      <c r="TLG732" s="424"/>
      <c r="TLH732" s="424"/>
      <c r="TLI732" s="423" t="s">
        <v>2795</v>
      </c>
      <c r="TLJ732" s="424"/>
      <c r="TLK732" s="424"/>
      <c r="TLL732" s="424"/>
      <c r="TLM732" s="423" t="s">
        <v>2795</v>
      </c>
      <c r="TLN732" s="424"/>
      <c r="TLO732" s="424"/>
      <c r="TLP732" s="424"/>
      <c r="TLQ732" s="423" t="s">
        <v>2795</v>
      </c>
      <c r="TLR732" s="424"/>
      <c r="TLS732" s="424"/>
      <c r="TLT732" s="424"/>
      <c r="TLU732" s="423" t="s">
        <v>2795</v>
      </c>
      <c r="TLV732" s="424"/>
      <c r="TLW732" s="424"/>
      <c r="TLX732" s="424"/>
      <c r="TLY732" s="423" t="s">
        <v>2795</v>
      </c>
      <c r="TLZ732" s="424"/>
      <c r="TMA732" s="424"/>
      <c r="TMB732" s="424"/>
      <c r="TMC732" s="423" t="s">
        <v>2795</v>
      </c>
      <c r="TMD732" s="424"/>
      <c r="TME732" s="424"/>
      <c r="TMF732" s="424"/>
      <c r="TMG732" s="423" t="s">
        <v>2795</v>
      </c>
      <c r="TMH732" s="424"/>
      <c r="TMI732" s="424"/>
      <c r="TMJ732" s="424"/>
      <c r="TMK732" s="423" t="s">
        <v>2795</v>
      </c>
      <c r="TML732" s="424"/>
      <c r="TMM732" s="424"/>
      <c r="TMN732" s="424"/>
      <c r="TMO732" s="423" t="s">
        <v>2795</v>
      </c>
      <c r="TMP732" s="424"/>
      <c r="TMQ732" s="424"/>
      <c r="TMR732" s="424"/>
      <c r="TMS732" s="423" t="s">
        <v>2795</v>
      </c>
      <c r="TMT732" s="424"/>
      <c r="TMU732" s="424"/>
      <c r="TMV732" s="424"/>
      <c r="TMW732" s="423" t="s">
        <v>2795</v>
      </c>
      <c r="TMX732" s="424"/>
      <c r="TMY732" s="424"/>
      <c r="TMZ732" s="424"/>
      <c r="TNA732" s="423" t="s">
        <v>2795</v>
      </c>
      <c r="TNB732" s="424"/>
      <c r="TNC732" s="424"/>
      <c r="TND732" s="424"/>
      <c r="TNE732" s="423" t="s">
        <v>2795</v>
      </c>
      <c r="TNF732" s="424"/>
      <c r="TNG732" s="424"/>
      <c r="TNH732" s="424"/>
      <c r="TNI732" s="423" t="s">
        <v>2795</v>
      </c>
      <c r="TNJ732" s="424"/>
      <c r="TNK732" s="424"/>
      <c r="TNL732" s="424"/>
      <c r="TNM732" s="423" t="s">
        <v>2795</v>
      </c>
      <c r="TNN732" s="424"/>
      <c r="TNO732" s="424"/>
      <c r="TNP732" s="424"/>
      <c r="TNQ732" s="423" t="s">
        <v>2795</v>
      </c>
      <c r="TNR732" s="424"/>
      <c r="TNS732" s="424"/>
      <c r="TNT732" s="424"/>
      <c r="TNU732" s="423" t="s">
        <v>2795</v>
      </c>
      <c r="TNV732" s="424"/>
      <c r="TNW732" s="424"/>
      <c r="TNX732" s="424"/>
      <c r="TNY732" s="423" t="s">
        <v>2795</v>
      </c>
      <c r="TNZ732" s="424"/>
      <c r="TOA732" s="424"/>
      <c r="TOB732" s="424"/>
      <c r="TOC732" s="423" t="s">
        <v>2795</v>
      </c>
      <c r="TOD732" s="424"/>
      <c r="TOE732" s="424"/>
      <c r="TOF732" s="424"/>
      <c r="TOG732" s="423" t="s">
        <v>2795</v>
      </c>
      <c r="TOH732" s="424"/>
      <c r="TOI732" s="424"/>
      <c r="TOJ732" s="424"/>
      <c r="TOK732" s="423" t="s">
        <v>2795</v>
      </c>
      <c r="TOL732" s="424"/>
      <c r="TOM732" s="424"/>
      <c r="TON732" s="424"/>
      <c r="TOO732" s="423" t="s">
        <v>2795</v>
      </c>
      <c r="TOP732" s="424"/>
      <c r="TOQ732" s="424"/>
      <c r="TOR732" s="424"/>
      <c r="TOS732" s="423" t="s">
        <v>2795</v>
      </c>
      <c r="TOT732" s="424"/>
      <c r="TOU732" s="424"/>
      <c r="TOV732" s="424"/>
      <c r="TOW732" s="423" t="s">
        <v>2795</v>
      </c>
      <c r="TOX732" s="424"/>
      <c r="TOY732" s="424"/>
      <c r="TOZ732" s="424"/>
      <c r="TPA732" s="423" t="s">
        <v>2795</v>
      </c>
      <c r="TPB732" s="424"/>
      <c r="TPC732" s="424"/>
      <c r="TPD732" s="424"/>
      <c r="TPE732" s="423" t="s">
        <v>2795</v>
      </c>
      <c r="TPF732" s="424"/>
      <c r="TPG732" s="424"/>
      <c r="TPH732" s="424"/>
      <c r="TPI732" s="423" t="s">
        <v>2795</v>
      </c>
      <c r="TPJ732" s="424"/>
      <c r="TPK732" s="424"/>
      <c r="TPL732" s="424"/>
      <c r="TPM732" s="423" t="s">
        <v>2795</v>
      </c>
      <c r="TPN732" s="424"/>
      <c r="TPO732" s="424"/>
      <c r="TPP732" s="424"/>
      <c r="TPQ732" s="423" t="s">
        <v>2795</v>
      </c>
      <c r="TPR732" s="424"/>
      <c r="TPS732" s="424"/>
      <c r="TPT732" s="424"/>
      <c r="TPU732" s="423" t="s">
        <v>2795</v>
      </c>
      <c r="TPV732" s="424"/>
      <c r="TPW732" s="424"/>
      <c r="TPX732" s="424"/>
      <c r="TPY732" s="423" t="s">
        <v>2795</v>
      </c>
      <c r="TPZ732" s="424"/>
      <c r="TQA732" s="424"/>
      <c r="TQB732" s="424"/>
      <c r="TQC732" s="423" t="s">
        <v>2795</v>
      </c>
      <c r="TQD732" s="424"/>
      <c r="TQE732" s="424"/>
      <c r="TQF732" s="424"/>
      <c r="TQG732" s="423" t="s">
        <v>2795</v>
      </c>
      <c r="TQH732" s="424"/>
      <c r="TQI732" s="424"/>
      <c r="TQJ732" s="424"/>
      <c r="TQK732" s="423" t="s">
        <v>2795</v>
      </c>
      <c r="TQL732" s="424"/>
      <c r="TQM732" s="424"/>
      <c r="TQN732" s="424"/>
      <c r="TQO732" s="423" t="s">
        <v>2795</v>
      </c>
      <c r="TQP732" s="424"/>
      <c r="TQQ732" s="424"/>
      <c r="TQR732" s="424"/>
      <c r="TQS732" s="423" t="s">
        <v>2795</v>
      </c>
      <c r="TQT732" s="424"/>
      <c r="TQU732" s="424"/>
      <c r="TQV732" s="424"/>
      <c r="TQW732" s="423" t="s">
        <v>2795</v>
      </c>
      <c r="TQX732" s="424"/>
      <c r="TQY732" s="424"/>
      <c r="TQZ732" s="424"/>
      <c r="TRA732" s="423" t="s">
        <v>2795</v>
      </c>
      <c r="TRB732" s="424"/>
      <c r="TRC732" s="424"/>
      <c r="TRD732" s="424"/>
      <c r="TRE732" s="423" t="s">
        <v>2795</v>
      </c>
      <c r="TRF732" s="424"/>
      <c r="TRG732" s="424"/>
      <c r="TRH732" s="424"/>
      <c r="TRI732" s="423" t="s">
        <v>2795</v>
      </c>
      <c r="TRJ732" s="424"/>
      <c r="TRK732" s="424"/>
      <c r="TRL732" s="424"/>
      <c r="TRM732" s="423" t="s">
        <v>2795</v>
      </c>
      <c r="TRN732" s="424"/>
      <c r="TRO732" s="424"/>
      <c r="TRP732" s="424"/>
      <c r="TRQ732" s="423" t="s">
        <v>2795</v>
      </c>
      <c r="TRR732" s="424"/>
      <c r="TRS732" s="424"/>
      <c r="TRT732" s="424"/>
      <c r="TRU732" s="423" t="s">
        <v>2795</v>
      </c>
      <c r="TRV732" s="424"/>
      <c r="TRW732" s="424"/>
      <c r="TRX732" s="424"/>
      <c r="TRY732" s="423" t="s">
        <v>2795</v>
      </c>
      <c r="TRZ732" s="424"/>
      <c r="TSA732" s="424"/>
      <c r="TSB732" s="424"/>
      <c r="TSC732" s="423" t="s">
        <v>2795</v>
      </c>
      <c r="TSD732" s="424"/>
      <c r="TSE732" s="424"/>
      <c r="TSF732" s="424"/>
      <c r="TSG732" s="423" t="s">
        <v>2795</v>
      </c>
      <c r="TSH732" s="424"/>
      <c r="TSI732" s="424"/>
      <c r="TSJ732" s="424"/>
      <c r="TSK732" s="423" t="s">
        <v>2795</v>
      </c>
      <c r="TSL732" s="424"/>
      <c r="TSM732" s="424"/>
      <c r="TSN732" s="424"/>
      <c r="TSO732" s="423" t="s">
        <v>2795</v>
      </c>
      <c r="TSP732" s="424"/>
      <c r="TSQ732" s="424"/>
      <c r="TSR732" s="424"/>
      <c r="TSS732" s="423" t="s">
        <v>2795</v>
      </c>
      <c r="TST732" s="424"/>
      <c r="TSU732" s="424"/>
      <c r="TSV732" s="424"/>
      <c r="TSW732" s="423" t="s">
        <v>2795</v>
      </c>
      <c r="TSX732" s="424"/>
      <c r="TSY732" s="424"/>
      <c r="TSZ732" s="424"/>
      <c r="TTA732" s="423" t="s">
        <v>2795</v>
      </c>
      <c r="TTB732" s="424"/>
      <c r="TTC732" s="424"/>
      <c r="TTD732" s="424"/>
      <c r="TTE732" s="423" t="s">
        <v>2795</v>
      </c>
      <c r="TTF732" s="424"/>
      <c r="TTG732" s="424"/>
      <c r="TTH732" s="424"/>
      <c r="TTI732" s="423" t="s">
        <v>2795</v>
      </c>
      <c r="TTJ732" s="424"/>
      <c r="TTK732" s="424"/>
      <c r="TTL732" s="424"/>
      <c r="TTM732" s="423" t="s">
        <v>2795</v>
      </c>
      <c r="TTN732" s="424"/>
      <c r="TTO732" s="424"/>
      <c r="TTP732" s="424"/>
      <c r="TTQ732" s="423" t="s">
        <v>2795</v>
      </c>
      <c r="TTR732" s="424"/>
      <c r="TTS732" s="424"/>
      <c r="TTT732" s="424"/>
      <c r="TTU732" s="423" t="s">
        <v>2795</v>
      </c>
      <c r="TTV732" s="424"/>
      <c r="TTW732" s="424"/>
      <c r="TTX732" s="424"/>
      <c r="TTY732" s="423" t="s">
        <v>2795</v>
      </c>
      <c r="TTZ732" s="424"/>
      <c r="TUA732" s="424"/>
      <c r="TUB732" s="424"/>
      <c r="TUC732" s="423" t="s">
        <v>2795</v>
      </c>
      <c r="TUD732" s="424"/>
      <c r="TUE732" s="424"/>
      <c r="TUF732" s="424"/>
      <c r="TUG732" s="423" t="s">
        <v>2795</v>
      </c>
      <c r="TUH732" s="424"/>
      <c r="TUI732" s="424"/>
      <c r="TUJ732" s="424"/>
      <c r="TUK732" s="423" t="s">
        <v>2795</v>
      </c>
      <c r="TUL732" s="424"/>
      <c r="TUM732" s="424"/>
      <c r="TUN732" s="424"/>
      <c r="TUO732" s="423" t="s">
        <v>2795</v>
      </c>
      <c r="TUP732" s="424"/>
      <c r="TUQ732" s="424"/>
      <c r="TUR732" s="424"/>
      <c r="TUS732" s="423" t="s">
        <v>2795</v>
      </c>
      <c r="TUT732" s="424"/>
      <c r="TUU732" s="424"/>
      <c r="TUV732" s="424"/>
      <c r="TUW732" s="423" t="s">
        <v>2795</v>
      </c>
      <c r="TUX732" s="424"/>
      <c r="TUY732" s="424"/>
      <c r="TUZ732" s="424"/>
      <c r="TVA732" s="423" t="s">
        <v>2795</v>
      </c>
      <c r="TVB732" s="424"/>
      <c r="TVC732" s="424"/>
      <c r="TVD732" s="424"/>
      <c r="TVE732" s="423" t="s">
        <v>2795</v>
      </c>
      <c r="TVF732" s="424"/>
      <c r="TVG732" s="424"/>
      <c r="TVH732" s="424"/>
      <c r="TVI732" s="423" t="s">
        <v>2795</v>
      </c>
      <c r="TVJ732" s="424"/>
      <c r="TVK732" s="424"/>
      <c r="TVL732" s="424"/>
      <c r="TVM732" s="423" t="s">
        <v>2795</v>
      </c>
      <c r="TVN732" s="424"/>
      <c r="TVO732" s="424"/>
      <c r="TVP732" s="424"/>
      <c r="TVQ732" s="423" t="s">
        <v>2795</v>
      </c>
      <c r="TVR732" s="424"/>
      <c r="TVS732" s="424"/>
      <c r="TVT732" s="424"/>
      <c r="TVU732" s="423" t="s">
        <v>2795</v>
      </c>
      <c r="TVV732" s="424"/>
      <c r="TVW732" s="424"/>
      <c r="TVX732" s="424"/>
      <c r="TVY732" s="423" t="s">
        <v>2795</v>
      </c>
      <c r="TVZ732" s="424"/>
      <c r="TWA732" s="424"/>
      <c r="TWB732" s="424"/>
      <c r="TWC732" s="423" t="s">
        <v>2795</v>
      </c>
      <c r="TWD732" s="424"/>
      <c r="TWE732" s="424"/>
      <c r="TWF732" s="424"/>
      <c r="TWG732" s="423" t="s">
        <v>2795</v>
      </c>
      <c r="TWH732" s="424"/>
      <c r="TWI732" s="424"/>
      <c r="TWJ732" s="424"/>
      <c r="TWK732" s="423" t="s">
        <v>2795</v>
      </c>
      <c r="TWL732" s="424"/>
      <c r="TWM732" s="424"/>
      <c r="TWN732" s="424"/>
      <c r="TWO732" s="423" t="s">
        <v>2795</v>
      </c>
      <c r="TWP732" s="424"/>
      <c r="TWQ732" s="424"/>
      <c r="TWR732" s="424"/>
      <c r="TWS732" s="423" t="s">
        <v>2795</v>
      </c>
      <c r="TWT732" s="424"/>
      <c r="TWU732" s="424"/>
      <c r="TWV732" s="424"/>
      <c r="TWW732" s="423" t="s">
        <v>2795</v>
      </c>
      <c r="TWX732" s="424"/>
      <c r="TWY732" s="424"/>
      <c r="TWZ732" s="424"/>
      <c r="TXA732" s="423" t="s">
        <v>2795</v>
      </c>
      <c r="TXB732" s="424"/>
      <c r="TXC732" s="424"/>
      <c r="TXD732" s="424"/>
      <c r="TXE732" s="423" t="s">
        <v>2795</v>
      </c>
      <c r="TXF732" s="424"/>
      <c r="TXG732" s="424"/>
      <c r="TXH732" s="424"/>
      <c r="TXI732" s="423" t="s">
        <v>2795</v>
      </c>
      <c r="TXJ732" s="424"/>
      <c r="TXK732" s="424"/>
      <c r="TXL732" s="424"/>
      <c r="TXM732" s="423" t="s">
        <v>2795</v>
      </c>
      <c r="TXN732" s="424"/>
      <c r="TXO732" s="424"/>
      <c r="TXP732" s="424"/>
      <c r="TXQ732" s="423" t="s">
        <v>2795</v>
      </c>
      <c r="TXR732" s="424"/>
      <c r="TXS732" s="424"/>
      <c r="TXT732" s="424"/>
      <c r="TXU732" s="423" t="s">
        <v>2795</v>
      </c>
      <c r="TXV732" s="424"/>
      <c r="TXW732" s="424"/>
      <c r="TXX732" s="424"/>
      <c r="TXY732" s="423" t="s">
        <v>2795</v>
      </c>
      <c r="TXZ732" s="424"/>
      <c r="TYA732" s="424"/>
      <c r="TYB732" s="424"/>
      <c r="TYC732" s="423" t="s">
        <v>2795</v>
      </c>
      <c r="TYD732" s="424"/>
      <c r="TYE732" s="424"/>
      <c r="TYF732" s="424"/>
      <c r="TYG732" s="423" t="s">
        <v>2795</v>
      </c>
      <c r="TYH732" s="424"/>
      <c r="TYI732" s="424"/>
      <c r="TYJ732" s="424"/>
      <c r="TYK732" s="423" t="s">
        <v>2795</v>
      </c>
      <c r="TYL732" s="424"/>
      <c r="TYM732" s="424"/>
      <c r="TYN732" s="424"/>
      <c r="TYO732" s="423" t="s">
        <v>2795</v>
      </c>
      <c r="TYP732" s="424"/>
      <c r="TYQ732" s="424"/>
      <c r="TYR732" s="424"/>
      <c r="TYS732" s="423" t="s">
        <v>2795</v>
      </c>
      <c r="TYT732" s="424"/>
      <c r="TYU732" s="424"/>
      <c r="TYV732" s="424"/>
      <c r="TYW732" s="423" t="s">
        <v>2795</v>
      </c>
      <c r="TYX732" s="424"/>
      <c r="TYY732" s="424"/>
      <c r="TYZ732" s="424"/>
      <c r="TZA732" s="423" t="s">
        <v>2795</v>
      </c>
      <c r="TZB732" s="424"/>
      <c r="TZC732" s="424"/>
      <c r="TZD732" s="424"/>
      <c r="TZE732" s="423" t="s">
        <v>2795</v>
      </c>
      <c r="TZF732" s="424"/>
      <c r="TZG732" s="424"/>
      <c r="TZH732" s="424"/>
      <c r="TZI732" s="423" t="s">
        <v>2795</v>
      </c>
      <c r="TZJ732" s="424"/>
      <c r="TZK732" s="424"/>
      <c r="TZL732" s="424"/>
      <c r="TZM732" s="423" t="s">
        <v>2795</v>
      </c>
      <c r="TZN732" s="424"/>
      <c r="TZO732" s="424"/>
      <c r="TZP732" s="424"/>
      <c r="TZQ732" s="423" t="s">
        <v>2795</v>
      </c>
      <c r="TZR732" s="424"/>
      <c r="TZS732" s="424"/>
      <c r="TZT732" s="424"/>
      <c r="TZU732" s="423" t="s">
        <v>2795</v>
      </c>
      <c r="TZV732" s="424"/>
      <c r="TZW732" s="424"/>
      <c r="TZX732" s="424"/>
      <c r="TZY732" s="423" t="s">
        <v>2795</v>
      </c>
      <c r="TZZ732" s="424"/>
      <c r="UAA732" s="424"/>
      <c r="UAB732" s="424"/>
      <c r="UAC732" s="423" t="s">
        <v>2795</v>
      </c>
      <c r="UAD732" s="424"/>
      <c r="UAE732" s="424"/>
      <c r="UAF732" s="424"/>
      <c r="UAG732" s="423" t="s">
        <v>2795</v>
      </c>
      <c r="UAH732" s="424"/>
      <c r="UAI732" s="424"/>
      <c r="UAJ732" s="424"/>
      <c r="UAK732" s="423" t="s">
        <v>2795</v>
      </c>
      <c r="UAL732" s="424"/>
      <c r="UAM732" s="424"/>
      <c r="UAN732" s="424"/>
      <c r="UAO732" s="423" t="s">
        <v>2795</v>
      </c>
      <c r="UAP732" s="424"/>
      <c r="UAQ732" s="424"/>
      <c r="UAR732" s="424"/>
      <c r="UAS732" s="423" t="s">
        <v>2795</v>
      </c>
      <c r="UAT732" s="424"/>
      <c r="UAU732" s="424"/>
      <c r="UAV732" s="424"/>
      <c r="UAW732" s="423" t="s">
        <v>2795</v>
      </c>
      <c r="UAX732" s="424"/>
      <c r="UAY732" s="424"/>
      <c r="UAZ732" s="424"/>
      <c r="UBA732" s="423" t="s">
        <v>2795</v>
      </c>
      <c r="UBB732" s="424"/>
      <c r="UBC732" s="424"/>
      <c r="UBD732" s="424"/>
      <c r="UBE732" s="423" t="s">
        <v>2795</v>
      </c>
      <c r="UBF732" s="424"/>
      <c r="UBG732" s="424"/>
      <c r="UBH732" s="424"/>
      <c r="UBI732" s="423" t="s">
        <v>2795</v>
      </c>
      <c r="UBJ732" s="424"/>
      <c r="UBK732" s="424"/>
      <c r="UBL732" s="424"/>
      <c r="UBM732" s="423" t="s">
        <v>2795</v>
      </c>
      <c r="UBN732" s="424"/>
      <c r="UBO732" s="424"/>
      <c r="UBP732" s="424"/>
      <c r="UBQ732" s="423" t="s">
        <v>2795</v>
      </c>
      <c r="UBR732" s="424"/>
      <c r="UBS732" s="424"/>
      <c r="UBT732" s="424"/>
      <c r="UBU732" s="423" t="s">
        <v>2795</v>
      </c>
      <c r="UBV732" s="424"/>
      <c r="UBW732" s="424"/>
      <c r="UBX732" s="424"/>
      <c r="UBY732" s="423" t="s">
        <v>2795</v>
      </c>
      <c r="UBZ732" s="424"/>
      <c r="UCA732" s="424"/>
      <c r="UCB732" s="424"/>
      <c r="UCC732" s="423" t="s">
        <v>2795</v>
      </c>
      <c r="UCD732" s="424"/>
      <c r="UCE732" s="424"/>
      <c r="UCF732" s="424"/>
      <c r="UCG732" s="423" t="s">
        <v>2795</v>
      </c>
      <c r="UCH732" s="424"/>
      <c r="UCI732" s="424"/>
      <c r="UCJ732" s="424"/>
      <c r="UCK732" s="423" t="s">
        <v>2795</v>
      </c>
      <c r="UCL732" s="424"/>
      <c r="UCM732" s="424"/>
      <c r="UCN732" s="424"/>
      <c r="UCO732" s="423" t="s">
        <v>2795</v>
      </c>
      <c r="UCP732" s="424"/>
      <c r="UCQ732" s="424"/>
      <c r="UCR732" s="424"/>
      <c r="UCS732" s="423" t="s">
        <v>2795</v>
      </c>
      <c r="UCT732" s="424"/>
      <c r="UCU732" s="424"/>
      <c r="UCV732" s="424"/>
      <c r="UCW732" s="423" t="s">
        <v>2795</v>
      </c>
      <c r="UCX732" s="424"/>
      <c r="UCY732" s="424"/>
      <c r="UCZ732" s="424"/>
      <c r="UDA732" s="423" t="s">
        <v>2795</v>
      </c>
      <c r="UDB732" s="424"/>
      <c r="UDC732" s="424"/>
      <c r="UDD732" s="424"/>
      <c r="UDE732" s="423" t="s">
        <v>2795</v>
      </c>
      <c r="UDF732" s="424"/>
      <c r="UDG732" s="424"/>
      <c r="UDH732" s="424"/>
      <c r="UDI732" s="423" t="s">
        <v>2795</v>
      </c>
      <c r="UDJ732" s="424"/>
      <c r="UDK732" s="424"/>
      <c r="UDL732" s="424"/>
      <c r="UDM732" s="423" t="s">
        <v>2795</v>
      </c>
      <c r="UDN732" s="424"/>
      <c r="UDO732" s="424"/>
      <c r="UDP732" s="424"/>
      <c r="UDQ732" s="423" t="s">
        <v>2795</v>
      </c>
      <c r="UDR732" s="424"/>
      <c r="UDS732" s="424"/>
      <c r="UDT732" s="424"/>
      <c r="UDU732" s="423" t="s">
        <v>2795</v>
      </c>
      <c r="UDV732" s="424"/>
      <c r="UDW732" s="424"/>
      <c r="UDX732" s="424"/>
      <c r="UDY732" s="423" t="s">
        <v>2795</v>
      </c>
      <c r="UDZ732" s="424"/>
      <c r="UEA732" s="424"/>
      <c r="UEB732" s="424"/>
      <c r="UEC732" s="423" t="s">
        <v>2795</v>
      </c>
      <c r="UED732" s="424"/>
      <c r="UEE732" s="424"/>
      <c r="UEF732" s="424"/>
      <c r="UEG732" s="423" t="s">
        <v>2795</v>
      </c>
      <c r="UEH732" s="424"/>
      <c r="UEI732" s="424"/>
      <c r="UEJ732" s="424"/>
      <c r="UEK732" s="423" t="s">
        <v>2795</v>
      </c>
      <c r="UEL732" s="424"/>
      <c r="UEM732" s="424"/>
      <c r="UEN732" s="424"/>
      <c r="UEO732" s="423" t="s">
        <v>2795</v>
      </c>
      <c r="UEP732" s="424"/>
      <c r="UEQ732" s="424"/>
      <c r="UER732" s="424"/>
      <c r="UES732" s="423" t="s">
        <v>2795</v>
      </c>
      <c r="UET732" s="424"/>
      <c r="UEU732" s="424"/>
      <c r="UEV732" s="424"/>
      <c r="UEW732" s="423" t="s">
        <v>2795</v>
      </c>
      <c r="UEX732" s="424"/>
      <c r="UEY732" s="424"/>
      <c r="UEZ732" s="424"/>
      <c r="UFA732" s="423" t="s">
        <v>2795</v>
      </c>
      <c r="UFB732" s="424"/>
      <c r="UFC732" s="424"/>
      <c r="UFD732" s="424"/>
      <c r="UFE732" s="423" t="s">
        <v>2795</v>
      </c>
      <c r="UFF732" s="424"/>
      <c r="UFG732" s="424"/>
      <c r="UFH732" s="424"/>
      <c r="UFI732" s="423" t="s">
        <v>2795</v>
      </c>
      <c r="UFJ732" s="424"/>
      <c r="UFK732" s="424"/>
      <c r="UFL732" s="424"/>
      <c r="UFM732" s="423" t="s">
        <v>2795</v>
      </c>
      <c r="UFN732" s="424"/>
      <c r="UFO732" s="424"/>
      <c r="UFP732" s="424"/>
      <c r="UFQ732" s="423" t="s">
        <v>2795</v>
      </c>
      <c r="UFR732" s="424"/>
      <c r="UFS732" s="424"/>
      <c r="UFT732" s="424"/>
      <c r="UFU732" s="423" t="s">
        <v>2795</v>
      </c>
      <c r="UFV732" s="424"/>
      <c r="UFW732" s="424"/>
      <c r="UFX732" s="424"/>
      <c r="UFY732" s="423" t="s">
        <v>2795</v>
      </c>
      <c r="UFZ732" s="424"/>
      <c r="UGA732" s="424"/>
      <c r="UGB732" s="424"/>
      <c r="UGC732" s="423" t="s">
        <v>2795</v>
      </c>
      <c r="UGD732" s="424"/>
      <c r="UGE732" s="424"/>
      <c r="UGF732" s="424"/>
      <c r="UGG732" s="423" t="s">
        <v>2795</v>
      </c>
      <c r="UGH732" s="424"/>
      <c r="UGI732" s="424"/>
      <c r="UGJ732" s="424"/>
      <c r="UGK732" s="423" t="s">
        <v>2795</v>
      </c>
      <c r="UGL732" s="424"/>
      <c r="UGM732" s="424"/>
      <c r="UGN732" s="424"/>
      <c r="UGO732" s="423" t="s">
        <v>2795</v>
      </c>
      <c r="UGP732" s="424"/>
      <c r="UGQ732" s="424"/>
      <c r="UGR732" s="424"/>
      <c r="UGS732" s="423" t="s">
        <v>2795</v>
      </c>
      <c r="UGT732" s="424"/>
      <c r="UGU732" s="424"/>
      <c r="UGV732" s="424"/>
      <c r="UGW732" s="423" t="s">
        <v>2795</v>
      </c>
      <c r="UGX732" s="424"/>
      <c r="UGY732" s="424"/>
      <c r="UGZ732" s="424"/>
      <c r="UHA732" s="423" t="s">
        <v>2795</v>
      </c>
      <c r="UHB732" s="424"/>
      <c r="UHC732" s="424"/>
      <c r="UHD732" s="424"/>
      <c r="UHE732" s="423" t="s">
        <v>2795</v>
      </c>
      <c r="UHF732" s="424"/>
      <c r="UHG732" s="424"/>
      <c r="UHH732" s="424"/>
      <c r="UHI732" s="423" t="s">
        <v>2795</v>
      </c>
      <c r="UHJ732" s="424"/>
      <c r="UHK732" s="424"/>
      <c r="UHL732" s="424"/>
      <c r="UHM732" s="423" t="s">
        <v>2795</v>
      </c>
      <c r="UHN732" s="424"/>
      <c r="UHO732" s="424"/>
      <c r="UHP732" s="424"/>
      <c r="UHQ732" s="423" t="s">
        <v>2795</v>
      </c>
      <c r="UHR732" s="424"/>
      <c r="UHS732" s="424"/>
      <c r="UHT732" s="424"/>
      <c r="UHU732" s="423" t="s">
        <v>2795</v>
      </c>
      <c r="UHV732" s="424"/>
      <c r="UHW732" s="424"/>
      <c r="UHX732" s="424"/>
      <c r="UHY732" s="423" t="s">
        <v>2795</v>
      </c>
      <c r="UHZ732" s="424"/>
      <c r="UIA732" s="424"/>
      <c r="UIB732" s="424"/>
      <c r="UIC732" s="423" t="s">
        <v>2795</v>
      </c>
      <c r="UID732" s="424"/>
      <c r="UIE732" s="424"/>
      <c r="UIF732" s="424"/>
      <c r="UIG732" s="423" t="s">
        <v>2795</v>
      </c>
      <c r="UIH732" s="424"/>
      <c r="UII732" s="424"/>
      <c r="UIJ732" s="424"/>
      <c r="UIK732" s="423" t="s">
        <v>2795</v>
      </c>
      <c r="UIL732" s="424"/>
      <c r="UIM732" s="424"/>
      <c r="UIN732" s="424"/>
      <c r="UIO732" s="423" t="s">
        <v>2795</v>
      </c>
      <c r="UIP732" s="424"/>
      <c r="UIQ732" s="424"/>
      <c r="UIR732" s="424"/>
      <c r="UIS732" s="423" t="s">
        <v>2795</v>
      </c>
      <c r="UIT732" s="424"/>
      <c r="UIU732" s="424"/>
      <c r="UIV732" s="424"/>
      <c r="UIW732" s="423" t="s">
        <v>2795</v>
      </c>
      <c r="UIX732" s="424"/>
      <c r="UIY732" s="424"/>
      <c r="UIZ732" s="424"/>
      <c r="UJA732" s="423" t="s">
        <v>2795</v>
      </c>
      <c r="UJB732" s="424"/>
      <c r="UJC732" s="424"/>
      <c r="UJD732" s="424"/>
      <c r="UJE732" s="423" t="s">
        <v>2795</v>
      </c>
      <c r="UJF732" s="424"/>
      <c r="UJG732" s="424"/>
      <c r="UJH732" s="424"/>
      <c r="UJI732" s="423" t="s">
        <v>2795</v>
      </c>
      <c r="UJJ732" s="424"/>
      <c r="UJK732" s="424"/>
      <c r="UJL732" s="424"/>
      <c r="UJM732" s="423" t="s">
        <v>2795</v>
      </c>
      <c r="UJN732" s="424"/>
      <c r="UJO732" s="424"/>
      <c r="UJP732" s="424"/>
      <c r="UJQ732" s="423" t="s">
        <v>2795</v>
      </c>
      <c r="UJR732" s="424"/>
      <c r="UJS732" s="424"/>
      <c r="UJT732" s="424"/>
      <c r="UJU732" s="423" t="s">
        <v>2795</v>
      </c>
      <c r="UJV732" s="424"/>
      <c r="UJW732" s="424"/>
      <c r="UJX732" s="424"/>
      <c r="UJY732" s="423" t="s">
        <v>2795</v>
      </c>
      <c r="UJZ732" s="424"/>
      <c r="UKA732" s="424"/>
      <c r="UKB732" s="424"/>
      <c r="UKC732" s="423" t="s">
        <v>2795</v>
      </c>
      <c r="UKD732" s="424"/>
      <c r="UKE732" s="424"/>
      <c r="UKF732" s="424"/>
      <c r="UKG732" s="423" t="s">
        <v>2795</v>
      </c>
      <c r="UKH732" s="424"/>
      <c r="UKI732" s="424"/>
      <c r="UKJ732" s="424"/>
      <c r="UKK732" s="423" t="s">
        <v>2795</v>
      </c>
      <c r="UKL732" s="424"/>
      <c r="UKM732" s="424"/>
      <c r="UKN732" s="424"/>
      <c r="UKO732" s="423" t="s">
        <v>2795</v>
      </c>
      <c r="UKP732" s="424"/>
      <c r="UKQ732" s="424"/>
      <c r="UKR732" s="424"/>
      <c r="UKS732" s="423" t="s">
        <v>2795</v>
      </c>
      <c r="UKT732" s="424"/>
      <c r="UKU732" s="424"/>
      <c r="UKV732" s="424"/>
      <c r="UKW732" s="423" t="s">
        <v>2795</v>
      </c>
      <c r="UKX732" s="424"/>
      <c r="UKY732" s="424"/>
      <c r="UKZ732" s="424"/>
      <c r="ULA732" s="423" t="s">
        <v>2795</v>
      </c>
      <c r="ULB732" s="424"/>
      <c r="ULC732" s="424"/>
      <c r="ULD732" s="424"/>
      <c r="ULE732" s="423" t="s">
        <v>2795</v>
      </c>
      <c r="ULF732" s="424"/>
      <c r="ULG732" s="424"/>
      <c r="ULH732" s="424"/>
      <c r="ULI732" s="423" t="s">
        <v>2795</v>
      </c>
      <c r="ULJ732" s="424"/>
      <c r="ULK732" s="424"/>
      <c r="ULL732" s="424"/>
      <c r="ULM732" s="423" t="s">
        <v>2795</v>
      </c>
      <c r="ULN732" s="424"/>
      <c r="ULO732" s="424"/>
      <c r="ULP732" s="424"/>
      <c r="ULQ732" s="423" t="s">
        <v>2795</v>
      </c>
      <c r="ULR732" s="424"/>
      <c r="ULS732" s="424"/>
      <c r="ULT732" s="424"/>
      <c r="ULU732" s="423" t="s">
        <v>2795</v>
      </c>
      <c r="ULV732" s="424"/>
      <c r="ULW732" s="424"/>
      <c r="ULX732" s="424"/>
      <c r="ULY732" s="423" t="s">
        <v>2795</v>
      </c>
      <c r="ULZ732" s="424"/>
      <c r="UMA732" s="424"/>
      <c r="UMB732" s="424"/>
      <c r="UMC732" s="423" t="s">
        <v>2795</v>
      </c>
      <c r="UMD732" s="424"/>
      <c r="UME732" s="424"/>
      <c r="UMF732" s="424"/>
      <c r="UMG732" s="423" t="s">
        <v>2795</v>
      </c>
      <c r="UMH732" s="424"/>
      <c r="UMI732" s="424"/>
      <c r="UMJ732" s="424"/>
      <c r="UMK732" s="423" t="s">
        <v>2795</v>
      </c>
      <c r="UML732" s="424"/>
      <c r="UMM732" s="424"/>
      <c r="UMN732" s="424"/>
      <c r="UMO732" s="423" t="s">
        <v>2795</v>
      </c>
      <c r="UMP732" s="424"/>
      <c r="UMQ732" s="424"/>
      <c r="UMR732" s="424"/>
      <c r="UMS732" s="423" t="s">
        <v>2795</v>
      </c>
      <c r="UMT732" s="424"/>
      <c r="UMU732" s="424"/>
      <c r="UMV732" s="424"/>
      <c r="UMW732" s="423" t="s">
        <v>2795</v>
      </c>
      <c r="UMX732" s="424"/>
      <c r="UMY732" s="424"/>
      <c r="UMZ732" s="424"/>
      <c r="UNA732" s="423" t="s">
        <v>2795</v>
      </c>
      <c r="UNB732" s="424"/>
      <c r="UNC732" s="424"/>
      <c r="UND732" s="424"/>
      <c r="UNE732" s="423" t="s">
        <v>2795</v>
      </c>
      <c r="UNF732" s="424"/>
      <c r="UNG732" s="424"/>
      <c r="UNH732" s="424"/>
      <c r="UNI732" s="423" t="s">
        <v>2795</v>
      </c>
      <c r="UNJ732" s="424"/>
      <c r="UNK732" s="424"/>
      <c r="UNL732" s="424"/>
      <c r="UNM732" s="423" t="s">
        <v>2795</v>
      </c>
      <c r="UNN732" s="424"/>
      <c r="UNO732" s="424"/>
      <c r="UNP732" s="424"/>
      <c r="UNQ732" s="423" t="s">
        <v>2795</v>
      </c>
      <c r="UNR732" s="424"/>
      <c r="UNS732" s="424"/>
      <c r="UNT732" s="424"/>
      <c r="UNU732" s="423" t="s">
        <v>2795</v>
      </c>
      <c r="UNV732" s="424"/>
      <c r="UNW732" s="424"/>
      <c r="UNX732" s="424"/>
      <c r="UNY732" s="423" t="s">
        <v>2795</v>
      </c>
      <c r="UNZ732" s="424"/>
      <c r="UOA732" s="424"/>
      <c r="UOB732" s="424"/>
      <c r="UOC732" s="423" t="s">
        <v>2795</v>
      </c>
      <c r="UOD732" s="424"/>
      <c r="UOE732" s="424"/>
      <c r="UOF732" s="424"/>
      <c r="UOG732" s="423" t="s">
        <v>2795</v>
      </c>
      <c r="UOH732" s="424"/>
      <c r="UOI732" s="424"/>
      <c r="UOJ732" s="424"/>
      <c r="UOK732" s="423" t="s">
        <v>2795</v>
      </c>
      <c r="UOL732" s="424"/>
      <c r="UOM732" s="424"/>
      <c r="UON732" s="424"/>
      <c r="UOO732" s="423" t="s">
        <v>2795</v>
      </c>
      <c r="UOP732" s="424"/>
      <c r="UOQ732" s="424"/>
      <c r="UOR732" s="424"/>
      <c r="UOS732" s="423" t="s">
        <v>2795</v>
      </c>
      <c r="UOT732" s="424"/>
      <c r="UOU732" s="424"/>
      <c r="UOV732" s="424"/>
      <c r="UOW732" s="423" t="s">
        <v>2795</v>
      </c>
      <c r="UOX732" s="424"/>
      <c r="UOY732" s="424"/>
      <c r="UOZ732" s="424"/>
      <c r="UPA732" s="423" t="s">
        <v>2795</v>
      </c>
      <c r="UPB732" s="424"/>
      <c r="UPC732" s="424"/>
      <c r="UPD732" s="424"/>
      <c r="UPE732" s="423" t="s">
        <v>2795</v>
      </c>
      <c r="UPF732" s="424"/>
      <c r="UPG732" s="424"/>
      <c r="UPH732" s="424"/>
      <c r="UPI732" s="423" t="s">
        <v>2795</v>
      </c>
      <c r="UPJ732" s="424"/>
      <c r="UPK732" s="424"/>
      <c r="UPL732" s="424"/>
      <c r="UPM732" s="423" t="s">
        <v>2795</v>
      </c>
      <c r="UPN732" s="424"/>
      <c r="UPO732" s="424"/>
      <c r="UPP732" s="424"/>
      <c r="UPQ732" s="423" t="s">
        <v>2795</v>
      </c>
      <c r="UPR732" s="424"/>
      <c r="UPS732" s="424"/>
      <c r="UPT732" s="424"/>
      <c r="UPU732" s="423" t="s">
        <v>2795</v>
      </c>
      <c r="UPV732" s="424"/>
      <c r="UPW732" s="424"/>
      <c r="UPX732" s="424"/>
      <c r="UPY732" s="423" t="s">
        <v>2795</v>
      </c>
      <c r="UPZ732" s="424"/>
      <c r="UQA732" s="424"/>
      <c r="UQB732" s="424"/>
      <c r="UQC732" s="423" t="s">
        <v>2795</v>
      </c>
      <c r="UQD732" s="424"/>
      <c r="UQE732" s="424"/>
      <c r="UQF732" s="424"/>
      <c r="UQG732" s="423" t="s">
        <v>2795</v>
      </c>
      <c r="UQH732" s="424"/>
      <c r="UQI732" s="424"/>
      <c r="UQJ732" s="424"/>
      <c r="UQK732" s="423" t="s">
        <v>2795</v>
      </c>
      <c r="UQL732" s="424"/>
      <c r="UQM732" s="424"/>
      <c r="UQN732" s="424"/>
      <c r="UQO732" s="423" t="s">
        <v>2795</v>
      </c>
      <c r="UQP732" s="424"/>
      <c r="UQQ732" s="424"/>
      <c r="UQR732" s="424"/>
      <c r="UQS732" s="423" t="s">
        <v>2795</v>
      </c>
      <c r="UQT732" s="424"/>
      <c r="UQU732" s="424"/>
      <c r="UQV732" s="424"/>
      <c r="UQW732" s="423" t="s">
        <v>2795</v>
      </c>
      <c r="UQX732" s="424"/>
      <c r="UQY732" s="424"/>
      <c r="UQZ732" s="424"/>
      <c r="URA732" s="423" t="s">
        <v>2795</v>
      </c>
      <c r="URB732" s="424"/>
      <c r="URC732" s="424"/>
      <c r="URD732" s="424"/>
      <c r="URE732" s="423" t="s">
        <v>2795</v>
      </c>
      <c r="URF732" s="424"/>
      <c r="URG732" s="424"/>
      <c r="URH732" s="424"/>
      <c r="URI732" s="423" t="s">
        <v>2795</v>
      </c>
      <c r="URJ732" s="424"/>
      <c r="URK732" s="424"/>
      <c r="URL732" s="424"/>
      <c r="URM732" s="423" t="s">
        <v>2795</v>
      </c>
      <c r="URN732" s="424"/>
      <c r="URO732" s="424"/>
      <c r="URP732" s="424"/>
      <c r="URQ732" s="423" t="s">
        <v>2795</v>
      </c>
      <c r="URR732" s="424"/>
      <c r="URS732" s="424"/>
      <c r="URT732" s="424"/>
      <c r="URU732" s="423" t="s">
        <v>2795</v>
      </c>
      <c r="URV732" s="424"/>
      <c r="URW732" s="424"/>
      <c r="URX732" s="424"/>
      <c r="URY732" s="423" t="s">
        <v>2795</v>
      </c>
      <c r="URZ732" s="424"/>
      <c r="USA732" s="424"/>
      <c r="USB732" s="424"/>
      <c r="USC732" s="423" t="s">
        <v>2795</v>
      </c>
      <c r="USD732" s="424"/>
      <c r="USE732" s="424"/>
      <c r="USF732" s="424"/>
      <c r="USG732" s="423" t="s">
        <v>2795</v>
      </c>
      <c r="USH732" s="424"/>
      <c r="USI732" s="424"/>
      <c r="USJ732" s="424"/>
      <c r="USK732" s="423" t="s">
        <v>2795</v>
      </c>
      <c r="USL732" s="424"/>
      <c r="USM732" s="424"/>
      <c r="USN732" s="424"/>
      <c r="USO732" s="423" t="s">
        <v>2795</v>
      </c>
      <c r="USP732" s="424"/>
      <c r="USQ732" s="424"/>
      <c r="USR732" s="424"/>
      <c r="USS732" s="423" t="s">
        <v>2795</v>
      </c>
      <c r="UST732" s="424"/>
      <c r="USU732" s="424"/>
      <c r="USV732" s="424"/>
      <c r="USW732" s="423" t="s">
        <v>2795</v>
      </c>
      <c r="USX732" s="424"/>
      <c r="USY732" s="424"/>
      <c r="USZ732" s="424"/>
      <c r="UTA732" s="423" t="s">
        <v>2795</v>
      </c>
      <c r="UTB732" s="424"/>
      <c r="UTC732" s="424"/>
      <c r="UTD732" s="424"/>
      <c r="UTE732" s="423" t="s">
        <v>2795</v>
      </c>
      <c r="UTF732" s="424"/>
      <c r="UTG732" s="424"/>
      <c r="UTH732" s="424"/>
      <c r="UTI732" s="423" t="s">
        <v>2795</v>
      </c>
      <c r="UTJ732" s="424"/>
      <c r="UTK732" s="424"/>
      <c r="UTL732" s="424"/>
      <c r="UTM732" s="423" t="s">
        <v>2795</v>
      </c>
      <c r="UTN732" s="424"/>
      <c r="UTO732" s="424"/>
      <c r="UTP732" s="424"/>
      <c r="UTQ732" s="423" t="s">
        <v>2795</v>
      </c>
      <c r="UTR732" s="424"/>
      <c r="UTS732" s="424"/>
      <c r="UTT732" s="424"/>
      <c r="UTU732" s="423" t="s">
        <v>2795</v>
      </c>
      <c r="UTV732" s="424"/>
      <c r="UTW732" s="424"/>
      <c r="UTX732" s="424"/>
      <c r="UTY732" s="423" t="s">
        <v>2795</v>
      </c>
      <c r="UTZ732" s="424"/>
      <c r="UUA732" s="424"/>
      <c r="UUB732" s="424"/>
      <c r="UUC732" s="423" t="s">
        <v>2795</v>
      </c>
      <c r="UUD732" s="424"/>
      <c r="UUE732" s="424"/>
      <c r="UUF732" s="424"/>
      <c r="UUG732" s="423" t="s">
        <v>2795</v>
      </c>
      <c r="UUH732" s="424"/>
      <c r="UUI732" s="424"/>
      <c r="UUJ732" s="424"/>
      <c r="UUK732" s="423" t="s">
        <v>2795</v>
      </c>
      <c r="UUL732" s="424"/>
      <c r="UUM732" s="424"/>
      <c r="UUN732" s="424"/>
      <c r="UUO732" s="423" t="s">
        <v>2795</v>
      </c>
      <c r="UUP732" s="424"/>
      <c r="UUQ732" s="424"/>
      <c r="UUR732" s="424"/>
      <c r="UUS732" s="423" t="s">
        <v>2795</v>
      </c>
      <c r="UUT732" s="424"/>
      <c r="UUU732" s="424"/>
      <c r="UUV732" s="424"/>
      <c r="UUW732" s="423" t="s">
        <v>2795</v>
      </c>
      <c r="UUX732" s="424"/>
      <c r="UUY732" s="424"/>
      <c r="UUZ732" s="424"/>
      <c r="UVA732" s="423" t="s">
        <v>2795</v>
      </c>
      <c r="UVB732" s="424"/>
      <c r="UVC732" s="424"/>
      <c r="UVD732" s="424"/>
      <c r="UVE732" s="423" t="s">
        <v>2795</v>
      </c>
      <c r="UVF732" s="424"/>
      <c r="UVG732" s="424"/>
      <c r="UVH732" s="424"/>
      <c r="UVI732" s="423" t="s">
        <v>2795</v>
      </c>
      <c r="UVJ732" s="424"/>
      <c r="UVK732" s="424"/>
      <c r="UVL732" s="424"/>
      <c r="UVM732" s="423" t="s">
        <v>2795</v>
      </c>
      <c r="UVN732" s="424"/>
      <c r="UVO732" s="424"/>
      <c r="UVP732" s="424"/>
      <c r="UVQ732" s="423" t="s">
        <v>2795</v>
      </c>
      <c r="UVR732" s="424"/>
      <c r="UVS732" s="424"/>
      <c r="UVT732" s="424"/>
      <c r="UVU732" s="423" t="s">
        <v>2795</v>
      </c>
      <c r="UVV732" s="424"/>
      <c r="UVW732" s="424"/>
      <c r="UVX732" s="424"/>
      <c r="UVY732" s="423" t="s">
        <v>2795</v>
      </c>
      <c r="UVZ732" s="424"/>
      <c r="UWA732" s="424"/>
      <c r="UWB732" s="424"/>
      <c r="UWC732" s="423" t="s">
        <v>2795</v>
      </c>
      <c r="UWD732" s="424"/>
      <c r="UWE732" s="424"/>
      <c r="UWF732" s="424"/>
      <c r="UWG732" s="423" t="s">
        <v>2795</v>
      </c>
      <c r="UWH732" s="424"/>
      <c r="UWI732" s="424"/>
      <c r="UWJ732" s="424"/>
      <c r="UWK732" s="423" t="s">
        <v>2795</v>
      </c>
      <c r="UWL732" s="424"/>
      <c r="UWM732" s="424"/>
      <c r="UWN732" s="424"/>
      <c r="UWO732" s="423" t="s">
        <v>2795</v>
      </c>
      <c r="UWP732" s="424"/>
      <c r="UWQ732" s="424"/>
      <c r="UWR732" s="424"/>
      <c r="UWS732" s="423" t="s">
        <v>2795</v>
      </c>
      <c r="UWT732" s="424"/>
      <c r="UWU732" s="424"/>
      <c r="UWV732" s="424"/>
      <c r="UWW732" s="423" t="s">
        <v>2795</v>
      </c>
      <c r="UWX732" s="424"/>
      <c r="UWY732" s="424"/>
      <c r="UWZ732" s="424"/>
      <c r="UXA732" s="423" t="s">
        <v>2795</v>
      </c>
      <c r="UXB732" s="424"/>
      <c r="UXC732" s="424"/>
      <c r="UXD732" s="424"/>
      <c r="UXE732" s="423" t="s">
        <v>2795</v>
      </c>
      <c r="UXF732" s="424"/>
      <c r="UXG732" s="424"/>
      <c r="UXH732" s="424"/>
      <c r="UXI732" s="423" t="s">
        <v>2795</v>
      </c>
      <c r="UXJ732" s="424"/>
      <c r="UXK732" s="424"/>
      <c r="UXL732" s="424"/>
      <c r="UXM732" s="423" t="s">
        <v>2795</v>
      </c>
      <c r="UXN732" s="424"/>
      <c r="UXO732" s="424"/>
      <c r="UXP732" s="424"/>
      <c r="UXQ732" s="423" t="s">
        <v>2795</v>
      </c>
      <c r="UXR732" s="424"/>
      <c r="UXS732" s="424"/>
      <c r="UXT732" s="424"/>
      <c r="UXU732" s="423" t="s">
        <v>2795</v>
      </c>
      <c r="UXV732" s="424"/>
      <c r="UXW732" s="424"/>
      <c r="UXX732" s="424"/>
      <c r="UXY732" s="423" t="s">
        <v>2795</v>
      </c>
      <c r="UXZ732" s="424"/>
      <c r="UYA732" s="424"/>
      <c r="UYB732" s="424"/>
      <c r="UYC732" s="423" t="s">
        <v>2795</v>
      </c>
      <c r="UYD732" s="424"/>
      <c r="UYE732" s="424"/>
      <c r="UYF732" s="424"/>
      <c r="UYG732" s="423" t="s">
        <v>2795</v>
      </c>
      <c r="UYH732" s="424"/>
      <c r="UYI732" s="424"/>
      <c r="UYJ732" s="424"/>
      <c r="UYK732" s="423" t="s">
        <v>2795</v>
      </c>
      <c r="UYL732" s="424"/>
      <c r="UYM732" s="424"/>
      <c r="UYN732" s="424"/>
      <c r="UYO732" s="423" t="s">
        <v>2795</v>
      </c>
      <c r="UYP732" s="424"/>
      <c r="UYQ732" s="424"/>
      <c r="UYR732" s="424"/>
      <c r="UYS732" s="423" t="s">
        <v>2795</v>
      </c>
      <c r="UYT732" s="424"/>
      <c r="UYU732" s="424"/>
      <c r="UYV732" s="424"/>
      <c r="UYW732" s="423" t="s">
        <v>2795</v>
      </c>
      <c r="UYX732" s="424"/>
      <c r="UYY732" s="424"/>
      <c r="UYZ732" s="424"/>
      <c r="UZA732" s="423" t="s">
        <v>2795</v>
      </c>
      <c r="UZB732" s="424"/>
      <c r="UZC732" s="424"/>
      <c r="UZD732" s="424"/>
      <c r="UZE732" s="423" t="s">
        <v>2795</v>
      </c>
      <c r="UZF732" s="424"/>
      <c r="UZG732" s="424"/>
      <c r="UZH732" s="424"/>
      <c r="UZI732" s="423" t="s">
        <v>2795</v>
      </c>
      <c r="UZJ732" s="424"/>
      <c r="UZK732" s="424"/>
      <c r="UZL732" s="424"/>
      <c r="UZM732" s="423" t="s">
        <v>2795</v>
      </c>
      <c r="UZN732" s="424"/>
      <c r="UZO732" s="424"/>
      <c r="UZP732" s="424"/>
      <c r="UZQ732" s="423" t="s">
        <v>2795</v>
      </c>
      <c r="UZR732" s="424"/>
      <c r="UZS732" s="424"/>
      <c r="UZT732" s="424"/>
      <c r="UZU732" s="423" t="s">
        <v>2795</v>
      </c>
      <c r="UZV732" s="424"/>
      <c r="UZW732" s="424"/>
      <c r="UZX732" s="424"/>
      <c r="UZY732" s="423" t="s">
        <v>2795</v>
      </c>
      <c r="UZZ732" s="424"/>
      <c r="VAA732" s="424"/>
      <c r="VAB732" s="424"/>
      <c r="VAC732" s="423" t="s">
        <v>2795</v>
      </c>
      <c r="VAD732" s="424"/>
      <c r="VAE732" s="424"/>
      <c r="VAF732" s="424"/>
      <c r="VAG732" s="423" t="s">
        <v>2795</v>
      </c>
      <c r="VAH732" s="424"/>
      <c r="VAI732" s="424"/>
      <c r="VAJ732" s="424"/>
      <c r="VAK732" s="423" t="s">
        <v>2795</v>
      </c>
      <c r="VAL732" s="424"/>
      <c r="VAM732" s="424"/>
      <c r="VAN732" s="424"/>
      <c r="VAO732" s="423" t="s">
        <v>2795</v>
      </c>
      <c r="VAP732" s="424"/>
      <c r="VAQ732" s="424"/>
      <c r="VAR732" s="424"/>
      <c r="VAS732" s="423" t="s">
        <v>2795</v>
      </c>
      <c r="VAT732" s="424"/>
      <c r="VAU732" s="424"/>
      <c r="VAV732" s="424"/>
      <c r="VAW732" s="423" t="s">
        <v>2795</v>
      </c>
      <c r="VAX732" s="424"/>
      <c r="VAY732" s="424"/>
      <c r="VAZ732" s="424"/>
      <c r="VBA732" s="423" t="s">
        <v>2795</v>
      </c>
      <c r="VBB732" s="424"/>
      <c r="VBC732" s="424"/>
      <c r="VBD732" s="424"/>
      <c r="VBE732" s="423" t="s">
        <v>2795</v>
      </c>
      <c r="VBF732" s="424"/>
      <c r="VBG732" s="424"/>
      <c r="VBH732" s="424"/>
      <c r="VBI732" s="423" t="s">
        <v>2795</v>
      </c>
      <c r="VBJ732" s="424"/>
      <c r="VBK732" s="424"/>
      <c r="VBL732" s="424"/>
      <c r="VBM732" s="423" t="s">
        <v>2795</v>
      </c>
      <c r="VBN732" s="424"/>
      <c r="VBO732" s="424"/>
      <c r="VBP732" s="424"/>
      <c r="VBQ732" s="423" t="s">
        <v>2795</v>
      </c>
      <c r="VBR732" s="424"/>
      <c r="VBS732" s="424"/>
      <c r="VBT732" s="424"/>
      <c r="VBU732" s="423" t="s">
        <v>2795</v>
      </c>
      <c r="VBV732" s="424"/>
      <c r="VBW732" s="424"/>
      <c r="VBX732" s="424"/>
      <c r="VBY732" s="423" t="s">
        <v>2795</v>
      </c>
      <c r="VBZ732" s="424"/>
      <c r="VCA732" s="424"/>
      <c r="VCB732" s="424"/>
      <c r="VCC732" s="423" t="s">
        <v>2795</v>
      </c>
      <c r="VCD732" s="424"/>
      <c r="VCE732" s="424"/>
      <c r="VCF732" s="424"/>
      <c r="VCG732" s="423" t="s">
        <v>2795</v>
      </c>
      <c r="VCH732" s="424"/>
      <c r="VCI732" s="424"/>
      <c r="VCJ732" s="424"/>
      <c r="VCK732" s="423" t="s">
        <v>2795</v>
      </c>
      <c r="VCL732" s="424"/>
      <c r="VCM732" s="424"/>
      <c r="VCN732" s="424"/>
      <c r="VCO732" s="423" t="s">
        <v>2795</v>
      </c>
      <c r="VCP732" s="424"/>
      <c r="VCQ732" s="424"/>
      <c r="VCR732" s="424"/>
      <c r="VCS732" s="423" t="s">
        <v>2795</v>
      </c>
      <c r="VCT732" s="424"/>
      <c r="VCU732" s="424"/>
      <c r="VCV732" s="424"/>
      <c r="VCW732" s="423" t="s">
        <v>2795</v>
      </c>
      <c r="VCX732" s="424"/>
      <c r="VCY732" s="424"/>
      <c r="VCZ732" s="424"/>
      <c r="VDA732" s="423" t="s">
        <v>2795</v>
      </c>
      <c r="VDB732" s="424"/>
      <c r="VDC732" s="424"/>
      <c r="VDD732" s="424"/>
      <c r="VDE732" s="423" t="s">
        <v>2795</v>
      </c>
      <c r="VDF732" s="424"/>
      <c r="VDG732" s="424"/>
      <c r="VDH732" s="424"/>
      <c r="VDI732" s="423" t="s">
        <v>2795</v>
      </c>
      <c r="VDJ732" s="424"/>
      <c r="VDK732" s="424"/>
      <c r="VDL732" s="424"/>
      <c r="VDM732" s="423" t="s">
        <v>2795</v>
      </c>
      <c r="VDN732" s="424"/>
      <c r="VDO732" s="424"/>
      <c r="VDP732" s="424"/>
      <c r="VDQ732" s="423" t="s">
        <v>2795</v>
      </c>
      <c r="VDR732" s="424"/>
      <c r="VDS732" s="424"/>
      <c r="VDT732" s="424"/>
      <c r="VDU732" s="423" t="s">
        <v>2795</v>
      </c>
      <c r="VDV732" s="424"/>
      <c r="VDW732" s="424"/>
      <c r="VDX732" s="424"/>
      <c r="VDY732" s="423" t="s">
        <v>2795</v>
      </c>
      <c r="VDZ732" s="424"/>
      <c r="VEA732" s="424"/>
      <c r="VEB732" s="424"/>
      <c r="VEC732" s="423" t="s">
        <v>2795</v>
      </c>
      <c r="VED732" s="424"/>
      <c r="VEE732" s="424"/>
      <c r="VEF732" s="424"/>
      <c r="VEG732" s="423" t="s">
        <v>2795</v>
      </c>
      <c r="VEH732" s="424"/>
      <c r="VEI732" s="424"/>
      <c r="VEJ732" s="424"/>
      <c r="VEK732" s="423" t="s">
        <v>2795</v>
      </c>
      <c r="VEL732" s="424"/>
      <c r="VEM732" s="424"/>
      <c r="VEN732" s="424"/>
      <c r="VEO732" s="423" t="s">
        <v>2795</v>
      </c>
      <c r="VEP732" s="424"/>
      <c r="VEQ732" s="424"/>
      <c r="VER732" s="424"/>
      <c r="VES732" s="423" t="s">
        <v>2795</v>
      </c>
      <c r="VET732" s="424"/>
      <c r="VEU732" s="424"/>
      <c r="VEV732" s="424"/>
      <c r="VEW732" s="423" t="s">
        <v>2795</v>
      </c>
      <c r="VEX732" s="424"/>
      <c r="VEY732" s="424"/>
      <c r="VEZ732" s="424"/>
      <c r="VFA732" s="423" t="s">
        <v>2795</v>
      </c>
      <c r="VFB732" s="424"/>
      <c r="VFC732" s="424"/>
      <c r="VFD732" s="424"/>
      <c r="VFE732" s="423" t="s">
        <v>2795</v>
      </c>
      <c r="VFF732" s="424"/>
      <c r="VFG732" s="424"/>
      <c r="VFH732" s="424"/>
      <c r="VFI732" s="423" t="s">
        <v>2795</v>
      </c>
      <c r="VFJ732" s="424"/>
      <c r="VFK732" s="424"/>
      <c r="VFL732" s="424"/>
      <c r="VFM732" s="423" t="s">
        <v>2795</v>
      </c>
      <c r="VFN732" s="424"/>
      <c r="VFO732" s="424"/>
      <c r="VFP732" s="424"/>
      <c r="VFQ732" s="423" t="s">
        <v>2795</v>
      </c>
      <c r="VFR732" s="424"/>
      <c r="VFS732" s="424"/>
      <c r="VFT732" s="424"/>
      <c r="VFU732" s="423" t="s">
        <v>2795</v>
      </c>
      <c r="VFV732" s="424"/>
      <c r="VFW732" s="424"/>
      <c r="VFX732" s="424"/>
      <c r="VFY732" s="423" t="s">
        <v>2795</v>
      </c>
      <c r="VFZ732" s="424"/>
      <c r="VGA732" s="424"/>
      <c r="VGB732" s="424"/>
      <c r="VGC732" s="423" t="s">
        <v>2795</v>
      </c>
      <c r="VGD732" s="424"/>
      <c r="VGE732" s="424"/>
      <c r="VGF732" s="424"/>
      <c r="VGG732" s="423" t="s">
        <v>2795</v>
      </c>
      <c r="VGH732" s="424"/>
      <c r="VGI732" s="424"/>
      <c r="VGJ732" s="424"/>
      <c r="VGK732" s="423" t="s">
        <v>2795</v>
      </c>
      <c r="VGL732" s="424"/>
      <c r="VGM732" s="424"/>
      <c r="VGN732" s="424"/>
      <c r="VGO732" s="423" t="s">
        <v>2795</v>
      </c>
      <c r="VGP732" s="424"/>
      <c r="VGQ732" s="424"/>
      <c r="VGR732" s="424"/>
      <c r="VGS732" s="423" t="s">
        <v>2795</v>
      </c>
      <c r="VGT732" s="424"/>
      <c r="VGU732" s="424"/>
      <c r="VGV732" s="424"/>
      <c r="VGW732" s="423" t="s">
        <v>2795</v>
      </c>
      <c r="VGX732" s="424"/>
      <c r="VGY732" s="424"/>
      <c r="VGZ732" s="424"/>
      <c r="VHA732" s="423" t="s">
        <v>2795</v>
      </c>
      <c r="VHB732" s="424"/>
      <c r="VHC732" s="424"/>
      <c r="VHD732" s="424"/>
      <c r="VHE732" s="423" t="s">
        <v>2795</v>
      </c>
      <c r="VHF732" s="424"/>
      <c r="VHG732" s="424"/>
      <c r="VHH732" s="424"/>
      <c r="VHI732" s="423" t="s">
        <v>2795</v>
      </c>
      <c r="VHJ732" s="424"/>
      <c r="VHK732" s="424"/>
      <c r="VHL732" s="424"/>
      <c r="VHM732" s="423" t="s">
        <v>2795</v>
      </c>
      <c r="VHN732" s="424"/>
      <c r="VHO732" s="424"/>
      <c r="VHP732" s="424"/>
      <c r="VHQ732" s="423" t="s">
        <v>2795</v>
      </c>
      <c r="VHR732" s="424"/>
      <c r="VHS732" s="424"/>
      <c r="VHT732" s="424"/>
      <c r="VHU732" s="423" t="s">
        <v>2795</v>
      </c>
      <c r="VHV732" s="424"/>
      <c r="VHW732" s="424"/>
      <c r="VHX732" s="424"/>
      <c r="VHY732" s="423" t="s">
        <v>2795</v>
      </c>
      <c r="VHZ732" s="424"/>
      <c r="VIA732" s="424"/>
      <c r="VIB732" s="424"/>
      <c r="VIC732" s="423" t="s">
        <v>2795</v>
      </c>
      <c r="VID732" s="424"/>
      <c r="VIE732" s="424"/>
      <c r="VIF732" s="424"/>
      <c r="VIG732" s="423" t="s">
        <v>2795</v>
      </c>
      <c r="VIH732" s="424"/>
      <c r="VII732" s="424"/>
      <c r="VIJ732" s="424"/>
      <c r="VIK732" s="423" t="s">
        <v>2795</v>
      </c>
      <c r="VIL732" s="424"/>
      <c r="VIM732" s="424"/>
      <c r="VIN732" s="424"/>
      <c r="VIO732" s="423" t="s">
        <v>2795</v>
      </c>
      <c r="VIP732" s="424"/>
      <c r="VIQ732" s="424"/>
      <c r="VIR732" s="424"/>
      <c r="VIS732" s="423" t="s">
        <v>2795</v>
      </c>
      <c r="VIT732" s="424"/>
      <c r="VIU732" s="424"/>
      <c r="VIV732" s="424"/>
      <c r="VIW732" s="423" t="s">
        <v>2795</v>
      </c>
      <c r="VIX732" s="424"/>
      <c r="VIY732" s="424"/>
      <c r="VIZ732" s="424"/>
      <c r="VJA732" s="423" t="s">
        <v>2795</v>
      </c>
      <c r="VJB732" s="424"/>
      <c r="VJC732" s="424"/>
      <c r="VJD732" s="424"/>
      <c r="VJE732" s="423" t="s">
        <v>2795</v>
      </c>
      <c r="VJF732" s="424"/>
      <c r="VJG732" s="424"/>
      <c r="VJH732" s="424"/>
      <c r="VJI732" s="423" t="s">
        <v>2795</v>
      </c>
      <c r="VJJ732" s="424"/>
      <c r="VJK732" s="424"/>
      <c r="VJL732" s="424"/>
      <c r="VJM732" s="423" t="s">
        <v>2795</v>
      </c>
      <c r="VJN732" s="424"/>
      <c r="VJO732" s="424"/>
      <c r="VJP732" s="424"/>
      <c r="VJQ732" s="423" t="s">
        <v>2795</v>
      </c>
      <c r="VJR732" s="424"/>
      <c r="VJS732" s="424"/>
      <c r="VJT732" s="424"/>
      <c r="VJU732" s="423" t="s">
        <v>2795</v>
      </c>
      <c r="VJV732" s="424"/>
      <c r="VJW732" s="424"/>
      <c r="VJX732" s="424"/>
      <c r="VJY732" s="423" t="s">
        <v>2795</v>
      </c>
      <c r="VJZ732" s="424"/>
      <c r="VKA732" s="424"/>
      <c r="VKB732" s="424"/>
      <c r="VKC732" s="423" t="s">
        <v>2795</v>
      </c>
      <c r="VKD732" s="424"/>
      <c r="VKE732" s="424"/>
      <c r="VKF732" s="424"/>
      <c r="VKG732" s="423" t="s">
        <v>2795</v>
      </c>
      <c r="VKH732" s="424"/>
      <c r="VKI732" s="424"/>
      <c r="VKJ732" s="424"/>
      <c r="VKK732" s="423" t="s">
        <v>2795</v>
      </c>
      <c r="VKL732" s="424"/>
      <c r="VKM732" s="424"/>
      <c r="VKN732" s="424"/>
      <c r="VKO732" s="423" t="s">
        <v>2795</v>
      </c>
      <c r="VKP732" s="424"/>
      <c r="VKQ732" s="424"/>
      <c r="VKR732" s="424"/>
      <c r="VKS732" s="423" t="s">
        <v>2795</v>
      </c>
      <c r="VKT732" s="424"/>
      <c r="VKU732" s="424"/>
      <c r="VKV732" s="424"/>
      <c r="VKW732" s="423" t="s">
        <v>2795</v>
      </c>
      <c r="VKX732" s="424"/>
      <c r="VKY732" s="424"/>
      <c r="VKZ732" s="424"/>
      <c r="VLA732" s="423" t="s">
        <v>2795</v>
      </c>
      <c r="VLB732" s="424"/>
      <c r="VLC732" s="424"/>
      <c r="VLD732" s="424"/>
      <c r="VLE732" s="423" t="s">
        <v>2795</v>
      </c>
      <c r="VLF732" s="424"/>
      <c r="VLG732" s="424"/>
      <c r="VLH732" s="424"/>
      <c r="VLI732" s="423" t="s">
        <v>2795</v>
      </c>
      <c r="VLJ732" s="424"/>
      <c r="VLK732" s="424"/>
      <c r="VLL732" s="424"/>
      <c r="VLM732" s="423" t="s">
        <v>2795</v>
      </c>
      <c r="VLN732" s="424"/>
      <c r="VLO732" s="424"/>
      <c r="VLP732" s="424"/>
      <c r="VLQ732" s="423" t="s">
        <v>2795</v>
      </c>
      <c r="VLR732" s="424"/>
      <c r="VLS732" s="424"/>
      <c r="VLT732" s="424"/>
      <c r="VLU732" s="423" t="s">
        <v>2795</v>
      </c>
      <c r="VLV732" s="424"/>
      <c r="VLW732" s="424"/>
      <c r="VLX732" s="424"/>
      <c r="VLY732" s="423" t="s">
        <v>2795</v>
      </c>
      <c r="VLZ732" s="424"/>
      <c r="VMA732" s="424"/>
      <c r="VMB732" s="424"/>
      <c r="VMC732" s="423" t="s">
        <v>2795</v>
      </c>
      <c r="VMD732" s="424"/>
      <c r="VME732" s="424"/>
      <c r="VMF732" s="424"/>
      <c r="VMG732" s="423" t="s">
        <v>2795</v>
      </c>
      <c r="VMH732" s="424"/>
      <c r="VMI732" s="424"/>
      <c r="VMJ732" s="424"/>
      <c r="VMK732" s="423" t="s">
        <v>2795</v>
      </c>
      <c r="VML732" s="424"/>
      <c r="VMM732" s="424"/>
      <c r="VMN732" s="424"/>
      <c r="VMO732" s="423" t="s">
        <v>2795</v>
      </c>
      <c r="VMP732" s="424"/>
      <c r="VMQ732" s="424"/>
      <c r="VMR732" s="424"/>
      <c r="VMS732" s="423" t="s">
        <v>2795</v>
      </c>
      <c r="VMT732" s="424"/>
      <c r="VMU732" s="424"/>
      <c r="VMV732" s="424"/>
      <c r="VMW732" s="423" t="s">
        <v>2795</v>
      </c>
      <c r="VMX732" s="424"/>
      <c r="VMY732" s="424"/>
      <c r="VMZ732" s="424"/>
      <c r="VNA732" s="423" t="s">
        <v>2795</v>
      </c>
      <c r="VNB732" s="424"/>
      <c r="VNC732" s="424"/>
      <c r="VND732" s="424"/>
      <c r="VNE732" s="423" t="s">
        <v>2795</v>
      </c>
      <c r="VNF732" s="424"/>
      <c r="VNG732" s="424"/>
      <c r="VNH732" s="424"/>
      <c r="VNI732" s="423" t="s">
        <v>2795</v>
      </c>
      <c r="VNJ732" s="424"/>
      <c r="VNK732" s="424"/>
      <c r="VNL732" s="424"/>
      <c r="VNM732" s="423" t="s">
        <v>2795</v>
      </c>
      <c r="VNN732" s="424"/>
      <c r="VNO732" s="424"/>
      <c r="VNP732" s="424"/>
      <c r="VNQ732" s="423" t="s">
        <v>2795</v>
      </c>
      <c r="VNR732" s="424"/>
      <c r="VNS732" s="424"/>
      <c r="VNT732" s="424"/>
      <c r="VNU732" s="423" t="s">
        <v>2795</v>
      </c>
      <c r="VNV732" s="424"/>
      <c r="VNW732" s="424"/>
      <c r="VNX732" s="424"/>
      <c r="VNY732" s="423" t="s">
        <v>2795</v>
      </c>
      <c r="VNZ732" s="424"/>
      <c r="VOA732" s="424"/>
      <c r="VOB732" s="424"/>
      <c r="VOC732" s="423" t="s">
        <v>2795</v>
      </c>
      <c r="VOD732" s="424"/>
      <c r="VOE732" s="424"/>
      <c r="VOF732" s="424"/>
      <c r="VOG732" s="423" t="s">
        <v>2795</v>
      </c>
      <c r="VOH732" s="424"/>
      <c r="VOI732" s="424"/>
      <c r="VOJ732" s="424"/>
      <c r="VOK732" s="423" t="s">
        <v>2795</v>
      </c>
      <c r="VOL732" s="424"/>
      <c r="VOM732" s="424"/>
      <c r="VON732" s="424"/>
      <c r="VOO732" s="423" t="s">
        <v>2795</v>
      </c>
      <c r="VOP732" s="424"/>
      <c r="VOQ732" s="424"/>
      <c r="VOR732" s="424"/>
      <c r="VOS732" s="423" t="s">
        <v>2795</v>
      </c>
      <c r="VOT732" s="424"/>
      <c r="VOU732" s="424"/>
      <c r="VOV732" s="424"/>
      <c r="VOW732" s="423" t="s">
        <v>2795</v>
      </c>
      <c r="VOX732" s="424"/>
      <c r="VOY732" s="424"/>
      <c r="VOZ732" s="424"/>
      <c r="VPA732" s="423" t="s">
        <v>2795</v>
      </c>
      <c r="VPB732" s="424"/>
      <c r="VPC732" s="424"/>
      <c r="VPD732" s="424"/>
      <c r="VPE732" s="423" t="s">
        <v>2795</v>
      </c>
      <c r="VPF732" s="424"/>
      <c r="VPG732" s="424"/>
      <c r="VPH732" s="424"/>
      <c r="VPI732" s="423" t="s">
        <v>2795</v>
      </c>
      <c r="VPJ732" s="424"/>
      <c r="VPK732" s="424"/>
      <c r="VPL732" s="424"/>
      <c r="VPM732" s="423" t="s">
        <v>2795</v>
      </c>
      <c r="VPN732" s="424"/>
      <c r="VPO732" s="424"/>
      <c r="VPP732" s="424"/>
      <c r="VPQ732" s="423" t="s">
        <v>2795</v>
      </c>
      <c r="VPR732" s="424"/>
      <c r="VPS732" s="424"/>
      <c r="VPT732" s="424"/>
      <c r="VPU732" s="423" t="s">
        <v>2795</v>
      </c>
      <c r="VPV732" s="424"/>
      <c r="VPW732" s="424"/>
      <c r="VPX732" s="424"/>
      <c r="VPY732" s="423" t="s">
        <v>2795</v>
      </c>
      <c r="VPZ732" s="424"/>
      <c r="VQA732" s="424"/>
      <c r="VQB732" s="424"/>
      <c r="VQC732" s="423" t="s">
        <v>2795</v>
      </c>
      <c r="VQD732" s="424"/>
      <c r="VQE732" s="424"/>
      <c r="VQF732" s="424"/>
      <c r="VQG732" s="423" t="s">
        <v>2795</v>
      </c>
      <c r="VQH732" s="424"/>
      <c r="VQI732" s="424"/>
      <c r="VQJ732" s="424"/>
      <c r="VQK732" s="423" t="s">
        <v>2795</v>
      </c>
      <c r="VQL732" s="424"/>
      <c r="VQM732" s="424"/>
      <c r="VQN732" s="424"/>
      <c r="VQO732" s="423" t="s">
        <v>2795</v>
      </c>
      <c r="VQP732" s="424"/>
      <c r="VQQ732" s="424"/>
      <c r="VQR732" s="424"/>
      <c r="VQS732" s="423" t="s">
        <v>2795</v>
      </c>
      <c r="VQT732" s="424"/>
      <c r="VQU732" s="424"/>
      <c r="VQV732" s="424"/>
      <c r="VQW732" s="423" t="s">
        <v>2795</v>
      </c>
      <c r="VQX732" s="424"/>
      <c r="VQY732" s="424"/>
      <c r="VQZ732" s="424"/>
      <c r="VRA732" s="423" t="s">
        <v>2795</v>
      </c>
      <c r="VRB732" s="424"/>
      <c r="VRC732" s="424"/>
      <c r="VRD732" s="424"/>
      <c r="VRE732" s="423" t="s">
        <v>2795</v>
      </c>
      <c r="VRF732" s="424"/>
      <c r="VRG732" s="424"/>
      <c r="VRH732" s="424"/>
      <c r="VRI732" s="423" t="s">
        <v>2795</v>
      </c>
      <c r="VRJ732" s="424"/>
      <c r="VRK732" s="424"/>
      <c r="VRL732" s="424"/>
      <c r="VRM732" s="423" t="s">
        <v>2795</v>
      </c>
      <c r="VRN732" s="424"/>
      <c r="VRO732" s="424"/>
      <c r="VRP732" s="424"/>
      <c r="VRQ732" s="423" t="s">
        <v>2795</v>
      </c>
      <c r="VRR732" s="424"/>
      <c r="VRS732" s="424"/>
      <c r="VRT732" s="424"/>
      <c r="VRU732" s="423" t="s">
        <v>2795</v>
      </c>
      <c r="VRV732" s="424"/>
      <c r="VRW732" s="424"/>
      <c r="VRX732" s="424"/>
      <c r="VRY732" s="423" t="s">
        <v>2795</v>
      </c>
      <c r="VRZ732" s="424"/>
      <c r="VSA732" s="424"/>
      <c r="VSB732" s="424"/>
      <c r="VSC732" s="423" t="s">
        <v>2795</v>
      </c>
      <c r="VSD732" s="424"/>
      <c r="VSE732" s="424"/>
      <c r="VSF732" s="424"/>
      <c r="VSG732" s="423" t="s">
        <v>2795</v>
      </c>
      <c r="VSH732" s="424"/>
      <c r="VSI732" s="424"/>
      <c r="VSJ732" s="424"/>
      <c r="VSK732" s="423" t="s">
        <v>2795</v>
      </c>
      <c r="VSL732" s="424"/>
      <c r="VSM732" s="424"/>
      <c r="VSN732" s="424"/>
      <c r="VSO732" s="423" t="s">
        <v>2795</v>
      </c>
      <c r="VSP732" s="424"/>
      <c r="VSQ732" s="424"/>
      <c r="VSR732" s="424"/>
      <c r="VSS732" s="423" t="s">
        <v>2795</v>
      </c>
      <c r="VST732" s="424"/>
      <c r="VSU732" s="424"/>
      <c r="VSV732" s="424"/>
      <c r="VSW732" s="423" t="s">
        <v>2795</v>
      </c>
      <c r="VSX732" s="424"/>
      <c r="VSY732" s="424"/>
      <c r="VSZ732" s="424"/>
      <c r="VTA732" s="423" t="s">
        <v>2795</v>
      </c>
      <c r="VTB732" s="424"/>
      <c r="VTC732" s="424"/>
      <c r="VTD732" s="424"/>
      <c r="VTE732" s="423" t="s">
        <v>2795</v>
      </c>
      <c r="VTF732" s="424"/>
      <c r="VTG732" s="424"/>
      <c r="VTH732" s="424"/>
      <c r="VTI732" s="423" t="s">
        <v>2795</v>
      </c>
      <c r="VTJ732" s="424"/>
      <c r="VTK732" s="424"/>
      <c r="VTL732" s="424"/>
      <c r="VTM732" s="423" t="s">
        <v>2795</v>
      </c>
      <c r="VTN732" s="424"/>
      <c r="VTO732" s="424"/>
      <c r="VTP732" s="424"/>
      <c r="VTQ732" s="423" t="s">
        <v>2795</v>
      </c>
      <c r="VTR732" s="424"/>
      <c r="VTS732" s="424"/>
      <c r="VTT732" s="424"/>
      <c r="VTU732" s="423" t="s">
        <v>2795</v>
      </c>
      <c r="VTV732" s="424"/>
      <c r="VTW732" s="424"/>
      <c r="VTX732" s="424"/>
      <c r="VTY732" s="423" t="s">
        <v>2795</v>
      </c>
      <c r="VTZ732" s="424"/>
      <c r="VUA732" s="424"/>
      <c r="VUB732" s="424"/>
      <c r="VUC732" s="423" t="s">
        <v>2795</v>
      </c>
      <c r="VUD732" s="424"/>
      <c r="VUE732" s="424"/>
      <c r="VUF732" s="424"/>
      <c r="VUG732" s="423" t="s">
        <v>2795</v>
      </c>
      <c r="VUH732" s="424"/>
      <c r="VUI732" s="424"/>
      <c r="VUJ732" s="424"/>
      <c r="VUK732" s="423" t="s">
        <v>2795</v>
      </c>
      <c r="VUL732" s="424"/>
      <c r="VUM732" s="424"/>
      <c r="VUN732" s="424"/>
      <c r="VUO732" s="423" t="s">
        <v>2795</v>
      </c>
      <c r="VUP732" s="424"/>
      <c r="VUQ732" s="424"/>
      <c r="VUR732" s="424"/>
      <c r="VUS732" s="423" t="s">
        <v>2795</v>
      </c>
      <c r="VUT732" s="424"/>
      <c r="VUU732" s="424"/>
      <c r="VUV732" s="424"/>
      <c r="VUW732" s="423" t="s">
        <v>2795</v>
      </c>
      <c r="VUX732" s="424"/>
      <c r="VUY732" s="424"/>
      <c r="VUZ732" s="424"/>
      <c r="VVA732" s="423" t="s">
        <v>2795</v>
      </c>
      <c r="VVB732" s="424"/>
      <c r="VVC732" s="424"/>
      <c r="VVD732" s="424"/>
      <c r="VVE732" s="423" t="s">
        <v>2795</v>
      </c>
      <c r="VVF732" s="424"/>
      <c r="VVG732" s="424"/>
      <c r="VVH732" s="424"/>
      <c r="VVI732" s="423" t="s">
        <v>2795</v>
      </c>
      <c r="VVJ732" s="424"/>
      <c r="VVK732" s="424"/>
      <c r="VVL732" s="424"/>
      <c r="VVM732" s="423" t="s">
        <v>2795</v>
      </c>
      <c r="VVN732" s="424"/>
      <c r="VVO732" s="424"/>
      <c r="VVP732" s="424"/>
      <c r="VVQ732" s="423" t="s">
        <v>2795</v>
      </c>
      <c r="VVR732" s="424"/>
      <c r="VVS732" s="424"/>
      <c r="VVT732" s="424"/>
      <c r="VVU732" s="423" t="s">
        <v>2795</v>
      </c>
      <c r="VVV732" s="424"/>
      <c r="VVW732" s="424"/>
      <c r="VVX732" s="424"/>
      <c r="VVY732" s="423" t="s">
        <v>2795</v>
      </c>
      <c r="VVZ732" s="424"/>
      <c r="VWA732" s="424"/>
      <c r="VWB732" s="424"/>
      <c r="VWC732" s="423" t="s">
        <v>2795</v>
      </c>
      <c r="VWD732" s="424"/>
      <c r="VWE732" s="424"/>
      <c r="VWF732" s="424"/>
      <c r="VWG732" s="423" t="s">
        <v>2795</v>
      </c>
      <c r="VWH732" s="424"/>
      <c r="VWI732" s="424"/>
      <c r="VWJ732" s="424"/>
      <c r="VWK732" s="423" t="s">
        <v>2795</v>
      </c>
      <c r="VWL732" s="424"/>
      <c r="VWM732" s="424"/>
      <c r="VWN732" s="424"/>
      <c r="VWO732" s="423" t="s">
        <v>2795</v>
      </c>
      <c r="VWP732" s="424"/>
      <c r="VWQ732" s="424"/>
      <c r="VWR732" s="424"/>
      <c r="VWS732" s="423" t="s">
        <v>2795</v>
      </c>
      <c r="VWT732" s="424"/>
      <c r="VWU732" s="424"/>
      <c r="VWV732" s="424"/>
      <c r="VWW732" s="423" t="s">
        <v>2795</v>
      </c>
      <c r="VWX732" s="424"/>
      <c r="VWY732" s="424"/>
      <c r="VWZ732" s="424"/>
      <c r="VXA732" s="423" t="s">
        <v>2795</v>
      </c>
      <c r="VXB732" s="424"/>
      <c r="VXC732" s="424"/>
      <c r="VXD732" s="424"/>
      <c r="VXE732" s="423" t="s">
        <v>2795</v>
      </c>
      <c r="VXF732" s="424"/>
      <c r="VXG732" s="424"/>
      <c r="VXH732" s="424"/>
      <c r="VXI732" s="423" t="s">
        <v>2795</v>
      </c>
      <c r="VXJ732" s="424"/>
      <c r="VXK732" s="424"/>
      <c r="VXL732" s="424"/>
      <c r="VXM732" s="423" t="s">
        <v>2795</v>
      </c>
      <c r="VXN732" s="424"/>
      <c r="VXO732" s="424"/>
      <c r="VXP732" s="424"/>
      <c r="VXQ732" s="423" t="s">
        <v>2795</v>
      </c>
      <c r="VXR732" s="424"/>
      <c r="VXS732" s="424"/>
      <c r="VXT732" s="424"/>
      <c r="VXU732" s="423" t="s">
        <v>2795</v>
      </c>
      <c r="VXV732" s="424"/>
      <c r="VXW732" s="424"/>
      <c r="VXX732" s="424"/>
      <c r="VXY732" s="423" t="s">
        <v>2795</v>
      </c>
      <c r="VXZ732" s="424"/>
      <c r="VYA732" s="424"/>
      <c r="VYB732" s="424"/>
      <c r="VYC732" s="423" t="s">
        <v>2795</v>
      </c>
      <c r="VYD732" s="424"/>
      <c r="VYE732" s="424"/>
      <c r="VYF732" s="424"/>
      <c r="VYG732" s="423" t="s">
        <v>2795</v>
      </c>
      <c r="VYH732" s="424"/>
      <c r="VYI732" s="424"/>
      <c r="VYJ732" s="424"/>
      <c r="VYK732" s="423" t="s">
        <v>2795</v>
      </c>
      <c r="VYL732" s="424"/>
      <c r="VYM732" s="424"/>
      <c r="VYN732" s="424"/>
      <c r="VYO732" s="423" t="s">
        <v>2795</v>
      </c>
      <c r="VYP732" s="424"/>
      <c r="VYQ732" s="424"/>
      <c r="VYR732" s="424"/>
      <c r="VYS732" s="423" t="s">
        <v>2795</v>
      </c>
      <c r="VYT732" s="424"/>
      <c r="VYU732" s="424"/>
      <c r="VYV732" s="424"/>
      <c r="VYW732" s="423" t="s">
        <v>2795</v>
      </c>
      <c r="VYX732" s="424"/>
      <c r="VYY732" s="424"/>
      <c r="VYZ732" s="424"/>
      <c r="VZA732" s="423" t="s">
        <v>2795</v>
      </c>
      <c r="VZB732" s="424"/>
      <c r="VZC732" s="424"/>
      <c r="VZD732" s="424"/>
      <c r="VZE732" s="423" t="s">
        <v>2795</v>
      </c>
      <c r="VZF732" s="424"/>
      <c r="VZG732" s="424"/>
      <c r="VZH732" s="424"/>
      <c r="VZI732" s="423" t="s">
        <v>2795</v>
      </c>
      <c r="VZJ732" s="424"/>
      <c r="VZK732" s="424"/>
      <c r="VZL732" s="424"/>
      <c r="VZM732" s="423" t="s">
        <v>2795</v>
      </c>
      <c r="VZN732" s="424"/>
      <c r="VZO732" s="424"/>
      <c r="VZP732" s="424"/>
      <c r="VZQ732" s="423" t="s">
        <v>2795</v>
      </c>
      <c r="VZR732" s="424"/>
      <c r="VZS732" s="424"/>
      <c r="VZT732" s="424"/>
      <c r="VZU732" s="423" t="s">
        <v>2795</v>
      </c>
      <c r="VZV732" s="424"/>
      <c r="VZW732" s="424"/>
      <c r="VZX732" s="424"/>
      <c r="VZY732" s="423" t="s">
        <v>2795</v>
      </c>
      <c r="VZZ732" s="424"/>
      <c r="WAA732" s="424"/>
      <c r="WAB732" s="424"/>
      <c r="WAC732" s="423" t="s">
        <v>2795</v>
      </c>
      <c r="WAD732" s="424"/>
      <c r="WAE732" s="424"/>
      <c r="WAF732" s="424"/>
      <c r="WAG732" s="423" t="s">
        <v>2795</v>
      </c>
      <c r="WAH732" s="424"/>
      <c r="WAI732" s="424"/>
      <c r="WAJ732" s="424"/>
      <c r="WAK732" s="423" t="s">
        <v>2795</v>
      </c>
      <c r="WAL732" s="424"/>
      <c r="WAM732" s="424"/>
      <c r="WAN732" s="424"/>
      <c r="WAO732" s="423" t="s">
        <v>2795</v>
      </c>
      <c r="WAP732" s="424"/>
      <c r="WAQ732" s="424"/>
      <c r="WAR732" s="424"/>
      <c r="WAS732" s="423" t="s">
        <v>2795</v>
      </c>
      <c r="WAT732" s="424"/>
      <c r="WAU732" s="424"/>
      <c r="WAV732" s="424"/>
      <c r="WAW732" s="423" t="s">
        <v>2795</v>
      </c>
      <c r="WAX732" s="424"/>
      <c r="WAY732" s="424"/>
      <c r="WAZ732" s="424"/>
      <c r="WBA732" s="423" t="s">
        <v>2795</v>
      </c>
      <c r="WBB732" s="424"/>
      <c r="WBC732" s="424"/>
      <c r="WBD732" s="424"/>
      <c r="WBE732" s="423" t="s">
        <v>2795</v>
      </c>
      <c r="WBF732" s="424"/>
      <c r="WBG732" s="424"/>
      <c r="WBH732" s="424"/>
      <c r="WBI732" s="423" t="s">
        <v>2795</v>
      </c>
      <c r="WBJ732" s="424"/>
      <c r="WBK732" s="424"/>
      <c r="WBL732" s="424"/>
      <c r="WBM732" s="423" t="s">
        <v>2795</v>
      </c>
      <c r="WBN732" s="424"/>
      <c r="WBO732" s="424"/>
      <c r="WBP732" s="424"/>
      <c r="WBQ732" s="423" t="s">
        <v>2795</v>
      </c>
      <c r="WBR732" s="424"/>
      <c r="WBS732" s="424"/>
      <c r="WBT732" s="424"/>
      <c r="WBU732" s="423" t="s">
        <v>2795</v>
      </c>
      <c r="WBV732" s="424"/>
      <c r="WBW732" s="424"/>
      <c r="WBX732" s="424"/>
      <c r="WBY732" s="423" t="s">
        <v>2795</v>
      </c>
      <c r="WBZ732" s="424"/>
      <c r="WCA732" s="424"/>
      <c r="WCB732" s="424"/>
      <c r="WCC732" s="423" t="s">
        <v>2795</v>
      </c>
      <c r="WCD732" s="424"/>
      <c r="WCE732" s="424"/>
      <c r="WCF732" s="424"/>
      <c r="WCG732" s="423" t="s">
        <v>2795</v>
      </c>
      <c r="WCH732" s="424"/>
      <c r="WCI732" s="424"/>
      <c r="WCJ732" s="424"/>
      <c r="WCK732" s="423" t="s">
        <v>2795</v>
      </c>
      <c r="WCL732" s="424"/>
      <c r="WCM732" s="424"/>
      <c r="WCN732" s="424"/>
      <c r="WCO732" s="423" t="s">
        <v>2795</v>
      </c>
      <c r="WCP732" s="424"/>
      <c r="WCQ732" s="424"/>
      <c r="WCR732" s="424"/>
      <c r="WCS732" s="423" t="s">
        <v>2795</v>
      </c>
      <c r="WCT732" s="424"/>
      <c r="WCU732" s="424"/>
      <c r="WCV732" s="424"/>
      <c r="WCW732" s="423" t="s">
        <v>2795</v>
      </c>
      <c r="WCX732" s="424"/>
      <c r="WCY732" s="424"/>
      <c r="WCZ732" s="424"/>
      <c r="WDA732" s="423" t="s">
        <v>2795</v>
      </c>
      <c r="WDB732" s="424"/>
      <c r="WDC732" s="424"/>
      <c r="WDD732" s="424"/>
      <c r="WDE732" s="423" t="s">
        <v>2795</v>
      </c>
      <c r="WDF732" s="424"/>
      <c r="WDG732" s="424"/>
      <c r="WDH732" s="424"/>
      <c r="WDI732" s="423" t="s">
        <v>2795</v>
      </c>
      <c r="WDJ732" s="424"/>
      <c r="WDK732" s="424"/>
      <c r="WDL732" s="424"/>
      <c r="WDM732" s="423" t="s">
        <v>2795</v>
      </c>
      <c r="WDN732" s="424"/>
      <c r="WDO732" s="424"/>
      <c r="WDP732" s="424"/>
      <c r="WDQ732" s="423" t="s">
        <v>2795</v>
      </c>
      <c r="WDR732" s="424"/>
      <c r="WDS732" s="424"/>
      <c r="WDT732" s="424"/>
      <c r="WDU732" s="423" t="s">
        <v>2795</v>
      </c>
      <c r="WDV732" s="424"/>
      <c r="WDW732" s="424"/>
      <c r="WDX732" s="424"/>
      <c r="WDY732" s="423" t="s">
        <v>2795</v>
      </c>
      <c r="WDZ732" s="424"/>
      <c r="WEA732" s="424"/>
      <c r="WEB732" s="424"/>
      <c r="WEC732" s="423" t="s">
        <v>2795</v>
      </c>
      <c r="WED732" s="424"/>
      <c r="WEE732" s="424"/>
      <c r="WEF732" s="424"/>
      <c r="WEG732" s="423" t="s">
        <v>2795</v>
      </c>
      <c r="WEH732" s="424"/>
      <c r="WEI732" s="424"/>
      <c r="WEJ732" s="424"/>
      <c r="WEK732" s="423" t="s">
        <v>2795</v>
      </c>
      <c r="WEL732" s="424"/>
      <c r="WEM732" s="424"/>
      <c r="WEN732" s="424"/>
      <c r="WEO732" s="423" t="s">
        <v>2795</v>
      </c>
      <c r="WEP732" s="424"/>
      <c r="WEQ732" s="424"/>
      <c r="WER732" s="424"/>
      <c r="WES732" s="423" t="s">
        <v>2795</v>
      </c>
      <c r="WET732" s="424"/>
      <c r="WEU732" s="424"/>
      <c r="WEV732" s="424"/>
      <c r="WEW732" s="423" t="s">
        <v>2795</v>
      </c>
      <c r="WEX732" s="424"/>
      <c r="WEY732" s="424"/>
      <c r="WEZ732" s="424"/>
      <c r="WFA732" s="423" t="s">
        <v>2795</v>
      </c>
      <c r="WFB732" s="424"/>
      <c r="WFC732" s="424"/>
      <c r="WFD732" s="424"/>
      <c r="WFE732" s="423" t="s">
        <v>2795</v>
      </c>
      <c r="WFF732" s="424"/>
      <c r="WFG732" s="424"/>
      <c r="WFH732" s="424"/>
      <c r="WFI732" s="423" t="s">
        <v>2795</v>
      </c>
      <c r="WFJ732" s="424"/>
      <c r="WFK732" s="424"/>
      <c r="WFL732" s="424"/>
      <c r="WFM732" s="423" t="s">
        <v>2795</v>
      </c>
      <c r="WFN732" s="424"/>
      <c r="WFO732" s="424"/>
      <c r="WFP732" s="424"/>
      <c r="WFQ732" s="423" t="s">
        <v>2795</v>
      </c>
      <c r="WFR732" s="424"/>
      <c r="WFS732" s="424"/>
      <c r="WFT732" s="424"/>
      <c r="WFU732" s="423" t="s">
        <v>2795</v>
      </c>
      <c r="WFV732" s="424"/>
      <c r="WFW732" s="424"/>
      <c r="WFX732" s="424"/>
      <c r="WFY732" s="423" t="s">
        <v>2795</v>
      </c>
      <c r="WFZ732" s="424"/>
      <c r="WGA732" s="424"/>
      <c r="WGB732" s="424"/>
      <c r="WGC732" s="423" t="s">
        <v>2795</v>
      </c>
      <c r="WGD732" s="424"/>
      <c r="WGE732" s="424"/>
      <c r="WGF732" s="424"/>
      <c r="WGG732" s="423" t="s">
        <v>2795</v>
      </c>
      <c r="WGH732" s="424"/>
      <c r="WGI732" s="424"/>
      <c r="WGJ732" s="424"/>
      <c r="WGK732" s="423" t="s">
        <v>2795</v>
      </c>
      <c r="WGL732" s="424"/>
      <c r="WGM732" s="424"/>
      <c r="WGN732" s="424"/>
      <c r="WGO732" s="423" t="s">
        <v>2795</v>
      </c>
      <c r="WGP732" s="424"/>
      <c r="WGQ732" s="424"/>
      <c r="WGR732" s="424"/>
      <c r="WGS732" s="423" t="s">
        <v>2795</v>
      </c>
      <c r="WGT732" s="424"/>
      <c r="WGU732" s="424"/>
      <c r="WGV732" s="424"/>
      <c r="WGW732" s="423" t="s">
        <v>2795</v>
      </c>
      <c r="WGX732" s="424"/>
      <c r="WGY732" s="424"/>
      <c r="WGZ732" s="424"/>
      <c r="WHA732" s="423" t="s">
        <v>2795</v>
      </c>
      <c r="WHB732" s="424"/>
      <c r="WHC732" s="424"/>
      <c r="WHD732" s="424"/>
      <c r="WHE732" s="423" t="s">
        <v>2795</v>
      </c>
      <c r="WHF732" s="424"/>
      <c r="WHG732" s="424"/>
      <c r="WHH732" s="424"/>
      <c r="WHI732" s="423" t="s">
        <v>2795</v>
      </c>
      <c r="WHJ732" s="424"/>
      <c r="WHK732" s="424"/>
      <c r="WHL732" s="424"/>
      <c r="WHM732" s="423" t="s">
        <v>2795</v>
      </c>
      <c r="WHN732" s="424"/>
      <c r="WHO732" s="424"/>
      <c r="WHP732" s="424"/>
      <c r="WHQ732" s="423" t="s">
        <v>2795</v>
      </c>
      <c r="WHR732" s="424"/>
      <c r="WHS732" s="424"/>
      <c r="WHT732" s="424"/>
      <c r="WHU732" s="423" t="s">
        <v>2795</v>
      </c>
      <c r="WHV732" s="424"/>
      <c r="WHW732" s="424"/>
      <c r="WHX732" s="424"/>
      <c r="WHY732" s="423" t="s">
        <v>2795</v>
      </c>
      <c r="WHZ732" s="424"/>
      <c r="WIA732" s="424"/>
      <c r="WIB732" s="424"/>
      <c r="WIC732" s="423" t="s">
        <v>2795</v>
      </c>
      <c r="WID732" s="424"/>
      <c r="WIE732" s="424"/>
      <c r="WIF732" s="424"/>
      <c r="WIG732" s="423" t="s">
        <v>2795</v>
      </c>
      <c r="WIH732" s="424"/>
      <c r="WII732" s="424"/>
      <c r="WIJ732" s="424"/>
      <c r="WIK732" s="423" t="s">
        <v>2795</v>
      </c>
      <c r="WIL732" s="424"/>
      <c r="WIM732" s="424"/>
      <c r="WIN732" s="424"/>
      <c r="WIO732" s="423" t="s">
        <v>2795</v>
      </c>
      <c r="WIP732" s="424"/>
      <c r="WIQ732" s="424"/>
      <c r="WIR732" s="424"/>
      <c r="WIS732" s="423" t="s">
        <v>2795</v>
      </c>
      <c r="WIT732" s="424"/>
      <c r="WIU732" s="424"/>
      <c r="WIV732" s="424"/>
      <c r="WIW732" s="423" t="s">
        <v>2795</v>
      </c>
      <c r="WIX732" s="424"/>
      <c r="WIY732" s="424"/>
      <c r="WIZ732" s="424"/>
      <c r="WJA732" s="423" t="s">
        <v>2795</v>
      </c>
      <c r="WJB732" s="424"/>
      <c r="WJC732" s="424"/>
      <c r="WJD732" s="424"/>
      <c r="WJE732" s="423" t="s">
        <v>2795</v>
      </c>
      <c r="WJF732" s="424"/>
      <c r="WJG732" s="424"/>
      <c r="WJH732" s="424"/>
      <c r="WJI732" s="423" t="s">
        <v>2795</v>
      </c>
      <c r="WJJ732" s="424"/>
      <c r="WJK732" s="424"/>
      <c r="WJL732" s="424"/>
      <c r="WJM732" s="423" t="s">
        <v>2795</v>
      </c>
      <c r="WJN732" s="424"/>
      <c r="WJO732" s="424"/>
      <c r="WJP732" s="424"/>
      <c r="WJQ732" s="423" t="s">
        <v>2795</v>
      </c>
      <c r="WJR732" s="424"/>
      <c r="WJS732" s="424"/>
      <c r="WJT732" s="424"/>
      <c r="WJU732" s="423" t="s">
        <v>2795</v>
      </c>
      <c r="WJV732" s="424"/>
      <c r="WJW732" s="424"/>
      <c r="WJX732" s="424"/>
      <c r="WJY732" s="423" t="s">
        <v>2795</v>
      </c>
      <c r="WJZ732" s="424"/>
      <c r="WKA732" s="424"/>
      <c r="WKB732" s="424"/>
      <c r="WKC732" s="423" t="s">
        <v>2795</v>
      </c>
      <c r="WKD732" s="424"/>
      <c r="WKE732" s="424"/>
      <c r="WKF732" s="424"/>
      <c r="WKG732" s="423" t="s">
        <v>2795</v>
      </c>
      <c r="WKH732" s="424"/>
      <c r="WKI732" s="424"/>
      <c r="WKJ732" s="424"/>
      <c r="WKK732" s="423" t="s">
        <v>2795</v>
      </c>
      <c r="WKL732" s="424"/>
      <c r="WKM732" s="424"/>
      <c r="WKN732" s="424"/>
      <c r="WKO732" s="423" t="s">
        <v>2795</v>
      </c>
      <c r="WKP732" s="424"/>
      <c r="WKQ732" s="424"/>
      <c r="WKR732" s="424"/>
      <c r="WKS732" s="423" t="s">
        <v>2795</v>
      </c>
      <c r="WKT732" s="424"/>
      <c r="WKU732" s="424"/>
      <c r="WKV732" s="424"/>
      <c r="WKW732" s="423" t="s">
        <v>2795</v>
      </c>
      <c r="WKX732" s="424"/>
      <c r="WKY732" s="424"/>
      <c r="WKZ732" s="424"/>
      <c r="WLA732" s="423" t="s">
        <v>2795</v>
      </c>
      <c r="WLB732" s="424"/>
      <c r="WLC732" s="424"/>
      <c r="WLD732" s="424"/>
      <c r="WLE732" s="423" t="s">
        <v>2795</v>
      </c>
      <c r="WLF732" s="424"/>
      <c r="WLG732" s="424"/>
      <c r="WLH732" s="424"/>
      <c r="WLI732" s="423" t="s">
        <v>2795</v>
      </c>
      <c r="WLJ732" s="424"/>
      <c r="WLK732" s="424"/>
      <c r="WLL732" s="424"/>
      <c r="WLM732" s="423" t="s">
        <v>2795</v>
      </c>
      <c r="WLN732" s="424"/>
      <c r="WLO732" s="424"/>
      <c r="WLP732" s="424"/>
      <c r="WLQ732" s="423" t="s">
        <v>2795</v>
      </c>
      <c r="WLR732" s="424"/>
      <c r="WLS732" s="424"/>
      <c r="WLT732" s="424"/>
      <c r="WLU732" s="423" t="s">
        <v>2795</v>
      </c>
      <c r="WLV732" s="424"/>
      <c r="WLW732" s="424"/>
      <c r="WLX732" s="424"/>
      <c r="WLY732" s="423" t="s">
        <v>2795</v>
      </c>
      <c r="WLZ732" s="424"/>
      <c r="WMA732" s="424"/>
      <c r="WMB732" s="424"/>
      <c r="WMC732" s="423" t="s">
        <v>2795</v>
      </c>
      <c r="WMD732" s="424"/>
      <c r="WME732" s="424"/>
      <c r="WMF732" s="424"/>
      <c r="WMG732" s="423" t="s">
        <v>2795</v>
      </c>
      <c r="WMH732" s="424"/>
      <c r="WMI732" s="424"/>
      <c r="WMJ732" s="424"/>
      <c r="WMK732" s="423" t="s">
        <v>2795</v>
      </c>
      <c r="WML732" s="424"/>
      <c r="WMM732" s="424"/>
      <c r="WMN732" s="424"/>
      <c r="WMO732" s="423" t="s">
        <v>2795</v>
      </c>
      <c r="WMP732" s="424"/>
      <c r="WMQ732" s="424"/>
      <c r="WMR732" s="424"/>
      <c r="WMS732" s="423" t="s">
        <v>2795</v>
      </c>
      <c r="WMT732" s="424"/>
      <c r="WMU732" s="424"/>
      <c r="WMV732" s="424"/>
      <c r="WMW732" s="423" t="s">
        <v>2795</v>
      </c>
      <c r="WMX732" s="424"/>
      <c r="WMY732" s="424"/>
      <c r="WMZ732" s="424"/>
      <c r="WNA732" s="423" t="s">
        <v>2795</v>
      </c>
      <c r="WNB732" s="424"/>
      <c r="WNC732" s="424"/>
      <c r="WND732" s="424"/>
      <c r="WNE732" s="423" t="s">
        <v>2795</v>
      </c>
      <c r="WNF732" s="424"/>
      <c r="WNG732" s="424"/>
      <c r="WNH732" s="424"/>
      <c r="WNI732" s="423" t="s">
        <v>2795</v>
      </c>
      <c r="WNJ732" s="424"/>
      <c r="WNK732" s="424"/>
      <c r="WNL732" s="424"/>
      <c r="WNM732" s="423" t="s">
        <v>2795</v>
      </c>
      <c r="WNN732" s="424"/>
      <c r="WNO732" s="424"/>
      <c r="WNP732" s="424"/>
      <c r="WNQ732" s="423" t="s">
        <v>2795</v>
      </c>
      <c r="WNR732" s="424"/>
      <c r="WNS732" s="424"/>
      <c r="WNT732" s="424"/>
      <c r="WNU732" s="423" t="s">
        <v>2795</v>
      </c>
      <c r="WNV732" s="424"/>
      <c r="WNW732" s="424"/>
      <c r="WNX732" s="424"/>
      <c r="WNY732" s="423" t="s">
        <v>2795</v>
      </c>
      <c r="WNZ732" s="424"/>
      <c r="WOA732" s="424"/>
      <c r="WOB732" s="424"/>
      <c r="WOC732" s="423" t="s">
        <v>2795</v>
      </c>
      <c r="WOD732" s="424"/>
      <c r="WOE732" s="424"/>
      <c r="WOF732" s="424"/>
      <c r="WOG732" s="423" t="s">
        <v>2795</v>
      </c>
      <c r="WOH732" s="424"/>
      <c r="WOI732" s="424"/>
      <c r="WOJ732" s="424"/>
      <c r="WOK732" s="423" t="s">
        <v>2795</v>
      </c>
      <c r="WOL732" s="424"/>
      <c r="WOM732" s="424"/>
      <c r="WON732" s="424"/>
      <c r="WOO732" s="423" t="s">
        <v>2795</v>
      </c>
      <c r="WOP732" s="424"/>
      <c r="WOQ732" s="424"/>
      <c r="WOR732" s="424"/>
      <c r="WOS732" s="423" t="s">
        <v>2795</v>
      </c>
      <c r="WOT732" s="424"/>
      <c r="WOU732" s="424"/>
      <c r="WOV732" s="424"/>
      <c r="WOW732" s="423" t="s">
        <v>2795</v>
      </c>
      <c r="WOX732" s="424"/>
      <c r="WOY732" s="424"/>
      <c r="WOZ732" s="424"/>
      <c r="WPA732" s="423" t="s">
        <v>2795</v>
      </c>
      <c r="WPB732" s="424"/>
      <c r="WPC732" s="424"/>
      <c r="WPD732" s="424"/>
      <c r="WPE732" s="423" t="s">
        <v>2795</v>
      </c>
      <c r="WPF732" s="424"/>
      <c r="WPG732" s="424"/>
      <c r="WPH732" s="424"/>
      <c r="WPI732" s="423" t="s">
        <v>2795</v>
      </c>
      <c r="WPJ732" s="424"/>
      <c r="WPK732" s="424"/>
      <c r="WPL732" s="424"/>
      <c r="WPM732" s="423" t="s">
        <v>2795</v>
      </c>
      <c r="WPN732" s="424"/>
      <c r="WPO732" s="424"/>
      <c r="WPP732" s="424"/>
      <c r="WPQ732" s="423" t="s">
        <v>2795</v>
      </c>
      <c r="WPR732" s="424"/>
      <c r="WPS732" s="424"/>
      <c r="WPT732" s="424"/>
      <c r="WPU732" s="423" t="s">
        <v>2795</v>
      </c>
      <c r="WPV732" s="424"/>
      <c r="WPW732" s="424"/>
      <c r="WPX732" s="424"/>
      <c r="WPY732" s="423" t="s">
        <v>2795</v>
      </c>
      <c r="WPZ732" s="424"/>
      <c r="WQA732" s="424"/>
      <c r="WQB732" s="424"/>
      <c r="WQC732" s="423" t="s">
        <v>2795</v>
      </c>
      <c r="WQD732" s="424"/>
      <c r="WQE732" s="424"/>
      <c r="WQF732" s="424"/>
      <c r="WQG732" s="423" t="s">
        <v>2795</v>
      </c>
      <c r="WQH732" s="424"/>
      <c r="WQI732" s="424"/>
      <c r="WQJ732" s="424"/>
      <c r="WQK732" s="423" t="s">
        <v>2795</v>
      </c>
      <c r="WQL732" s="424"/>
      <c r="WQM732" s="424"/>
      <c r="WQN732" s="424"/>
      <c r="WQO732" s="423" t="s">
        <v>2795</v>
      </c>
      <c r="WQP732" s="424"/>
      <c r="WQQ732" s="424"/>
      <c r="WQR732" s="424"/>
      <c r="WQS732" s="423" t="s">
        <v>2795</v>
      </c>
      <c r="WQT732" s="424"/>
      <c r="WQU732" s="424"/>
      <c r="WQV732" s="424"/>
      <c r="WQW732" s="423" t="s">
        <v>2795</v>
      </c>
      <c r="WQX732" s="424"/>
      <c r="WQY732" s="424"/>
      <c r="WQZ732" s="424"/>
      <c r="WRA732" s="423" t="s">
        <v>2795</v>
      </c>
      <c r="WRB732" s="424"/>
      <c r="WRC732" s="424"/>
      <c r="WRD732" s="424"/>
      <c r="WRE732" s="423" t="s">
        <v>2795</v>
      </c>
      <c r="WRF732" s="424"/>
      <c r="WRG732" s="424"/>
      <c r="WRH732" s="424"/>
      <c r="WRI732" s="423" t="s">
        <v>2795</v>
      </c>
      <c r="WRJ732" s="424"/>
      <c r="WRK732" s="424"/>
      <c r="WRL732" s="424"/>
      <c r="WRM732" s="423" t="s">
        <v>2795</v>
      </c>
      <c r="WRN732" s="424"/>
      <c r="WRO732" s="424"/>
      <c r="WRP732" s="424"/>
      <c r="WRQ732" s="423" t="s">
        <v>2795</v>
      </c>
      <c r="WRR732" s="424"/>
      <c r="WRS732" s="424"/>
      <c r="WRT732" s="424"/>
      <c r="WRU732" s="423" t="s">
        <v>2795</v>
      </c>
      <c r="WRV732" s="424"/>
      <c r="WRW732" s="424"/>
      <c r="WRX732" s="424"/>
      <c r="WRY732" s="423" t="s">
        <v>2795</v>
      </c>
      <c r="WRZ732" s="424"/>
      <c r="WSA732" s="424"/>
      <c r="WSB732" s="424"/>
      <c r="WSC732" s="423" t="s">
        <v>2795</v>
      </c>
      <c r="WSD732" s="424"/>
      <c r="WSE732" s="424"/>
      <c r="WSF732" s="424"/>
      <c r="WSG732" s="423" t="s">
        <v>2795</v>
      </c>
      <c r="WSH732" s="424"/>
      <c r="WSI732" s="424"/>
      <c r="WSJ732" s="424"/>
      <c r="WSK732" s="423" t="s">
        <v>2795</v>
      </c>
      <c r="WSL732" s="424"/>
      <c r="WSM732" s="424"/>
      <c r="WSN732" s="424"/>
      <c r="WSO732" s="423" t="s">
        <v>2795</v>
      </c>
      <c r="WSP732" s="424"/>
      <c r="WSQ732" s="424"/>
      <c r="WSR732" s="424"/>
      <c r="WSS732" s="423" t="s">
        <v>2795</v>
      </c>
      <c r="WST732" s="424"/>
      <c r="WSU732" s="424"/>
      <c r="WSV732" s="424"/>
      <c r="WSW732" s="423" t="s">
        <v>2795</v>
      </c>
      <c r="WSX732" s="424"/>
      <c r="WSY732" s="424"/>
      <c r="WSZ732" s="424"/>
      <c r="WTA732" s="423" t="s">
        <v>2795</v>
      </c>
      <c r="WTB732" s="424"/>
      <c r="WTC732" s="424"/>
      <c r="WTD732" s="424"/>
      <c r="WTE732" s="423" t="s">
        <v>2795</v>
      </c>
      <c r="WTF732" s="424"/>
      <c r="WTG732" s="424"/>
      <c r="WTH732" s="424"/>
      <c r="WTI732" s="423" t="s">
        <v>2795</v>
      </c>
      <c r="WTJ732" s="424"/>
      <c r="WTK732" s="424"/>
      <c r="WTL732" s="424"/>
      <c r="WTM732" s="423" t="s">
        <v>2795</v>
      </c>
      <c r="WTN732" s="424"/>
      <c r="WTO732" s="424"/>
      <c r="WTP732" s="424"/>
      <c r="WTQ732" s="423" t="s">
        <v>2795</v>
      </c>
      <c r="WTR732" s="424"/>
      <c r="WTS732" s="424"/>
      <c r="WTT732" s="424"/>
      <c r="WTU732" s="423" t="s">
        <v>2795</v>
      </c>
      <c r="WTV732" s="424"/>
      <c r="WTW732" s="424"/>
      <c r="WTX732" s="424"/>
      <c r="WTY732" s="423" t="s">
        <v>2795</v>
      </c>
      <c r="WTZ732" s="424"/>
      <c r="WUA732" s="424"/>
      <c r="WUB732" s="424"/>
      <c r="WUC732" s="423" t="s">
        <v>2795</v>
      </c>
      <c r="WUD732" s="424"/>
      <c r="WUE732" s="424"/>
      <c r="WUF732" s="424"/>
      <c r="WUG732" s="423" t="s">
        <v>2795</v>
      </c>
      <c r="WUH732" s="424"/>
      <c r="WUI732" s="424"/>
      <c r="WUJ732" s="424"/>
      <c r="WUK732" s="423" t="s">
        <v>2795</v>
      </c>
      <c r="WUL732" s="424"/>
      <c r="WUM732" s="424"/>
      <c r="WUN732" s="424"/>
      <c r="WUO732" s="423" t="s">
        <v>2795</v>
      </c>
      <c r="WUP732" s="424"/>
      <c r="WUQ732" s="424"/>
      <c r="WUR732" s="424"/>
      <c r="WUS732" s="423" t="s">
        <v>2795</v>
      </c>
      <c r="WUT732" s="424"/>
      <c r="WUU732" s="424"/>
      <c r="WUV732" s="424"/>
      <c r="WUW732" s="423" t="s">
        <v>2795</v>
      </c>
      <c r="WUX732" s="424"/>
      <c r="WUY732" s="424"/>
      <c r="WUZ732" s="424"/>
      <c r="WVA732" s="423" t="s">
        <v>2795</v>
      </c>
      <c r="WVB732" s="424"/>
      <c r="WVC732" s="424"/>
      <c r="WVD732" s="424"/>
      <c r="WVE732" s="423" t="s">
        <v>2795</v>
      </c>
      <c r="WVF732" s="424"/>
      <c r="WVG732" s="424"/>
      <c r="WVH732" s="424"/>
      <c r="WVI732" s="423" t="s">
        <v>2795</v>
      </c>
      <c r="WVJ732" s="424"/>
      <c r="WVK732" s="424"/>
      <c r="WVL732" s="424"/>
      <c r="WVM732" s="423" t="s">
        <v>2795</v>
      </c>
      <c r="WVN732" s="424"/>
      <c r="WVO732" s="424"/>
      <c r="WVP732" s="424"/>
      <c r="WVQ732" s="423" t="s">
        <v>2795</v>
      </c>
      <c r="WVR732" s="424"/>
      <c r="WVS732" s="424"/>
      <c r="WVT732" s="424"/>
      <c r="WVU732" s="423" t="s">
        <v>2795</v>
      </c>
      <c r="WVV732" s="424"/>
      <c r="WVW732" s="424"/>
      <c r="WVX732" s="424"/>
      <c r="WVY732" s="423" t="s">
        <v>2795</v>
      </c>
      <c r="WVZ732" s="424"/>
      <c r="WWA732" s="424"/>
      <c r="WWB732" s="424"/>
      <c r="WWC732" s="423" t="s">
        <v>2795</v>
      </c>
      <c r="WWD732" s="424"/>
      <c r="WWE732" s="424"/>
      <c r="WWF732" s="424"/>
      <c r="WWG732" s="423" t="s">
        <v>2795</v>
      </c>
      <c r="WWH732" s="424"/>
      <c r="WWI732" s="424"/>
      <c r="WWJ732" s="424"/>
      <c r="WWK732" s="423" t="s">
        <v>2795</v>
      </c>
      <c r="WWL732" s="424"/>
      <c r="WWM732" s="424"/>
      <c r="WWN732" s="424"/>
      <c r="WWO732" s="423" t="s">
        <v>2795</v>
      </c>
      <c r="WWP732" s="424"/>
      <c r="WWQ732" s="424"/>
      <c r="WWR732" s="424"/>
      <c r="WWS732" s="423" t="s">
        <v>2795</v>
      </c>
      <c r="WWT732" s="424"/>
      <c r="WWU732" s="424"/>
      <c r="WWV732" s="424"/>
      <c r="WWW732" s="423" t="s">
        <v>2795</v>
      </c>
      <c r="WWX732" s="424"/>
      <c r="WWY732" s="424"/>
      <c r="WWZ732" s="424"/>
      <c r="WXA732" s="423" t="s">
        <v>2795</v>
      </c>
      <c r="WXB732" s="424"/>
      <c r="WXC732" s="424"/>
      <c r="WXD732" s="424"/>
      <c r="WXE732" s="423" t="s">
        <v>2795</v>
      </c>
      <c r="WXF732" s="424"/>
      <c r="WXG732" s="424"/>
      <c r="WXH732" s="424"/>
      <c r="WXI732" s="423" t="s">
        <v>2795</v>
      </c>
      <c r="WXJ732" s="424"/>
      <c r="WXK732" s="424"/>
      <c r="WXL732" s="424"/>
      <c r="WXM732" s="423" t="s">
        <v>2795</v>
      </c>
      <c r="WXN732" s="424"/>
      <c r="WXO732" s="424"/>
      <c r="WXP732" s="424"/>
      <c r="WXQ732" s="423" t="s">
        <v>2795</v>
      </c>
      <c r="WXR732" s="424"/>
      <c r="WXS732" s="424"/>
      <c r="WXT732" s="424"/>
      <c r="WXU732" s="423" t="s">
        <v>2795</v>
      </c>
      <c r="WXV732" s="424"/>
      <c r="WXW732" s="424"/>
      <c r="WXX732" s="424"/>
      <c r="WXY732" s="423" t="s">
        <v>2795</v>
      </c>
      <c r="WXZ732" s="424"/>
      <c r="WYA732" s="424"/>
      <c r="WYB732" s="424"/>
      <c r="WYC732" s="423" t="s">
        <v>2795</v>
      </c>
      <c r="WYD732" s="424"/>
      <c r="WYE732" s="424"/>
      <c r="WYF732" s="424"/>
      <c r="WYG732" s="423" t="s">
        <v>2795</v>
      </c>
      <c r="WYH732" s="424"/>
      <c r="WYI732" s="424"/>
      <c r="WYJ732" s="424"/>
      <c r="WYK732" s="423" t="s">
        <v>2795</v>
      </c>
      <c r="WYL732" s="424"/>
      <c r="WYM732" s="424"/>
      <c r="WYN732" s="424"/>
      <c r="WYO732" s="423" t="s">
        <v>2795</v>
      </c>
      <c r="WYP732" s="424"/>
      <c r="WYQ732" s="424"/>
      <c r="WYR732" s="424"/>
      <c r="WYS732" s="423" t="s">
        <v>2795</v>
      </c>
      <c r="WYT732" s="424"/>
      <c r="WYU732" s="424"/>
      <c r="WYV732" s="424"/>
      <c r="WYW732" s="423" t="s">
        <v>2795</v>
      </c>
      <c r="WYX732" s="424"/>
      <c r="WYY732" s="424"/>
      <c r="WYZ732" s="424"/>
      <c r="WZA732" s="423" t="s">
        <v>2795</v>
      </c>
      <c r="WZB732" s="424"/>
      <c r="WZC732" s="424"/>
      <c r="WZD732" s="424"/>
      <c r="WZE732" s="423" t="s">
        <v>2795</v>
      </c>
      <c r="WZF732" s="424"/>
      <c r="WZG732" s="424"/>
      <c r="WZH732" s="424"/>
      <c r="WZI732" s="423" t="s">
        <v>2795</v>
      </c>
      <c r="WZJ732" s="424"/>
      <c r="WZK732" s="424"/>
      <c r="WZL732" s="424"/>
      <c r="WZM732" s="423" t="s">
        <v>2795</v>
      </c>
      <c r="WZN732" s="424"/>
      <c r="WZO732" s="424"/>
      <c r="WZP732" s="424"/>
      <c r="WZQ732" s="423" t="s">
        <v>2795</v>
      </c>
      <c r="WZR732" s="424"/>
      <c r="WZS732" s="424"/>
      <c r="WZT732" s="424"/>
      <c r="WZU732" s="423" t="s">
        <v>2795</v>
      </c>
      <c r="WZV732" s="424"/>
      <c r="WZW732" s="424"/>
      <c r="WZX732" s="424"/>
      <c r="WZY732" s="423" t="s">
        <v>2795</v>
      </c>
      <c r="WZZ732" s="424"/>
      <c r="XAA732" s="424"/>
      <c r="XAB732" s="424"/>
      <c r="XAC732" s="423" t="s">
        <v>2795</v>
      </c>
      <c r="XAD732" s="424"/>
      <c r="XAE732" s="424"/>
      <c r="XAF732" s="424"/>
      <c r="XAG732" s="423" t="s">
        <v>2795</v>
      </c>
      <c r="XAH732" s="424"/>
      <c r="XAI732" s="424"/>
      <c r="XAJ732" s="424"/>
      <c r="XAK732" s="423" t="s">
        <v>2795</v>
      </c>
      <c r="XAL732" s="424"/>
      <c r="XAM732" s="424"/>
      <c r="XAN732" s="424"/>
      <c r="XAO732" s="423" t="s">
        <v>2795</v>
      </c>
      <c r="XAP732" s="424"/>
      <c r="XAQ732" s="424"/>
      <c r="XAR732" s="424"/>
      <c r="XAS732" s="423" t="s">
        <v>2795</v>
      </c>
      <c r="XAT732" s="424"/>
      <c r="XAU732" s="424"/>
      <c r="XAV732" s="424"/>
      <c r="XAW732" s="423" t="s">
        <v>2795</v>
      </c>
      <c r="XAX732" s="424"/>
      <c r="XAY732" s="424"/>
      <c r="XAZ732" s="424"/>
      <c r="XBA732" s="423" t="s">
        <v>2795</v>
      </c>
      <c r="XBB732" s="424"/>
      <c r="XBC732" s="424"/>
      <c r="XBD732" s="424"/>
      <c r="XBE732" s="423" t="s">
        <v>2795</v>
      </c>
      <c r="XBF732" s="424"/>
      <c r="XBG732" s="424"/>
      <c r="XBH732" s="424"/>
      <c r="XBI732" s="423" t="s">
        <v>2795</v>
      </c>
      <c r="XBJ732" s="424"/>
      <c r="XBK732" s="424"/>
      <c r="XBL732" s="424"/>
      <c r="XBM732" s="423" t="s">
        <v>2795</v>
      </c>
      <c r="XBN732" s="424"/>
      <c r="XBO732" s="424"/>
      <c r="XBP732" s="424"/>
      <c r="XBQ732" s="423" t="s">
        <v>2795</v>
      </c>
      <c r="XBR732" s="424"/>
      <c r="XBS732" s="424"/>
      <c r="XBT732" s="424"/>
      <c r="XBU732" s="423" t="s">
        <v>2795</v>
      </c>
      <c r="XBV732" s="424"/>
      <c r="XBW732" s="424"/>
      <c r="XBX732" s="424"/>
      <c r="XBY732" s="423" t="s">
        <v>2795</v>
      </c>
      <c r="XBZ732" s="424"/>
      <c r="XCA732" s="424"/>
      <c r="XCB732" s="424"/>
      <c r="XCC732" s="423" t="s">
        <v>2795</v>
      </c>
      <c r="XCD732" s="424"/>
      <c r="XCE732" s="424"/>
      <c r="XCF732" s="424"/>
      <c r="XCG732" s="423" t="s">
        <v>2795</v>
      </c>
      <c r="XCH732" s="424"/>
      <c r="XCI732" s="424"/>
      <c r="XCJ732" s="424"/>
      <c r="XCK732" s="423" t="s">
        <v>2795</v>
      </c>
      <c r="XCL732" s="424"/>
      <c r="XCM732" s="424"/>
      <c r="XCN732" s="424"/>
      <c r="XCO732" s="423" t="s">
        <v>2795</v>
      </c>
      <c r="XCP732" s="424"/>
      <c r="XCQ732" s="424"/>
      <c r="XCR732" s="424"/>
      <c r="XCS732" s="423" t="s">
        <v>2795</v>
      </c>
      <c r="XCT732" s="424"/>
      <c r="XCU732" s="424"/>
      <c r="XCV732" s="424"/>
      <c r="XCW732" s="423" t="s">
        <v>2795</v>
      </c>
      <c r="XCX732" s="424"/>
      <c r="XCY732" s="424"/>
      <c r="XCZ732" s="424"/>
      <c r="XDA732" s="423" t="s">
        <v>2795</v>
      </c>
      <c r="XDB732" s="424"/>
      <c r="XDC732" s="424"/>
      <c r="XDD732" s="424"/>
      <c r="XDE732" s="423" t="s">
        <v>2795</v>
      </c>
      <c r="XDF732" s="424"/>
      <c r="XDG732" s="424"/>
      <c r="XDH732" s="424"/>
      <c r="XDI732" s="423" t="s">
        <v>2795</v>
      </c>
      <c r="XDJ732" s="424"/>
      <c r="XDK732" s="424"/>
      <c r="XDL732" s="424"/>
      <c r="XDM732" s="423" t="s">
        <v>2795</v>
      </c>
      <c r="XDN732" s="424"/>
      <c r="XDO732" s="424"/>
      <c r="XDP732" s="424"/>
      <c r="XDQ732" s="423" t="s">
        <v>2795</v>
      </c>
      <c r="XDR732" s="424"/>
      <c r="XDS732" s="424"/>
      <c r="XDT732" s="424"/>
      <c r="XDU732" s="423" t="s">
        <v>2795</v>
      </c>
      <c r="XDV732" s="424"/>
      <c r="XDW732" s="424"/>
      <c r="XDX732" s="424"/>
      <c r="XDY732" s="423" t="s">
        <v>2795</v>
      </c>
      <c r="XDZ732" s="424"/>
      <c r="XEA732" s="424"/>
      <c r="XEB732" s="424"/>
      <c r="XEC732" s="423" t="s">
        <v>2795</v>
      </c>
      <c r="XED732" s="424"/>
      <c r="XEE732" s="424"/>
      <c r="XEF732" s="424"/>
      <c r="XEG732" s="423" t="s">
        <v>2795</v>
      </c>
      <c r="XEH732" s="424"/>
      <c r="XEI732" s="424"/>
      <c r="XEJ732" s="424"/>
      <c r="XEK732" s="423" t="s">
        <v>2795</v>
      </c>
      <c r="XEL732" s="424"/>
      <c r="XEM732" s="424"/>
      <c r="XEN732" s="424"/>
      <c r="XEO732" s="423" t="s">
        <v>2795</v>
      </c>
      <c r="XEP732" s="424"/>
      <c r="XEQ732" s="424"/>
      <c r="XER732" s="424"/>
      <c r="XES732" s="423" t="s">
        <v>2795</v>
      </c>
      <c r="XET732" s="424"/>
      <c r="XEU732" s="424"/>
      <c r="XEV732" s="424"/>
      <c r="XEW732" s="423" t="s">
        <v>2795</v>
      </c>
      <c r="XEX732" s="424"/>
      <c r="XEY732" s="424"/>
      <c r="XEZ732" s="424"/>
      <c r="XFA732" s="423" t="s">
        <v>2795</v>
      </c>
      <c r="XFB732" s="424"/>
      <c r="XFC732" s="424"/>
      <c r="XFD732" s="424"/>
    </row>
    <row r="733" spans="1:16384" s="8" customFormat="1" ht="20" hidden="1">
      <c r="A733" s="423" t="s">
        <v>2795</v>
      </c>
      <c r="B733" s="424"/>
      <c r="C733" s="424"/>
      <c r="D733" s="424"/>
      <c r="E733" s="423" t="s">
        <v>2795</v>
      </c>
      <c r="F733" s="424"/>
      <c r="G733" s="424"/>
      <c r="H733" s="424"/>
      <c r="I733" s="423" t="s">
        <v>2795</v>
      </c>
      <c r="J733" s="424"/>
      <c r="K733" s="424"/>
      <c r="L733" s="424"/>
      <c r="M733" s="423" t="s">
        <v>2795</v>
      </c>
      <c r="N733" s="424"/>
      <c r="O733" s="424"/>
      <c r="P733" s="424"/>
      <c r="Q733" s="426" t="s">
        <v>2795</v>
      </c>
      <c r="R733" s="427"/>
      <c r="S733" s="427"/>
      <c r="T733" s="427"/>
      <c r="U733" s="423" t="s">
        <v>2795</v>
      </c>
      <c r="V733" s="424"/>
      <c r="W733" s="424"/>
      <c r="X733" s="424"/>
      <c r="Y733" s="423" t="s">
        <v>2795</v>
      </c>
      <c r="Z733" s="424"/>
      <c r="AA733" s="424"/>
      <c r="AB733" s="424"/>
      <c r="AC733" s="423" t="s">
        <v>2795</v>
      </c>
      <c r="AD733" s="424"/>
      <c r="AE733" s="424"/>
      <c r="AF733" s="424"/>
      <c r="AG733" s="423" t="s">
        <v>2795</v>
      </c>
      <c r="AH733" s="424"/>
      <c r="AI733" s="424"/>
      <c r="AJ733" s="424"/>
      <c r="AK733" s="423" t="s">
        <v>2795</v>
      </c>
      <c r="AL733" s="424"/>
      <c r="AM733" s="424"/>
      <c r="AN733" s="424"/>
      <c r="AO733" s="423" t="s">
        <v>2795</v>
      </c>
      <c r="AP733" s="424"/>
      <c r="AQ733" s="424"/>
      <c r="AR733" s="424"/>
      <c r="AS733" s="423" t="s">
        <v>2795</v>
      </c>
      <c r="AT733" s="424"/>
      <c r="AU733" s="424"/>
      <c r="AV733" s="424"/>
      <c r="AW733" s="423" t="s">
        <v>2795</v>
      </c>
      <c r="AX733" s="424"/>
      <c r="AY733" s="424"/>
      <c r="AZ733" s="424"/>
      <c r="BA733" s="423" t="s">
        <v>2795</v>
      </c>
      <c r="BB733" s="424"/>
      <c r="BC733" s="424"/>
      <c r="BD733" s="424"/>
      <c r="BE733" s="423" t="s">
        <v>2795</v>
      </c>
      <c r="BF733" s="424"/>
      <c r="BG733" s="424"/>
      <c r="BH733" s="424"/>
      <c r="BI733" s="423" t="s">
        <v>2795</v>
      </c>
      <c r="BJ733" s="424"/>
      <c r="BK733" s="424"/>
      <c r="BL733" s="424"/>
      <c r="BM733" s="423" t="s">
        <v>2795</v>
      </c>
      <c r="BN733" s="424"/>
      <c r="BO733" s="424"/>
      <c r="BP733" s="424"/>
      <c r="BQ733" s="423" t="s">
        <v>2795</v>
      </c>
      <c r="BR733" s="424"/>
      <c r="BS733" s="424"/>
      <c r="BT733" s="424"/>
      <c r="BU733" s="423" t="s">
        <v>2795</v>
      </c>
      <c r="BV733" s="424"/>
      <c r="BW733" s="424"/>
      <c r="BX733" s="424"/>
      <c r="BY733" s="423" t="s">
        <v>2795</v>
      </c>
      <c r="BZ733" s="424"/>
      <c r="CA733" s="424"/>
      <c r="CB733" s="424"/>
      <c r="CC733" s="423" t="s">
        <v>2795</v>
      </c>
      <c r="CD733" s="424"/>
      <c r="CE733" s="424"/>
      <c r="CF733" s="424"/>
      <c r="CG733" s="423" t="s">
        <v>2795</v>
      </c>
      <c r="CH733" s="424"/>
      <c r="CI733" s="424"/>
      <c r="CJ733" s="424"/>
      <c r="CK733" s="423" t="s">
        <v>2795</v>
      </c>
      <c r="CL733" s="424"/>
      <c r="CM733" s="424"/>
      <c r="CN733" s="424"/>
      <c r="CO733" s="423" t="s">
        <v>2795</v>
      </c>
      <c r="CP733" s="424"/>
      <c r="CQ733" s="424"/>
      <c r="CR733" s="424"/>
      <c r="CS733" s="423" t="s">
        <v>2795</v>
      </c>
      <c r="CT733" s="424"/>
      <c r="CU733" s="424"/>
      <c r="CV733" s="424"/>
      <c r="CW733" s="423" t="s">
        <v>2795</v>
      </c>
      <c r="CX733" s="424"/>
      <c r="CY733" s="424"/>
      <c r="CZ733" s="424"/>
      <c r="DA733" s="423" t="s">
        <v>2795</v>
      </c>
      <c r="DB733" s="424"/>
      <c r="DC733" s="424"/>
      <c r="DD733" s="424"/>
      <c r="DE733" s="423" t="s">
        <v>2795</v>
      </c>
      <c r="DF733" s="424"/>
      <c r="DG733" s="424"/>
      <c r="DH733" s="424"/>
      <c r="DI733" s="423" t="s">
        <v>2795</v>
      </c>
      <c r="DJ733" s="424"/>
      <c r="DK733" s="424"/>
      <c r="DL733" s="424"/>
      <c r="DM733" s="423" t="s">
        <v>2795</v>
      </c>
      <c r="DN733" s="424"/>
      <c r="DO733" s="424"/>
      <c r="DP733" s="424"/>
      <c r="DQ733" s="423" t="s">
        <v>2795</v>
      </c>
      <c r="DR733" s="424"/>
      <c r="DS733" s="424"/>
      <c r="DT733" s="424"/>
      <c r="DU733" s="423" t="s">
        <v>2795</v>
      </c>
      <c r="DV733" s="424"/>
      <c r="DW733" s="424"/>
      <c r="DX733" s="424"/>
      <c r="DY733" s="423" t="s">
        <v>2795</v>
      </c>
      <c r="DZ733" s="424"/>
      <c r="EA733" s="424"/>
      <c r="EB733" s="424"/>
      <c r="EC733" s="423" t="s">
        <v>2795</v>
      </c>
      <c r="ED733" s="424"/>
      <c r="EE733" s="424"/>
      <c r="EF733" s="424"/>
      <c r="EG733" s="423" t="s">
        <v>2795</v>
      </c>
      <c r="EH733" s="424"/>
      <c r="EI733" s="424"/>
      <c r="EJ733" s="424"/>
      <c r="EK733" s="423" t="s">
        <v>2795</v>
      </c>
      <c r="EL733" s="424"/>
      <c r="EM733" s="424"/>
      <c r="EN733" s="424"/>
      <c r="EO733" s="423" t="s">
        <v>2795</v>
      </c>
      <c r="EP733" s="424"/>
      <c r="EQ733" s="424"/>
      <c r="ER733" s="424"/>
      <c r="ES733" s="423" t="s">
        <v>2795</v>
      </c>
      <c r="ET733" s="424"/>
      <c r="EU733" s="424"/>
      <c r="EV733" s="424"/>
      <c r="EW733" s="423" t="s">
        <v>2795</v>
      </c>
      <c r="EX733" s="424"/>
      <c r="EY733" s="424"/>
      <c r="EZ733" s="424"/>
      <c r="FA733" s="423" t="s">
        <v>2795</v>
      </c>
      <c r="FB733" s="424"/>
      <c r="FC733" s="424"/>
      <c r="FD733" s="424"/>
      <c r="FE733" s="423" t="s">
        <v>2795</v>
      </c>
      <c r="FF733" s="424"/>
      <c r="FG733" s="424"/>
      <c r="FH733" s="424"/>
      <c r="FI733" s="423" t="s">
        <v>2795</v>
      </c>
      <c r="FJ733" s="424"/>
      <c r="FK733" s="424"/>
      <c r="FL733" s="424"/>
      <c r="FM733" s="423" t="s">
        <v>2795</v>
      </c>
      <c r="FN733" s="424"/>
      <c r="FO733" s="424"/>
      <c r="FP733" s="424"/>
      <c r="FQ733" s="423" t="s">
        <v>2795</v>
      </c>
      <c r="FR733" s="424"/>
      <c r="FS733" s="424"/>
      <c r="FT733" s="424"/>
      <c r="FU733" s="423" t="s">
        <v>2795</v>
      </c>
      <c r="FV733" s="424"/>
      <c r="FW733" s="424"/>
      <c r="FX733" s="424"/>
      <c r="FY733" s="423" t="s">
        <v>2795</v>
      </c>
      <c r="FZ733" s="424"/>
      <c r="GA733" s="424"/>
      <c r="GB733" s="424"/>
      <c r="GC733" s="423" t="s">
        <v>2795</v>
      </c>
      <c r="GD733" s="424"/>
      <c r="GE733" s="424"/>
      <c r="GF733" s="424"/>
      <c r="GG733" s="423" t="s">
        <v>2795</v>
      </c>
      <c r="GH733" s="424"/>
      <c r="GI733" s="424"/>
      <c r="GJ733" s="424"/>
      <c r="GK733" s="423" t="s">
        <v>2795</v>
      </c>
      <c r="GL733" s="424"/>
      <c r="GM733" s="424"/>
      <c r="GN733" s="424"/>
      <c r="GO733" s="423" t="s">
        <v>2795</v>
      </c>
      <c r="GP733" s="424"/>
      <c r="GQ733" s="424"/>
      <c r="GR733" s="424"/>
      <c r="GS733" s="423" t="s">
        <v>2795</v>
      </c>
      <c r="GT733" s="424"/>
      <c r="GU733" s="424"/>
      <c r="GV733" s="424"/>
      <c r="GW733" s="423" t="s">
        <v>2795</v>
      </c>
      <c r="GX733" s="424"/>
      <c r="GY733" s="424"/>
      <c r="GZ733" s="424"/>
      <c r="HA733" s="423" t="s">
        <v>2795</v>
      </c>
      <c r="HB733" s="424"/>
      <c r="HC733" s="424"/>
      <c r="HD733" s="424"/>
      <c r="HE733" s="423" t="s">
        <v>2795</v>
      </c>
      <c r="HF733" s="424"/>
      <c r="HG733" s="424"/>
      <c r="HH733" s="424"/>
      <c r="HI733" s="423" t="s">
        <v>2795</v>
      </c>
      <c r="HJ733" s="424"/>
      <c r="HK733" s="424"/>
      <c r="HL733" s="424"/>
      <c r="HM733" s="423" t="s">
        <v>2795</v>
      </c>
      <c r="HN733" s="424"/>
      <c r="HO733" s="424"/>
      <c r="HP733" s="424"/>
      <c r="HQ733" s="423" t="s">
        <v>2795</v>
      </c>
      <c r="HR733" s="424"/>
      <c r="HS733" s="424"/>
      <c r="HT733" s="424"/>
      <c r="HU733" s="423" t="s">
        <v>2795</v>
      </c>
      <c r="HV733" s="424"/>
      <c r="HW733" s="424"/>
      <c r="HX733" s="424"/>
      <c r="HY733" s="423" t="s">
        <v>2795</v>
      </c>
      <c r="HZ733" s="424"/>
      <c r="IA733" s="424"/>
      <c r="IB733" s="424"/>
      <c r="IC733" s="423" t="s">
        <v>2795</v>
      </c>
      <c r="ID733" s="424"/>
      <c r="IE733" s="424"/>
      <c r="IF733" s="424"/>
      <c r="IG733" s="423" t="s">
        <v>2795</v>
      </c>
      <c r="IH733" s="424"/>
      <c r="II733" s="424"/>
      <c r="IJ733" s="424"/>
      <c r="IK733" s="423" t="s">
        <v>2795</v>
      </c>
      <c r="IL733" s="424"/>
      <c r="IM733" s="424"/>
      <c r="IN733" s="424"/>
      <c r="IO733" s="423" t="s">
        <v>2795</v>
      </c>
      <c r="IP733" s="424"/>
      <c r="IQ733" s="424"/>
      <c r="IR733" s="424"/>
      <c r="IS733" s="423" t="s">
        <v>2795</v>
      </c>
      <c r="IT733" s="424"/>
      <c r="IU733" s="424"/>
      <c r="IV733" s="424"/>
      <c r="IW733" s="423" t="s">
        <v>2795</v>
      </c>
      <c r="IX733" s="424"/>
      <c r="IY733" s="424"/>
      <c r="IZ733" s="424"/>
      <c r="JA733" s="423" t="s">
        <v>2795</v>
      </c>
      <c r="JB733" s="424"/>
      <c r="JC733" s="424"/>
      <c r="JD733" s="424"/>
      <c r="JE733" s="423" t="s">
        <v>2795</v>
      </c>
      <c r="JF733" s="424"/>
      <c r="JG733" s="424"/>
      <c r="JH733" s="424"/>
      <c r="JI733" s="423" t="s">
        <v>2795</v>
      </c>
      <c r="JJ733" s="424"/>
      <c r="JK733" s="424"/>
      <c r="JL733" s="424"/>
      <c r="JM733" s="423" t="s">
        <v>2795</v>
      </c>
      <c r="JN733" s="424"/>
      <c r="JO733" s="424"/>
      <c r="JP733" s="424"/>
      <c r="JQ733" s="423" t="s">
        <v>2795</v>
      </c>
      <c r="JR733" s="424"/>
      <c r="JS733" s="424"/>
      <c r="JT733" s="424"/>
      <c r="JU733" s="423" t="s">
        <v>2795</v>
      </c>
      <c r="JV733" s="424"/>
      <c r="JW733" s="424"/>
      <c r="JX733" s="424"/>
      <c r="JY733" s="423" t="s">
        <v>2795</v>
      </c>
      <c r="JZ733" s="424"/>
      <c r="KA733" s="424"/>
      <c r="KB733" s="424"/>
      <c r="KC733" s="423" t="s">
        <v>2795</v>
      </c>
      <c r="KD733" s="424"/>
      <c r="KE733" s="424"/>
      <c r="KF733" s="424"/>
      <c r="KG733" s="423" t="s">
        <v>2795</v>
      </c>
      <c r="KH733" s="424"/>
      <c r="KI733" s="424"/>
      <c r="KJ733" s="424"/>
      <c r="KK733" s="423" t="s">
        <v>2795</v>
      </c>
      <c r="KL733" s="424"/>
      <c r="KM733" s="424"/>
      <c r="KN733" s="424"/>
      <c r="KO733" s="423" t="s">
        <v>2795</v>
      </c>
      <c r="KP733" s="424"/>
      <c r="KQ733" s="424"/>
      <c r="KR733" s="424"/>
      <c r="KS733" s="423" t="s">
        <v>2795</v>
      </c>
      <c r="KT733" s="424"/>
      <c r="KU733" s="424"/>
      <c r="KV733" s="424"/>
      <c r="KW733" s="423" t="s">
        <v>2795</v>
      </c>
      <c r="KX733" s="424"/>
      <c r="KY733" s="424"/>
      <c r="KZ733" s="424"/>
      <c r="LA733" s="423" t="s">
        <v>2795</v>
      </c>
      <c r="LB733" s="424"/>
      <c r="LC733" s="424"/>
      <c r="LD733" s="424"/>
      <c r="LE733" s="423" t="s">
        <v>2795</v>
      </c>
      <c r="LF733" s="424"/>
      <c r="LG733" s="424"/>
      <c r="LH733" s="424"/>
      <c r="LI733" s="423" t="s">
        <v>2795</v>
      </c>
      <c r="LJ733" s="424"/>
      <c r="LK733" s="424"/>
      <c r="LL733" s="424"/>
      <c r="LM733" s="423" t="s">
        <v>2795</v>
      </c>
      <c r="LN733" s="424"/>
      <c r="LO733" s="424"/>
      <c r="LP733" s="424"/>
      <c r="LQ733" s="423" t="s">
        <v>2795</v>
      </c>
      <c r="LR733" s="424"/>
      <c r="LS733" s="424"/>
      <c r="LT733" s="424"/>
      <c r="LU733" s="423" t="s">
        <v>2795</v>
      </c>
      <c r="LV733" s="424"/>
      <c r="LW733" s="424"/>
      <c r="LX733" s="424"/>
      <c r="LY733" s="423" t="s">
        <v>2795</v>
      </c>
      <c r="LZ733" s="424"/>
      <c r="MA733" s="424"/>
      <c r="MB733" s="424"/>
      <c r="MC733" s="423" t="s">
        <v>2795</v>
      </c>
      <c r="MD733" s="424"/>
      <c r="ME733" s="424"/>
      <c r="MF733" s="424"/>
      <c r="MG733" s="423" t="s">
        <v>2795</v>
      </c>
      <c r="MH733" s="424"/>
      <c r="MI733" s="424"/>
      <c r="MJ733" s="424"/>
      <c r="MK733" s="423" t="s">
        <v>2795</v>
      </c>
      <c r="ML733" s="424"/>
      <c r="MM733" s="424"/>
      <c r="MN733" s="424"/>
      <c r="MO733" s="423" t="s">
        <v>2795</v>
      </c>
      <c r="MP733" s="424"/>
      <c r="MQ733" s="424"/>
      <c r="MR733" s="424"/>
      <c r="MS733" s="423" t="s">
        <v>2795</v>
      </c>
      <c r="MT733" s="424"/>
      <c r="MU733" s="424"/>
      <c r="MV733" s="424"/>
      <c r="MW733" s="423" t="s">
        <v>2795</v>
      </c>
      <c r="MX733" s="424"/>
      <c r="MY733" s="424"/>
      <c r="MZ733" s="424"/>
      <c r="NA733" s="423" t="s">
        <v>2795</v>
      </c>
      <c r="NB733" s="424"/>
      <c r="NC733" s="424"/>
      <c r="ND733" s="424"/>
      <c r="NE733" s="423" t="s">
        <v>2795</v>
      </c>
      <c r="NF733" s="424"/>
      <c r="NG733" s="424"/>
      <c r="NH733" s="424"/>
      <c r="NI733" s="423" t="s">
        <v>2795</v>
      </c>
      <c r="NJ733" s="424"/>
      <c r="NK733" s="424"/>
      <c r="NL733" s="424"/>
      <c r="NM733" s="423" t="s">
        <v>2795</v>
      </c>
      <c r="NN733" s="424"/>
      <c r="NO733" s="424"/>
      <c r="NP733" s="424"/>
      <c r="NQ733" s="423" t="s">
        <v>2795</v>
      </c>
      <c r="NR733" s="424"/>
      <c r="NS733" s="424"/>
      <c r="NT733" s="424"/>
      <c r="NU733" s="423" t="s">
        <v>2795</v>
      </c>
      <c r="NV733" s="424"/>
      <c r="NW733" s="424"/>
      <c r="NX733" s="424"/>
      <c r="NY733" s="423" t="s">
        <v>2795</v>
      </c>
      <c r="NZ733" s="424"/>
      <c r="OA733" s="424"/>
      <c r="OB733" s="424"/>
      <c r="OC733" s="423" t="s">
        <v>2795</v>
      </c>
      <c r="OD733" s="424"/>
      <c r="OE733" s="424"/>
      <c r="OF733" s="424"/>
      <c r="OG733" s="423" t="s">
        <v>2795</v>
      </c>
      <c r="OH733" s="424"/>
      <c r="OI733" s="424"/>
      <c r="OJ733" s="424"/>
      <c r="OK733" s="423" t="s">
        <v>2795</v>
      </c>
      <c r="OL733" s="424"/>
      <c r="OM733" s="424"/>
      <c r="ON733" s="424"/>
      <c r="OO733" s="423" t="s">
        <v>2795</v>
      </c>
      <c r="OP733" s="424"/>
      <c r="OQ733" s="424"/>
      <c r="OR733" s="424"/>
      <c r="OS733" s="423" t="s">
        <v>2795</v>
      </c>
      <c r="OT733" s="424"/>
      <c r="OU733" s="424"/>
      <c r="OV733" s="424"/>
      <c r="OW733" s="423" t="s">
        <v>2795</v>
      </c>
      <c r="OX733" s="424"/>
      <c r="OY733" s="424"/>
      <c r="OZ733" s="424"/>
      <c r="PA733" s="423" t="s">
        <v>2795</v>
      </c>
      <c r="PB733" s="424"/>
      <c r="PC733" s="424"/>
      <c r="PD733" s="424"/>
      <c r="PE733" s="423" t="s">
        <v>2795</v>
      </c>
      <c r="PF733" s="424"/>
      <c r="PG733" s="424"/>
      <c r="PH733" s="424"/>
      <c r="PI733" s="423" t="s">
        <v>2795</v>
      </c>
      <c r="PJ733" s="424"/>
      <c r="PK733" s="424"/>
      <c r="PL733" s="424"/>
      <c r="PM733" s="423" t="s">
        <v>2795</v>
      </c>
      <c r="PN733" s="424"/>
      <c r="PO733" s="424"/>
      <c r="PP733" s="424"/>
      <c r="PQ733" s="423" t="s">
        <v>2795</v>
      </c>
      <c r="PR733" s="424"/>
      <c r="PS733" s="424"/>
      <c r="PT733" s="424"/>
      <c r="PU733" s="423" t="s">
        <v>2795</v>
      </c>
      <c r="PV733" s="424"/>
      <c r="PW733" s="424"/>
      <c r="PX733" s="424"/>
      <c r="PY733" s="423" t="s">
        <v>2795</v>
      </c>
      <c r="PZ733" s="424"/>
      <c r="QA733" s="424"/>
      <c r="QB733" s="424"/>
      <c r="QC733" s="423" t="s">
        <v>2795</v>
      </c>
      <c r="QD733" s="424"/>
      <c r="QE733" s="424"/>
      <c r="QF733" s="424"/>
      <c r="QG733" s="423" t="s">
        <v>2795</v>
      </c>
      <c r="QH733" s="424"/>
      <c r="QI733" s="424"/>
      <c r="QJ733" s="424"/>
      <c r="QK733" s="423" t="s">
        <v>2795</v>
      </c>
      <c r="QL733" s="424"/>
      <c r="QM733" s="424"/>
      <c r="QN733" s="424"/>
      <c r="QO733" s="423" t="s">
        <v>2795</v>
      </c>
      <c r="QP733" s="424"/>
      <c r="QQ733" s="424"/>
      <c r="QR733" s="424"/>
      <c r="QS733" s="423" t="s">
        <v>2795</v>
      </c>
      <c r="QT733" s="424"/>
      <c r="QU733" s="424"/>
      <c r="QV733" s="424"/>
      <c r="QW733" s="423" t="s">
        <v>2795</v>
      </c>
      <c r="QX733" s="424"/>
      <c r="QY733" s="424"/>
      <c r="QZ733" s="424"/>
      <c r="RA733" s="423" t="s">
        <v>2795</v>
      </c>
      <c r="RB733" s="424"/>
      <c r="RC733" s="424"/>
      <c r="RD733" s="424"/>
      <c r="RE733" s="423" t="s">
        <v>2795</v>
      </c>
      <c r="RF733" s="424"/>
      <c r="RG733" s="424"/>
      <c r="RH733" s="424"/>
      <c r="RI733" s="423" t="s">
        <v>2795</v>
      </c>
      <c r="RJ733" s="424"/>
      <c r="RK733" s="424"/>
      <c r="RL733" s="424"/>
      <c r="RM733" s="423" t="s">
        <v>2795</v>
      </c>
      <c r="RN733" s="424"/>
      <c r="RO733" s="424"/>
      <c r="RP733" s="424"/>
      <c r="RQ733" s="423" t="s">
        <v>2795</v>
      </c>
      <c r="RR733" s="424"/>
      <c r="RS733" s="424"/>
      <c r="RT733" s="424"/>
      <c r="RU733" s="423" t="s">
        <v>2795</v>
      </c>
      <c r="RV733" s="424"/>
      <c r="RW733" s="424"/>
      <c r="RX733" s="424"/>
      <c r="RY733" s="423" t="s">
        <v>2795</v>
      </c>
      <c r="RZ733" s="424"/>
      <c r="SA733" s="424"/>
      <c r="SB733" s="424"/>
      <c r="SC733" s="423" t="s">
        <v>2795</v>
      </c>
      <c r="SD733" s="424"/>
      <c r="SE733" s="424"/>
      <c r="SF733" s="424"/>
      <c r="SG733" s="423" t="s">
        <v>2795</v>
      </c>
      <c r="SH733" s="424"/>
      <c r="SI733" s="424"/>
      <c r="SJ733" s="424"/>
      <c r="SK733" s="423" t="s">
        <v>2795</v>
      </c>
      <c r="SL733" s="424"/>
      <c r="SM733" s="424"/>
      <c r="SN733" s="424"/>
      <c r="SO733" s="423" t="s">
        <v>2795</v>
      </c>
      <c r="SP733" s="424"/>
      <c r="SQ733" s="424"/>
      <c r="SR733" s="424"/>
      <c r="SS733" s="423" t="s">
        <v>2795</v>
      </c>
      <c r="ST733" s="424"/>
      <c r="SU733" s="424"/>
      <c r="SV733" s="424"/>
      <c r="SW733" s="423" t="s">
        <v>2795</v>
      </c>
      <c r="SX733" s="424"/>
      <c r="SY733" s="424"/>
      <c r="SZ733" s="424"/>
      <c r="TA733" s="423" t="s">
        <v>2795</v>
      </c>
      <c r="TB733" s="424"/>
      <c r="TC733" s="424"/>
      <c r="TD733" s="424"/>
      <c r="TE733" s="423" t="s">
        <v>2795</v>
      </c>
      <c r="TF733" s="424"/>
      <c r="TG733" s="424"/>
      <c r="TH733" s="424"/>
      <c r="TI733" s="423" t="s">
        <v>2795</v>
      </c>
      <c r="TJ733" s="424"/>
      <c r="TK733" s="424"/>
      <c r="TL733" s="424"/>
      <c r="TM733" s="423" t="s">
        <v>2795</v>
      </c>
      <c r="TN733" s="424"/>
      <c r="TO733" s="424"/>
      <c r="TP733" s="424"/>
      <c r="TQ733" s="423" t="s">
        <v>2795</v>
      </c>
      <c r="TR733" s="424"/>
      <c r="TS733" s="424"/>
      <c r="TT733" s="424"/>
      <c r="TU733" s="423" t="s">
        <v>2795</v>
      </c>
      <c r="TV733" s="424"/>
      <c r="TW733" s="424"/>
      <c r="TX733" s="424"/>
      <c r="TY733" s="423" t="s">
        <v>2795</v>
      </c>
      <c r="TZ733" s="424"/>
      <c r="UA733" s="424"/>
      <c r="UB733" s="424"/>
      <c r="UC733" s="423" t="s">
        <v>2795</v>
      </c>
      <c r="UD733" s="424"/>
      <c r="UE733" s="424"/>
      <c r="UF733" s="424"/>
      <c r="UG733" s="423" t="s">
        <v>2795</v>
      </c>
      <c r="UH733" s="424"/>
      <c r="UI733" s="424"/>
      <c r="UJ733" s="424"/>
      <c r="UK733" s="423" t="s">
        <v>2795</v>
      </c>
      <c r="UL733" s="424"/>
      <c r="UM733" s="424"/>
      <c r="UN733" s="424"/>
      <c r="UO733" s="423" t="s">
        <v>2795</v>
      </c>
      <c r="UP733" s="424"/>
      <c r="UQ733" s="424"/>
      <c r="UR733" s="424"/>
      <c r="US733" s="423" t="s">
        <v>2795</v>
      </c>
      <c r="UT733" s="424"/>
      <c r="UU733" s="424"/>
      <c r="UV733" s="424"/>
      <c r="UW733" s="423" t="s">
        <v>2795</v>
      </c>
      <c r="UX733" s="424"/>
      <c r="UY733" s="424"/>
      <c r="UZ733" s="424"/>
      <c r="VA733" s="423" t="s">
        <v>2795</v>
      </c>
      <c r="VB733" s="424"/>
      <c r="VC733" s="424"/>
      <c r="VD733" s="424"/>
      <c r="VE733" s="423" t="s">
        <v>2795</v>
      </c>
      <c r="VF733" s="424"/>
      <c r="VG733" s="424"/>
      <c r="VH733" s="424"/>
      <c r="VI733" s="423" t="s">
        <v>2795</v>
      </c>
      <c r="VJ733" s="424"/>
      <c r="VK733" s="424"/>
      <c r="VL733" s="424"/>
      <c r="VM733" s="423" t="s">
        <v>2795</v>
      </c>
      <c r="VN733" s="424"/>
      <c r="VO733" s="424"/>
      <c r="VP733" s="424"/>
      <c r="VQ733" s="423" t="s">
        <v>2795</v>
      </c>
      <c r="VR733" s="424"/>
      <c r="VS733" s="424"/>
      <c r="VT733" s="424"/>
      <c r="VU733" s="423" t="s">
        <v>2795</v>
      </c>
      <c r="VV733" s="424"/>
      <c r="VW733" s="424"/>
      <c r="VX733" s="424"/>
      <c r="VY733" s="423" t="s">
        <v>2795</v>
      </c>
      <c r="VZ733" s="424"/>
      <c r="WA733" s="424"/>
      <c r="WB733" s="424"/>
      <c r="WC733" s="423" t="s">
        <v>2795</v>
      </c>
      <c r="WD733" s="424"/>
      <c r="WE733" s="424"/>
      <c r="WF733" s="424"/>
      <c r="WG733" s="423" t="s">
        <v>2795</v>
      </c>
      <c r="WH733" s="424"/>
      <c r="WI733" s="424"/>
      <c r="WJ733" s="424"/>
      <c r="WK733" s="423" t="s">
        <v>2795</v>
      </c>
      <c r="WL733" s="424"/>
      <c r="WM733" s="424"/>
      <c r="WN733" s="424"/>
      <c r="WO733" s="423" t="s">
        <v>2795</v>
      </c>
      <c r="WP733" s="424"/>
      <c r="WQ733" s="424"/>
      <c r="WR733" s="424"/>
      <c r="WS733" s="423" t="s">
        <v>2795</v>
      </c>
      <c r="WT733" s="424"/>
      <c r="WU733" s="424"/>
      <c r="WV733" s="424"/>
      <c r="WW733" s="423" t="s">
        <v>2795</v>
      </c>
      <c r="WX733" s="424"/>
      <c r="WY733" s="424"/>
      <c r="WZ733" s="424"/>
      <c r="XA733" s="423" t="s">
        <v>2795</v>
      </c>
      <c r="XB733" s="424"/>
      <c r="XC733" s="424"/>
      <c r="XD733" s="424"/>
      <c r="XE733" s="423" t="s">
        <v>2795</v>
      </c>
      <c r="XF733" s="424"/>
      <c r="XG733" s="424"/>
      <c r="XH733" s="424"/>
      <c r="XI733" s="423" t="s">
        <v>2795</v>
      </c>
      <c r="XJ733" s="424"/>
      <c r="XK733" s="424"/>
      <c r="XL733" s="424"/>
      <c r="XM733" s="423" t="s">
        <v>2795</v>
      </c>
      <c r="XN733" s="424"/>
      <c r="XO733" s="424"/>
      <c r="XP733" s="424"/>
      <c r="XQ733" s="423" t="s">
        <v>2795</v>
      </c>
      <c r="XR733" s="424"/>
      <c r="XS733" s="424"/>
      <c r="XT733" s="424"/>
      <c r="XU733" s="423" t="s">
        <v>2795</v>
      </c>
      <c r="XV733" s="424"/>
      <c r="XW733" s="424"/>
      <c r="XX733" s="424"/>
      <c r="XY733" s="423" t="s">
        <v>2795</v>
      </c>
      <c r="XZ733" s="424"/>
      <c r="YA733" s="424"/>
      <c r="YB733" s="424"/>
      <c r="YC733" s="423" t="s">
        <v>2795</v>
      </c>
      <c r="YD733" s="424"/>
      <c r="YE733" s="424"/>
      <c r="YF733" s="424"/>
      <c r="YG733" s="423" t="s">
        <v>2795</v>
      </c>
      <c r="YH733" s="424"/>
      <c r="YI733" s="424"/>
      <c r="YJ733" s="424"/>
      <c r="YK733" s="423" t="s">
        <v>2795</v>
      </c>
      <c r="YL733" s="424"/>
      <c r="YM733" s="424"/>
      <c r="YN733" s="424"/>
      <c r="YO733" s="423" t="s">
        <v>2795</v>
      </c>
      <c r="YP733" s="424"/>
      <c r="YQ733" s="424"/>
      <c r="YR733" s="424"/>
      <c r="YS733" s="423" t="s">
        <v>2795</v>
      </c>
      <c r="YT733" s="424"/>
      <c r="YU733" s="424"/>
      <c r="YV733" s="424"/>
      <c r="YW733" s="423" t="s">
        <v>2795</v>
      </c>
      <c r="YX733" s="424"/>
      <c r="YY733" s="424"/>
      <c r="YZ733" s="424"/>
      <c r="ZA733" s="423" t="s">
        <v>2795</v>
      </c>
      <c r="ZB733" s="424"/>
      <c r="ZC733" s="424"/>
      <c r="ZD733" s="424"/>
      <c r="ZE733" s="423" t="s">
        <v>2795</v>
      </c>
      <c r="ZF733" s="424"/>
      <c r="ZG733" s="424"/>
      <c r="ZH733" s="424"/>
      <c r="ZI733" s="423" t="s">
        <v>2795</v>
      </c>
      <c r="ZJ733" s="424"/>
      <c r="ZK733" s="424"/>
      <c r="ZL733" s="424"/>
      <c r="ZM733" s="423" t="s">
        <v>2795</v>
      </c>
      <c r="ZN733" s="424"/>
      <c r="ZO733" s="424"/>
      <c r="ZP733" s="424"/>
      <c r="ZQ733" s="423" t="s">
        <v>2795</v>
      </c>
      <c r="ZR733" s="424"/>
      <c r="ZS733" s="424"/>
      <c r="ZT733" s="424"/>
      <c r="ZU733" s="423" t="s">
        <v>2795</v>
      </c>
      <c r="ZV733" s="424"/>
      <c r="ZW733" s="424"/>
      <c r="ZX733" s="424"/>
      <c r="ZY733" s="423" t="s">
        <v>2795</v>
      </c>
      <c r="ZZ733" s="424"/>
      <c r="AAA733" s="424"/>
      <c r="AAB733" s="424"/>
      <c r="AAC733" s="423" t="s">
        <v>2795</v>
      </c>
      <c r="AAD733" s="424"/>
      <c r="AAE733" s="424"/>
      <c r="AAF733" s="424"/>
      <c r="AAG733" s="423" t="s">
        <v>2795</v>
      </c>
      <c r="AAH733" s="424"/>
      <c r="AAI733" s="424"/>
      <c r="AAJ733" s="424"/>
      <c r="AAK733" s="423" t="s">
        <v>2795</v>
      </c>
      <c r="AAL733" s="424"/>
      <c r="AAM733" s="424"/>
      <c r="AAN733" s="424"/>
      <c r="AAO733" s="423" t="s">
        <v>2795</v>
      </c>
      <c r="AAP733" s="424"/>
      <c r="AAQ733" s="424"/>
      <c r="AAR733" s="424"/>
      <c r="AAS733" s="423" t="s">
        <v>2795</v>
      </c>
      <c r="AAT733" s="424"/>
      <c r="AAU733" s="424"/>
      <c r="AAV733" s="424"/>
      <c r="AAW733" s="423" t="s">
        <v>2795</v>
      </c>
      <c r="AAX733" s="424"/>
      <c r="AAY733" s="424"/>
      <c r="AAZ733" s="424"/>
      <c r="ABA733" s="423" t="s">
        <v>2795</v>
      </c>
      <c r="ABB733" s="424"/>
      <c r="ABC733" s="424"/>
      <c r="ABD733" s="424"/>
      <c r="ABE733" s="423" t="s">
        <v>2795</v>
      </c>
      <c r="ABF733" s="424"/>
      <c r="ABG733" s="424"/>
      <c r="ABH733" s="424"/>
      <c r="ABI733" s="423" t="s">
        <v>2795</v>
      </c>
      <c r="ABJ733" s="424"/>
      <c r="ABK733" s="424"/>
      <c r="ABL733" s="424"/>
      <c r="ABM733" s="423" t="s">
        <v>2795</v>
      </c>
      <c r="ABN733" s="424"/>
      <c r="ABO733" s="424"/>
      <c r="ABP733" s="424"/>
      <c r="ABQ733" s="423" t="s">
        <v>2795</v>
      </c>
      <c r="ABR733" s="424"/>
      <c r="ABS733" s="424"/>
      <c r="ABT733" s="424"/>
      <c r="ABU733" s="423" t="s">
        <v>2795</v>
      </c>
      <c r="ABV733" s="424"/>
      <c r="ABW733" s="424"/>
      <c r="ABX733" s="424"/>
      <c r="ABY733" s="423" t="s">
        <v>2795</v>
      </c>
      <c r="ABZ733" s="424"/>
      <c r="ACA733" s="424"/>
      <c r="ACB733" s="424"/>
      <c r="ACC733" s="423" t="s">
        <v>2795</v>
      </c>
      <c r="ACD733" s="424"/>
      <c r="ACE733" s="424"/>
      <c r="ACF733" s="424"/>
      <c r="ACG733" s="423" t="s">
        <v>2795</v>
      </c>
      <c r="ACH733" s="424"/>
      <c r="ACI733" s="424"/>
      <c r="ACJ733" s="424"/>
      <c r="ACK733" s="423" t="s">
        <v>2795</v>
      </c>
      <c r="ACL733" s="424"/>
      <c r="ACM733" s="424"/>
      <c r="ACN733" s="424"/>
      <c r="ACO733" s="423" t="s">
        <v>2795</v>
      </c>
      <c r="ACP733" s="424"/>
      <c r="ACQ733" s="424"/>
      <c r="ACR733" s="424"/>
      <c r="ACS733" s="423" t="s">
        <v>2795</v>
      </c>
      <c r="ACT733" s="424"/>
      <c r="ACU733" s="424"/>
      <c r="ACV733" s="424"/>
      <c r="ACW733" s="423" t="s">
        <v>2795</v>
      </c>
      <c r="ACX733" s="424"/>
      <c r="ACY733" s="424"/>
      <c r="ACZ733" s="424"/>
      <c r="ADA733" s="423" t="s">
        <v>2795</v>
      </c>
      <c r="ADB733" s="424"/>
      <c r="ADC733" s="424"/>
      <c r="ADD733" s="424"/>
      <c r="ADE733" s="423" t="s">
        <v>2795</v>
      </c>
      <c r="ADF733" s="424"/>
      <c r="ADG733" s="424"/>
      <c r="ADH733" s="424"/>
      <c r="ADI733" s="423" t="s">
        <v>2795</v>
      </c>
      <c r="ADJ733" s="424"/>
      <c r="ADK733" s="424"/>
      <c r="ADL733" s="424"/>
      <c r="ADM733" s="423" t="s">
        <v>2795</v>
      </c>
      <c r="ADN733" s="424"/>
      <c r="ADO733" s="424"/>
      <c r="ADP733" s="424"/>
      <c r="ADQ733" s="423" t="s">
        <v>2795</v>
      </c>
      <c r="ADR733" s="424"/>
      <c r="ADS733" s="424"/>
      <c r="ADT733" s="424"/>
      <c r="ADU733" s="423" t="s">
        <v>2795</v>
      </c>
      <c r="ADV733" s="424"/>
      <c r="ADW733" s="424"/>
      <c r="ADX733" s="424"/>
      <c r="ADY733" s="423" t="s">
        <v>2795</v>
      </c>
      <c r="ADZ733" s="424"/>
      <c r="AEA733" s="424"/>
      <c r="AEB733" s="424"/>
      <c r="AEC733" s="423" t="s">
        <v>2795</v>
      </c>
      <c r="AED733" s="424"/>
      <c r="AEE733" s="424"/>
      <c r="AEF733" s="424"/>
      <c r="AEG733" s="423" t="s">
        <v>2795</v>
      </c>
      <c r="AEH733" s="424"/>
      <c r="AEI733" s="424"/>
      <c r="AEJ733" s="424"/>
      <c r="AEK733" s="423" t="s">
        <v>2795</v>
      </c>
      <c r="AEL733" s="424"/>
      <c r="AEM733" s="424"/>
      <c r="AEN733" s="424"/>
      <c r="AEO733" s="423" t="s">
        <v>2795</v>
      </c>
      <c r="AEP733" s="424"/>
      <c r="AEQ733" s="424"/>
      <c r="AER733" s="424"/>
      <c r="AES733" s="423" t="s">
        <v>2795</v>
      </c>
      <c r="AET733" s="424"/>
      <c r="AEU733" s="424"/>
      <c r="AEV733" s="424"/>
      <c r="AEW733" s="423" t="s">
        <v>2795</v>
      </c>
      <c r="AEX733" s="424"/>
      <c r="AEY733" s="424"/>
      <c r="AEZ733" s="424"/>
      <c r="AFA733" s="423" t="s">
        <v>2795</v>
      </c>
      <c r="AFB733" s="424"/>
      <c r="AFC733" s="424"/>
      <c r="AFD733" s="424"/>
      <c r="AFE733" s="423" t="s">
        <v>2795</v>
      </c>
      <c r="AFF733" s="424"/>
      <c r="AFG733" s="424"/>
      <c r="AFH733" s="424"/>
      <c r="AFI733" s="423" t="s">
        <v>2795</v>
      </c>
      <c r="AFJ733" s="424"/>
      <c r="AFK733" s="424"/>
      <c r="AFL733" s="424"/>
      <c r="AFM733" s="423" t="s">
        <v>2795</v>
      </c>
      <c r="AFN733" s="424"/>
      <c r="AFO733" s="424"/>
      <c r="AFP733" s="424"/>
      <c r="AFQ733" s="423" t="s">
        <v>2795</v>
      </c>
      <c r="AFR733" s="424"/>
      <c r="AFS733" s="424"/>
      <c r="AFT733" s="424"/>
      <c r="AFU733" s="423" t="s">
        <v>2795</v>
      </c>
      <c r="AFV733" s="424"/>
      <c r="AFW733" s="424"/>
      <c r="AFX733" s="424"/>
      <c r="AFY733" s="423" t="s">
        <v>2795</v>
      </c>
      <c r="AFZ733" s="424"/>
      <c r="AGA733" s="424"/>
      <c r="AGB733" s="424"/>
      <c r="AGC733" s="423" t="s">
        <v>2795</v>
      </c>
      <c r="AGD733" s="424"/>
      <c r="AGE733" s="424"/>
      <c r="AGF733" s="424"/>
      <c r="AGG733" s="423" t="s">
        <v>2795</v>
      </c>
      <c r="AGH733" s="424"/>
      <c r="AGI733" s="424"/>
      <c r="AGJ733" s="424"/>
      <c r="AGK733" s="423" t="s">
        <v>2795</v>
      </c>
      <c r="AGL733" s="424"/>
      <c r="AGM733" s="424"/>
      <c r="AGN733" s="424"/>
      <c r="AGO733" s="423" t="s">
        <v>2795</v>
      </c>
      <c r="AGP733" s="424"/>
      <c r="AGQ733" s="424"/>
      <c r="AGR733" s="424"/>
      <c r="AGS733" s="423" t="s">
        <v>2795</v>
      </c>
      <c r="AGT733" s="424"/>
      <c r="AGU733" s="424"/>
      <c r="AGV733" s="424"/>
      <c r="AGW733" s="423" t="s">
        <v>2795</v>
      </c>
      <c r="AGX733" s="424"/>
      <c r="AGY733" s="424"/>
      <c r="AGZ733" s="424"/>
      <c r="AHA733" s="423" t="s">
        <v>2795</v>
      </c>
      <c r="AHB733" s="424"/>
      <c r="AHC733" s="424"/>
      <c r="AHD733" s="424"/>
      <c r="AHE733" s="423" t="s">
        <v>2795</v>
      </c>
      <c r="AHF733" s="424"/>
      <c r="AHG733" s="424"/>
      <c r="AHH733" s="424"/>
      <c r="AHI733" s="423" t="s">
        <v>2795</v>
      </c>
      <c r="AHJ733" s="424"/>
      <c r="AHK733" s="424"/>
      <c r="AHL733" s="424"/>
      <c r="AHM733" s="423" t="s">
        <v>2795</v>
      </c>
      <c r="AHN733" s="424"/>
      <c r="AHO733" s="424"/>
      <c r="AHP733" s="424"/>
      <c r="AHQ733" s="423" t="s">
        <v>2795</v>
      </c>
      <c r="AHR733" s="424"/>
      <c r="AHS733" s="424"/>
      <c r="AHT733" s="424"/>
      <c r="AHU733" s="423" t="s">
        <v>2795</v>
      </c>
      <c r="AHV733" s="424"/>
      <c r="AHW733" s="424"/>
      <c r="AHX733" s="424"/>
      <c r="AHY733" s="423" t="s">
        <v>2795</v>
      </c>
      <c r="AHZ733" s="424"/>
      <c r="AIA733" s="424"/>
      <c r="AIB733" s="424"/>
      <c r="AIC733" s="423" t="s">
        <v>2795</v>
      </c>
      <c r="AID733" s="424"/>
      <c r="AIE733" s="424"/>
      <c r="AIF733" s="424"/>
      <c r="AIG733" s="423" t="s">
        <v>2795</v>
      </c>
      <c r="AIH733" s="424"/>
      <c r="AII733" s="424"/>
      <c r="AIJ733" s="424"/>
      <c r="AIK733" s="423" t="s">
        <v>2795</v>
      </c>
      <c r="AIL733" s="424"/>
      <c r="AIM733" s="424"/>
      <c r="AIN733" s="424"/>
      <c r="AIO733" s="423" t="s">
        <v>2795</v>
      </c>
      <c r="AIP733" s="424"/>
      <c r="AIQ733" s="424"/>
      <c r="AIR733" s="424"/>
      <c r="AIS733" s="423" t="s">
        <v>2795</v>
      </c>
      <c r="AIT733" s="424"/>
      <c r="AIU733" s="424"/>
      <c r="AIV733" s="424"/>
      <c r="AIW733" s="423" t="s">
        <v>2795</v>
      </c>
      <c r="AIX733" s="424"/>
      <c r="AIY733" s="424"/>
      <c r="AIZ733" s="424"/>
      <c r="AJA733" s="423" t="s">
        <v>2795</v>
      </c>
      <c r="AJB733" s="424"/>
      <c r="AJC733" s="424"/>
      <c r="AJD733" s="424"/>
      <c r="AJE733" s="423" t="s">
        <v>2795</v>
      </c>
      <c r="AJF733" s="424"/>
      <c r="AJG733" s="424"/>
      <c r="AJH733" s="424"/>
      <c r="AJI733" s="423" t="s">
        <v>2795</v>
      </c>
      <c r="AJJ733" s="424"/>
      <c r="AJK733" s="424"/>
      <c r="AJL733" s="424"/>
      <c r="AJM733" s="423" t="s">
        <v>2795</v>
      </c>
      <c r="AJN733" s="424"/>
      <c r="AJO733" s="424"/>
      <c r="AJP733" s="424"/>
      <c r="AJQ733" s="423" t="s">
        <v>2795</v>
      </c>
      <c r="AJR733" s="424"/>
      <c r="AJS733" s="424"/>
      <c r="AJT733" s="424"/>
      <c r="AJU733" s="423" t="s">
        <v>2795</v>
      </c>
      <c r="AJV733" s="424"/>
      <c r="AJW733" s="424"/>
      <c r="AJX733" s="424"/>
      <c r="AJY733" s="423" t="s">
        <v>2795</v>
      </c>
      <c r="AJZ733" s="424"/>
      <c r="AKA733" s="424"/>
      <c r="AKB733" s="424"/>
      <c r="AKC733" s="423" t="s">
        <v>2795</v>
      </c>
      <c r="AKD733" s="424"/>
      <c r="AKE733" s="424"/>
      <c r="AKF733" s="424"/>
      <c r="AKG733" s="423" t="s">
        <v>2795</v>
      </c>
      <c r="AKH733" s="424"/>
      <c r="AKI733" s="424"/>
      <c r="AKJ733" s="424"/>
      <c r="AKK733" s="423" t="s">
        <v>2795</v>
      </c>
      <c r="AKL733" s="424"/>
      <c r="AKM733" s="424"/>
      <c r="AKN733" s="424"/>
      <c r="AKO733" s="423" t="s">
        <v>2795</v>
      </c>
      <c r="AKP733" s="424"/>
      <c r="AKQ733" s="424"/>
      <c r="AKR733" s="424"/>
      <c r="AKS733" s="423" t="s">
        <v>2795</v>
      </c>
      <c r="AKT733" s="424"/>
      <c r="AKU733" s="424"/>
      <c r="AKV733" s="424"/>
      <c r="AKW733" s="423" t="s">
        <v>2795</v>
      </c>
      <c r="AKX733" s="424"/>
      <c r="AKY733" s="424"/>
      <c r="AKZ733" s="424"/>
      <c r="ALA733" s="423" t="s">
        <v>2795</v>
      </c>
      <c r="ALB733" s="424"/>
      <c r="ALC733" s="424"/>
      <c r="ALD733" s="424"/>
      <c r="ALE733" s="423" t="s">
        <v>2795</v>
      </c>
      <c r="ALF733" s="424"/>
      <c r="ALG733" s="424"/>
      <c r="ALH733" s="424"/>
      <c r="ALI733" s="423" t="s">
        <v>2795</v>
      </c>
      <c r="ALJ733" s="424"/>
      <c r="ALK733" s="424"/>
      <c r="ALL733" s="424"/>
      <c r="ALM733" s="423" t="s">
        <v>2795</v>
      </c>
      <c r="ALN733" s="424"/>
      <c r="ALO733" s="424"/>
      <c r="ALP733" s="424"/>
      <c r="ALQ733" s="423" t="s">
        <v>2795</v>
      </c>
      <c r="ALR733" s="424"/>
      <c r="ALS733" s="424"/>
      <c r="ALT733" s="424"/>
      <c r="ALU733" s="423" t="s">
        <v>2795</v>
      </c>
      <c r="ALV733" s="424"/>
      <c r="ALW733" s="424"/>
      <c r="ALX733" s="424"/>
      <c r="ALY733" s="423" t="s">
        <v>2795</v>
      </c>
      <c r="ALZ733" s="424"/>
      <c r="AMA733" s="424"/>
      <c r="AMB733" s="424"/>
      <c r="AMC733" s="423" t="s">
        <v>2795</v>
      </c>
      <c r="AMD733" s="424"/>
      <c r="AME733" s="424"/>
      <c r="AMF733" s="424"/>
      <c r="AMG733" s="423" t="s">
        <v>2795</v>
      </c>
      <c r="AMH733" s="424"/>
      <c r="AMI733" s="424"/>
      <c r="AMJ733" s="424"/>
      <c r="AMK733" s="423" t="s">
        <v>2795</v>
      </c>
      <c r="AML733" s="424"/>
      <c r="AMM733" s="424"/>
      <c r="AMN733" s="424"/>
      <c r="AMO733" s="423" t="s">
        <v>2795</v>
      </c>
      <c r="AMP733" s="424"/>
      <c r="AMQ733" s="424"/>
      <c r="AMR733" s="424"/>
      <c r="AMS733" s="423" t="s">
        <v>2795</v>
      </c>
      <c r="AMT733" s="424"/>
      <c r="AMU733" s="424"/>
      <c r="AMV733" s="424"/>
      <c r="AMW733" s="423" t="s">
        <v>2795</v>
      </c>
      <c r="AMX733" s="424"/>
      <c r="AMY733" s="424"/>
      <c r="AMZ733" s="424"/>
      <c r="ANA733" s="423" t="s">
        <v>2795</v>
      </c>
      <c r="ANB733" s="424"/>
      <c r="ANC733" s="424"/>
      <c r="AND733" s="424"/>
      <c r="ANE733" s="423" t="s">
        <v>2795</v>
      </c>
      <c r="ANF733" s="424"/>
      <c r="ANG733" s="424"/>
      <c r="ANH733" s="424"/>
      <c r="ANI733" s="423" t="s">
        <v>2795</v>
      </c>
      <c r="ANJ733" s="424"/>
      <c r="ANK733" s="424"/>
      <c r="ANL733" s="424"/>
      <c r="ANM733" s="423" t="s">
        <v>2795</v>
      </c>
      <c r="ANN733" s="424"/>
      <c r="ANO733" s="424"/>
      <c r="ANP733" s="424"/>
      <c r="ANQ733" s="423" t="s">
        <v>2795</v>
      </c>
      <c r="ANR733" s="424"/>
      <c r="ANS733" s="424"/>
      <c r="ANT733" s="424"/>
      <c r="ANU733" s="423" t="s">
        <v>2795</v>
      </c>
      <c r="ANV733" s="424"/>
      <c r="ANW733" s="424"/>
      <c r="ANX733" s="424"/>
      <c r="ANY733" s="423" t="s">
        <v>2795</v>
      </c>
      <c r="ANZ733" s="424"/>
      <c r="AOA733" s="424"/>
      <c r="AOB733" s="424"/>
      <c r="AOC733" s="423" t="s">
        <v>2795</v>
      </c>
      <c r="AOD733" s="424"/>
      <c r="AOE733" s="424"/>
      <c r="AOF733" s="424"/>
      <c r="AOG733" s="423" t="s">
        <v>2795</v>
      </c>
      <c r="AOH733" s="424"/>
      <c r="AOI733" s="424"/>
      <c r="AOJ733" s="424"/>
      <c r="AOK733" s="423" t="s">
        <v>2795</v>
      </c>
      <c r="AOL733" s="424"/>
      <c r="AOM733" s="424"/>
      <c r="AON733" s="424"/>
      <c r="AOO733" s="423" t="s">
        <v>2795</v>
      </c>
      <c r="AOP733" s="424"/>
      <c r="AOQ733" s="424"/>
      <c r="AOR733" s="424"/>
      <c r="AOS733" s="423" t="s">
        <v>2795</v>
      </c>
      <c r="AOT733" s="424"/>
      <c r="AOU733" s="424"/>
      <c r="AOV733" s="424"/>
      <c r="AOW733" s="423" t="s">
        <v>2795</v>
      </c>
      <c r="AOX733" s="424"/>
      <c r="AOY733" s="424"/>
      <c r="AOZ733" s="424"/>
      <c r="APA733" s="423" t="s">
        <v>2795</v>
      </c>
      <c r="APB733" s="424"/>
      <c r="APC733" s="424"/>
      <c r="APD733" s="424"/>
      <c r="APE733" s="423" t="s">
        <v>2795</v>
      </c>
      <c r="APF733" s="424"/>
      <c r="APG733" s="424"/>
      <c r="APH733" s="424"/>
      <c r="API733" s="423" t="s">
        <v>2795</v>
      </c>
      <c r="APJ733" s="424"/>
      <c r="APK733" s="424"/>
      <c r="APL733" s="424"/>
      <c r="APM733" s="423" t="s">
        <v>2795</v>
      </c>
      <c r="APN733" s="424"/>
      <c r="APO733" s="424"/>
      <c r="APP733" s="424"/>
      <c r="APQ733" s="423" t="s">
        <v>2795</v>
      </c>
      <c r="APR733" s="424"/>
      <c r="APS733" s="424"/>
      <c r="APT733" s="424"/>
      <c r="APU733" s="423" t="s">
        <v>2795</v>
      </c>
      <c r="APV733" s="424"/>
      <c r="APW733" s="424"/>
      <c r="APX733" s="424"/>
      <c r="APY733" s="423" t="s">
        <v>2795</v>
      </c>
      <c r="APZ733" s="424"/>
      <c r="AQA733" s="424"/>
      <c r="AQB733" s="424"/>
      <c r="AQC733" s="423" t="s">
        <v>2795</v>
      </c>
      <c r="AQD733" s="424"/>
      <c r="AQE733" s="424"/>
      <c r="AQF733" s="424"/>
      <c r="AQG733" s="423" t="s">
        <v>2795</v>
      </c>
      <c r="AQH733" s="424"/>
      <c r="AQI733" s="424"/>
      <c r="AQJ733" s="424"/>
      <c r="AQK733" s="423" t="s">
        <v>2795</v>
      </c>
      <c r="AQL733" s="424"/>
      <c r="AQM733" s="424"/>
      <c r="AQN733" s="424"/>
      <c r="AQO733" s="423" t="s">
        <v>2795</v>
      </c>
      <c r="AQP733" s="424"/>
      <c r="AQQ733" s="424"/>
      <c r="AQR733" s="424"/>
      <c r="AQS733" s="423" t="s">
        <v>2795</v>
      </c>
      <c r="AQT733" s="424"/>
      <c r="AQU733" s="424"/>
      <c r="AQV733" s="424"/>
      <c r="AQW733" s="423" t="s">
        <v>2795</v>
      </c>
      <c r="AQX733" s="424"/>
      <c r="AQY733" s="424"/>
      <c r="AQZ733" s="424"/>
      <c r="ARA733" s="423" t="s">
        <v>2795</v>
      </c>
      <c r="ARB733" s="424"/>
      <c r="ARC733" s="424"/>
      <c r="ARD733" s="424"/>
      <c r="ARE733" s="423" t="s">
        <v>2795</v>
      </c>
      <c r="ARF733" s="424"/>
      <c r="ARG733" s="424"/>
      <c r="ARH733" s="424"/>
      <c r="ARI733" s="423" t="s">
        <v>2795</v>
      </c>
      <c r="ARJ733" s="424"/>
      <c r="ARK733" s="424"/>
      <c r="ARL733" s="424"/>
      <c r="ARM733" s="423" t="s">
        <v>2795</v>
      </c>
      <c r="ARN733" s="424"/>
      <c r="ARO733" s="424"/>
      <c r="ARP733" s="424"/>
      <c r="ARQ733" s="423" t="s">
        <v>2795</v>
      </c>
      <c r="ARR733" s="424"/>
      <c r="ARS733" s="424"/>
      <c r="ART733" s="424"/>
      <c r="ARU733" s="423" t="s">
        <v>2795</v>
      </c>
      <c r="ARV733" s="424"/>
      <c r="ARW733" s="424"/>
      <c r="ARX733" s="424"/>
      <c r="ARY733" s="423" t="s">
        <v>2795</v>
      </c>
      <c r="ARZ733" s="424"/>
      <c r="ASA733" s="424"/>
      <c r="ASB733" s="424"/>
      <c r="ASC733" s="423" t="s">
        <v>2795</v>
      </c>
      <c r="ASD733" s="424"/>
      <c r="ASE733" s="424"/>
      <c r="ASF733" s="424"/>
      <c r="ASG733" s="423" t="s">
        <v>2795</v>
      </c>
      <c r="ASH733" s="424"/>
      <c r="ASI733" s="424"/>
      <c r="ASJ733" s="424"/>
      <c r="ASK733" s="423" t="s">
        <v>2795</v>
      </c>
      <c r="ASL733" s="424"/>
      <c r="ASM733" s="424"/>
      <c r="ASN733" s="424"/>
      <c r="ASO733" s="423" t="s">
        <v>2795</v>
      </c>
      <c r="ASP733" s="424"/>
      <c r="ASQ733" s="424"/>
      <c r="ASR733" s="424"/>
      <c r="ASS733" s="423" t="s">
        <v>2795</v>
      </c>
      <c r="AST733" s="424"/>
      <c r="ASU733" s="424"/>
      <c r="ASV733" s="424"/>
      <c r="ASW733" s="423" t="s">
        <v>2795</v>
      </c>
      <c r="ASX733" s="424"/>
      <c r="ASY733" s="424"/>
      <c r="ASZ733" s="424"/>
      <c r="ATA733" s="423" t="s">
        <v>2795</v>
      </c>
      <c r="ATB733" s="424"/>
      <c r="ATC733" s="424"/>
      <c r="ATD733" s="424"/>
      <c r="ATE733" s="423" t="s">
        <v>2795</v>
      </c>
      <c r="ATF733" s="424"/>
      <c r="ATG733" s="424"/>
      <c r="ATH733" s="424"/>
      <c r="ATI733" s="423" t="s">
        <v>2795</v>
      </c>
      <c r="ATJ733" s="424"/>
      <c r="ATK733" s="424"/>
      <c r="ATL733" s="424"/>
      <c r="ATM733" s="423" t="s">
        <v>2795</v>
      </c>
      <c r="ATN733" s="424"/>
      <c r="ATO733" s="424"/>
      <c r="ATP733" s="424"/>
      <c r="ATQ733" s="423" t="s">
        <v>2795</v>
      </c>
      <c r="ATR733" s="424"/>
      <c r="ATS733" s="424"/>
      <c r="ATT733" s="424"/>
      <c r="ATU733" s="423" t="s">
        <v>2795</v>
      </c>
      <c r="ATV733" s="424"/>
      <c r="ATW733" s="424"/>
      <c r="ATX733" s="424"/>
      <c r="ATY733" s="423" t="s">
        <v>2795</v>
      </c>
      <c r="ATZ733" s="424"/>
      <c r="AUA733" s="424"/>
      <c r="AUB733" s="424"/>
      <c r="AUC733" s="423" t="s">
        <v>2795</v>
      </c>
      <c r="AUD733" s="424"/>
      <c r="AUE733" s="424"/>
      <c r="AUF733" s="424"/>
      <c r="AUG733" s="423" t="s">
        <v>2795</v>
      </c>
      <c r="AUH733" s="424"/>
      <c r="AUI733" s="424"/>
      <c r="AUJ733" s="424"/>
      <c r="AUK733" s="423" t="s">
        <v>2795</v>
      </c>
      <c r="AUL733" s="424"/>
      <c r="AUM733" s="424"/>
      <c r="AUN733" s="424"/>
      <c r="AUO733" s="423" t="s">
        <v>2795</v>
      </c>
      <c r="AUP733" s="424"/>
      <c r="AUQ733" s="424"/>
      <c r="AUR733" s="424"/>
      <c r="AUS733" s="423" t="s">
        <v>2795</v>
      </c>
      <c r="AUT733" s="424"/>
      <c r="AUU733" s="424"/>
      <c r="AUV733" s="424"/>
      <c r="AUW733" s="423" t="s">
        <v>2795</v>
      </c>
      <c r="AUX733" s="424"/>
      <c r="AUY733" s="424"/>
      <c r="AUZ733" s="424"/>
      <c r="AVA733" s="423" t="s">
        <v>2795</v>
      </c>
      <c r="AVB733" s="424"/>
      <c r="AVC733" s="424"/>
      <c r="AVD733" s="424"/>
      <c r="AVE733" s="423" t="s">
        <v>2795</v>
      </c>
      <c r="AVF733" s="424"/>
      <c r="AVG733" s="424"/>
      <c r="AVH733" s="424"/>
      <c r="AVI733" s="423" t="s">
        <v>2795</v>
      </c>
      <c r="AVJ733" s="424"/>
      <c r="AVK733" s="424"/>
      <c r="AVL733" s="424"/>
      <c r="AVM733" s="423" t="s">
        <v>2795</v>
      </c>
      <c r="AVN733" s="424"/>
      <c r="AVO733" s="424"/>
      <c r="AVP733" s="424"/>
      <c r="AVQ733" s="423" t="s">
        <v>2795</v>
      </c>
      <c r="AVR733" s="424"/>
      <c r="AVS733" s="424"/>
      <c r="AVT733" s="424"/>
      <c r="AVU733" s="423" t="s">
        <v>2795</v>
      </c>
      <c r="AVV733" s="424"/>
      <c r="AVW733" s="424"/>
      <c r="AVX733" s="424"/>
      <c r="AVY733" s="423" t="s">
        <v>2795</v>
      </c>
      <c r="AVZ733" s="424"/>
      <c r="AWA733" s="424"/>
      <c r="AWB733" s="424"/>
      <c r="AWC733" s="423" t="s">
        <v>2795</v>
      </c>
      <c r="AWD733" s="424"/>
      <c r="AWE733" s="424"/>
      <c r="AWF733" s="424"/>
      <c r="AWG733" s="423" t="s">
        <v>2795</v>
      </c>
      <c r="AWH733" s="424"/>
      <c r="AWI733" s="424"/>
      <c r="AWJ733" s="424"/>
      <c r="AWK733" s="423" t="s">
        <v>2795</v>
      </c>
      <c r="AWL733" s="424"/>
      <c r="AWM733" s="424"/>
      <c r="AWN733" s="424"/>
      <c r="AWO733" s="423" t="s">
        <v>2795</v>
      </c>
      <c r="AWP733" s="424"/>
      <c r="AWQ733" s="424"/>
      <c r="AWR733" s="424"/>
      <c r="AWS733" s="423" t="s">
        <v>2795</v>
      </c>
      <c r="AWT733" s="424"/>
      <c r="AWU733" s="424"/>
      <c r="AWV733" s="424"/>
      <c r="AWW733" s="423" t="s">
        <v>2795</v>
      </c>
      <c r="AWX733" s="424"/>
      <c r="AWY733" s="424"/>
      <c r="AWZ733" s="424"/>
      <c r="AXA733" s="423" t="s">
        <v>2795</v>
      </c>
      <c r="AXB733" s="424"/>
      <c r="AXC733" s="424"/>
      <c r="AXD733" s="424"/>
      <c r="AXE733" s="423" t="s">
        <v>2795</v>
      </c>
      <c r="AXF733" s="424"/>
      <c r="AXG733" s="424"/>
      <c r="AXH733" s="424"/>
      <c r="AXI733" s="423" t="s">
        <v>2795</v>
      </c>
      <c r="AXJ733" s="424"/>
      <c r="AXK733" s="424"/>
      <c r="AXL733" s="424"/>
      <c r="AXM733" s="423" t="s">
        <v>2795</v>
      </c>
      <c r="AXN733" s="424"/>
      <c r="AXO733" s="424"/>
      <c r="AXP733" s="424"/>
      <c r="AXQ733" s="423" t="s">
        <v>2795</v>
      </c>
      <c r="AXR733" s="424"/>
      <c r="AXS733" s="424"/>
      <c r="AXT733" s="424"/>
      <c r="AXU733" s="423" t="s">
        <v>2795</v>
      </c>
      <c r="AXV733" s="424"/>
      <c r="AXW733" s="424"/>
      <c r="AXX733" s="424"/>
      <c r="AXY733" s="423" t="s">
        <v>2795</v>
      </c>
      <c r="AXZ733" s="424"/>
      <c r="AYA733" s="424"/>
      <c r="AYB733" s="424"/>
      <c r="AYC733" s="423" t="s">
        <v>2795</v>
      </c>
      <c r="AYD733" s="424"/>
      <c r="AYE733" s="424"/>
      <c r="AYF733" s="424"/>
      <c r="AYG733" s="423" t="s">
        <v>2795</v>
      </c>
      <c r="AYH733" s="424"/>
      <c r="AYI733" s="424"/>
      <c r="AYJ733" s="424"/>
      <c r="AYK733" s="423" t="s">
        <v>2795</v>
      </c>
      <c r="AYL733" s="424"/>
      <c r="AYM733" s="424"/>
      <c r="AYN733" s="424"/>
      <c r="AYO733" s="423" t="s">
        <v>2795</v>
      </c>
      <c r="AYP733" s="424"/>
      <c r="AYQ733" s="424"/>
      <c r="AYR733" s="424"/>
      <c r="AYS733" s="423" t="s">
        <v>2795</v>
      </c>
      <c r="AYT733" s="424"/>
      <c r="AYU733" s="424"/>
      <c r="AYV733" s="424"/>
      <c r="AYW733" s="423" t="s">
        <v>2795</v>
      </c>
      <c r="AYX733" s="424"/>
      <c r="AYY733" s="424"/>
      <c r="AYZ733" s="424"/>
      <c r="AZA733" s="423" t="s">
        <v>2795</v>
      </c>
      <c r="AZB733" s="424"/>
      <c r="AZC733" s="424"/>
      <c r="AZD733" s="424"/>
      <c r="AZE733" s="423" t="s">
        <v>2795</v>
      </c>
      <c r="AZF733" s="424"/>
      <c r="AZG733" s="424"/>
      <c r="AZH733" s="424"/>
      <c r="AZI733" s="423" t="s">
        <v>2795</v>
      </c>
      <c r="AZJ733" s="424"/>
      <c r="AZK733" s="424"/>
      <c r="AZL733" s="424"/>
      <c r="AZM733" s="423" t="s">
        <v>2795</v>
      </c>
      <c r="AZN733" s="424"/>
      <c r="AZO733" s="424"/>
      <c r="AZP733" s="424"/>
      <c r="AZQ733" s="423" t="s">
        <v>2795</v>
      </c>
      <c r="AZR733" s="424"/>
      <c r="AZS733" s="424"/>
      <c r="AZT733" s="424"/>
      <c r="AZU733" s="423" t="s">
        <v>2795</v>
      </c>
      <c r="AZV733" s="424"/>
      <c r="AZW733" s="424"/>
      <c r="AZX733" s="424"/>
      <c r="AZY733" s="423" t="s">
        <v>2795</v>
      </c>
      <c r="AZZ733" s="424"/>
      <c r="BAA733" s="424"/>
      <c r="BAB733" s="424"/>
      <c r="BAC733" s="423" t="s">
        <v>2795</v>
      </c>
      <c r="BAD733" s="424"/>
      <c r="BAE733" s="424"/>
      <c r="BAF733" s="424"/>
      <c r="BAG733" s="423" t="s">
        <v>2795</v>
      </c>
      <c r="BAH733" s="424"/>
      <c r="BAI733" s="424"/>
      <c r="BAJ733" s="424"/>
      <c r="BAK733" s="423" t="s">
        <v>2795</v>
      </c>
      <c r="BAL733" s="424"/>
      <c r="BAM733" s="424"/>
      <c r="BAN733" s="424"/>
      <c r="BAO733" s="423" t="s">
        <v>2795</v>
      </c>
      <c r="BAP733" s="424"/>
      <c r="BAQ733" s="424"/>
      <c r="BAR733" s="424"/>
      <c r="BAS733" s="423" t="s">
        <v>2795</v>
      </c>
      <c r="BAT733" s="424"/>
      <c r="BAU733" s="424"/>
      <c r="BAV733" s="424"/>
      <c r="BAW733" s="423" t="s">
        <v>2795</v>
      </c>
      <c r="BAX733" s="424"/>
      <c r="BAY733" s="424"/>
      <c r="BAZ733" s="424"/>
      <c r="BBA733" s="423" t="s">
        <v>2795</v>
      </c>
      <c r="BBB733" s="424"/>
      <c r="BBC733" s="424"/>
      <c r="BBD733" s="424"/>
      <c r="BBE733" s="423" t="s">
        <v>2795</v>
      </c>
      <c r="BBF733" s="424"/>
      <c r="BBG733" s="424"/>
      <c r="BBH733" s="424"/>
      <c r="BBI733" s="423" t="s">
        <v>2795</v>
      </c>
      <c r="BBJ733" s="424"/>
      <c r="BBK733" s="424"/>
      <c r="BBL733" s="424"/>
      <c r="BBM733" s="423" t="s">
        <v>2795</v>
      </c>
      <c r="BBN733" s="424"/>
      <c r="BBO733" s="424"/>
      <c r="BBP733" s="424"/>
      <c r="BBQ733" s="423" t="s">
        <v>2795</v>
      </c>
      <c r="BBR733" s="424"/>
      <c r="BBS733" s="424"/>
      <c r="BBT733" s="424"/>
      <c r="BBU733" s="423" t="s">
        <v>2795</v>
      </c>
      <c r="BBV733" s="424"/>
      <c r="BBW733" s="424"/>
      <c r="BBX733" s="424"/>
      <c r="BBY733" s="423" t="s">
        <v>2795</v>
      </c>
      <c r="BBZ733" s="424"/>
      <c r="BCA733" s="424"/>
      <c r="BCB733" s="424"/>
      <c r="BCC733" s="423" t="s">
        <v>2795</v>
      </c>
      <c r="BCD733" s="424"/>
      <c r="BCE733" s="424"/>
      <c r="BCF733" s="424"/>
      <c r="BCG733" s="423" t="s">
        <v>2795</v>
      </c>
      <c r="BCH733" s="424"/>
      <c r="BCI733" s="424"/>
      <c r="BCJ733" s="424"/>
      <c r="BCK733" s="423" t="s">
        <v>2795</v>
      </c>
      <c r="BCL733" s="424"/>
      <c r="BCM733" s="424"/>
      <c r="BCN733" s="424"/>
      <c r="BCO733" s="423" t="s">
        <v>2795</v>
      </c>
      <c r="BCP733" s="424"/>
      <c r="BCQ733" s="424"/>
      <c r="BCR733" s="424"/>
      <c r="BCS733" s="423" t="s">
        <v>2795</v>
      </c>
      <c r="BCT733" s="424"/>
      <c r="BCU733" s="424"/>
      <c r="BCV733" s="424"/>
      <c r="BCW733" s="423" t="s">
        <v>2795</v>
      </c>
      <c r="BCX733" s="424"/>
      <c r="BCY733" s="424"/>
      <c r="BCZ733" s="424"/>
      <c r="BDA733" s="423" t="s">
        <v>2795</v>
      </c>
      <c r="BDB733" s="424"/>
      <c r="BDC733" s="424"/>
      <c r="BDD733" s="424"/>
      <c r="BDE733" s="423" t="s">
        <v>2795</v>
      </c>
      <c r="BDF733" s="424"/>
      <c r="BDG733" s="424"/>
      <c r="BDH733" s="424"/>
      <c r="BDI733" s="423" t="s">
        <v>2795</v>
      </c>
      <c r="BDJ733" s="424"/>
      <c r="BDK733" s="424"/>
      <c r="BDL733" s="424"/>
      <c r="BDM733" s="423" t="s">
        <v>2795</v>
      </c>
      <c r="BDN733" s="424"/>
      <c r="BDO733" s="424"/>
      <c r="BDP733" s="424"/>
      <c r="BDQ733" s="423" t="s">
        <v>2795</v>
      </c>
      <c r="BDR733" s="424"/>
      <c r="BDS733" s="424"/>
      <c r="BDT733" s="424"/>
      <c r="BDU733" s="423" t="s">
        <v>2795</v>
      </c>
      <c r="BDV733" s="424"/>
      <c r="BDW733" s="424"/>
      <c r="BDX733" s="424"/>
      <c r="BDY733" s="423" t="s">
        <v>2795</v>
      </c>
      <c r="BDZ733" s="424"/>
      <c r="BEA733" s="424"/>
      <c r="BEB733" s="424"/>
      <c r="BEC733" s="423" t="s">
        <v>2795</v>
      </c>
      <c r="BED733" s="424"/>
      <c r="BEE733" s="424"/>
      <c r="BEF733" s="424"/>
      <c r="BEG733" s="423" t="s">
        <v>2795</v>
      </c>
      <c r="BEH733" s="424"/>
      <c r="BEI733" s="424"/>
      <c r="BEJ733" s="424"/>
      <c r="BEK733" s="423" t="s">
        <v>2795</v>
      </c>
      <c r="BEL733" s="424"/>
      <c r="BEM733" s="424"/>
      <c r="BEN733" s="424"/>
      <c r="BEO733" s="423" t="s">
        <v>2795</v>
      </c>
      <c r="BEP733" s="424"/>
      <c r="BEQ733" s="424"/>
      <c r="BER733" s="424"/>
      <c r="BES733" s="423" t="s">
        <v>2795</v>
      </c>
      <c r="BET733" s="424"/>
      <c r="BEU733" s="424"/>
      <c r="BEV733" s="424"/>
      <c r="BEW733" s="423" t="s">
        <v>2795</v>
      </c>
      <c r="BEX733" s="424"/>
      <c r="BEY733" s="424"/>
      <c r="BEZ733" s="424"/>
      <c r="BFA733" s="423" t="s">
        <v>2795</v>
      </c>
      <c r="BFB733" s="424"/>
      <c r="BFC733" s="424"/>
      <c r="BFD733" s="424"/>
      <c r="BFE733" s="423" t="s">
        <v>2795</v>
      </c>
      <c r="BFF733" s="424"/>
      <c r="BFG733" s="424"/>
      <c r="BFH733" s="424"/>
      <c r="BFI733" s="423" t="s">
        <v>2795</v>
      </c>
      <c r="BFJ733" s="424"/>
      <c r="BFK733" s="424"/>
      <c r="BFL733" s="424"/>
      <c r="BFM733" s="423" t="s">
        <v>2795</v>
      </c>
      <c r="BFN733" s="424"/>
      <c r="BFO733" s="424"/>
      <c r="BFP733" s="424"/>
      <c r="BFQ733" s="423" t="s">
        <v>2795</v>
      </c>
      <c r="BFR733" s="424"/>
      <c r="BFS733" s="424"/>
      <c r="BFT733" s="424"/>
      <c r="BFU733" s="423" t="s">
        <v>2795</v>
      </c>
      <c r="BFV733" s="424"/>
      <c r="BFW733" s="424"/>
      <c r="BFX733" s="424"/>
      <c r="BFY733" s="423" t="s">
        <v>2795</v>
      </c>
      <c r="BFZ733" s="424"/>
      <c r="BGA733" s="424"/>
      <c r="BGB733" s="424"/>
      <c r="BGC733" s="423" t="s">
        <v>2795</v>
      </c>
      <c r="BGD733" s="424"/>
      <c r="BGE733" s="424"/>
      <c r="BGF733" s="424"/>
      <c r="BGG733" s="423" t="s">
        <v>2795</v>
      </c>
      <c r="BGH733" s="424"/>
      <c r="BGI733" s="424"/>
      <c r="BGJ733" s="424"/>
      <c r="BGK733" s="423" t="s">
        <v>2795</v>
      </c>
      <c r="BGL733" s="424"/>
      <c r="BGM733" s="424"/>
      <c r="BGN733" s="424"/>
      <c r="BGO733" s="423" t="s">
        <v>2795</v>
      </c>
      <c r="BGP733" s="424"/>
      <c r="BGQ733" s="424"/>
      <c r="BGR733" s="424"/>
      <c r="BGS733" s="423" t="s">
        <v>2795</v>
      </c>
      <c r="BGT733" s="424"/>
      <c r="BGU733" s="424"/>
      <c r="BGV733" s="424"/>
      <c r="BGW733" s="423" t="s">
        <v>2795</v>
      </c>
      <c r="BGX733" s="424"/>
      <c r="BGY733" s="424"/>
      <c r="BGZ733" s="424"/>
      <c r="BHA733" s="423" t="s">
        <v>2795</v>
      </c>
      <c r="BHB733" s="424"/>
      <c r="BHC733" s="424"/>
      <c r="BHD733" s="424"/>
      <c r="BHE733" s="423" t="s">
        <v>2795</v>
      </c>
      <c r="BHF733" s="424"/>
      <c r="BHG733" s="424"/>
      <c r="BHH733" s="424"/>
      <c r="BHI733" s="423" t="s">
        <v>2795</v>
      </c>
      <c r="BHJ733" s="424"/>
      <c r="BHK733" s="424"/>
      <c r="BHL733" s="424"/>
      <c r="BHM733" s="423" t="s">
        <v>2795</v>
      </c>
      <c r="BHN733" s="424"/>
      <c r="BHO733" s="424"/>
      <c r="BHP733" s="424"/>
      <c r="BHQ733" s="423" t="s">
        <v>2795</v>
      </c>
      <c r="BHR733" s="424"/>
      <c r="BHS733" s="424"/>
      <c r="BHT733" s="424"/>
      <c r="BHU733" s="423" t="s">
        <v>2795</v>
      </c>
      <c r="BHV733" s="424"/>
      <c r="BHW733" s="424"/>
      <c r="BHX733" s="424"/>
      <c r="BHY733" s="423" t="s">
        <v>2795</v>
      </c>
      <c r="BHZ733" s="424"/>
      <c r="BIA733" s="424"/>
      <c r="BIB733" s="424"/>
      <c r="BIC733" s="423" t="s">
        <v>2795</v>
      </c>
      <c r="BID733" s="424"/>
      <c r="BIE733" s="424"/>
      <c r="BIF733" s="424"/>
      <c r="BIG733" s="423" t="s">
        <v>2795</v>
      </c>
      <c r="BIH733" s="424"/>
      <c r="BII733" s="424"/>
      <c r="BIJ733" s="424"/>
      <c r="BIK733" s="423" t="s">
        <v>2795</v>
      </c>
      <c r="BIL733" s="424"/>
      <c r="BIM733" s="424"/>
      <c r="BIN733" s="424"/>
      <c r="BIO733" s="423" t="s">
        <v>2795</v>
      </c>
      <c r="BIP733" s="424"/>
      <c r="BIQ733" s="424"/>
      <c r="BIR733" s="424"/>
      <c r="BIS733" s="423" t="s">
        <v>2795</v>
      </c>
      <c r="BIT733" s="424"/>
      <c r="BIU733" s="424"/>
      <c r="BIV733" s="424"/>
      <c r="BIW733" s="423" t="s">
        <v>2795</v>
      </c>
      <c r="BIX733" s="424"/>
      <c r="BIY733" s="424"/>
      <c r="BIZ733" s="424"/>
      <c r="BJA733" s="423" t="s">
        <v>2795</v>
      </c>
      <c r="BJB733" s="424"/>
      <c r="BJC733" s="424"/>
      <c r="BJD733" s="424"/>
      <c r="BJE733" s="423" t="s">
        <v>2795</v>
      </c>
      <c r="BJF733" s="424"/>
      <c r="BJG733" s="424"/>
      <c r="BJH733" s="424"/>
      <c r="BJI733" s="423" t="s">
        <v>2795</v>
      </c>
      <c r="BJJ733" s="424"/>
      <c r="BJK733" s="424"/>
      <c r="BJL733" s="424"/>
      <c r="BJM733" s="423" t="s">
        <v>2795</v>
      </c>
      <c r="BJN733" s="424"/>
      <c r="BJO733" s="424"/>
      <c r="BJP733" s="424"/>
      <c r="BJQ733" s="423" t="s">
        <v>2795</v>
      </c>
      <c r="BJR733" s="424"/>
      <c r="BJS733" s="424"/>
      <c r="BJT733" s="424"/>
      <c r="BJU733" s="423" t="s">
        <v>2795</v>
      </c>
      <c r="BJV733" s="424"/>
      <c r="BJW733" s="424"/>
      <c r="BJX733" s="424"/>
      <c r="BJY733" s="423" t="s">
        <v>2795</v>
      </c>
      <c r="BJZ733" s="424"/>
      <c r="BKA733" s="424"/>
      <c r="BKB733" s="424"/>
      <c r="BKC733" s="423" t="s">
        <v>2795</v>
      </c>
      <c r="BKD733" s="424"/>
      <c r="BKE733" s="424"/>
      <c r="BKF733" s="424"/>
      <c r="BKG733" s="423" t="s">
        <v>2795</v>
      </c>
      <c r="BKH733" s="424"/>
      <c r="BKI733" s="424"/>
      <c r="BKJ733" s="424"/>
      <c r="BKK733" s="423" t="s">
        <v>2795</v>
      </c>
      <c r="BKL733" s="424"/>
      <c r="BKM733" s="424"/>
      <c r="BKN733" s="424"/>
      <c r="BKO733" s="423" t="s">
        <v>2795</v>
      </c>
      <c r="BKP733" s="424"/>
      <c r="BKQ733" s="424"/>
      <c r="BKR733" s="424"/>
      <c r="BKS733" s="423" t="s">
        <v>2795</v>
      </c>
      <c r="BKT733" s="424"/>
      <c r="BKU733" s="424"/>
      <c r="BKV733" s="424"/>
      <c r="BKW733" s="423" t="s">
        <v>2795</v>
      </c>
      <c r="BKX733" s="424"/>
      <c r="BKY733" s="424"/>
      <c r="BKZ733" s="424"/>
      <c r="BLA733" s="423" t="s">
        <v>2795</v>
      </c>
      <c r="BLB733" s="424"/>
      <c r="BLC733" s="424"/>
      <c r="BLD733" s="424"/>
      <c r="BLE733" s="423" t="s">
        <v>2795</v>
      </c>
      <c r="BLF733" s="424"/>
      <c r="BLG733" s="424"/>
      <c r="BLH733" s="424"/>
      <c r="BLI733" s="423" t="s">
        <v>2795</v>
      </c>
      <c r="BLJ733" s="424"/>
      <c r="BLK733" s="424"/>
      <c r="BLL733" s="424"/>
      <c r="BLM733" s="423" t="s">
        <v>2795</v>
      </c>
      <c r="BLN733" s="424"/>
      <c r="BLO733" s="424"/>
      <c r="BLP733" s="424"/>
      <c r="BLQ733" s="423" t="s">
        <v>2795</v>
      </c>
      <c r="BLR733" s="424"/>
      <c r="BLS733" s="424"/>
      <c r="BLT733" s="424"/>
      <c r="BLU733" s="423" t="s">
        <v>2795</v>
      </c>
      <c r="BLV733" s="424"/>
      <c r="BLW733" s="424"/>
      <c r="BLX733" s="424"/>
      <c r="BLY733" s="423" t="s">
        <v>2795</v>
      </c>
      <c r="BLZ733" s="424"/>
      <c r="BMA733" s="424"/>
      <c r="BMB733" s="424"/>
      <c r="BMC733" s="423" t="s">
        <v>2795</v>
      </c>
      <c r="BMD733" s="424"/>
      <c r="BME733" s="424"/>
      <c r="BMF733" s="424"/>
      <c r="BMG733" s="423" t="s">
        <v>2795</v>
      </c>
      <c r="BMH733" s="424"/>
      <c r="BMI733" s="424"/>
      <c r="BMJ733" s="424"/>
      <c r="BMK733" s="423" t="s">
        <v>2795</v>
      </c>
      <c r="BML733" s="424"/>
      <c r="BMM733" s="424"/>
      <c r="BMN733" s="424"/>
      <c r="BMO733" s="423" t="s">
        <v>2795</v>
      </c>
      <c r="BMP733" s="424"/>
      <c r="BMQ733" s="424"/>
      <c r="BMR733" s="424"/>
      <c r="BMS733" s="423" t="s">
        <v>2795</v>
      </c>
      <c r="BMT733" s="424"/>
      <c r="BMU733" s="424"/>
      <c r="BMV733" s="424"/>
      <c r="BMW733" s="423" t="s">
        <v>2795</v>
      </c>
      <c r="BMX733" s="424"/>
      <c r="BMY733" s="424"/>
      <c r="BMZ733" s="424"/>
      <c r="BNA733" s="423" t="s">
        <v>2795</v>
      </c>
      <c r="BNB733" s="424"/>
      <c r="BNC733" s="424"/>
      <c r="BND733" s="424"/>
      <c r="BNE733" s="423" t="s">
        <v>2795</v>
      </c>
      <c r="BNF733" s="424"/>
      <c r="BNG733" s="424"/>
      <c r="BNH733" s="424"/>
      <c r="BNI733" s="423" t="s">
        <v>2795</v>
      </c>
      <c r="BNJ733" s="424"/>
      <c r="BNK733" s="424"/>
      <c r="BNL733" s="424"/>
      <c r="BNM733" s="423" t="s">
        <v>2795</v>
      </c>
      <c r="BNN733" s="424"/>
      <c r="BNO733" s="424"/>
      <c r="BNP733" s="424"/>
      <c r="BNQ733" s="423" t="s">
        <v>2795</v>
      </c>
      <c r="BNR733" s="424"/>
      <c r="BNS733" s="424"/>
      <c r="BNT733" s="424"/>
      <c r="BNU733" s="423" t="s">
        <v>2795</v>
      </c>
      <c r="BNV733" s="424"/>
      <c r="BNW733" s="424"/>
      <c r="BNX733" s="424"/>
      <c r="BNY733" s="423" t="s">
        <v>2795</v>
      </c>
      <c r="BNZ733" s="424"/>
      <c r="BOA733" s="424"/>
      <c r="BOB733" s="424"/>
      <c r="BOC733" s="423" t="s">
        <v>2795</v>
      </c>
      <c r="BOD733" s="424"/>
      <c r="BOE733" s="424"/>
      <c r="BOF733" s="424"/>
      <c r="BOG733" s="423" t="s">
        <v>2795</v>
      </c>
      <c r="BOH733" s="424"/>
      <c r="BOI733" s="424"/>
      <c r="BOJ733" s="424"/>
      <c r="BOK733" s="423" t="s">
        <v>2795</v>
      </c>
      <c r="BOL733" s="424"/>
      <c r="BOM733" s="424"/>
      <c r="BON733" s="424"/>
      <c r="BOO733" s="423" t="s">
        <v>2795</v>
      </c>
      <c r="BOP733" s="424"/>
      <c r="BOQ733" s="424"/>
      <c r="BOR733" s="424"/>
      <c r="BOS733" s="423" t="s">
        <v>2795</v>
      </c>
      <c r="BOT733" s="424"/>
      <c r="BOU733" s="424"/>
      <c r="BOV733" s="424"/>
      <c r="BOW733" s="423" t="s">
        <v>2795</v>
      </c>
      <c r="BOX733" s="424"/>
      <c r="BOY733" s="424"/>
      <c r="BOZ733" s="424"/>
      <c r="BPA733" s="423" t="s">
        <v>2795</v>
      </c>
      <c r="BPB733" s="424"/>
      <c r="BPC733" s="424"/>
      <c r="BPD733" s="424"/>
      <c r="BPE733" s="423" t="s">
        <v>2795</v>
      </c>
      <c r="BPF733" s="424"/>
      <c r="BPG733" s="424"/>
      <c r="BPH733" s="424"/>
      <c r="BPI733" s="423" t="s">
        <v>2795</v>
      </c>
      <c r="BPJ733" s="424"/>
      <c r="BPK733" s="424"/>
      <c r="BPL733" s="424"/>
      <c r="BPM733" s="423" t="s">
        <v>2795</v>
      </c>
      <c r="BPN733" s="424"/>
      <c r="BPO733" s="424"/>
      <c r="BPP733" s="424"/>
      <c r="BPQ733" s="423" t="s">
        <v>2795</v>
      </c>
      <c r="BPR733" s="424"/>
      <c r="BPS733" s="424"/>
      <c r="BPT733" s="424"/>
      <c r="BPU733" s="423" t="s">
        <v>2795</v>
      </c>
      <c r="BPV733" s="424"/>
      <c r="BPW733" s="424"/>
      <c r="BPX733" s="424"/>
      <c r="BPY733" s="423" t="s">
        <v>2795</v>
      </c>
      <c r="BPZ733" s="424"/>
      <c r="BQA733" s="424"/>
      <c r="BQB733" s="424"/>
      <c r="BQC733" s="423" t="s">
        <v>2795</v>
      </c>
      <c r="BQD733" s="424"/>
      <c r="BQE733" s="424"/>
      <c r="BQF733" s="424"/>
      <c r="BQG733" s="423" t="s">
        <v>2795</v>
      </c>
      <c r="BQH733" s="424"/>
      <c r="BQI733" s="424"/>
      <c r="BQJ733" s="424"/>
      <c r="BQK733" s="423" t="s">
        <v>2795</v>
      </c>
      <c r="BQL733" s="424"/>
      <c r="BQM733" s="424"/>
      <c r="BQN733" s="424"/>
      <c r="BQO733" s="423" t="s">
        <v>2795</v>
      </c>
      <c r="BQP733" s="424"/>
      <c r="BQQ733" s="424"/>
      <c r="BQR733" s="424"/>
      <c r="BQS733" s="423" t="s">
        <v>2795</v>
      </c>
      <c r="BQT733" s="424"/>
      <c r="BQU733" s="424"/>
      <c r="BQV733" s="424"/>
      <c r="BQW733" s="423" t="s">
        <v>2795</v>
      </c>
      <c r="BQX733" s="424"/>
      <c r="BQY733" s="424"/>
      <c r="BQZ733" s="424"/>
      <c r="BRA733" s="423" t="s">
        <v>2795</v>
      </c>
      <c r="BRB733" s="424"/>
      <c r="BRC733" s="424"/>
      <c r="BRD733" s="424"/>
      <c r="BRE733" s="423" t="s">
        <v>2795</v>
      </c>
      <c r="BRF733" s="424"/>
      <c r="BRG733" s="424"/>
      <c r="BRH733" s="424"/>
      <c r="BRI733" s="423" t="s">
        <v>2795</v>
      </c>
      <c r="BRJ733" s="424"/>
      <c r="BRK733" s="424"/>
      <c r="BRL733" s="424"/>
      <c r="BRM733" s="423" t="s">
        <v>2795</v>
      </c>
      <c r="BRN733" s="424"/>
      <c r="BRO733" s="424"/>
      <c r="BRP733" s="424"/>
      <c r="BRQ733" s="423" t="s">
        <v>2795</v>
      </c>
      <c r="BRR733" s="424"/>
      <c r="BRS733" s="424"/>
      <c r="BRT733" s="424"/>
      <c r="BRU733" s="423" t="s">
        <v>2795</v>
      </c>
      <c r="BRV733" s="424"/>
      <c r="BRW733" s="424"/>
      <c r="BRX733" s="424"/>
      <c r="BRY733" s="423" t="s">
        <v>2795</v>
      </c>
      <c r="BRZ733" s="424"/>
      <c r="BSA733" s="424"/>
      <c r="BSB733" s="424"/>
      <c r="BSC733" s="423" t="s">
        <v>2795</v>
      </c>
      <c r="BSD733" s="424"/>
      <c r="BSE733" s="424"/>
      <c r="BSF733" s="424"/>
      <c r="BSG733" s="423" t="s">
        <v>2795</v>
      </c>
      <c r="BSH733" s="424"/>
      <c r="BSI733" s="424"/>
      <c r="BSJ733" s="424"/>
      <c r="BSK733" s="423" t="s">
        <v>2795</v>
      </c>
      <c r="BSL733" s="424"/>
      <c r="BSM733" s="424"/>
      <c r="BSN733" s="424"/>
      <c r="BSO733" s="423" t="s">
        <v>2795</v>
      </c>
      <c r="BSP733" s="424"/>
      <c r="BSQ733" s="424"/>
      <c r="BSR733" s="424"/>
      <c r="BSS733" s="423" t="s">
        <v>2795</v>
      </c>
      <c r="BST733" s="424"/>
      <c r="BSU733" s="424"/>
      <c r="BSV733" s="424"/>
      <c r="BSW733" s="423" t="s">
        <v>2795</v>
      </c>
      <c r="BSX733" s="424"/>
      <c r="BSY733" s="424"/>
      <c r="BSZ733" s="424"/>
      <c r="BTA733" s="423" t="s">
        <v>2795</v>
      </c>
      <c r="BTB733" s="424"/>
      <c r="BTC733" s="424"/>
      <c r="BTD733" s="424"/>
      <c r="BTE733" s="423" t="s">
        <v>2795</v>
      </c>
      <c r="BTF733" s="424"/>
      <c r="BTG733" s="424"/>
      <c r="BTH733" s="424"/>
      <c r="BTI733" s="423" t="s">
        <v>2795</v>
      </c>
      <c r="BTJ733" s="424"/>
      <c r="BTK733" s="424"/>
      <c r="BTL733" s="424"/>
      <c r="BTM733" s="423" t="s">
        <v>2795</v>
      </c>
      <c r="BTN733" s="424"/>
      <c r="BTO733" s="424"/>
      <c r="BTP733" s="424"/>
      <c r="BTQ733" s="423" t="s">
        <v>2795</v>
      </c>
      <c r="BTR733" s="424"/>
      <c r="BTS733" s="424"/>
      <c r="BTT733" s="424"/>
      <c r="BTU733" s="423" t="s">
        <v>2795</v>
      </c>
      <c r="BTV733" s="424"/>
      <c r="BTW733" s="424"/>
      <c r="BTX733" s="424"/>
      <c r="BTY733" s="423" t="s">
        <v>2795</v>
      </c>
      <c r="BTZ733" s="424"/>
      <c r="BUA733" s="424"/>
      <c r="BUB733" s="424"/>
      <c r="BUC733" s="423" t="s">
        <v>2795</v>
      </c>
      <c r="BUD733" s="424"/>
      <c r="BUE733" s="424"/>
      <c r="BUF733" s="424"/>
      <c r="BUG733" s="423" t="s">
        <v>2795</v>
      </c>
      <c r="BUH733" s="424"/>
      <c r="BUI733" s="424"/>
      <c r="BUJ733" s="424"/>
      <c r="BUK733" s="423" t="s">
        <v>2795</v>
      </c>
      <c r="BUL733" s="424"/>
      <c r="BUM733" s="424"/>
      <c r="BUN733" s="424"/>
      <c r="BUO733" s="423" t="s">
        <v>2795</v>
      </c>
      <c r="BUP733" s="424"/>
      <c r="BUQ733" s="424"/>
      <c r="BUR733" s="424"/>
      <c r="BUS733" s="423" t="s">
        <v>2795</v>
      </c>
      <c r="BUT733" s="424"/>
      <c r="BUU733" s="424"/>
      <c r="BUV733" s="424"/>
      <c r="BUW733" s="423" t="s">
        <v>2795</v>
      </c>
      <c r="BUX733" s="424"/>
      <c r="BUY733" s="424"/>
      <c r="BUZ733" s="424"/>
      <c r="BVA733" s="423" t="s">
        <v>2795</v>
      </c>
      <c r="BVB733" s="424"/>
      <c r="BVC733" s="424"/>
      <c r="BVD733" s="424"/>
      <c r="BVE733" s="423" t="s">
        <v>2795</v>
      </c>
      <c r="BVF733" s="424"/>
      <c r="BVG733" s="424"/>
      <c r="BVH733" s="424"/>
      <c r="BVI733" s="423" t="s">
        <v>2795</v>
      </c>
      <c r="BVJ733" s="424"/>
      <c r="BVK733" s="424"/>
      <c r="BVL733" s="424"/>
      <c r="BVM733" s="423" t="s">
        <v>2795</v>
      </c>
      <c r="BVN733" s="424"/>
      <c r="BVO733" s="424"/>
      <c r="BVP733" s="424"/>
      <c r="BVQ733" s="423" t="s">
        <v>2795</v>
      </c>
      <c r="BVR733" s="424"/>
      <c r="BVS733" s="424"/>
      <c r="BVT733" s="424"/>
      <c r="BVU733" s="423" t="s">
        <v>2795</v>
      </c>
      <c r="BVV733" s="424"/>
      <c r="BVW733" s="424"/>
      <c r="BVX733" s="424"/>
      <c r="BVY733" s="423" t="s">
        <v>2795</v>
      </c>
      <c r="BVZ733" s="424"/>
      <c r="BWA733" s="424"/>
      <c r="BWB733" s="424"/>
      <c r="BWC733" s="423" t="s">
        <v>2795</v>
      </c>
      <c r="BWD733" s="424"/>
      <c r="BWE733" s="424"/>
      <c r="BWF733" s="424"/>
      <c r="BWG733" s="423" t="s">
        <v>2795</v>
      </c>
      <c r="BWH733" s="424"/>
      <c r="BWI733" s="424"/>
      <c r="BWJ733" s="424"/>
      <c r="BWK733" s="423" t="s">
        <v>2795</v>
      </c>
      <c r="BWL733" s="424"/>
      <c r="BWM733" s="424"/>
      <c r="BWN733" s="424"/>
      <c r="BWO733" s="423" t="s">
        <v>2795</v>
      </c>
      <c r="BWP733" s="424"/>
      <c r="BWQ733" s="424"/>
      <c r="BWR733" s="424"/>
      <c r="BWS733" s="423" t="s">
        <v>2795</v>
      </c>
      <c r="BWT733" s="424"/>
      <c r="BWU733" s="424"/>
      <c r="BWV733" s="424"/>
      <c r="BWW733" s="423" t="s">
        <v>2795</v>
      </c>
      <c r="BWX733" s="424"/>
      <c r="BWY733" s="424"/>
      <c r="BWZ733" s="424"/>
      <c r="BXA733" s="423" t="s">
        <v>2795</v>
      </c>
      <c r="BXB733" s="424"/>
      <c r="BXC733" s="424"/>
      <c r="BXD733" s="424"/>
      <c r="BXE733" s="423" t="s">
        <v>2795</v>
      </c>
      <c r="BXF733" s="424"/>
      <c r="BXG733" s="424"/>
      <c r="BXH733" s="424"/>
      <c r="BXI733" s="423" t="s">
        <v>2795</v>
      </c>
      <c r="BXJ733" s="424"/>
      <c r="BXK733" s="424"/>
      <c r="BXL733" s="424"/>
      <c r="BXM733" s="423" t="s">
        <v>2795</v>
      </c>
      <c r="BXN733" s="424"/>
      <c r="BXO733" s="424"/>
      <c r="BXP733" s="424"/>
      <c r="BXQ733" s="423" t="s">
        <v>2795</v>
      </c>
      <c r="BXR733" s="424"/>
      <c r="BXS733" s="424"/>
      <c r="BXT733" s="424"/>
      <c r="BXU733" s="423" t="s">
        <v>2795</v>
      </c>
      <c r="BXV733" s="424"/>
      <c r="BXW733" s="424"/>
      <c r="BXX733" s="424"/>
      <c r="BXY733" s="423" t="s">
        <v>2795</v>
      </c>
      <c r="BXZ733" s="424"/>
      <c r="BYA733" s="424"/>
      <c r="BYB733" s="424"/>
      <c r="BYC733" s="423" t="s">
        <v>2795</v>
      </c>
      <c r="BYD733" s="424"/>
      <c r="BYE733" s="424"/>
      <c r="BYF733" s="424"/>
      <c r="BYG733" s="423" t="s">
        <v>2795</v>
      </c>
      <c r="BYH733" s="424"/>
      <c r="BYI733" s="424"/>
      <c r="BYJ733" s="424"/>
      <c r="BYK733" s="423" t="s">
        <v>2795</v>
      </c>
      <c r="BYL733" s="424"/>
      <c r="BYM733" s="424"/>
      <c r="BYN733" s="424"/>
      <c r="BYO733" s="423" t="s">
        <v>2795</v>
      </c>
      <c r="BYP733" s="424"/>
      <c r="BYQ733" s="424"/>
      <c r="BYR733" s="424"/>
      <c r="BYS733" s="423" t="s">
        <v>2795</v>
      </c>
      <c r="BYT733" s="424"/>
      <c r="BYU733" s="424"/>
      <c r="BYV733" s="424"/>
      <c r="BYW733" s="423" t="s">
        <v>2795</v>
      </c>
      <c r="BYX733" s="424"/>
      <c r="BYY733" s="424"/>
      <c r="BYZ733" s="424"/>
      <c r="BZA733" s="423" t="s">
        <v>2795</v>
      </c>
      <c r="BZB733" s="424"/>
      <c r="BZC733" s="424"/>
      <c r="BZD733" s="424"/>
      <c r="BZE733" s="423" t="s">
        <v>2795</v>
      </c>
      <c r="BZF733" s="424"/>
      <c r="BZG733" s="424"/>
      <c r="BZH733" s="424"/>
      <c r="BZI733" s="423" t="s">
        <v>2795</v>
      </c>
      <c r="BZJ733" s="424"/>
      <c r="BZK733" s="424"/>
      <c r="BZL733" s="424"/>
      <c r="BZM733" s="423" t="s">
        <v>2795</v>
      </c>
      <c r="BZN733" s="424"/>
      <c r="BZO733" s="424"/>
      <c r="BZP733" s="424"/>
      <c r="BZQ733" s="423" t="s">
        <v>2795</v>
      </c>
      <c r="BZR733" s="424"/>
      <c r="BZS733" s="424"/>
      <c r="BZT733" s="424"/>
      <c r="BZU733" s="423" t="s">
        <v>2795</v>
      </c>
      <c r="BZV733" s="424"/>
      <c r="BZW733" s="424"/>
      <c r="BZX733" s="424"/>
      <c r="BZY733" s="423" t="s">
        <v>2795</v>
      </c>
      <c r="BZZ733" s="424"/>
      <c r="CAA733" s="424"/>
      <c r="CAB733" s="424"/>
      <c r="CAC733" s="423" t="s">
        <v>2795</v>
      </c>
      <c r="CAD733" s="424"/>
      <c r="CAE733" s="424"/>
      <c r="CAF733" s="424"/>
      <c r="CAG733" s="423" t="s">
        <v>2795</v>
      </c>
      <c r="CAH733" s="424"/>
      <c r="CAI733" s="424"/>
      <c r="CAJ733" s="424"/>
      <c r="CAK733" s="423" t="s">
        <v>2795</v>
      </c>
      <c r="CAL733" s="424"/>
      <c r="CAM733" s="424"/>
      <c r="CAN733" s="424"/>
      <c r="CAO733" s="423" t="s">
        <v>2795</v>
      </c>
      <c r="CAP733" s="424"/>
      <c r="CAQ733" s="424"/>
      <c r="CAR733" s="424"/>
      <c r="CAS733" s="423" t="s">
        <v>2795</v>
      </c>
      <c r="CAT733" s="424"/>
      <c r="CAU733" s="424"/>
      <c r="CAV733" s="424"/>
      <c r="CAW733" s="423" t="s">
        <v>2795</v>
      </c>
      <c r="CAX733" s="424"/>
      <c r="CAY733" s="424"/>
      <c r="CAZ733" s="424"/>
      <c r="CBA733" s="423" t="s">
        <v>2795</v>
      </c>
      <c r="CBB733" s="424"/>
      <c r="CBC733" s="424"/>
      <c r="CBD733" s="424"/>
      <c r="CBE733" s="423" t="s">
        <v>2795</v>
      </c>
      <c r="CBF733" s="424"/>
      <c r="CBG733" s="424"/>
      <c r="CBH733" s="424"/>
      <c r="CBI733" s="423" t="s">
        <v>2795</v>
      </c>
      <c r="CBJ733" s="424"/>
      <c r="CBK733" s="424"/>
      <c r="CBL733" s="424"/>
      <c r="CBM733" s="423" t="s">
        <v>2795</v>
      </c>
      <c r="CBN733" s="424"/>
      <c r="CBO733" s="424"/>
      <c r="CBP733" s="424"/>
      <c r="CBQ733" s="423" t="s">
        <v>2795</v>
      </c>
      <c r="CBR733" s="424"/>
      <c r="CBS733" s="424"/>
      <c r="CBT733" s="424"/>
      <c r="CBU733" s="423" t="s">
        <v>2795</v>
      </c>
      <c r="CBV733" s="424"/>
      <c r="CBW733" s="424"/>
      <c r="CBX733" s="424"/>
      <c r="CBY733" s="423" t="s">
        <v>2795</v>
      </c>
      <c r="CBZ733" s="424"/>
      <c r="CCA733" s="424"/>
      <c r="CCB733" s="424"/>
      <c r="CCC733" s="423" t="s">
        <v>2795</v>
      </c>
      <c r="CCD733" s="424"/>
      <c r="CCE733" s="424"/>
      <c r="CCF733" s="424"/>
      <c r="CCG733" s="423" t="s">
        <v>2795</v>
      </c>
      <c r="CCH733" s="424"/>
      <c r="CCI733" s="424"/>
      <c r="CCJ733" s="424"/>
      <c r="CCK733" s="423" t="s">
        <v>2795</v>
      </c>
      <c r="CCL733" s="424"/>
      <c r="CCM733" s="424"/>
      <c r="CCN733" s="424"/>
      <c r="CCO733" s="423" t="s">
        <v>2795</v>
      </c>
      <c r="CCP733" s="424"/>
      <c r="CCQ733" s="424"/>
      <c r="CCR733" s="424"/>
      <c r="CCS733" s="423" t="s">
        <v>2795</v>
      </c>
      <c r="CCT733" s="424"/>
      <c r="CCU733" s="424"/>
      <c r="CCV733" s="424"/>
      <c r="CCW733" s="423" t="s">
        <v>2795</v>
      </c>
      <c r="CCX733" s="424"/>
      <c r="CCY733" s="424"/>
      <c r="CCZ733" s="424"/>
      <c r="CDA733" s="423" t="s">
        <v>2795</v>
      </c>
      <c r="CDB733" s="424"/>
      <c r="CDC733" s="424"/>
      <c r="CDD733" s="424"/>
      <c r="CDE733" s="423" t="s">
        <v>2795</v>
      </c>
      <c r="CDF733" s="424"/>
      <c r="CDG733" s="424"/>
      <c r="CDH733" s="424"/>
      <c r="CDI733" s="423" t="s">
        <v>2795</v>
      </c>
      <c r="CDJ733" s="424"/>
      <c r="CDK733" s="424"/>
      <c r="CDL733" s="424"/>
      <c r="CDM733" s="423" t="s">
        <v>2795</v>
      </c>
      <c r="CDN733" s="424"/>
      <c r="CDO733" s="424"/>
      <c r="CDP733" s="424"/>
      <c r="CDQ733" s="423" t="s">
        <v>2795</v>
      </c>
      <c r="CDR733" s="424"/>
      <c r="CDS733" s="424"/>
      <c r="CDT733" s="424"/>
      <c r="CDU733" s="423" t="s">
        <v>2795</v>
      </c>
      <c r="CDV733" s="424"/>
      <c r="CDW733" s="424"/>
      <c r="CDX733" s="424"/>
      <c r="CDY733" s="423" t="s">
        <v>2795</v>
      </c>
      <c r="CDZ733" s="424"/>
      <c r="CEA733" s="424"/>
      <c r="CEB733" s="424"/>
      <c r="CEC733" s="423" t="s">
        <v>2795</v>
      </c>
      <c r="CED733" s="424"/>
      <c r="CEE733" s="424"/>
      <c r="CEF733" s="424"/>
      <c r="CEG733" s="423" t="s">
        <v>2795</v>
      </c>
      <c r="CEH733" s="424"/>
      <c r="CEI733" s="424"/>
      <c r="CEJ733" s="424"/>
      <c r="CEK733" s="423" t="s">
        <v>2795</v>
      </c>
      <c r="CEL733" s="424"/>
      <c r="CEM733" s="424"/>
      <c r="CEN733" s="424"/>
      <c r="CEO733" s="423" t="s">
        <v>2795</v>
      </c>
      <c r="CEP733" s="424"/>
      <c r="CEQ733" s="424"/>
      <c r="CER733" s="424"/>
      <c r="CES733" s="423" t="s">
        <v>2795</v>
      </c>
      <c r="CET733" s="424"/>
      <c r="CEU733" s="424"/>
      <c r="CEV733" s="424"/>
      <c r="CEW733" s="423" t="s">
        <v>2795</v>
      </c>
      <c r="CEX733" s="424"/>
      <c r="CEY733" s="424"/>
      <c r="CEZ733" s="424"/>
      <c r="CFA733" s="423" t="s">
        <v>2795</v>
      </c>
      <c r="CFB733" s="424"/>
      <c r="CFC733" s="424"/>
      <c r="CFD733" s="424"/>
      <c r="CFE733" s="423" t="s">
        <v>2795</v>
      </c>
      <c r="CFF733" s="424"/>
      <c r="CFG733" s="424"/>
      <c r="CFH733" s="424"/>
      <c r="CFI733" s="423" t="s">
        <v>2795</v>
      </c>
      <c r="CFJ733" s="424"/>
      <c r="CFK733" s="424"/>
      <c r="CFL733" s="424"/>
      <c r="CFM733" s="423" t="s">
        <v>2795</v>
      </c>
      <c r="CFN733" s="424"/>
      <c r="CFO733" s="424"/>
      <c r="CFP733" s="424"/>
      <c r="CFQ733" s="423" t="s">
        <v>2795</v>
      </c>
      <c r="CFR733" s="424"/>
      <c r="CFS733" s="424"/>
      <c r="CFT733" s="424"/>
      <c r="CFU733" s="423" t="s">
        <v>2795</v>
      </c>
      <c r="CFV733" s="424"/>
      <c r="CFW733" s="424"/>
      <c r="CFX733" s="424"/>
      <c r="CFY733" s="423" t="s">
        <v>2795</v>
      </c>
      <c r="CFZ733" s="424"/>
      <c r="CGA733" s="424"/>
      <c r="CGB733" s="424"/>
      <c r="CGC733" s="423" t="s">
        <v>2795</v>
      </c>
      <c r="CGD733" s="424"/>
      <c r="CGE733" s="424"/>
      <c r="CGF733" s="424"/>
      <c r="CGG733" s="423" t="s">
        <v>2795</v>
      </c>
      <c r="CGH733" s="424"/>
      <c r="CGI733" s="424"/>
      <c r="CGJ733" s="424"/>
      <c r="CGK733" s="423" t="s">
        <v>2795</v>
      </c>
      <c r="CGL733" s="424"/>
      <c r="CGM733" s="424"/>
      <c r="CGN733" s="424"/>
      <c r="CGO733" s="423" t="s">
        <v>2795</v>
      </c>
      <c r="CGP733" s="424"/>
      <c r="CGQ733" s="424"/>
      <c r="CGR733" s="424"/>
      <c r="CGS733" s="423" t="s">
        <v>2795</v>
      </c>
      <c r="CGT733" s="424"/>
      <c r="CGU733" s="424"/>
      <c r="CGV733" s="424"/>
      <c r="CGW733" s="423" t="s">
        <v>2795</v>
      </c>
      <c r="CGX733" s="424"/>
      <c r="CGY733" s="424"/>
      <c r="CGZ733" s="424"/>
      <c r="CHA733" s="423" t="s">
        <v>2795</v>
      </c>
      <c r="CHB733" s="424"/>
      <c r="CHC733" s="424"/>
      <c r="CHD733" s="424"/>
      <c r="CHE733" s="423" t="s">
        <v>2795</v>
      </c>
      <c r="CHF733" s="424"/>
      <c r="CHG733" s="424"/>
      <c r="CHH733" s="424"/>
      <c r="CHI733" s="423" t="s">
        <v>2795</v>
      </c>
      <c r="CHJ733" s="424"/>
      <c r="CHK733" s="424"/>
      <c r="CHL733" s="424"/>
      <c r="CHM733" s="423" t="s">
        <v>2795</v>
      </c>
      <c r="CHN733" s="424"/>
      <c r="CHO733" s="424"/>
      <c r="CHP733" s="424"/>
      <c r="CHQ733" s="423" t="s">
        <v>2795</v>
      </c>
      <c r="CHR733" s="424"/>
      <c r="CHS733" s="424"/>
      <c r="CHT733" s="424"/>
      <c r="CHU733" s="423" t="s">
        <v>2795</v>
      </c>
      <c r="CHV733" s="424"/>
      <c r="CHW733" s="424"/>
      <c r="CHX733" s="424"/>
      <c r="CHY733" s="423" t="s">
        <v>2795</v>
      </c>
      <c r="CHZ733" s="424"/>
      <c r="CIA733" s="424"/>
      <c r="CIB733" s="424"/>
      <c r="CIC733" s="423" t="s">
        <v>2795</v>
      </c>
      <c r="CID733" s="424"/>
      <c r="CIE733" s="424"/>
      <c r="CIF733" s="424"/>
      <c r="CIG733" s="423" t="s">
        <v>2795</v>
      </c>
      <c r="CIH733" s="424"/>
      <c r="CII733" s="424"/>
      <c r="CIJ733" s="424"/>
      <c r="CIK733" s="423" t="s">
        <v>2795</v>
      </c>
      <c r="CIL733" s="424"/>
      <c r="CIM733" s="424"/>
      <c r="CIN733" s="424"/>
      <c r="CIO733" s="423" t="s">
        <v>2795</v>
      </c>
      <c r="CIP733" s="424"/>
      <c r="CIQ733" s="424"/>
      <c r="CIR733" s="424"/>
      <c r="CIS733" s="423" t="s">
        <v>2795</v>
      </c>
      <c r="CIT733" s="424"/>
      <c r="CIU733" s="424"/>
      <c r="CIV733" s="424"/>
      <c r="CIW733" s="423" t="s">
        <v>2795</v>
      </c>
      <c r="CIX733" s="424"/>
      <c r="CIY733" s="424"/>
      <c r="CIZ733" s="424"/>
      <c r="CJA733" s="423" t="s">
        <v>2795</v>
      </c>
      <c r="CJB733" s="424"/>
      <c r="CJC733" s="424"/>
      <c r="CJD733" s="424"/>
      <c r="CJE733" s="423" t="s">
        <v>2795</v>
      </c>
      <c r="CJF733" s="424"/>
      <c r="CJG733" s="424"/>
      <c r="CJH733" s="424"/>
      <c r="CJI733" s="423" t="s">
        <v>2795</v>
      </c>
      <c r="CJJ733" s="424"/>
      <c r="CJK733" s="424"/>
      <c r="CJL733" s="424"/>
      <c r="CJM733" s="423" t="s">
        <v>2795</v>
      </c>
      <c r="CJN733" s="424"/>
      <c r="CJO733" s="424"/>
      <c r="CJP733" s="424"/>
      <c r="CJQ733" s="423" t="s">
        <v>2795</v>
      </c>
      <c r="CJR733" s="424"/>
      <c r="CJS733" s="424"/>
      <c r="CJT733" s="424"/>
      <c r="CJU733" s="423" t="s">
        <v>2795</v>
      </c>
      <c r="CJV733" s="424"/>
      <c r="CJW733" s="424"/>
      <c r="CJX733" s="424"/>
      <c r="CJY733" s="423" t="s">
        <v>2795</v>
      </c>
      <c r="CJZ733" s="424"/>
      <c r="CKA733" s="424"/>
      <c r="CKB733" s="424"/>
      <c r="CKC733" s="423" t="s">
        <v>2795</v>
      </c>
      <c r="CKD733" s="424"/>
      <c r="CKE733" s="424"/>
      <c r="CKF733" s="424"/>
      <c r="CKG733" s="423" t="s">
        <v>2795</v>
      </c>
      <c r="CKH733" s="424"/>
      <c r="CKI733" s="424"/>
      <c r="CKJ733" s="424"/>
      <c r="CKK733" s="423" t="s">
        <v>2795</v>
      </c>
      <c r="CKL733" s="424"/>
      <c r="CKM733" s="424"/>
      <c r="CKN733" s="424"/>
      <c r="CKO733" s="423" t="s">
        <v>2795</v>
      </c>
      <c r="CKP733" s="424"/>
      <c r="CKQ733" s="424"/>
      <c r="CKR733" s="424"/>
      <c r="CKS733" s="423" t="s">
        <v>2795</v>
      </c>
      <c r="CKT733" s="424"/>
      <c r="CKU733" s="424"/>
      <c r="CKV733" s="424"/>
      <c r="CKW733" s="423" t="s">
        <v>2795</v>
      </c>
      <c r="CKX733" s="424"/>
      <c r="CKY733" s="424"/>
      <c r="CKZ733" s="424"/>
      <c r="CLA733" s="423" t="s">
        <v>2795</v>
      </c>
      <c r="CLB733" s="424"/>
      <c r="CLC733" s="424"/>
      <c r="CLD733" s="424"/>
      <c r="CLE733" s="423" t="s">
        <v>2795</v>
      </c>
      <c r="CLF733" s="424"/>
      <c r="CLG733" s="424"/>
      <c r="CLH733" s="424"/>
      <c r="CLI733" s="423" t="s">
        <v>2795</v>
      </c>
      <c r="CLJ733" s="424"/>
      <c r="CLK733" s="424"/>
      <c r="CLL733" s="424"/>
      <c r="CLM733" s="423" t="s">
        <v>2795</v>
      </c>
      <c r="CLN733" s="424"/>
      <c r="CLO733" s="424"/>
      <c r="CLP733" s="424"/>
      <c r="CLQ733" s="423" t="s">
        <v>2795</v>
      </c>
      <c r="CLR733" s="424"/>
      <c r="CLS733" s="424"/>
      <c r="CLT733" s="424"/>
      <c r="CLU733" s="423" t="s">
        <v>2795</v>
      </c>
      <c r="CLV733" s="424"/>
      <c r="CLW733" s="424"/>
      <c r="CLX733" s="424"/>
      <c r="CLY733" s="423" t="s">
        <v>2795</v>
      </c>
      <c r="CLZ733" s="424"/>
      <c r="CMA733" s="424"/>
      <c r="CMB733" s="424"/>
      <c r="CMC733" s="423" t="s">
        <v>2795</v>
      </c>
      <c r="CMD733" s="424"/>
      <c r="CME733" s="424"/>
      <c r="CMF733" s="424"/>
      <c r="CMG733" s="423" t="s">
        <v>2795</v>
      </c>
      <c r="CMH733" s="424"/>
      <c r="CMI733" s="424"/>
      <c r="CMJ733" s="424"/>
      <c r="CMK733" s="423" t="s">
        <v>2795</v>
      </c>
      <c r="CML733" s="424"/>
      <c r="CMM733" s="424"/>
      <c r="CMN733" s="424"/>
      <c r="CMO733" s="423" t="s">
        <v>2795</v>
      </c>
      <c r="CMP733" s="424"/>
      <c r="CMQ733" s="424"/>
      <c r="CMR733" s="424"/>
      <c r="CMS733" s="423" t="s">
        <v>2795</v>
      </c>
      <c r="CMT733" s="424"/>
      <c r="CMU733" s="424"/>
      <c r="CMV733" s="424"/>
      <c r="CMW733" s="423" t="s">
        <v>2795</v>
      </c>
      <c r="CMX733" s="424"/>
      <c r="CMY733" s="424"/>
      <c r="CMZ733" s="424"/>
      <c r="CNA733" s="423" t="s">
        <v>2795</v>
      </c>
      <c r="CNB733" s="424"/>
      <c r="CNC733" s="424"/>
      <c r="CND733" s="424"/>
      <c r="CNE733" s="423" t="s">
        <v>2795</v>
      </c>
      <c r="CNF733" s="424"/>
      <c r="CNG733" s="424"/>
      <c r="CNH733" s="424"/>
      <c r="CNI733" s="423" t="s">
        <v>2795</v>
      </c>
      <c r="CNJ733" s="424"/>
      <c r="CNK733" s="424"/>
      <c r="CNL733" s="424"/>
      <c r="CNM733" s="423" t="s">
        <v>2795</v>
      </c>
      <c r="CNN733" s="424"/>
      <c r="CNO733" s="424"/>
      <c r="CNP733" s="424"/>
      <c r="CNQ733" s="423" t="s">
        <v>2795</v>
      </c>
      <c r="CNR733" s="424"/>
      <c r="CNS733" s="424"/>
      <c r="CNT733" s="424"/>
      <c r="CNU733" s="423" t="s">
        <v>2795</v>
      </c>
      <c r="CNV733" s="424"/>
      <c r="CNW733" s="424"/>
      <c r="CNX733" s="424"/>
      <c r="CNY733" s="423" t="s">
        <v>2795</v>
      </c>
      <c r="CNZ733" s="424"/>
      <c r="COA733" s="424"/>
      <c r="COB733" s="424"/>
      <c r="COC733" s="423" t="s">
        <v>2795</v>
      </c>
      <c r="COD733" s="424"/>
      <c r="COE733" s="424"/>
      <c r="COF733" s="424"/>
      <c r="COG733" s="423" t="s">
        <v>2795</v>
      </c>
      <c r="COH733" s="424"/>
      <c r="COI733" s="424"/>
      <c r="COJ733" s="424"/>
      <c r="COK733" s="423" t="s">
        <v>2795</v>
      </c>
      <c r="COL733" s="424"/>
      <c r="COM733" s="424"/>
      <c r="CON733" s="424"/>
      <c r="COO733" s="423" t="s">
        <v>2795</v>
      </c>
      <c r="COP733" s="424"/>
      <c r="COQ733" s="424"/>
      <c r="COR733" s="424"/>
      <c r="COS733" s="423" t="s">
        <v>2795</v>
      </c>
      <c r="COT733" s="424"/>
      <c r="COU733" s="424"/>
      <c r="COV733" s="424"/>
      <c r="COW733" s="423" t="s">
        <v>2795</v>
      </c>
      <c r="COX733" s="424"/>
      <c r="COY733" s="424"/>
      <c r="COZ733" s="424"/>
      <c r="CPA733" s="423" t="s">
        <v>2795</v>
      </c>
      <c r="CPB733" s="424"/>
      <c r="CPC733" s="424"/>
      <c r="CPD733" s="424"/>
      <c r="CPE733" s="423" t="s">
        <v>2795</v>
      </c>
      <c r="CPF733" s="424"/>
      <c r="CPG733" s="424"/>
      <c r="CPH733" s="424"/>
      <c r="CPI733" s="423" t="s">
        <v>2795</v>
      </c>
      <c r="CPJ733" s="424"/>
      <c r="CPK733" s="424"/>
      <c r="CPL733" s="424"/>
      <c r="CPM733" s="423" t="s">
        <v>2795</v>
      </c>
      <c r="CPN733" s="424"/>
      <c r="CPO733" s="424"/>
      <c r="CPP733" s="424"/>
      <c r="CPQ733" s="423" t="s">
        <v>2795</v>
      </c>
      <c r="CPR733" s="424"/>
      <c r="CPS733" s="424"/>
      <c r="CPT733" s="424"/>
      <c r="CPU733" s="423" t="s">
        <v>2795</v>
      </c>
      <c r="CPV733" s="424"/>
      <c r="CPW733" s="424"/>
      <c r="CPX733" s="424"/>
      <c r="CPY733" s="423" t="s">
        <v>2795</v>
      </c>
      <c r="CPZ733" s="424"/>
      <c r="CQA733" s="424"/>
      <c r="CQB733" s="424"/>
      <c r="CQC733" s="423" t="s">
        <v>2795</v>
      </c>
      <c r="CQD733" s="424"/>
      <c r="CQE733" s="424"/>
      <c r="CQF733" s="424"/>
      <c r="CQG733" s="423" t="s">
        <v>2795</v>
      </c>
      <c r="CQH733" s="424"/>
      <c r="CQI733" s="424"/>
      <c r="CQJ733" s="424"/>
      <c r="CQK733" s="423" t="s">
        <v>2795</v>
      </c>
      <c r="CQL733" s="424"/>
      <c r="CQM733" s="424"/>
      <c r="CQN733" s="424"/>
      <c r="CQO733" s="423" t="s">
        <v>2795</v>
      </c>
      <c r="CQP733" s="424"/>
      <c r="CQQ733" s="424"/>
      <c r="CQR733" s="424"/>
      <c r="CQS733" s="423" t="s">
        <v>2795</v>
      </c>
      <c r="CQT733" s="424"/>
      <c r="CQU733" s="424"/>
      <c r="CQV733" s="424"/>
      <c r="CQW733" s="423" t="s">
        <v>2795</v>
      </c>
      <c r="CQX733" s="424"/>
      <c r="CQY733" s="424"/>
      <c r="CQZ733" s="424"/>
      <c r="CRA733" s="423" t="s">
        <v>2795</v>
      </c>
      <c r="CRB733" s="424"/>
      <c r="CRC733" s="424"/>
      <c r="CRD733" s="424"/>
      <c r="CRE733" s="423" t="s">
        <v>2795</v>
      </c>
      <c r="CRF733" s="424"/>
      <c r="CRG733" s="424"/>
      <c r="CRH733" s="424"/>
      <c r="CRI733" s="423" t="s">
        <v>2795</v>
      </c>
      <c r="CRJ733" s="424"/>
      <c r="CRK733" s="424"/>
      <c r="CRL733" s="424"/>
      <c r="CRM733" s="423" t="s">
        <v>2795</v>
      </c>
      <c r="CRN733" s="424"/>
      <c r="CRO733" s="424"/>
      <c r="CRP733" s="424"/>
      <c r="CRQ733" s="423" t="s">
        <v>2795</v>
      </c>
      <c r="CRR733" s="424"/>
      <c r="CRS733" s="424"/>
      <c r="CRT733" s="424"/>
      <c r="CRU733" s="423" t="s">
        <v>2795</v>
      </c>
      <c r="CRV733" s="424"/>
      <c r="CRW733" s="424"/>
      <c r="CRX733" s="424"/>
      <c r="CRY733" s="423" t="s">
        <v>2795</v>
      </c>
      <c r="CRZ733" s="424"/>
      <c r="CSA733" s="424"/>
      <c r="CSB733" s="424"/>
      <c r="CSC733" s="423" t="s">
        <v>2795</v>
      </c>
      <c r="CSD733" s="424"/>
      <c r="CSE733" s="424"/>
      <c r="CSF733" s="424"/>
      <c r="CSG733" s="423" t="s">
        <v>2795</v>
      </c>
      <c r="CSH733" s="424"/>
      <c r="CSI733" s="424"/>
      <c r="CSJ733" s="424"/>
      <c r="CSK733" s="423" t="s">
        <v>2795</v>
      </c>
      <c r="CSL733" s="424"/>
      <c r="CSM733" s="424"/>
      <c r="CSN733" s="424"/>
      <c r="CSO733" s="423" t="s">
        <v>2795</v>
      </c>
      <c r="CSP733" s="424"/>
      <c r="CSQ733" s="424"/>
      <c r="CSR733" s="424"/>
      <c r="CSS733" s="423" t="s">
        <v>2795</v>
      </c>
      <c r="CST733" s="424"/>
      <c r="CSU733" s="424"/>
      <c r="CSV733" s="424"/>
      <c r="CSW733" s="423" t="s">
        <v>2795</v>
      </c>
      <c r="CSX733" s="424"/>
      <c r="CSY733" s="424"/>
      <c r="CSZ733" s="424"/>
      <c r="CTA733" s="423" t="s">
        <v>2795</v>
      </c>
      <c r="CTB733" s="424"/>
      <c r="CTC733" s="424"/>
      <c r="CTD733" s="424"/>
      <c r="CTE733" s="423" t="s">
        <v>2795</v>
      </c>
      <c r="CTF733" s="424"/>
      <c r="CTG733" s="424"/>
      <c r="CTH733" s="424"/>
      <c r="CTI733" s="423" t="s">
        <v>2795</v>
      </c>
      <c r="CTJ733" s="424"/>
      <c r="CTK733" s="424"/>
      <c r="CTL733" s="424"/>
      <c r="CTM733" s="423" t="s">
        <v>2795</v>
      </c>
      <c r="CTN733" s="424"/>
      <c r="CTO733" s="424"/>
      <c r="CTP733" s="424"/>
      <c r="CTQ733" s="423" t="s">
        <v>2795</v>
      </c>
      <c r="CTR733" s="424"/>
      <c r="CTS733" s="424"/>
      <c r="CTT733" s="424"/>
      <c r="CTU733" s="423" t="s">
        <v>2795</v>
      </c>
      <c r="CTV733" s="424"/>
      <c r="CTW733" s="424"/>
      <c r="CTX733" s="424"/>
      <c r="CTY733" s="423" t="s">
        <v>2795</v>
      </c>
      <c r="CTZ733" s="424"/>
      <c r="CUA733" s="424"/>
      <c r="CUB733" s="424"/>
      <c r="CUC733" s="423" t="s">
        <v>2795</v>
      </c>
      <c r="CUD733" s="424"/>
      <c r="CUE733" s="424"/>
      <c r="CUF733" s="424"/>
      <c r="CUG733" s="423" t="s">
        <v>2795</v>
      </c>
      <c r="CUH733" s="424"/>
      <c r="CUI733" s="424"/>
      <c r="CUJ733" s="424"/>
      <c r="CUK733" s="423" t="s">
        <v>2795</v>
      </c>
      <c r="CUL733" s="424"/>
      <c r="CUM733" s="424"/>
      <c r="CUN733" s="424"/>
      <c r="CUO733" s="423" t="s">
        <v>2795</v>
      </c>
      <c r="CUP733" s="424"/>
      <c r="CUQ733" s="424"/>
      <c r="CUR733" s="424"/>
      <c r="CUS733" s="423" t="s">
        <v>2795</v>
      </c>
      <c r="CUT733" s="424"/>
      <c r="CUU733" s="424"/>
      <c r="CUV733" s="424"/>
      <c r="CUW733" s="423" t="s">
        <v>2795</v>
      </c>
      <c r="CUX733" s="424"/>
      <c r="CUY733" s="424"/>
      <c r="CUZ733" s="424"/>
      <c r="CVA733" s="423" t="s">
        <v>2795</v>
      </c>
      <c r="CVB733" s="424"/>
      <c r="CVC733" s="424"/>
      <c r="CVD733" s="424"/>
      <c r="CVE733" s="423" t="s">
        <v>2795</v>
      </c>
      <c r="CVF733" s="424"/>
      <c r="CVG733" s="424"/>
      <c r="CVH733" s="424"/>
      <c r="CVI733" s="423" t="s">
        <v>2795</v>
      </c>
      <c r="CVJ733" s="424"/>
      <c r="CVK733" s="424"/>
      <c r="CVL733" s="424"/>
      <c r="CVM733" s="423" t="s">
        <v>2795</v>
      </c>
      <c r="CVN733" s="424"/>
      <c r="CVO733" s="424"/>
      <c r="CVP733" s="424"/>
      <c r="CVQ733" s="423" t="s">
        <v>2795</v>
      </c>
      <c r="CVR733" s="424"/>
      <c r="CVS733" s="424"/>
      <c r="CVT733" s="424"/>
      <c r="CVU733" s="423" t="s">
        <v>2795</v>
      </c>
      <c r="CVV733" s="424"/>
      <c r="CVW733" s="424"/>
      <c r="CVX733" s="424"/>
      <c r="CVY733" s="423" t="s">
        <v>2795</v>
      </c>
      <c r="CVZ733" s="424"/>
      <c r="CWA733" s="424"/>
      <c r="CWB733" s="424"/>
      <c r="CWC733" s="423" t="s">
        <v>2795</v>
      </c>
      <c r="CWD733" s="424"/>
      <c r="CWE733" s="424"/>
      <c r="CWF733" s="424"/>
      <c r="CWG733" s="423" t="s">
        <v>2795</v>
      </c>
      <c r="CWH733" s="424"/>
      <c r="CWI733" s="424"/>
      <c r="CWJ733" s="424"/>
      <c r="CWK733" s="423" t="s">
        <v>2795</v>
      </c>
      <c r="CWL733" s="424"/>
      <c r="CWM733" s="424"/>
      <c r="CWN733" s="424"/>
      <c r="CWO733" s="423" t="s">
        <v>2795</v>
      </c>
      <c r="CWP733" s="424"/>
      <c r="CWQ733" s="424"/>
      <c r="CWR733" s="424"/>
      <c r="CWS733" s="423" t="s">
        <v>2795</v>
      </c>
      <c r="CWT733" s="424"/>
      <c r="CWU733" s="424"/>
      <c r="CWV733" s="424"/>
      <c r="CWW733" s="423" t="s">
        <v>2795</v>
      </c>
      <c r="CWX733" s="424"/>
      <c r="CWY733" s="424"/>
      <c r="CWZ733" s="424"/>
      <c r="CXA733" s="423" t="s">
        <v>2795</v>
      </c>
      <c r="CXB733" s="424"/>
      <c r="CXC733" s="424"/>
      <c r="CXD733" s="424"/>
      <c r="CXE733" s="423" t="s">
        <v>2795</v>
      </c>
      <c r="CXF733" s="424"/>
      <c r="CXG733" s="424"/>
      <c r="CXH733" s="424"/>
      <c r="CXI733" s="423" t="s">
        <v>2795</v>
      </c>
      <c r="CXJ733" s="424"/>
      <c r="CXK733" s="424"/>
      <c r="CXL733" s="424"/>
      <c r="CXM733" s="423" t="s">
        <v>2795</v>
      </c>
      <c r="CXN733" s="424"/>
      <c r="CXO733" s="424"/>
      <c r="CXP733" s="424"/>
      <c r="CXQ733" s="423" t="s">
        <v>2795</v>
      </c>
      <c r="CXR733" s="424"/>
      <c r="CXS733" s="424"/>
      <c r="CXT733" s="424"/>
      <c r="CXU733" s="423" t="s">
        <v>2795</v>
      </c>
      <c r="CXV733" s="424"/>
      <c r="CXW733" s="424"/>
      <c r="CXX733" s="424"/>
      <c r="CXY733" s="423" t="s">
        <v>2795</v>
      </c>
      <c r="CXZ733" s="424"/>
      <c r="CYA733" s="424"/>
      <c r="CYB733" s="424"/>
      <c r="CYC733" s="423" t="s">
        <v>2795</v>
      </c>
      <c r="CYD733" s="424"/>
      <c r="CYE733" s="424"/>
      <c r="CYF733" s="424"/>
      <c r="CYG733" s="423" t="s">
        <v>2795</v>
      </c>
      <c r="CYH733" s="424"/>
      <c r="CYI733" s="424"/>
      <c r="CYJ733" s="424"/>
      <c r="CYK733" s="423" t="s">
        <v>2795</v>
      </c>
      <c r="CYL733" s="424"/>
      <c r="CYM733" s="424"/>
      <c r="CYN733" s="424"/>
      <c r="CYO733" s="423" t="s">
        <v>2795</v>
      </c>
      <c r="CYP733" s="424"/>
      <c r="CYQ733" s="424"/>
      <c r="CYR733" s="424"/>
      <c r="CYS733" s="423" t="s">
        <v>2795</v>
      </c>
      <c r="CYT733" s="424"/>
      <c r="CYU733" s="424"/>
      <c r="CYV733" s="424"/>
      <c r="CYW733" s="423" t="s">
        <v>2795</v>
      </c>
      <c r="CYX733" s="424"/>
      <c r="CYY733" s="424"/>
      <c r="CYZ733" s="424"/>
      <c r="CZA733" s="423" t="s">
        <v>2795</v>
      </c>
      <c r="CZB733" s="424"/>
      <c r="CZC733" s="424"/>
      <c r="CZD733" s="424"/>
      <c r="CZE733" s="423" t="s">
        <v>2795</v>
      </c>
      <c r="CZF733" s="424"/>
      <c r="CZG733" s="424"/>
      <c r="CZH733" s="424"/>
      <c r="CZI733" s="423" t="s">
        <v>2795</v>
      </c>
      <c r="CZJ733" s="424"/>
      <c r="CZK733" s="424"/>
      <c r="CZL733" s="424"/>
      <c r="CZM733" s="423" t="s">
        <v>2795</v>
      </c>
      <c r="CZN733" s="424"/>
      <c r="CZO733" s="424"/>
      <c r="CZP733" s="424"/>
      <c r="CZQ733" s="423" t="s">
        <v>2795</v>
      </c>
      <c r="CZR733" s="424"/>
      <c r="CZS733" s="424"/>
      <c r="CZT733" s="424"/>
      <c r="CZU733" s="423" t="s">
        <v>2795</v>
      </c>
      <c r="CZV733" s="424"/>
      <c r="CZW733" s="424"/>
      <c r="CZX733" s="424"/>
      <c r="CZY733" s="423" t="s">
        <v>2795</v>
      </c>
      <c r="CZZ733" s="424"/>
      <c r="DAA733" s="424"/>
      <c r="DAB733" s="424"/>
      <c r="DAC733" s="423" t="s">
        <v>2795</v>
      </c>
      <c r="DAD733" s="424"/>
      <c r="DAE733" s="424"/>
      <c r="DAF733" s="424"/>
      <c r="DAG733" s="423" t="s">
        <v>2795</v>
      </c>
      <c r="DAH733" s="424"/>
      <c r="DAI733" s="424"/>
      <c r="DAJ733" s="424"/>
      <c r="DAK733" s="423" t="s">
        <v>2795</v>
      </c>
      <c r="DAL733" s="424"/>
      <c r="DAM733" s="424"/>
      <c r="DAN733" s="424"/>
      <c r="DAO733" s="423" t="s">
        <v>2795</v>
      </c>
      <c r="DAP733" s="424"/>
      <c r="DAQ733" s="424"/>
      <c r="DAR733" s="424"/>
      <c r="DAS733" s="423" t="s">
        <v>2795</v>
      </c>
      <c r="DAT733" s="424"/>
      <c r="DAU733" s="424"/>
      <c r="DAV733" s="424"/>
      <c r="DAW733" s="423" t="s">
        <v>2795</v>
      </c>
      <c r="DAX733" s="424"/>
      <c r="DAY733" s="424"/>
      <c r="DAZ733" s="424"/>
      <c r="DBA733" s="423" t="s">
        <v>2795</v>
      </c>
      <c r="DBB733" s="424"/>
      <c r="DBC733" s="424"/>
      <c r="DBD733" s="424"/>
      <c r="DBE733" s="423" t="s">
        <v>2795</v>
      </c>
      <c r="DBF733" s="424"/>
      <c r="DBG733" s="424"/>
      <c r="DBH733" s="424"/>
      <c r="DBI733" s="423" t="s">
        <v>2795</v>
      </c>
      <c r="DBJ733" s="424"/>
      <c r="DBK733" s="424"/>
      <c r="DBL733" s="424"/>
      <c r="DBM733" s="423" t="s">
        <v>2795</v>
      </c>
      <c r="DBN733" s="424"/>
      <c r="DBO733" s="424"/>
      <c r="DBP733" s="424"/>
      <c r="DBQ733" s="423" t="s">
        <v>2795</v>
      </c>
      <c r="DBR733" s="424"/>
      <c r="DBS733" s="424"/>
      <c r="DBT733" s="424"/>
      <c r="DBU733" s="423" t="s">
        <v>2795</v>
      </c>
      <c r="DBV733" s="424"/>
      <c r="DBW733" s="424"/>
      <c r="DBX733" s="424"/>
      <c r="DBY733" s="423" t="s">
        <v>2795</v>
      </c>
      <c r="DBZ733" s="424"/>
      <c r="DCA733" s="424"/>
      <c r="DCB733" s="424"/>
      <c r="DCC733" s="423" t="s">
        <v>2795</v>
      </c>
      <c r="DCD733" s="424"/>
      <c r="DCE733" s="424"/>
      <c r="DCF733" s="424"/>
      <c r="DCG733" s="423" t="s">
        <v>2795</v>
      </c>
      <c r="DCH733" s="424"/>
      <c r="DCI733" s="424"/>
      <c r="DCJ733" s="424"/>
      <c r="DCK733" s="423" t="s">
        <v>2795</v>
      </c>
      <c r="DCL733" s="424"/>
      <c r="DCM733" s="424"/>
      <c r="DCN733" s="424"/>
      <c r="DCO733" s="423" t="s">
        <v>2795</v>
      </c>
      <c r="DCP733" s="424"/>
      <c r="DCQ733" s="424"/>
      <c r="DCR733" s="424"/>
      <c r="DCS733" s="423" t="s">
        <v>2795</v>
      </c>
      <c r="DCT733" s="424"/>
      <c r="DCU733" s="424"/>
      <c r="DCV733" s="424"/>
      <c r="DCW733" s="423" t="s">
        <v>2795</v>
      </c>
      <c r="DCX733" s="424"/>
      <c r="DCY733" s="424"/>
      <c r="DCZ733" s="424"/>
      <c r="DDA733" s="423" t="s">
        <v>2795</v>
      </c>
      <c r="DDB733" s="424"/>
      <c r="DDC733" s="424"/>
      <c r="DDD733" s="424"/>
      <c r="DDE733" s="423" t="s">
        <v>2795</v>
      </c>
      <c r="DDF733" s="424"/>
      <c r="DDG733" s="424"/>
      <c r="DDH733" s="424"/>
      <c r="DDI733" s="423" t="s">
        <v>2795</v>
      </c>
      <c r="DDJ733" s="424"/>
      <c r="DDK733" s="424"/>
      <c r="DDL733" s="424"/>
      <c r="DDM733" s="423" t="s">
        <v>2795</v>
      </c>
      <c r="DDN733" s="424"/>
      <c r="DDO733" s="424"/>
      <c r="DDP733" s="424"/>
      <c r="DDQ733" s="423" t="s">
        <v>2795</v>
      </c>
      <c r="DDR733" s="424"/>
      <c r="DDS733" s="424"/>
      <c r="DDT733" s="424"/>
      <c r="DDU733" s="423" t="s">
        <v>2795</v>
      </c>
      <c r="DDV733" s="424"/>
      <c r="DDW733" s="424"/>
      <c r="DDX733" s="424"/>
      <c r="DDY733" s="423" t="s">
        <v>2795</v>
      </c>
      <c r="DDZ733" s="424"/>
      <c r="DEA733" s="424"/>
      <c r="DEB733" s="424"/>
      <c r="DEC733" s="423" t="s">
        <v>2795</v>
      </c>
      <c r="DED733" s="424"/>
      <c r="DEE733" s="424"/>
      <c r="DEF733" s="424"/>
      <c r="DEG733" s="423" t="s">
        <v>2795</v>
      </c>
      <c r="DEH733" s="424"/>
      <c r="DEI733" s="424"/>
      <c r="DEJ733" s="424"/>
      <c r="DEK733" s="423" t="s">
        <v>2795</v>
      </c>
      <c r="DEL733" s="424"/>
      <c r="DEM733" s="424"/>
      <c r="DEN733" s="424"/>
      <c r="DEO733" s="423" t="s">
        <v>2795</v>
      </c>
      <c r="DEP733" s="424"/>
      <c r="DEQ733" s="424"/>
      <c r="DER733" s="424"/>
      <c r="DES733" s="423" t="s">
        <v>2795</v>
      </c>
      <c r="DET733" s="424"/>
      <c r="DEU733" s="424"/>
      <c r="DEV733" s="424"/>
      <c r="DEW733" s="423" t="s">
        <v>2795</v>
      </c>
      <c r="DEX733" s="424"/>
      <c r="DEY733" s="424"/>
      <c r="DEZ733" s="424"/>
      <c r="DFA733" s="423" t="s">
        <v>2795</v>
      </c>
      <c r="DFB733" s="424"/>
      <c r="DFC733" s="424"/>
      <c r="DFD733" s="424"/>
      <c r="DFE733" s="423" t="s">
        <v>2795</v>
      </c>
      <c r="DFF733" s="424"/>
      <c r="DFG733" s="424"/>
      <c r="DFH733" s="424"/>
      <c r="DFI733" s="423" t="s">
        <v>2795</v>
      </c>
      <c r="DFJ733" s="424"/>
      <c r="DFK733" s="424"/>
      <c r="DFL733" s="424"/>
      <c r="DFM733" s="423" t="s">
        <v>2795</v>
      </c>
      <c r="DFN733" s="424"/>
      <c r="DFO733" s="424"/>
      <c r="DFP733" s="424"/>
      <c r="DFQ733" s="423" t="s">
        <v>2795</v>
      </c>
      <c r="DFR733" s="424"/>
      <c r="DFS733" s="424"/>
      <c r="DFT733" s="424"/>
      <c r="DFU733" s="423" t="s">
        <v>2795</v>
      </c>
      <c r="DFV733" s="424"/>
      <c r="DFW733" s="424"/>
      <c r="DFX733" s="424"/>
      <c r="DFY733" s="423" t="s">
        <v>2795</v>
      </c>
      <c r="DFZ733" s="424"/>
      <c r="DGA733" s="424"/>
      <c r="DGB733" s="424"/>
      <c r="DGC733" s="423" t="s">
        <v>2795</v>
      </c>
      <c r="DGD733" s="424"/>
      <c r="DGE733" s="424"/>
      <c r="DGF733" s="424"/>
      <c r="DGG733" s="423" t="s">
        <v>2795</v>
      </c>
      <c r="DGH733" s="424"/>
      <c r="DGI733" s="424"/>
      <c r="DGJ733" s="424"/>
      <c r="DGK733" s="423" t="s">
        <v>2795</v>
      </c>
      <c r="DGL733" s="424"/>
      <c r="DGM733" s="424"/>
      <c r="DGN733" s="424"/>
      <c r="DGO733" s="423" t="s">
        <v>2795</v>
      </c>
      <c r="DGP733" s="424"/>
      <c r="DGQ733" s="424"/>
      <c r="DGR733" s="424"/>
      <c r="DGS733" s="423" t="s">
        <v>2795</v>
      </c>
      <c r="DGT733" s="424"/>
      <c r="DGU733" s="424"/>
      <c r="DGV733" s="424"/>
      <c r="DGW733" s="423" t="s">
        <v>2795</v>
      </c>
      <c r="DGX733" s="424"/>
      <c r="DGY733" s="424"/>
      <c r="DGZ733" s="424"/>
      <c r="DHA733" s="423" t="s">
        <v>2795</v>
      </c>
      <c r="DHB733" s="424"/>
      <c r="DHC733" s="424"/>
      <c r="DHD733" s="424"/>
      <c r="DHE733" s="423" t="s">
        <v>2795</v>
      </c>
      <c r="DHF733" s="424"/>
      <c r="DHG733" s="424"/>
      <c r="DHH733" s="424"/>
      <c r="DHI733" s="423" t="s">
        <v>2795</v>
      </c>
      <c r="DHJ733" s="424"/>
      <c r="DHK733" s="424"/>
      <c r="DHL733" s="424"/>
      <c r="DHM733" s="423" t="s">
        <v>2795</v>
      </c>
      <c r="DHN733" s="424"/>
      <c r="DHO733" s="424"/>
      <c r="DHP733" s="424"/>
      <c r="DHQ733" s="423" t="s">
        <v>2795</v>
      </c>
      <c r="DHR733" s="424"/>
      <c r="DHS733" s="424"/>
      <c r="DHT733" s="424"/>
      <c r="DHU733" s="423" t="s">
        <v>2795</v>
      </c>
      <c r="DHV733" s="424"/>
      <c r="DHW733" s="424"/>
      <c r="DHX733" s="424"/>
      <c r="DHY733" s="423" t="s">
        <v>2795</v>
      </c>
      <c r="DHZ733" s="424"/>
      <c r="DIA733" s="424"/>
      <c r="DIB733" s="424"/>
      <c r="DIC733" s="423" t="s">
        <v>2795</v>
      </c>
      <c r="DID733" s="424"/>
      <c r="DIE733" s="424"/>
      <c r="DIF733" s="424"/>
      <c r="DIG733" s="423" t="s">
        <v>2795</v>
      </c>
      <c r="DIH733" s="424"/>
      <c r="DII733" s="424"/>
      <c r="DIJ733" s="424"/>
      <c r="DIK733" s="423" t="s">
        <v>2795</v>
      </c>
      <c r="DIL733" s="424"/>
      <c r="DIM733" s="424"/>
      <c r="DIN733" s="424"/>
      <c r="DIO733" s="423" t="s">
        <v>2795</v>
      </c>
      <c r="DIP733" s="424"/>
      <c r="DIQ733" s="424"/>
      <c r="DIR733" s="424"/>
      <c r="DIS733" s="423" t="s">
        <v>2795</v>
      </c>
      <c r="DIT733" s="424"/>
      <c r="DIU733" s="424"/>
      <c r="DIV733" s="424"/>
      <c r="DIW733" s="423" t="s">
        <v>2795</v>
      </c>
      <c r="DIX733" s="424"/>
      <c r="DIY733" s="424"/>
      <c r="DIZ733" s="424"/>
      <c r="DJA733" s="423" t="s">
        <v>2795</v>
      </c>
      <c r="DJB733" s="424"/>
      <c r="DJC733" s="424"/>
      <c r="DJD733" s="424"/>
      <c r="DJE733" s="423" t="s">
        <v>2795</v>
      </c>
      <c r="DJF733" s="424"/>
      <c r="DJG733" s="424"/>
      <c r="DJH733" s="424"/>
      <c r="DJI733" s="423" t="s">
        <v>2795</v>
      </c>
      <c r="DJJ733" s="424"/>
      <c r="DJK733" s="424"/>
      <c r="DJL733" s="424"/>
      <c r="DJM733" s="423" t="s">
        <v>2795</v>
      </c>
      <c r="DJN733" s="424"/>
      <c r="DJO733" s="424"/>
      <c r="DJP733" s="424"/>
      <c r="DJQ733" s="423" t="s">
        <v>2795</v>
      </c>
      <c r="DJR733" s="424"/>
      <c r="DJS733" s="424"/>
      <c r="DJT733" s="424"/>
      <c r="DJU733" s="423" t="s">
        <v>2795</v>
      </c>
      <c r="DJV733" s="424"/>
      <c r="DJW733" s="424"/>
      <c r="DJX733" s="424"/>
      <c r="DJY733" s="423" t="s">
        <v>2795</v>
      </c>
      <c r="DJZ733" s="424"/>
      <c r="DKA733" s="424"/>
      <c r="DKB733" s="424"/>
      <c r="DKC733" s="423" t="s">
        <v>2795</v>
      </c>
      <c r="DKD733" s="424"/>
      <c r="DKE733" s="424"/>
      <c r="DKF733" s="424"/>
      <c r="DKG733" s="423" t="s">
        <v>2795</v>
      </c>
      <c r="DKH733" s="424"/>
      <c r="DKI733" s="424"/>
      <c r="DKJ733" s="424"/>
      <c r="DKK733" s="423" t="s">
        <v>2795</v>
      </c>
      <c r="DKL733" s="424"/>
      <c r="DKM733" s="424"/>
      <c r="DKN733" s="424"/>
      <c r="DKO733" s="423" t="s">
        <v>2795</v>
      </c>
      <c r="DKP733" s="424"/>
      <c r="DKQ733" s="424"/>
      <c r="DKR733" s="424"/>
      <c r="DKS733" s="423" t="s">
        <v>2795</v>
      </c>
      <c r="DKT733" s="424"/>
      <c r="DKU733" s="424"/>
      <c r="DKV733" s="424"/>
      <c r="DKW733" s="423" t="s">
        <v>2795</v>
      </c>
      <c r="DKX733" s="424"/>
      <c r="DKY733" s="424"/>
      <c r="DKZ733" s="424"/>
      <c r="DLA733" s="423" t="s">
        <v>2795</v>
      </c>
      <c r="DLB733" s="424"/>
      <c r="DLC733" s="424"/>
      <c r="DLD733" s="424"/>
      <c r="DLE733" s="423" t="s">
        <v>2795</v>
      </c>
      <c r="DLF733" s="424"/>
      <c r="DLG733" s="424"/>
      <c r="DLH733" s="424"/>
      <c r="DLI733" s="423" t="s">
        <v>2795</v>
      </c>
      <c r="DLJ733" s="424"/>
      <c r="DLK733" s="424"/>
      <c r="DLL733" s="424"/>
      <c r="DLM733" s="423" t="s">
        <v>2795</v>
      </c>
      <c r="DLN733" s="424"/>
      <c r="DLO733" s="424"/>
      <c r="DLP733" s="424"/>
      <c r="DLQ733" s="423" t="s">
        <v>2795</v>
      </c>
      <c r="DLR733" s="424"/>
      <c r="DLS733" s="424"/>
      <c r="DLT733" s="424"/>
      <c r="DLU733" s="423" t="s">
        <v>2795</v>
      </c>
      <c r="DLV733" s="424"/>
      <c r="DLW733" s="424"/>
      <c r="DLX733" s="424"/>
      <c r="DLY733" s="423" t="s">
        <v>2795</v>
      </c>
      <c r="DLZ733" s="424"/>
      <c r="DMA733" s="424"/>
      <c r="DMB733" s="424"/>
      <c r="DMC733" s="423" t="s">
        <v>2795</v>
      </c>
      <c r="DMD733" s="424"/>
      <c r="DME733" s="424"/>
      <c r="DMF733" s="424"/>
      <c r="DMG733" s="423" t="s">
        <v>2795</v>
      </c>
      <c r="DMH733" s="424"/>
      <c r="DMI733" s="424"/>
      <c r="DMJ733" s="424"/>
      <c r="DMK733" s="423" t="s">
        <v>2795</v>
      </c>
      <c r="DML733" s="424"/>
      <c r="DMM733" s="424"/>
      <c r="DMN733" s="424"/>
      <c r="DMO733" s="423" t="s">
        <v>2795</v>
      </c>
      <c r="DMP733" s="424"/>
      <c r="DMQ733" s="424"/>
      <c r="DMR733" s="424"/>
      <c r="DMS733" s="423" t="s">
        <v>2795</v>
      </c>
      <c r="DMT733" s="424"/>
      <c r="DMU733" s="424"/>
      <c r="DMV733" s="424"/>
      <c r="DMW733" s="423" t="s">
        <v>2795</v>
      </c>
      <c r="DMX733" s="424"/>
      <c r="DMY733" s="424"/>
      <c r="DMZ733" s="424"/>
      <c r="DNA733" s="423" t="s">
        <v>2795</v>
      </c>
      <c r="DNB733" s="424"/>
      <c r="DNC733" s="424"/>
      <c r="DND733" s="424"/>
      <c r="DNE733" s="423" t="s">
        <v>2795</v>
      </c>
      <c r="DNF733" s="424"/>
      <c r="DNG733" s="424"/>
      <c r="DNH733" s="424"/>
      <c r="DNI733" s="423" t="s">
        <v>2795</v>
      </c>
      <c r="DNJ733" s="424"/>
      <c r="DNK733" s="424"/>
      <c r="DNL733" s="424"/>
      <c r="DNM733" s="423" t="s">
        <v>2795</v>
      </c>
      <c r="DNN733" s="424"/>
      <c r="DNO733" s="424"/>
      <c r="DNP733" s="424"/>
      <c r="DNQ733" s="423" t="s">
        <v>2795</v>
      </c>
      <c r="DNR733" s="424"/>
      <c r="DNS733" s="424"/>
      <c r="DNT733" s="424"/>
      <c r="DNU733" s="423" t="s">
        <v>2795</v>
      </c>
      <c r="DNV733" s="424"/>
      <c r="DNW733" s="424"/>
      <c r="DNX733" s="424"/>
      <c r="DNY733" s="423" t="s">
        <v>2795</v>
      </c>
      <c r="DNZ733" s="424"/>
      <c r="DOA733" s="424"/>
      <c r="DOB733" s="424"/>
      <c r="DOC733" s="423" t="s">
        <v>2795</v>
      </c>
      <c r="DOD733" s="424"/>
      <c r="DOE733" s="424"/>
      <c r="DOF733" s="424"/>
      <c r="DOG733" s="423" t="s">
        <v>2795</v>
      </c>
      <c r="DOH733" s="424"/>
      <c r="DOI733" s="424"/>
      <c r="DOJ733" s="424"/>
      <c r="DOK733" s="423" t="s">
        <v>2795</v>
      </c>
      <c r="DOL733" s="424"/>
      <c r="DOM733" s="424"/>
      <c r="DON733" s="424"/>
      <c r="DOO733" s="423" t="s">
        <v>2795</v>
      </c>
      <c r="DOP733" s="424"/>
      <c r="DOQ733" s="424"/>
      <c r="DOR733" s="424"/>
      <c r="DOS733" s="423" t="s">
        <v>2795</v>
      </c>
      <c r="DOT733" s="424"/>
      <c r="DOU733" s="424"/>
      <c r="DOV733" s="424"/>
      <c r="DOW733" s="423" t="s">
        <v>2795</v>
      </c>
      <c r="DOX733" s="424"/>
      <c r="DOY733" s="424"/>
      <c r="DOZ733" s="424"/>
      <c r="DPA733" s="423" t="s">
        <v>2795</v>
      </c>
      <c r="DPB733" s="424"/>
      <c r="DPC733" s="424"/>
      <c r="DPD733" s="424"/>
      <c r="DPE733" s="423" t="s">
        <v>2795</v>
      </c>
      <c r="DPF733" s="424"/>
      <c r="DPG733" s="424"/>
      <c r="DPH733" s="424"/>
      <c r="DPI733" s="423" t="s">
        <v>2795</v>
      </c>
      <c r="DPJ733" s="424"/>
      <c r="DPK733" s="424"/>
      <c r="DPL733" s="424"/>
      <c r="DPM733" s="423" t="s">
        <v>2795</v>
      </c>
      <c r="DPN733" s="424"/>
      <c r="DPO733" s="424"/>
      <c r="DPP733" s="424"/>
      <c r="DPQ733" s="423" t="s">
        <v>2795</v>
      </c>
      <c r="DPR733" s="424"/>
      <c r="DPS733" s="424"/>
      <c r="DPT733" s="424"/>
      <c r="DPU733" s="423" t="s">
        <v>2795</v>
      </c>
      <c r="DPV733" s="424"/>
      <c r="DPW733" s="424"/>
      <c r="DPX733" s="424"/>
      <c r="DPY733" s="423" t="s">
        <v>2795</v>
      </c>
      <c r="DPZ733" s="424"/>
      <c r="DQA733" s="424"/>
      <c r="DQB733" s="424"/>
      <c r="DQC733" s="423" t="s">
        <v>2795</v>
      </c>
      <c r="DQD733" s="424"/>
      <c r="DQE733" s="424"/>
      <c r="DQF733" s="424"/>
      <c r="DQG733" s="423" t="s">
        <v>2795</v>
      </c>
      <c r="DQH733" s="424"/>
      <c r="DQI733" s="424"/>
      <c r="DQJ733" s="424"/>
      <c r="DQK733" s="423" t="s">
        <v>2795</v>
      </c>
      <c r="DQL733" s="424"/>
      <c r="DQM733" s="424"/>
      <c r="DQN733" s="424"/>
      <c r="DQO733" s="423" t="s">
        <v>2795</v>
      </c>
      <c r="DQP733" s="424"/>
      <c r="DQQ733" s="424"/>
      <c r="DQR733" s="424"/>
      <c r="DQS733" s="423" t="s">
        <v>2795</v>
      </c>
      <c r="DQT733" s="424"/>
      <c r="DQU733" s="424"/>
      <c r="DQV733" s="424"/>
      <c r="DQW733" s="423" t="s">
        <v>2795</v>
      </c>
      <c r="DQX733" s="424"/>
      <c r="DQY733" s="424"/>
      <c r="DQZ733" s="424"/>
      <c r="DRA733" s="423" t="s">
        <v>2795</v>
      </c>
      <c r="DRB733" s="424"/>
      <c r="DRC733" s="424"/>
      <c r="DRD733" s="424"/>
      <c r="DRE733" s="423" t="s">
        <v>2795</v>
      </c>
      <c r="DRF733" s="424"/>
      <c r="DRG733" s="424"/>
      <c r="DRH733" s="424"/>
      <c r="DRI733" s="423" t="s">
        <v>2795</v>
      </c>
      <c r="DRJ733" s="424"/>
      <c r="DRK733" s="424"/>
      <c r="DRL733" s="424"/>
      <c r="DRM733" s="423" t="s">
        <v>2795</v>
      </c>
      <c r="DRN733" s="424"/>
      <c r="DRO733" s="424"/>
      <c r="DRP733" s="424"/>
      <c r="DRQ733" s="423" t="s">
        <v>2795</v>
      </c>
      <c r="DRR733" s="424"/>
      <c r="DRS733" s="424"/>
      <c r="DRT733" s="424"/>
      <c r="DRU733" s="423" t="s">
        <v>2795</v>
      </c>
      <c r="DRV733" s="424"/>
      <c r="DRW733" s="424"/>
      <c r="DRX733" s="424"/>
      <c r="DRY733" s="423" t="s">
        <v>2795</v>
      </c>
      <c r="DRZ733" s="424"/>
      <c r="DSA733" s="424"/>
      <c r="DSB733" s="424"/>
      <c r="DSC733" s="423" t="s">
        <v>2795</v>
      </c>
      <c r="DSD733" s="424"/>
      <c r="DSE733" s="424"/>
      <c r="DSF733" s="424"/>
      <c r="DSG733" s="423" t="s">
        <v>2795</v>
      </c>
      <c r="DSH733" s="424"/>
      <c r="DSI733" s="424"/>
      <c r="DSJ733" s="424"/>
      <c r="DSK733" s="423" t="s">
        <v>2795</v>
      </c>
      <c r="DSL733" s="424"/>
      <c r="DSM733" s="424"/>
      <c r="DSN733" s="424"/>
      <c r="DSO733" s="423" t="s">
        <v>2795</v>
      </c>
      <c r="DSP733" s="424"/>
      <c r="DSQ733" s="424"/>
      <c r="DSR733" s="424"/>
      <c r="DSS733" s="423" t="s">
        <v>2795</v>
      </c>
      <c r="DST733" s="424"/>
      <c r="DSU733" s="424"/>
      <c r="DSV733" s="424"/>
      <c r="DSW733" s="423" t="s">
        <v>2795</v>
      </c>
      <c r="DSX733" s="424"/>
      <c r="DSY733" s="424"/>
      <c r="DSZ733" s="424"/>
      <c r="DTA733" s="423" t="s">
        <v>2795</v>
      </c>
      <c r="DTB733" s="424"/>
      <c r="DTC733" s="424"/>
      <c r="DTD733" s="424"/>
      <c r="DTE733" s="423" t="s">
        <v>2795</v>
      </c>
      <c r="DTF733" s="424"/>
      <c r="DTG733" s="424"/>
      <c r="DTH733" s="424"/>
      <c r="DTI733" s="423" t="s">
        <v>2795</v>
      </c>
      <c r="DTJ733" s="424"/>
      <c r="DTK733" s="424"/>
      <c r="DTL733" s="424"/>
      <c r="DTM733" s="423" t="s">
        <v>2795</v>
      </c>
      <c r="DTN733" s="424"/>
      <c r="DTO733" s="424"/>
      <c r="DTP733" s="424"/>
      <c r="DTQ733" s="423" t="s">
        <v>2795</v>
      </c>
      <c r="DTR733" s="424"/>
      <c r="DTS733" s="424"/>
      <c r="DTT733" s="424"/>
      <c r="DTU733" s="423" t="s">
        <v>2795</v>
      </c>
      <c r="DTV733" s="424"/>
      <c r="DTW733" s="424"/>
      <c r="DTX733" s="424"/>
      <c r="DTY733" s="423" t="s">
        <v>2795</v>
      </c>
      <c r="DTZ733" s="424"/>
      <c r="DUA733" s="424"/>
      <c r="DUB733" s="424"/>
      <c r="DUC733" s="423" t="s">
        <v>2795</v>
      </c>
      <c r="DUD733" s="424"/>
      <c r="DUE733" s="424"/>
      <c r="DUF733" s="424"/>
      <c r="DUG733" s="423" t="s">
        <v>2795</v>
      </c>
      <c r="DUH733" s="424"/>
      <c r="DUI733" s="424"/>
      <c r="DUJ733" s="424"/>
      <c r="DUK733" s="423" t="s">
        <v>2795</v>
      </c>
      <c r="DUL733" s="424"/>
      <c r="DUM733" s="424"/>
      <c r="DUN733" s="424"/>
      <c r="DUO733" s="423" t="s">
        <v>2795</v>
      </c>
      <c r="DUP733" s="424"/>
      <c r="DUQ733" s="424"/>
      <c r="DUR733" s="424"/>
      <c r="DUS733" s="423" t="s">
        <v>2795</v>
      </c>
      <c r="DUT733" s="424"/>
      <c r="DUU733" s="424"/>
      <c r="DUV733" s="424"/>
      <c r="DUW733" s="423" t="s">
        <v>2795</v>
      </c>
      <c r="DUX733" s="424"/>
      <c r="DUY733" s="424"/>
      <c r="DUZ733" s="424"/>
      <c r="DVA733" s="423" t="s">
        <v>2795</v>
      </c>
      <c r="DVB733" s="424"/>
      <c r="DVC733" s="424"/>
      <c r="DVD733" s="424"/>
      <c r="DVE733" s="423" t="s">
        <v>2795</v>
      </c>
      <c r="DVF733" s="424"/>
      <c r="DVG733" s="424"/>
      <c r="DVH733" s="424"/>
      <c r="DVI733" s="423" t="s">
        <v>2795</v>
      </c>
      <c r="DVJ733" s="424"/>
      <c r="DVK733" s="424"/>
      <c r="DVL733" s="424"/>
      <c r="DVM733" s="423" t="s">
        <v>2795</v>
      </c>
      <c r="DVN733" s="424"/>
      <c r="DVO733" s="424"/>
      <c r="DVP733" s="424"/>
      <c r="DVQ733" s="423" t="s">
        <v>2795</v>
      </c>
      <c r="DVR733" s="424"/>
      <c r="DVS733" s="424"/>
      <c r="DVT733" s="424"/>
      <c r="DVU733" s="423" t="s">
        <v>2795</v>
      </c>
      <c r="DVV733" s="424"/>
      <c r="DVW733" s="424"/>
      <c r="DVX733" s="424"/>
      <c r="DVY733" s="423" t="s">
        <v>2795</v>
      </c>
      <c r="DVZ733" s="424"/>
      <c r="DWA733" s="424"/>
      <c r="DWB733" s="424"/>
      <c r="DWC733" s="423" t="s">
        <v>2795</v>
      </c>
      <c r="DWD733" s="424"/>
      <c r="DWE733" s="424"/>
      <c r="DWF733" s="424"/>
      <c r="DWG733" s="423" t="s">
        <v>2795</v>
      </c>
      <c r="DWH733" s="424"/>
      <c r="DWI733" s="424"/>
      <c r="DWJ733" s="424"/>
      <c r="DWK733" s="423" t="s">
        <v>2795</v>
      </c>
      <c r="DWL733" s="424"/>
      <c r="DWM733" s="424"/>
      <c r="DWN733" s="424"/>
      <c r="DWO733" s="423" t="s">
        <v>2795</v>
      </c>
      <c r="DWP733" s="424"/>
      <c r="DWQ733" s="424"/>
      <c r="DWR733" s="424"/>
      <c r="DWS733" s="423" t="s">
        <v>2795</v>
      </c>
      <c r="DWT733" s="424"/>
      <c r="DWU733" s="424"/>
      <c r="DWV733" s="424"/>
      <c r="DWW733" s="423" t="s">
        <v>2795</v>
      </c>
      <c r="DWX733" s="424"/>
      <c r="DWY733" s="424"/>
      <c r="DWZ733" s="424"/>
      <c r="DXA733" s="423" t="s">
        <v>2795</v>
      </c>
      <c r="DXB733" s="424"/>
      <c r="DXC733" s="424"/>
      <c r="DXD733" s="424"/>
      <c r="DXE733" s="423" t="s">
        <v>2795</v>
      </c>
      <c r="DXF733" s="424"/>
      <c r="DXG733" s="424"/>
      <c r="DXH733" s="424"/>
      <c r="DXI733" s="423" t="s">
        <v>2795</v>
      </c>
      <c r="DXJ733" s="424"/>
      <c r="DXK733" s="424"/>
      <c r="DXL733" s="424"/>
      <c r="DXM733" s="423" t="s">
        <v>2795</v>
      </c>
      <c r="DXN733" s="424"/>
      <c r="DXO733" s="424"/>
      <c r="DXP733" s="424"/>
      <c r="DXQ733" s="423" t="s">
        <v>2795</v>
      </c>
      <c r="DXR733" s="424"/>
      <c r="DXS733" s="424"/>
      <c r="DXT733" s="424"/>
      <c r="DXU733" s="423" t="s">
        <v>2795</v>
      </c>
      <c r="DXV733" s="424"/>
      <c r="DXW733" s="424"/>
      <c r="DXX733" s="424"/>
      <c r="DXY733" s="423" t="s">
        <v>2795</v>
      </c>
      <c r="DXZ733" s="424"/>
      <c r="DYA733" s="424"/>
      <c r="DYB733" s="424"/>
      <c r="DYC733" s="423" t="s">
        <v>2795</v>
      </c>
      <c r="DYD733" s="424"/>
      <c r="DYE733" s="424"/>
      <c r="DYF733" s="424"/>
      <c r="DYG733" s="423" t="s">
        <v>2795</v>
      </c>
      <c r="DYH733" s="424"/>
      <c r="DYI733" s="424"/>
      <c r="DYJ733" s="424"/>
      <c r="DYK733" s="423" t="s">
        <v>2795</v>
      </c>
      <c r="DYL733" s="424"/>
      <c r="DYM733" s="424"/>
      <c r="DYN733" s="424"/>
      <c r="DYO733" s="423" t="s">
        <v>2795</v>
      </c>
      <c r="DYP733" s="424"/>
      <c r="DYQ733" s="424"/>
      <c r="DYR733" s="424"/>
      <c r="DYS733" s="423" t="s">
        <v>2795</v>
      </c>
      <c r="DYT733" s="424"/>
      <c r="DYU733" s="424"/>
      <c r="DYV733" s="424"/>
      <c r="DYW733" s="423" t="s">
        <v>2795</v>
      </c>
      <c r="DYX733" s="424"/>
      <c r="DYY733" s="424"/>
      <c r="DYZ733" s="424"/>
      <c r="DZA733" s="423" t="s">
        <v>2795</v>
      </c>
      <c r="DZB733" s="424"/>
      <c r="DZC733" s="424"/>
      <c r="DZD733" s="424"/>
      <c r="DZE733" s="423" t="s">
        <v>2795</v>
      </c>
      <c r="DZF733" s="424"/>
      <c r="DZG733" s="424"/>
      <c r="DZH733" s="424"/>
      <c r="DZI733" s="423" t="s">
        <v>2795</v>
      </c>
      <c r="DZJ733" s="424"/>
      <c r="DZK733" s="424"/>
      <c r="DZL733" s="424"/>
      <c r="DZM733" s="423" t="s">
        <v>2795</v>
      </c>
      <c r="DZN733" s="424"/>
      <c r="DZO733" s="424"/>
      <c r="DZP733" s="424"/>
      <c r="DZQ733" s="423" t="s">
        <v>2795</v>
      </c>
      <c r="DZR733" s="424"/>
      <c r="DZS733" s="424"/>
      <c r="DZT733" s="424"/>
      <c r="DZU733" s="423" t="s">
        <v>2795</v>
      </c>
      <c r="DZV733" s="424"/>
      <c r="DZW733" s="424"/>
      <c r="DZX733" s="424"/>
      <c r="DZY733" s="423" t="s">
        <v>2795</v>
      </c>
      <c r="DZZ733" s="424"/>
      <c r="EAA733" s="424"/>
      <c r="EAB733" s="424"/>
      <c r="EAC733" s="423" t="s">
        <v>2795</v>
      </c>
      <c r="EAD733" s="424"/>
      <c r="EAE733" s="424"/>
      <c r="EAF733" s="424"/>
      <c r="EAG733" s="423" t="s">
        <v>2795</v>
      </c>
      <c r="EAH733" s="424"/>
      <c r="EAI733" s="424"/>
      <c r="EAJ733" s="424"/>
      <c r="EAK733" s="423" t="s">
        <v>2795</v>
      </c>
      <c r="EAL733" s="424"/>
      <c r="EAM733" s="424"/>
      <c r="EAN733" s="424"/>
      <c r="EAO733" s="423" t="s">
        <v>2795</v>
      </c>
      <c r="EAP733" s="424"/>
      <c r="EAQ733" s="424"/>
      <c r="EAR733" s="424"/>
      <c r="EAS733" s="423" t="s">
        <v>2795</v>
      </c>
      <c r="EAT733" s="424"/>
      <c r="EAU733" s="424"/>
      <c r="EAV733" s="424"/>
      <c r="EAW733" s="423" t="s">
        <v>2795</v>
      </c>
      <c r="EAX733" s="424"/>
      <c r="EAY733" s="424"/>
      <c r="EAZ733" s="424"/>
      <c r="EBA733" s="423" t="s">
        <v>2795</v>
      </c>
      <c r="EBB733" s="424"/>
      <c r="EBC733" s="424"/>
      <c r="EBD733" s="424"/>
      <c r="EBE733" s="423" t="s">
        <v>2795</v>
      </c>
      <c r="EBF733" s="424"/>
      <c r="EBG733" s="424"/>
      <c r="EBH733" s="424"/>
      <c r="EBI733" s="423" t="s">
        <v>2795</v>
      </c>
      <c r="EBJ733" s="424"/>
      <c r="EBK733" s="424"/>
      <c r="EBL733" s="424"/>
      <c r="EBM733" s="423" t="s">
        <v>2795</v>
      </c>
      <c r="EBN733" s="424"/>
      <c r="EBO733" s="424"/>
      <c r="EBP733" s="424"/>
      <c r="EBQ733" s="423" t="s">
        <v>2795</v>
      </c>
      <c r="EBR733" s="424"/>
      <c r="EBS733" s="424"/>
      <c r="EBT733" s="424"/>
      <c r="EBU733" s="423" t="s">
        <v>2795</v>
      </c>
      <c r="EBV733" s="424"/>
      <c r="EBW733" s="424"/>
      <c r="EBX733" s="424"/>
      <c r="EBY733" s="423" t="s">
        <v>2795</v>
      </c>
      <c r="EBZ733" s="424"/>
      <c r="ECA733" s="424"/>
      <c r="ECB733" s="424"/>
      <c r="ECC733" s="423" t="s">
        <v>2795</v>
      </c>
      <c r="ECD733" s="424"/>
      <c r="ECE733" s="424"/>
      <c r="ECF733" s="424"/>
      <c r="ECG733" s="423" t="s">
        <v>2795</v>
      </c>
      <c r="ECH733" s="424"/>
      <c r="ECI733" s="424"/>
      <c r="ECJ733" s="424"/>
      <c r="ECK733" s="423" t="s">
        <v>2795</v>
      </c>
      <c r="ECL733" s="424"/>
      <c r="ECM733" s="424"/>
      <c r="ECN733" s="424"/>
      <c r="ECO733" s="423" t="s">
        <v>2795</v>
      </c>
      <c r="ECP733" s="424"/>
      <c r="ECQ733" s="424"/>
      <c r="ECR733" s="424"/>
      <c r="ECS733" s="423" t="s">
        <v>2795</v>
      </c>
      <c r="ECT733" s="424"/>
      <c r="ECU733" s="424"/>
      <c r="ECV733" s="424"/>
      <c r="ECW733" s="423" t="s">
        <v>2795</v>
      </c>
      <c r="ECX733" s="424"/>
      <c r="ECY733" s="424"/>
      <c r="ECZ733" s="424"/>
      <c r="EDA733" s="423" t="s">
        <v>2795</v>
      </c>
      <c r="EDB733" s="424"/>
      <c r="EDC733" s="424"/>
      <c r="EDD733" s="424"/>
      <c r="EDE733" s="423" t="s">
        <v>2795</v>
      </c>
      <c r="EDF733" s="424"/>
      <c r="EDG733" s="424"/>
      <c r="EDH733" s="424"/>
      <c r="EDI733" s="423" t="s">
        <v>2795</v>
      </c>
      <c r="EDJ733" s="424"/>
      <c r="EDK733" s="424"/>
      <c r="EDL733" s="424"/>
      <c r="EDM733" s="423" t="s">
        <v>2795</v>
      </c>
      <c r="EDN733" s="424"/>
      <c r="EDO733" s="424"/>
      <c r="EDP733" s="424"/>
      <c r="EDQ733" s="423" t="s">
        <v>2795</v>
      </c>
      <c r="EDR733" s="424"/>
      <c r="EDS733" s="424"/>
      <c r="EDT733" s="424"/>
      <c r="EDU733" s="423" t="s">
        <v>2795</v>
      </c>
      <c r="EDV733" s="424"/>
      <c r="EDW733" s="424"/>
      <c r="EDX733" s="424"/>
      <c r="EDY733" s="423" t="s">
        <v>2795</v>
      </c>
      <c r="EDZ733" s="424"/>
      <c r="EEA733" s="424"/>
      <c r="EEB733" s="424"/>
      <c r="EEC733" s="423" t="s">
        <v>2795</v>
      </c>
      <c r="EED733" s="424"/>
      <c r="EEE733" s="424"/>
      <c r="EEF733" s="424"/>
      <c r="EEG733" s="423" t="s">
        <v>2795</v>
      </c>
      <c r="EEH733" s="424"/>
      <c r="EEI733" s="424"/>
      <c r="EEJ733" s="424"/>
      <c r="EEK733" s="423" t="s">
        <v>2795</v>
      </c>
      <c r="EEL733" s="424"/>
      <c r="EEM733" s="424"/>
      <c r="EEN733" s="424"/>
      <c r="EEO733" s="423" t="s">
        <v>2795</v>
      </c>
      <c r="EEP733" s="424"/>
      <c r="EEQ733" s="424"/>
      <c r="EER733" s="424"/>
      <c r="EES733" s="423" t="s">
        <v>2795</v>
      </c>
      <c r="EET733" s="424"/>
      <c r="EEU733" s="424"/>
      <c r="EEV733" s="424"/>
      <c r="EEW733" s="423" t="s">
        <v>2795</v>
      </c>
      <c r="EEX733" s="424"/>
      <c r="EEY733" s="424"/>
      <c r="EEZ733" s="424"/>
      <c r="EFA733" s="423" t="s">
        <v>2795</v>
      </c>
      <c r="EFB733" s="424"/>
      <c r="EFC733" s="424"/>
      <c r="EFD733" s="424"/>
      <c r="EFE733" s="423" t="s">
        <v>2795</v>
      </c>
      <c r="EFF733" s="424"/>
      <c r="EFG733" s="424"/>
      <c r="EFH733" s="424"/>
      <c r="EFI733" s="423" t="s">
        <v>2795</v>
      </c>
      <c r="EFJ733" s="424"/>
      <c r="EFK733" s="424"/>
      <c r="EFL733" s="424"/>
      <c r="EFM733" s="423" t="s">
        <v>2795</v>
      </c>
      <c r="EFN733" s="424"/>
      <c r="EFO733" s="424"/>
      <c r="EFP733" s="424"/>
      <c r="EFQ733" s="423" t="s">
        <v>2795</v>
      </c>
      <c r="EFR733" s="424"/>
      <c r="EFS733" s="424"/>
      <c r="EFT733" s="424"/>
      <c r="EFU733" s="423" t="s">
        <v>2795</v>
      </c>
      <c r="EFV733" s="424"/>
      <c r="EFW733" s="424"/>
      <c r="EFX733" s="424"/>
      <c r="EFY733" s="423" t="s">
        <v>2795</v>
      </c>
      <c r="EFZ733" s="424"/>
      <c r="EGA733" s="424"/>
      <c r="EGB733" s="424"/>
      <c r="EGC733" s="423" t="s">
        <v>2795</v>
      </c>
      <c r="EGD733" s="424"/>
      <c r="EGE733" s="424"/>
      <c r="EGF733" s="424"/>
      <c r="EGG733" s="423" t="s">
        <v>2795</v>
      </c>
      <c r="EGH733" s="424"/>
      <c r="EGI733" s="424"/>
      <c r="EGJ733" s="424"/>
      <c r="EGK733" s="423" t="s">
        <v>2795</v>
      </c>
      <c r="EGL733" s="424"/>
      <c r="EGM733" s="424"/>
      <c r="EGN733" s="424"/>
      <c r="EGO733" s="423" t="s">
        <v>2795</v>
      </c>
      <c r="EGP733" s="424"/>
      <c r="EGQ733" s="424"/>
      <c r="EGR733" s="424"/>
      <c r="EGS733" s="423" t="s">
        <v>2795</v>
      </c>
      <c r="EGT733" s="424"/>
      <c r="EGU733" s="424"/>
      <c r="EGV733" s="424"/>
      <c r="EGW733" s="423" t="s">
        <v>2795</v>
      </c>
      <c r="EGX733" s="424"/>
      <c r="EGY733" s="424"/>
      <c r="EGZ733" s="424"/>
      <c r="EHA733" s="423" t="s">
        <v>2795</v>
      </c>
      <c r="EHB733" s="424"/>
      <c r="EHC733" s="424"/>
      <c r="EHD733" s="424"/>
      <c r="EHE733" s="423" t="s">
        <v>2795</v>
      </c>
      <c r="EHF733" s="424"/>
      <c r="EHG733" s="424"/>
      <c r="EHH733" s="424"/>
      <c r="EHI733" s="423" t="s">
        <v>2795</v>
      </c>
      <c r="EHJ733" s="424"/>
      <c r="EHK733" s="424"/>
      <c r="EHL733" s="424"/>
      <c r="EHM733" s="423" t="s">
        <v>2795</v>
      </c>
      <c r="EHN733" s="424"/>
      <c r="EHO733" s="424"/>
      <c r="EHP733" s="424"/>
      <c r="EHQ733" s="423" t="s">
        <v>2795</v>
      </c>
      <c r="EHR733" s="424"/>
      <c r="EHS733" s="424"/>
      <c r="EHT733" s="424"/>
      <c r="EHU733" s="423" t="s">
        <v>2795</v>
      </c>
      <c r="EHV733" s="424"/>
      <c r="EHW733" s="424"/>
      <c r="EHX733" s="424"/>
      <c r="EHY733" s="423" t="s">
        <v>2795</v>
      </c>
      <c r="EHZ733" s="424"/>
      <c r="EIA733" s="424"/>
      <c r="EIB733" s="424"/>
      <c r="EIC733" s="423" t="s">
        <v>2795</v>
      </c>
      <c r="EID733" s="424"/>
      <c r="EIE733" s="424"/>
      <c r="EIF733" s="424"/>
      <c r="EIG733" s="423" t="s">
        <v>2795</v>
      </c>
      <c r="EIH733" s="424"/>
      <c r="EII733" s="424"/>
      <c r="EIJ733" s="424"/>
      <c r="EIK733" s="423" t="s">
        <v>2795</v>
      </c>
      <c r="EIL733" s="424"/>
      <c r="EIM733" s="424"/>
      <c r="EIN733" s="424"/>
      <c r="EIO733" s="423" t="s">
        <v>2795</v>
      </c>
      <c r="EIP733" s="424"/>
      <c r="EIQ733" s="424"/>
      <c r="EIR733" s="424"/>
      <c r="EIS733" s="423" t="s">
        <v>2795</v>
      </c>
      <c r="EIT733" s="424"/>
      <c r="EIU733" s="424"/>
      <c r="EIV733" s="424"/>
      <c r="EIW733" s="423" t="s">
        <v>2795</v>
      </c>
      <c r="EIX733" s="424"/>
      <c r="EIY733" s="424"/>
      <c r="EIZ733" s="424"/>
      <c r="EJA733" s="423" t="s">
        <v>2795</v>
      </c>
      <c r="EJB733" s="424"/>
      <c r="EJC733" s="424"/>
      <c r="EJD733" s="424"/>
      <c r="EJE733" s="423" t="s">
        <v>2795</v>
      </c>
      <c r="EJF733" s="424"/>
      <c r="EJG733" s="424"/>
      <c r="EJH733" s="424"/>
      <c r="EJI733" s="423" t="s">
        <v>2795</v>
      </c>
      <c r="EJJ733" s="424"/>
      <c r="EJK733" s="424"/>
      <c r="EJL733" s="424"/>
      <c r="EJM733" s="423" t="s">
        <v>2795</v>
      </c>
      <c r="EJN733" s="424"/>
      <c r="EJO733" s="424"/>
      <c r="EJP733" s="424"/>
      <c r="EJQ733" s="423" t="s">
        <v>2795</v>
      </c>
      <c r="EJR733" s="424"/>
      <c r="EJS733" s="424"/>
      <c r="EJT733" s="424"/>
      <c r="EJU733" s="423" t="s">
        <v>2795</v>
      </c>
      <c r="EJV733" s="424"/>
      <c r="EJW733" s="424"/>
      <c r="EJX733" s="424"/>
      <c r="EJY733" s="423" t="s">
        <v>2795</v>
      </c>
      <c r="EJZ733" s="424"/>
      <c r="EKA733" s="424"/>
      <c r="EKB733" s="424"/>
      <c r="EKC733" s="423" t="s">
        <v>2795</v>
      </c>
      <c r="EKD733" s="424"/>
      <c r="EKE733" s="424"/>
      <c r="EKF733" s="424"/>
      <c r="EKG733" s="423" t="s">
        <v>2795</v>
      </c>
      <c r="EKH733" s="424"/>
      <c r="EKI733" s="424"/>
      <c r="EKJ733" s="424"/>
      <c r="EKK733" s="423" t="s">
        <v>2795</v>
      </c>
      <c r="EKL733" s="424"/>
      <c r="EKM733" s="424"/>
      <c r="EKN733" s="424"/>
      <c r="EKO733" s="423" t="s">
        <v>2795</v>
      </c>
      <c r="EKP733" s="424"/>
      <c r="EKQ733" s="424"/>
      <c r="EKR733" s="424"/>
      <c r="EKS733" s="423" t="s">
        <v>2795</v>
      </c>
      <c r="EKT733" s="424"/>
      <c r="EKU733" s="424"/>
      <c r="EKV733" s="424"/>
      <c r="EKW733" s="423" t="s">
        <v>2795</v>
      </c>
      <c r="EKX733" s="424"/>
      <c r="EKY733" s="424"/>
      <c r="EKZ733" s="424"/>
      <c r="ELA733" s="423" t="s">
        <v>2795</v>
      </c>
      <c r="ELB733" s="424"/>
      <c r="ELC733" s="424"/>
      <c r="ELD733" s="424"/>
      <c r="ELE733" s="423" t="s">
        <v>2795</v>
      </c>
      <c r="ELF733" s="424"/>
      <c r="ELG733" s="424"/>
      <c r="ELH733" s="424"/>
      <c r="ELI733" s="423" t="s">
        <v>2795</v>
      </c>
      <c r="ELJ733" s="424"/>
      <c r="ELK733" s="424"/>
      <c r="ELL733" s="424"/>
      <c r="ELM733" s="423" t="s">
        <v>2795</v>
      </c>
      <c r="ELN733" s="424"/>
      <c r="ELO733" s="424"/>
      <c r="ELP733" s="424"/>
      <c r="ELQ733" s="423" t="s">
        <v>2795</v>
      </c>
      <c r="ELR733" s="424"/>
      <c r="ELS733" s="424"/>
      <c r="ELT733" s="424"/>
      <c r="ELU733" s="423" t="s">
        <v>2795</v>
      </c>
      <c r="ELV733" s="424"/>
      <c r="ELW733" s="424"/>
      <c r="ELX733" s="424"/>
      <c r="ELY733" s="423" t="s">
        <v>2795</v>
      </c>
      <c r="ELZ733" s="424"/>
      <c r="EMA733" s="424"/>
      <c r="EMB733" s="424"/>
      <c r="EMC733" s="423" t="s">
        <v>2795</v>
      </c>
      <c r="EMD733" s="424"/>
      <c r="EME733" s="424"/>
      <c r="EMF733" s="424"/>
      <c r="EMG733" s="423" t="s">
        <v>2795</v>
      </c>
      <c r="EMH733" s="424"/>
      <c r="EMI733" s="424"/>
      <c r="EMJ733" s="424"/>
      <c r="EMK733" s="423" t="s">
        <v>2795</v>
      </c>
      <c r="EML733" s="424"/>
      <c r="EMM733" s="424"/>
      <c r="EMN733" s="424"/>
      <c r="EMO733" s="423" t="s">
        <v>2795</v>
      </c>
      <c r="EMP733" s="424"/>
      <c r="EMQ733" s="424"/>
      <c r="EMR733" s="424"/>
      <c r="EMS733" s="423" t="s">
        <v>2795</v>
      </c>
      <c r="EMT733" s="424"/>
      <c r="EMU733" s="424"/>
      <c r="EMV733" s="424"/>
      <c r="EMW733" s="423" t="s">
        <v>2795</v>
      </c>
      <c r="EMX733" s="424"/>
      <c r="EMY733" s="424"/>
      <c r="EMZ733" s="424"/>
      <c r="ENA733" s="423" t="s">
        <v>2795</v>
      </c>
      <c r="ENB733" s="424"/>
      <c r="ENC733" s="424"/>
      <c r="END733" s="424"/>
      <c r="ENE733" s="423" t="s">
        <v>2795</v>
      </c>
      <c r="ENF733" s="424"/>
      <c r="ENG733" s="424"/>
      <c r="ENH733" s="424"/>
      <c r="ENI733" s="423" t="s">
        <v>2795</v>
      </c>
      <c r="ENJ733" s="424"/>
      <c r="ENK733" s="424"/>
      <c r="ENL733" s="424"/>
      <c r="ENM733" s="423" t="s">
        <v>2795</v>
      </c>
      <c r="ENN733" s="424"/>
      <c r="ENO733" s="424"/>
      <c r="ENP733" s="424"/>
      <c r="ENQ733" s="423" t="s">
        <v>2795</v>
      </c>
      <c r="ENR733" s="424"/>
      <c r="ENS733" s="424"/>
      <c r="ENT733" s="424"/>
      <c r="ENU733" s="423" t="s">
        <v>2795</v>
      </c>
      <c r="ENV733" s="424"/>
      <c r="ENW733" s="424"/>
      <c r="ENX733" s="424"/>
      <c r="ENY733" s="423" t="s">
        <v>2795</v>
      </c>
      <c r="ENZ733" s="424"/>
      <c r="EOA733" s="424"/>
      <c r="EOB733" s="424"/>
      <c r="EOC733" s="423" t="s">
        <v>2795</v>
      </c>
      <c r="EOD733" s="424"/>
      <c r="EOE733" s="424"/>
      <c r="EOF733" s="424"/>
      <c r="EOG733" s="423" t="s">
        <v>2795</v>
      </c>
      <c r="EOH733" s="424"/>
      <c r="EOI733" s="424"/>
      <c r="EOJ733" s="424"/>
      <c r="EOK733" s="423" t="s">
        <v>2795</v>
      </c>
      <c r="EOL733" s="424"/>
      <c r="EOM733" s="424"/>
      <c r="EON733" s="424"/>
      <c r="EOO733" s="423" t="s">
        <v>2795</v>
      </c>
      <c r="EOP733" s="424"/>
      <c r="EOQ733" s="424"/>
      <c r="EOR733" s="424"/>
      <c r="EOS733" s="423" t="s">
        <v>2795</v>
      </c>
      <c r="EOT733" s="424"/>
      <c r="EOU733" s="424"/>
      <c r="EOV733" s="424"/>
      <c r="EOW733" s="423" t="s">
        <v>2795</v>
      </c>
      <c r="EOX733" s="424"/>
      <c r="EOY733" s="424"/>
      <c r="EOZ733" s="424"/>
      <c r="EPA733" s="423" t="s">
        <v>2795</v>
      </c>
      <c r="EPB733" s="424"/>
      <c r="EPC733" s="424"/>
      <c r="EPD733" s="424"/>
      <c r="EPE733" s="423" t="s">
        <v>2795</v>
      </c>
      <c r="EPF733" s="424"/>
      <c r="EPG733" s="424"/>
      <c r="EPH733" s="424"/>
      <c r="EPI733" s="423" t="s">
        <v>2795</v>
      </c>
      <c r="EPJ733" s="424"/>
      <c r="EPK733" s="424"/>
      <c r="EPL733" s="424"/>
      <c r="EPM733" s="423" t="s">
        <v>2795</v>
      </c>
      <c r="EPN733" s="424"/>
      <c r="EPO733" s="424"/>
      <c r="EPP733" s="424"/>
      <c r="EPQ733" s="423" t="s">
        <v>2795</v>
      </c>
      <c r="EPR733" s="424"/>
      <c r="EPS733" s="424"/>
      <c r="EPT733" s="424"/>
      <c r="EPU733" s="423" t="s">
        <v>2795</v>
      </c>
      <c r="EPV733" s="424"/>
      <c r="EPW733" s="424"/>
      <c r="EPX733" s="424"/>
      <c r="EPY733" s="423" t="s">
        <v>2795</v>
      </c>
      <c r="EPZ733" s="424"/>
      <c r="EQA733" s="424"/>
      <c r="EQB733" s="424"/>
      <c r="EQC733" s="423" t="s">
        <v>2795</v>
      </c>
      <c r="EQD733" s="424"/>
      <c r="EQE733" s="424"/>
      <c r="EQF733" s="424"/>
      <c r="EQG733" s="423" t="s">
        <v>2795</v>
      </c>
      <c r="EQH733" s="424"/>
      <c r="EQI733" s="424"/>
      <c r="EQJ733" s="424"/>
      <c r="EQK733" s="423" t="s">
        <v>2795</v>
      </c>
      <c r="EQL733" s="424"/>
      <c r="EQM733" s="424"/>
      <c r="EQN733" s="424"/>
      <c r="EQO733" s="423" t="s">
        <v>2795</v>
      </c>
      <c r="EQP733" s="424"/>
      <c r="EQQ733" s="424"/>
      <c r="EQR733" s="424"/>
      <c r="EQS733" s="423" t="s">
        <v>2795</v>
      </c>
      <c r="EQT733" s="424"/>
      <c r="EQU733" s="424"/>
      <c r="EQV733" s="424"/>
      <c r="EQW733" s="423" t="s">
        <v>2795</v>
      </c>
      <c r="EQX733" s="424"/>
      <c r="EQY733" s="424"/>
      <c r="EQZ733" s="424"/>
      <c r="ERA733" s="423" t="s">
        <v>2795</v>
      </c>
      <c r="ERB733" s="424"/>
      <c r="ERC733" s="424"/>
      <c r="ERD733" s="424"/>
      <c r="ERE733" s="423" t="s">
        <v>2795</v>
      </c>
      <c r="ERF733" s="424"/>
      <c r="ERG733" s="424"/>
      <c r="ERH733" s="424"/>
      <c r="ERI733" s="423" t="s">
        <v>2795</v>
      </c>
      <c r="ERJ733" s="424"/>
      <c r="ERK733" s="424"/>
      <c r="ERL733" s="424"/>
      <c r="ERM733" s="423" t="s">
        <v>2795</v>
      </c>
      <c r="ERN733" s="424"/>
      <c r="ERO733" s="424"/>
      <c r="ERP733" s="424"/>
      <c r="ERQ733" s="423" t="s">
        <v>2795</v>
      </c>
      <c r="ERR733" s="424"/>
      <c r="ERS733" s="424"/>
      <c r="ERT733" s="424"/>
      <c r="ERU733" s="423" t="s">
        <v>2795</v>
      </c>
      <c r="ERV733" s="424"/>
      <c r="ERW733" s="424"/>
      <c r="ERX733" s="424"/>
      <c r="ERY733" s="423" t="s">
        <v>2795</v>
      </c>
      <c r="ERZ733" s="424"/>
      <c r="ESA733" s="424"/>
      <c r="ESB733" s="424"/>
      <c r="ESC733" s="423" t="s">
        <v>2795</v>
      </c>
      <c r="ESD733" s="424"/>
      <c r="ESE733" s="424"/>
      <c r="ESF733" s="424"/>
      <c r="ESG733" s="423" t="s">
        <v>2795</v>
      </c>
      <c r="ESH733" s="424"/>
      <c r="ESI733" s="424"/>
      <c r="ESJ733" s="424"/>
      <c r="ESK733" s="423" t="s">
        <v>2795</v>
      </c>
      <c r="ESL733" s="424"/>
      <c r="ESM733" s="424"/>
      <c r="ESN733" s="424"/>
      <c r="ESO733" s="423" t="s">
        <v>2795</v>
      </c>
      <c r="ESP733" s="424"/>
      <c r="ESQ733" s="424"/>
      <c r="ESR733" s="424"/>
      <c r="ESS733" s="423" t="s">
        <v>2795</v>
      </c>
      <c r="EST733" s="424"/>
      <c r="ESU733" s="424"/>
      <c r="ESV733" s="424"/>
      <c r="ESW733" s="423" t="s">
        <v>2795</v>
      </c>
      <c r="ESX733" s="424"/>
      <c r="ESY733" s="424"/>
      <c r="ESZ733" s="424"/>
      <c r="ETA733" s="423" t="s">
        <v>2795</v>
      </c>
      <c r="ETB733" s="424"/>
      <c r="ETC733" s="424"/>
      <c r="ETD733" s="424"/>
      <c r="ETE733" s="423" t="s">
        <v>2795</v>
      </c>
      <c r="ETF733" s="424"/>
      <c r="ETG733" s="424"/>
      <c r="ETH733" s="424"/>
      <c r="ETI733" s="423" t="s">
        <v>2795</v>
      </c>
      <c r="ETJ733" s="424"/>
      <c r="ETK733" s="424"/>
      <c r="ETL733" s="424"/>
      <c r="ETM733" s="423" t="s">
        <v>2795</v>
      </c>
      <c r="ETN733" s="424"/>
      <c r="ETO733" s="424"/>
      <c r="ETP733" s="424"/>
      <c r="ETQ733" s="423" t="s">
        <v>2795</v>
      </c>
      <c r="ETR733" s="424"/>
      <c r="ETS733" s="424"/>
      <c r="ETT733" s="424"/>
      <c r="ETU733" s="423" t="s">
        <v>2795</v>
      </c>
      <c r="ETV733" s="424"/>
      <c r="ETW733" s="424"/>
      <c r="ETX733" s="424"/>
      <c r="ETY733" s="423" t="s">
        <v>2795</v>
      </c>
      <c r="ETZ733" s="424"/>
      <c r="EUA733" s="424"/>
      <c r="EUB733" s="424"/>
      <c r="EUC733" s="423" t="s">
        <v>2795</v>
      </c>
      <c r="EUD733" s="424"/>
      <c r="EUE733" s="424"/>
      <c r="EUF733" s="424"/>
      <c r="EUG733" s="423" t="s">
        <v>2795</v>
      </c>
      <c r="EUH733" s="424"/>
      <c r="EUI733" s="424"/>
      <c r="EUJ733" s="424"/>
      <c r="EUK733" s="423" t="s">
        <v>2795</v>
      </c>
      <c r="EUL733" s="424"/>
      <c r="EUM733" s="424"/>
      <c r="EUN733" s="424"/>
      <c r="EUO733" s="423" t="s">
        <v>2795</v>
      </c>
      <c r="EUP733" s="424"/>
      <c r="EUQ733" s="424"/>
      <c r="EUR733" s="424"/>
      <c r="EUS733" s="423" t="s">
        <v>2795</v>
      </c>
      <c r="EUT733" s="424"/>
      <c r="EUU733" s="424"/>
      <c r="EUV733" s="424"/>
      <c r="EUW733" s="423" t="s">
        <v>2795</v>
      </c>
      <c r="EUX733" s="424"/>
      <c r="EUY733" s="424"/>
      <c r="EUZ733" s="424"/>
      <c r="EVA733" s="423" t="s">
        <v>2795</v>
      </c>
      <c r="EVB733" s="424"/>
      <c r="EVC733" s="424"/>
      <c r="EVD733" s="424"/>
      <c r="EVE733" s="423" t="s">
        <v>2795</v>
      </c>
      <c r="EVF733" s="424"/>
      <c r="EVG733" s="424"/>
      <c r="EVH733" s="424"/>
      <c r="EVI733" s="423" t="s">
        <v>2795</v>
      </c>
      <c r="EVJ733" s="424"/>
      <c r="EVK733" s="424"/>
      <c r="EVL733" s="424"/>
      <c r="EVM733" s="423" t="s">
        <v>2795</v>
      </c>
      <c r="EVN733" s="424"/>
      <c r="EVO733" s="424"/>
      <c r="EVP733" s="424"/>
      <c r="EVQ733" s="423" t="s">
        <v>2795</v>
      </c>
      <c r="EVR733" s="424"/>
      <c r="EVS733" s="424"/>
      <c r="EVT733" s="424"/>
      <c r="EVU733" s="423" t="s">
        <v>2795</v>
      </c>
      <c r="EVV733" s="424"/>
      <c r="EVW733" s="424"/>
      <c r="EVX733" s="424"/>
      <c r="EVY733" s="423" t="s">
        <v>2795</v>
      </c>
      <c r="EVZ733" s="424"/>
      <c r="EWA733" s="424"/>
      <c r="EWB733" s="424"/>
      <c r="EWC733" s="423" t="s">
        <v>2795</v>
      </c>
      <c r="EWD733" s="424"/>
      <c r="EWE733" s="424"/>
      <c r="EWF733" s="424"/>
      <c r="EWG733" s="423" t="s">
        <v>2795</v>
      </c>
      <c r="EWH733" s="424"/>
      <c r="EWI733" s="424"/>
      <c r="EWJ733" s="424"/>
      <c r="EWK733" s="423" t="s">
        <v>2795</v>
      </c>
      <c r="EWL733" s="424"/>
      <c r="EWM733" s="424"/>
      <c r="EWN733" s="424"/>
      <c r="EWO733" s="423" t="s">
        <v>2795</v>
      </c>
      <c r="EWP733" s="424"/>
      <c r="EWQ733" s="424"/>
      <c r="EWR733" s="424"/>
      <c r="EWS733" s="423" t="s">
        <v>2795</v>
      </c>
      <c r="EWT733" s="424"/>
      <c r="EWU733" s="424"/>
      <c r="EWV733" s="424"/>
      <c r="EWW733" s="423" t="s">
        <v>2795</v>
      </c>
      <c r="EWX733" s="424"/>
      <c r="EWY733" s="424"/>
      <c r="EWZ733" s="424"/>
      <c r="EXA733" s="423" t="s">
        <v>2795</v>
      </c>
      <c r="EXB733" s="424"/>
      <c r="EXC733" s="424"/>
      <c r="EXD733" s="424"/>
      <c r="EXE733" s="423" t="s">
        <v>2795</v>
      </c>
      <c r="EXF733" s="424"/>
      <c r="EXG733" s="424"/>
      <c r="EXH733" s="424"/>
      <c r="EXI733" s="423" t="s">
        <v>2795</v>
      </c>
      <c r="EXJ733" s="424"/>
      <c r="EXK733" s="424"/>
      <c r="EXL733" s="424"/>
      <c r="EXM733" s="423" t="s">
        <v>2795</v>
      </c>
      <c r="EXN733" s="424"/>
      <c r="EXO733" s="424"/>
      <c r="EXP733" s="424"/>
      <c r="EXQ733" s="423" t="s">
        <v>2795</v>
      </c>
      <c r="EXR733" s="424"/>
      <c r="EXS733" s="424"/>
      <c r="EXT733" s="424"/>
      <c r="EXU733" s="423" t="s">
        <v>2795</v>
      </c>
      <c r="EXV733" s="424"/>
      <c r="EXW733" s="424"/>
      <c r="EXX733" s="424"/>
      <c r="EXY733" s="423" t="s">
        <v>2795</v>
      </c>
      <c r="EXZ733" s="424"/>
      <c r="EYA733" s="424"/>
      <c r="EYB733" s="424"/>
      <c r="EYC733" s="423" t="s">
        <v>2795</v>
      </c>
      <c r="EYD733" s="424"/>
      <c r="EYE733" s="424"/>
      <c r="EYF733" s="424"/>
      <c r="EYG733" s="423" t="s">
        <v>2795</v>
      </c>
      <c r="EYH733" s="424"/>
      <c r="EYI733" s="424"/>
      <c r="EYJ733" s="424"/>
      <c r="EYK733" s="423" t="s">
        <v>2795</v>
      </c>
      <c r="EYL733" s="424"/>
      <c r="EYM733" s="424"/>
      <c r="EYN733" s="424"/>
      <c r="EYO733" s="423" t="s">
        <v>2795</v>
      </c>
      <c r="EYP733" s="424"/>
      <c r="EYQ733" s="424"/>
      <c r="EYR733" s="424"/>
      <c r="EYS733" s="423" t="s">
        <v>2795</v>
      </c>
      <c r="EYT733" s="424"/>
      <c r="EYU733" s="424"/>
      <c r="EYV733" s="424"/>
      <c r="EYW733" s="423" t="s">
        <v>2795</v>
      </c>
      <c r="EYX733" s="424"/>
      <c r="EYY733" s="424"/>
      <c r="EYZ733" s="424"/>
      <c r="EZA733" s="423" t="s">
        <v>2795</v>
      </c>
      <c r="EZB733" s="424"/>
      <c r="EZC733" s="424"/>
      <c r="EZD733" s="424"/>
      <c r="EZE733" s="423" t="s">
        <v>2795</v>
      </c>
      <c r="EZF733" s="424"/>
      <c r="EZG733" s="424"/>
      <c r="EZH733" s="424"/>
      <c r="EZI733" s="423" t="s">
        <v>2795</v>
      </c>
      <c r="EZJ733" s="424"/>
      <c r="EZK733" s="424"/>
      <c r="EZL733" s="424"/>
      <c r="EZM733" s="423" t="s">
        <v>2795</v>
      </c>
      <c r="EZN733" s="424"/>
      <c r="EZO733" s="424"/>
      <c r="EZP733" s="424"/>
      <c r="EZQ733" s="423" t="s">
        <v>2795</v>
      </c>
      <c r="EZR733" s="424"/>
      <c r="EZS733" s="424"/>
      <c r="EZT733" s="424"/>
      <c r="EZU733" s="423" t="s">
        <v>2795</v>
      </c>
      <c r="EZV733" s="424"/>
      <c r="EZW733" s="424"/>
      <c r="EZX733" s="424"/>
      <c r="EZY733" s="423" t="s">
        <v>2795</v>
      </c>
      <c r="EZZ733" s="424"/>
      <c r="FAA733" s="424"/>
      <c r="FAB733" s="424"/>
      <c r="FAC733" s="423" t="s">
        <v>2795</v>
      </c>
      <c r="FAD733" s="424"/>
      <c r="FAE733" s="424"/>
      <c r="FAF733" s="424"/>
      <c r="FAG733" s="423" t="s">
        <v>2795</v>
      </c>
      <c r="FAH733" s="424"/>
      <c r="FAI733" s="424"/>
      <c r="FAJ733" s="424"/>
      <c r="FAK733" s="423" t="s">
        <v>2795</v>
      </c>
      <c r="FAL733" s="424"/>
      <c r="FAM733" s="424"/>
      <c r="FAN733" s="424"/>
      <c r="FAO733" s="423" t="s">
        <v>2795</v>
      </c>
      <c r="FAP733" s="424"/>
      <c r="FAQ733" s="424"/>
      <c r="FAR733" s="424"/>
      <c r="FAS733" s="423" t="s">
        <v>2795</v>
      </c>
      <c r="FAT733" s="424"/>
      <c r="FAU733" s="424"/>
      <c r="FAV733" s="424"/>
      <c r="FAW733" s="423" t="s">
        <v>2795</v>
      </c>
      <c r="FAX733" s="424"/>
      <c r="FAY733" s="424"/>
      <c r="FAZ733" s="424"/>
      <c r="FBA733" s="423" t="s">
        <v>2795</v>
      </c>
      <c r="FBB733" s="424"/>
      <c r="FBC733" s="424"/>
      <c r="FBD733" s="424"/>
      <c r="FBE733" s="423" t="s">
        <v>2795</v>
      </c>
      <c r="FBF733" s="424"/>
      <c r="FBG733" s="424"/>
      <c r="FBH733" s="424"/>
      <c r="FBI733" s="423" t="s">
        <v>2795</v>
      </c>
      <c r="FBJ733" s="424"/>
      <c r="FBK733" s="424"/>
      <c r="FBL733" s="424"/>
      <c r="FBM733" s="423" t="s">
        <v>2795</v>
      </c>
      <c r="FBN733" s="424"/>
      <c r="FBO733" s="424"/>
      <c r="FBP733" s="424"/>
      <c r="FBQ733" s="423" t="s">
        <v>2795</v>
      </c>
      <c r="FBR733" s="424"/>
      <c r="FBS733" s="424"/>
      <c r="FBT733" s="424"/>
      <c r="FBU733" s="423" t="s">
        <v>2795</v>
      </c>
      <c r="FBV733" s="424"/>
      <c r="FBW733" s="424"/>
      <c r="FBX733" s="424"/>
      <c r="FBY733" s="423" t="s">
        <v>2795</v>
      </c>
      <c r="FBZ733" s="424"/>
      <c r="FCA733" s="424"/>
      <c r="FCB733" s="424"/>
      <c r="FCC733" s="423" t="s">
        <v>2795</v>
      </c>
      <c r="FCD733" s="424"/>
      <c r="FCE733" s="424"/>
      <c r="FCF733" s="424"/>
      <c r="FCG733" s="423" t="s">
        <v>2795</v>
      </c>
      <c r="FCH733" s="424"/>
      <c r="FCI733" s="424"/>
      <c r="FCJ733" s="424"/>
      <c r="FCK733" s="423" t="s">
        <v>2795</v>
      </c>
      <c r="FCL733" s="424"/>
      <c r="FCM733" s="424"/>
      <c r="FCN733" s="424"/>
      <c r="FCO733" s="423" t="s">
        <v>2795</v>
      </c>
      <c r="FCP733" s="424"/>
      <c r="FCQ733" s="424"/>
      <c r="FCR733" s="424"/>
      <c r="FCS733" s="423" t="s">
        <v>2795</v>
      </c>
      <c r="FCT733" s="424"/>
      <c r="FCU733" s="424"/>
      <c r="FCV733" s="424"/>
      <c r="FCW733" s="423" t="s">
        <v>2795</v>
      </c>
      <c r="FCX733" s="424"/>
      <c r="FCY733" s="424"/>
      <c r="FCZ733" s="424"/>
      <c r="FDA733" s="423" t="s">
        <v>2795</v>
      </c>
      <c r="FDB733" s="424"/>
      <c r="FDC733" s="424"/>
      <c r="FDD733" s="424"/>
      <c r="FDE733" s="423" t="s">
        <v>2795</v>
      </c>
      <c r="FDF733" s="424"/>
      <c r="FDG733" s="424"/>
      <c r="FDH733" s="424"/>
      <c r="FDI733" s="423" t="s">
        <v>2795</v>
      </c>
      <c r="FDJ733" s="424"/>
      <c r="FDK733" s="424"/>
      <c r="FDL733" s="424"/>
      <c r="FDM733" s="423" t="s">
        <v>2795</v>
      </c>
      <c r="FDN733" s="424"/>
      <c r="FDO733" s="424"/>
      <c r="FDP733" s="424"/>
      <c r="FDQ733" s="423" t="s">
        <v>2795</v>
      </c>
      <c r="FDR733" s="424"/>
      <c r="FDS733" s="424"/>
      <c r="FDT733" s="424"/>
      <c r="FDU733" s="423" t="s">
        <v>2795</v>
      </c>
      <c r="FDV733" s="424"/>
      <c r="FDW733" s="424"/>
      <c r="FDX733" s="424"/>
      <c r="FDY733" s="423" t="s">
        <v>2795</v>
      </c>
      <c r="FDZ733" s="424"/>
      <c r="FEA733" s="424"/>
      <c r="FEB733" s="424"/>
      <c r="FEC733" s="423" t="s">
        <v>2795</v>
      </c>
      <c r="FED733" s="424"/>
      <c r="FEE733" s="424"/>
      <c r="FEF733" s="424"/>
      <c r="FEG733" s="423" t="s">
        <v>2795</v>
      </c>
      <c r="FEH733" s="424"/>
      <c r="FEI733" s="424"/>
      <c r="FEJ733" s="424"/>
      <c r="FEK733" s="423" t="s">
        <v>2795</v>
      </c>
      <c r="FEL733" s="424"/>
      <c r="FEM733" s="424"/>
      <c r="FEN733" s="424"/>
      <c r="FEO733" s="423" t="s">
        <v>2795</v>
      </c>
      <c r="FEP733" s="424"/>
      <c r="FEQ733" s="424"/>
      <c r="FER733" s="424"/>
      <c r="FES733" s="423" t="s">
        <v>2795</v>
      </c>
      <c r="FET733" s="424"/>
      <c r="FEU733" s="424"/>
      <c r="FEV733" s="424"/>
      <c r="FEW733" s="423" t="s">
        <v>2795</v>
      </c>
      <c r="FEX733" s="424"/>
      <c r="FEY733" s="424"/>
      <c r="FEZ733" s="424"/>
      <c r="FFA733" s="423" t="s">
        <v>2795</v>
      </c>
      <c r="FFB733" s="424"/>
      <c r="FFC733" s="424"/>
      <c r="FFD733" s="424"/>
      <c r="FFE733" s="423" t="s">
        <v>2795</v>
      </c>
      <c r="FFF733" s="424"/>
      <c r="FFG733" s="424"/>
      <c r="FFH733" s="424"/>
      <c r="FFI733" s="423" t="s">
        <v>2795</v>
      </c>
      <c r="FFJ733" s="424"/>
      <c r="FFK733" s="424"/>
      <c r="FFL733" s="424"/>
      <c r="FFM733" s="423" t="s">
        <v>2795</v>
      </c>
      <c r="FFN733" s="424"/>
      <c r="FFO733" s="424"/>
      <c r="FFP733" s="424"/>
      <c r="FFQ733" s="423" t="s">
        <v>2795</v>
      </c>
      <c r="FFR733" s="424"/>
      <c r="FFS733" s="424"/>
      <c r="FFT733" s="424"/>
      <c r="FFU733" s="423" t="s">
        <v>2795</v>
      </c>
      <c r="FFV733" s="424"/>
      <c r="FFW733" s="424"/>
      <c r="FFX733" s="424"/>
      <c r="FFY733" s="423" t="s">
        <v>2795</v>
      </c>
      <c r="FFZ733" s="424"/>
      <c r="FGA733" s="424"/>
      <c r="FGB733" s="424"/>
      <c r="FGC733" s="423" t="s">
        <v>2795</v>
      </c>
      <c r="FGD733" s="424"/>
      <c r="FGE733" s="424"/>
      <c r="FGF733" s="424"/>
      <c r="FGG733" s="423" t="s">
        <v>2795</v>
      </c>
      <c r="FGH733" s="424"/>
      <c r="FGI733" s="424"/>
      <c r="FGJ733" s="424"/>
      <c r="FGK733" s="423" t="s">
        <v>2795</v>
      </c>
      <c r="FGL733" s="424"/>
      <c r="FGM733" s="424"/>
      <c r="FGN733" s="424"/>
      <c r="FGO733" s="423" t="s">
        <v>2795</v>
      </c>
      <c r="FGP733" s="424"/>
      <c r="FGQ733" s="424"/>
      <c r="FGR733" s="424"/>
      <c r="FGS733" s="423" t="s">
        <v>2795</v>
      </c>
      <c r="FGT733" s="424"/>
      <c r="FGU733" s="424"/>
      <c r="FGV733" s="424"/>
      <c r="FGW733" s="423" t="s">
        <v>2795</v>
      </c>
      <c r="FGX733" s="424"/>
      <c r="FGY733" s="424"/>
      <c r="FGZ733" s="424"/>
      <c r="FHA733" s="423" t="s">
        <v>2795</v>
      </c>
      <c r="FHB733" s="424"/>
      <c r="FHC733" s="424"/>
      <c r="FHD733" s="424"/>
      <c r="FHE733" s="423" t="s">
        <v>2795</v>
      </c>
      <c r="FHF733" s="424"/>
      <c r="FHG733" s="424"/>
      <c r="FHH733" s="424"/>
      <c r="FHI733" s="423" t="s">
        <v>2795</v>
      </c>
      <c r="FHJ733" s="424"/>
      <c r="FHK733" s="424"/>
      <c r="FHL733" s="424"/>
      <c r="FHM733" s="423" t="s">
        <v>2795</v>
      </c>
      <c r="FHN733" s="424"/>
      <c r="FHO733" s="424"/>
      <c r="FHP733" s="424"/>
      <c r="FHQ733" s="423" t="s">
        <v>2795</v>
      </c>
      <c r="FHR733" s="424"/>
      <c r="FHS733" s="424"/>
      <c r="FHT733" s="424"/>
      <c r="FHU733" s="423" t="s">
        <v>2795</v>
      </c>
      <c r="FHV733" s="424"/>
      <c r="FHW733" s="424"/>
      <c r="FHX733" s="424"/>
      <c r="FHY733" s="423" t="s">
        <v>2795</v>
      </c>
      <c r="FHZ733" s="424"/>
      <c r="FIA733" s="424"/>
      <c r="FIB733" s="424"/>
      <c r="FIC733" s="423" t="s">
        <v>2795</v>
      </c>
      <c r="FID733" s="424"/>
      <c r="FIE733" s="424"/>
      <c r="FIF733" s="424"/>
      <c r="FIG733" s="423" t="s">
        <v>2795</v>
      </c>
      <c r="FIH733" s="424"/>
      <c r="FII733" s="424"/>
      <c r="FIJ733" s="424"/>
      <c r="FIK733" s="423" t="s">
        <v>2795</v>
      </c>
      <c r="FIL733" s="424"/>
      <c r="FIM733" s="424"/>
      <c r="FIN733" s="424"/>
      <c r="FIO733" s="423" t="s">
        <v>2795</v>
      </c>
      <c r="FIP733" s="424"/>
      <c r="FIQ733" s="424"/>
      <c r="FIR733" s="424"/>
      <c r="FIS733" s="423" t="s">
        <v>2795</v>
      </c>
      <c r="FIT733" s="424"/>
      <c r="FIU733" s="424"/>
      <c r="FIV733" s="424"/>
      <c r="FIW733" s="423" t="s">
        <v>2795</v>
      </c>
      <c r="FIX733" s="424"/>
      <c r="FIY733" s="424"/>
      <c r="FIZ733" s="424"/>
      <c r="FJA733" s="423" t="s">
        <v>2795</v>
      </c>
      <c r="FJB733" s="424"/>
      <c r="FJC733" s="424"/>
      <c r="FJD733" s="424"/>
      <c r="FJE733" s="423" t="s">
        <v>2795</v>
      </c>
      <c r="FJF733" s="424"/>
      <c r="FJG733" s="424"/>
      <c r="FJH733" s="424"/>
      <c r="FJI733" s="423" t="s">
        <v>2795</v>
      </c>
      <c r="FJJ733" s="424"/>
      <c r="FJK733" s="424"/>
      <c r="FJL733" s="424"/>
      <c r="FJM733" s="423" t="s">
        <v>2795</v>
      </c>
      <c r="FJN733" s="424"/>
      <c r="FJO733" s="424"/>
      <c r="FJP733" s="424"/>
      <c r="FJQ733" s="423" t="s">
        <v>2795</v>
      </c>
      <c r="FJR733" s="424"/>
      <c r="FJS733" s="424"/>
      <c r="FJT733" s="424"/>
      <c r="FJU733" s="423" t="s">
        <v>2795</v>
      </c>
      <c r="FJV733" s="424"/>
      <c r="FJW733" s="424"/>
      <c r="FJX733" s="424"/>
      <c r="FJY733" s="423" t="s">
        <v>2795</v>
      </c>
      <c r="FJZ733" s="424"/>
      <c r="FKA733" s="424"/>
      <c r="FKB733" s="424"/>
      <c r="FKC733" s="423" t="s">
        <v>2795</v>
      </c>
      <c r="FKD733" s="424"/>
      <c r="FKE733" s="424"/>
      <c r="FKF733" s="424"/>
      <c r="FKG733" s="423" t="s">
        <v>2795</v>
      </c>
      <c r="FKH733" s="424"/>
      <c r="FKI733" s="424"/>
      <c r="FKJ733" s="424"/>
      <c r="FKK733" s="423" t="s">
        <v>2795</v>
      </c>
      <c r="FKL733" s="424"/>
      <c r="FKM733" s="424"/>
      <c r="FKN733" s="424"/>
      <c r="FKO733" s="423" t="s">
        <v>2795</v>
      </c>
      <c r="FKP733" s="424"/>
      <c r="FKQ733" s="424"/>
      <c r="FKR733" s="424"/>
      <c r="FKS733" s="423" t="s">
        <v>2795</v>
      </c>
      <c r="FKT733" s="424"/>
      <c r="FKU733" s="424"/>
      <c r="FKV733" s="424"/>
      <c r="FKW733" s="423" t="s">
        <v>2795</v>
      </c>
      <c r="FKX733" s="424"/>
      <c r="FKY733" s="424"/>
      <c r="FKZ733" s="424"/>
      <c r="FLA733" s="423" t="s">
        <v>2795</v>
      </c>
      <c r="FLB733" s="424"/>
      <c r="FLC733" s="424"/>
      <c r="FLD733" s="424"/>
      <c r="FLE733" s="423" t="s">
        <v>2795</v>
      </c>
      <c r="FLF733" s="424"/>
      <c r="FLG733" s="424"/>
      <c r="FLH733" s="424"/>
      <c r="FLI733" s="423" t="s">
        <v>2795</v>
      </c>
      <c r="FLJ733" s="424"/>
      <c r="FLK733" s="424"/>
      <c r="FLL733" s="424"/>
      <c r="FLM733" s="423" t="s">
        <v>2795</v>
      </c>
      <c r="FLN733" s="424"/>
      <c r="FLO733" s="424"/>
      <c r="FLP733" s="424"/>
      <c r="FLQ733" s="423" t="s">
        <v>2795</v>
      </c>
      <c r="FLR733" s="424"/>
      <c r="FLS733" s="424"/>
      <c r="FLT733" s="424"/>
      <c r="FLU733" s="423" t="s">
        <v>2795</v>
      </c>
      <c r="FLV733" s="424"/>
      <c r="FLW733" s="424"/>
      <c r="FLX733" s="424"/>
      <c r="FLY733" s="423" t="s">
        <v>2795</v>
      </c>
      <c r="FLZ733" s="424"/>
      <c r="FMA733" s="424"/>
      <c r="FMB733" s="424"/>
      <c r="FMC733" s="423" t="s">
        <v>2795</v>
      </c>
      <c r="FMD733" s="424"/>
      <c r="FME733" s="424"/>
      <c r="FMF733" s="424"/>
      <c r="FMG733" s="423" t="s">
        <v>2795</v>
      </c>
      <c r="FMH733" s="424"/>
      <c r="FMI733" s="424"/>
      <c r="FMJ733" s="424"/>
      <c r="FMK733" s="423" t="s">
        <v>2795</v>
      </c>
      <c r="FML733" s="424"/>
      <c r="FMM733" s="424"/>
      <c r="FMN733" s="424"/>
      <c r="FMO733" s="423" t="s">
        <v>2795</v>
      </c>
      <c r="FMP733" s="424"/>
      <c r="FMQ733" s="424"/>
      <c r="FMR733" s="424"/>
      <c r="FMS733" s="423" t="s">
        <v>2795</v>
      </c>
      <c r="FMT733" s="424"/>
      <c r="FMU733" s="424"/>
      <c r="FMV733" s="424"/>
      <c r="FMW733" s="423" t="s">
        <v>2795</v>
      </c>
      <c r="FMX733" s="424"/>
      <c r="FMY733" s="424"/>
      <c r="FMZ733" s="424"/>
      <c r="FNA733" s="423" t="s">
        <v>2795</v>
      </c>
      <c r="FNB733" s="424"/>
      <c r="FNC733" s="424"/>
      <c r="FND733" s="424"/>
      <c r="FNE733" s="423" t="s">
        <v>2795</v>
      </c>
      <c r="FNF733" s="424"/>
      <c r="FNG733" s="424"/>
      <c r="FNH733" s="424"/>
      <c r="FNI733" s="423" t="s">
        <v>2795</v>
      </c>
      <c r="FNJ733" s="424"/>
      <c r="FNK733" s="424"/>
      <c r="FNL733" s="424"/>
      <c r="FNM733" s="423" t="s">
        <v>2795</v>
      </c>
      <c r="FNN733" s="424"/>
      <c r="FNO733" s="424"/>
      <c r="FNP733" s="424"/>
      <c r="FNQ733" s="423" t="s">
        <v>2795</v>
      </c>
      <c r="FNR733" s="424"/>
      <c r="FNS733" s="424"/>
      <c r="FNT733" s="424"/>
      <c r="FNU733" s="423" t="s">
        <v>2795</v>
      </c>
      <c r="FNV733" s="424"/>
      <c r="FNW733" s="424"/>
      <c r="FNX733" s="424"/>
      <c r="FNY733" s="423" t="s">
        <v>2795</v>
      </c>
      <c r="FNZ733" s="424"/>
      <c r="FOA733" s="424"/>
      <c r="FOB733" s="424"/>
      <c r="FOC733" s="423" t="s">
        <v>2795</v>
      </c>
      <c r="FOD733" s="424"/>
      <c r="FOE733" s="424"/>
      <c r="FOF733" s="424"/>
      <c r="FOG733" s="423" t="s">
        <v>2795</v>
      </c>
      <c r="FOH733" s="424"/>
      <c r="FOI733" s="424"/>
      <c r="FOJ733" s="424"/>
      <c r="FOK733" s="423" t="s">
        <v>2795</v>
      </c>
      <c r="FOL733" s="424"/>
      <c r="FOM733" s="424"/>
      <c r="FON733" s="424"/>
      <c r="FOO733" s="423" t="s">
        <v>2795</v>
      </c>
      <c r="FOP733" s="424"/>
      <c r="FOQ733" s="424"/>
      <c r="FOR733" s="424"/>
      <c r="FOS733" s="423" t="s">
        <v>2795</v>
      </c>
      <c r="FOT733" s="424"/>
      <c r="FOU733" s="424"/>
      <c r="FOV733" s="424"/>
      <c r="FOW733" s="423" t="s">
        <v>2795</v>
      </c>
      <c r="FOX733" s="424"/>
      <c r="FOY733" s="424"/>
      <c r="FOZ733" s="424"/>
      <c r="FPA733" s="423" t="s">
        <v>2795</v>
      </c>
      <c r="FPB733" s="424"/>
      <c r="FPC733" s="424"/>
      <c r="FPD733" s="424"/>
      <c r="FPE733" s="423" t="s">
        <v>2795</v>
      </c>
      <c r="FPF733" s="424"/>
      <c r="FPG733" s="424"/>
      <c r="FPH733" s="424"/>
      <c r="FPI733" s="423" t="s">
        <v>2795</v>
      </c>
      <c r="FPJ733" s="424"/>
      <c r="FPK733" s="424"/>
      <c r="FPL733" s="424"/>
      <c r="FPM733" s="423" t="s">
        <v>2795</v>
      </c>
      <c r="FPN733" s="424"/>
      <c r="FPO733" s="424"/>
      <c r="FPP733" s="424"/>
      <c r="FPQ733" s="423" t="s">
        <v>2795</v>
      </c>
      <c r="FPR733" s="424"/>
      <c r="FPS733" s="424"/>
      <c r="FPT733" s="424"/>
      <c r="FPU733" s="423" t="s">
        <v>2795</v>
      </c>
      <c r="FPV733" s="424"/>
      <c r="FPW733" s="424"/>
      <c r="FPX733" s="424"/>
      <c r="FPY733" s="423" t="s">
        <v>2795</v>
      </c>
      <c r="FPZ733" s="424"/>
      <c r="FQA733" s="424"/>
      <c r="FQB733" s="424"/>
      <c r="FQC733" s="423" t="s">
        <v>2795</v>
      </c>
      <c r="FQD733" s="424"/>
      <c r="FQE733" s="424"/>
      <c r="FQF733" s="424"/>
      <c r="FQG733" s="423" t="s">
        <v>2795</v>
      </c>
      <c r="FQH733" s="424"/>
      <c r="FQI733" s="424"/>
      <c r="FQJ733" s="424"/>
      <c r="FQK733" s="423" t="s">
        <v>2795</v>
      </c>
      <c r="FQL733" s="424"/>
      <c r="FQM733" s="424"/>
      <c r="FQN733" s="424"/>
      <c r="FQO733" s="423" t="s">
        <v>2795</v>
      </c>
      <c r="FQP733" s="424"/>
      <c r="FQQ733" s="424"/>
      <c r="FQR733" s="424"/>
      <c r="FQS733" s="423" t="s">
        <v>2795</v>
      </c>
      <c r="FQT733" s="424"/>
      <c r="FQU733" s="424"/>
      <c r="FQV733" s="424"/>
      <c r="FQW733" s="423" t="s">
        <v>2795</v>
      </c>
      <c r="FQX733" s="424"/>
      <c r="FQY733" s="424"/>
      <c r="FQZ733" s="424"/>
      <c r="FRA733" s="423" t="s">
        <v>2795</v>
      </c>
      <c r="FRB733" s="424"/>
      <c r="FRC733" s="424"/>
      <c r="FRD733" s="424"/>
      <c r="FRE733" s="423" t="s">
        <v>2795</v>
      </c>
      <c r="FRF733" s="424"/>
      <c r="FRG733" s="424"/>
      <c r="FRH733" s="424"/>
      <c r="FRI733" s="423" t="s">
        <v>2795</v>
      </c>
      <c r="FRJ733" s="424"/>
      <c r="FRK733" s="424"/>
      <c r="FRL733" s="424"/>
      <c r="FRM733" s="423" t="s">
        <v>2795</v>
      </c>
      <c r="FRN733" s="424"/>
      <c r="FRO733" s="424"/>
      <c r="FRP733" s="424"/>
      <c r="FRQ733" s="423" t="s">
        <v>2795</v>
      </c>
      <c r="FRR733" s="424"/>
      <c r="FRS733" s="424"/>
      <c r="FRT733" s="424"/>
      <c r="FRU733" s="423" t="s">
        <v>2795</v>
      </c>
      <c r="FRV733" s="424"/>
      <c r="FRW733" s="424"/>
      <c r="FRX733" s="424"/>
      <c r="FRY733" s="423" t="s">
        <v>2795</v>
      </c>
      <c r="FRZ733" s="424"/>
      <c r="FSA733" s="424"/>
      <c r="FSB733" s="424"/>
      <c r="FSC733" s="423" t="s">
        <v>2795</v>
      </c>
      <c r="FSD733" s="424"/>
      <c r="FSE733" s="424"/>
      <c r="FSF733" s="424"/>
      <c r="FSG733" s="423" t="s">
        <v>2795</v>
      </c>
      <c r="FSH733" s="424"/>
      <c r="FSI733" s="424"/>
      <c r="FSJ733" s="424"/>
      <c r="FSK733" s="423" t="s">
        <v>2795</v>
      </c>
      <c r="FSL733" s="424"/>
      <c r="FSM733" s="424"/>
      <c r="FSN733" s="424"/>
      <c r="FSO733" s="423" t="s">
        <v>2795</v>
      </c>
      <c r="FSP733" s="424"/>
      <c r="FSQ733" s="424"/>
      <c r="FSR733" s="424"/>
      <c r="FSS733" s="423" t="s">
        <v>2795</v>
      </c>
      <c r="FST733" s="424"/>
      <c r="FSU733" s="424"/>
      <c r="FSV733" s="424"/>
      <c r="FSW733" s="423" t="s">
        <v>2795</v>
      </c>
      <c r="FSX733" s="424"/>
      <c r="FSY733" s="424"/>
      <c r="FSZ733" s="424"/>
      <c r="FTA733" s="423" t="s">
        <v>2795</v>
      </c>
      <c r="FTB733" s="424"/>
      <c r="FTC733" s="424"/>
      <c r="FTD733" s="424"/>
      <c r="FTE733" s="423" t="s">
        <v>2795</v>
      </c>
      <c r="FTF733" s="424"/>
      <c r="FTG733" s="424"/>
      <c r="FTH733" s="424"/>
      <c r="FTI733" s="423" t="s">
        <v>2795</v>
      </c>
      <c r="FTJ733" s="424"/>
      <c r="FTK733" s="424"/>
      <c r="FTL733" s="424"/>
      <c r="FTM733" s="423" t="s">
        <v>2795</v>
      </c>
      <c r="FTN733" s="424"/>
      <c r="FTO733" s="424"/>
      <c r="FTP733" s="424"/>
      <c r="FTQ733" s="423" t="s">
        <v>2795</v>
      </c>
      <c r="FTR733" s="424"/>
      <c r="FTS733" s="424"/>
      <c r="FTT733" s="424"/>
      <c r="FTU733" s="423" t="s">
        <v>2795</v>
      </c>
      <c r="FTV733" s="424"/>
      <c r="FTW733" s="424"/>
      <c r="FTX733" s="424"/>
      <c r="FTY733" s="423" t="s">
        <v>2795</v>
      </c>
      <c r="FTZ733" s="424"/>
      <c r="FUA733" s="424"/>
      <c r="FUB733" s="424"/>
      <c r="FUC733" s="423" t="s">
        <v>2795</v>
      </c>
      <c r="FUD733" s="424"/>
      <c r="FUE733" s="424"/>
      <c r="FUF733" s="424"/>
      <c r="FUG733" s="423" t="s">
        <v>2795</v>
      </c>
      <c r="FUH733" s="424"/>
      <c r="FUI733" s="424"/>
      <c r="FUJ733" s="424"/>
      <c r="FUK733" s="423" t="s">
        <v>2795</v>
      </c>
      <c r="FUL733" s="424"/>
      <c r="FUM733" s="424"/>
      <c r="FUN733" s="424"/>
      <c r="FUO733" s="423" t="s">
        <v>2795</v>
      </c>
      <c r="FUP733" s="424"/>
      <c r="FUQ733" s="424"/>
      <c r="FUR733" s="424"/>
      <c r="FUS733" s="423" t="s">
        <v>2795</v>
      </c>
      <c r="FUT733" s="424"/>
      <c r="FUU733" s="424"/>
      <c r="FUV733" s="424"/>
      <c r="FUW733" s="423" t="s">
        <v>2795</v>
      </c>
      <c r="FUX733" s="424"/>
      <c r="FUY733" s="424"/>
      <c r="FUZ733" s="424"/>
      <c r="FVA733" s="423" t="s">
        <v>2795</v>
      </c>
      <c r="FVB733" s="424"/>
      <c r="FVC733" s="424"/>
      <c r="FVD733" s="424"/>
      <c r="FVE733" s="423" t="s">
        <v>2795</v>
      </c>
      <c r="FVF733" s="424"/>
      <c r="FVG733" s="424"/>
      <c r="FVH733" s="424"/>
      <c r="FVI733" s="423" t="s">
        <v>2795</v>
      </c>
      <c r="FVJ733" s="424"/>
      <c r="FVK733" s="424"/>
      <c r="FVL733" s="424"/>
      <c r="FVM733" s="423" t="s">
        <v>2795</v>
      </c>
      <c r="FVN733" s="424"/>
      <c r="FVO733" s="424"/>
      <c r="FVP733" s="424"/>
      <c r="FVQ733" s="423" t="s">
        <v>2795</v>
      </c>
      <c r="FVR733" s="424"/>
      <c r="FVS733" s="424"/>
      <c r="FVT733" s="424"/>
      <c r="FVU733" s="423" t="s">
        <v>2795</v>
      </c>
      <c r="FVV733" s="424"/>
      <c r="FVW733" s="424"/>
      <c r="FVX733" s="424"/>
      <c r="FVY733" s="423" t="s">
        <v>2795</v>
      </c>
      <c r="FVZ733" s="424"/>
      <c r="FWA733" s="424"/>
      <c r="FWB733" s="424"/>
      <c r="FWC733" s="423" t="s">
        <v>2795</v>
      </c>
      <c r="FWD733" s="424"/>
      <c r="FWE733" s="424"/>
      <c r="FWF733" s="424"/>
      <c r="FWG733" s="423" t="s">
        <v>2795</v>
      </c>
      <c r="FWH733" s="424"/>
      <c r="FWI733" s="424"/>
      <c r="FWJ733" s="424"/>
      <c r="FWK733" s="423" t="s">
        <v>2795</v>
      </c>
      <c r="FWL733" s="424"/>
      <c r="FWM733" s="424"/>
      <c r="FWN733" s="424"/>
      <c r="FWO733" s="423" t="s">
        <v>2795</v>
      </c>
      <c r="FWP733" s="424"/>
      <c r="FWQ733" s="424"/>
      <c r="FWR733" s="424"/>
      <c r="FWS733" s="423" t="s">
        <v>2795</v>
      </c>
      <c r="FWT733" s="424"/>
      <c r="FWU733" s="424"/>
      <c r="FWV733" s="424"/>
      <c r="FWW733" s="423" t="s">
        <v>2795</v>
      </c>
      <c r="FWX733" s="424"/>
      <c r="FWY733" s="424"/>
      <c r="FWZ733" s="424"/>
      <c r="FXA733" s="423" t="s">
        <v>2795</v>
      </c>
      <c r="FXB733" s="424"/>
      <c r="FXC733" s="424"/>
      <c r="FXD733" s="424"/>
      <c r="FXE733" s="423" t="s">
        <v>2795</v>
      </c>
      <c r="FXF733" s="424"/>
      <c r="FXG733" s="424"/>
      <c r="FXH733" s="424"/>
      <c r="FXI733" s="423" t="s">
        <v>2795</v>
      </c>
      <c r="FXJ733" s="424"/>
      <c r="FXK733" s="424"/>
      <c r="FXL733" s="424"/>
      <c r="FXM733" s="423" t="s">
        <v>2795</v>
      </c>
      <c r="FXN733" s="424"/>
      <c r="FXO733" s="424"/>
      <c r="FXP733" s="424"/>
      <c r="FXQ733" s="423" t="s">
        <v>2795</v>
      </c>
      <c r="FXR733" s="424"/>
      <c r="FXS733" s="424"/>
      <c r="FXT733" s="424"/>
      <c r="FXU733" s="423" t="s">
        <v>2795</v>
      </c>
      <c r="FXV733" s="424"/>
      <c r="FXW733" s="424"/>
      <c r="FXX733" s="424"/>
      <c r="FXY733" s="423" t="s">
        <v>2795</v>
      </c>
      <c r="FXZ733" s="424"/>
      <c r="FYA733" s="424"/>
      <c r="FYB733" s="424"/>
      <c r="FYC733" s="423" t="s">
        <v>2795</v>
      </c>
      <c r="FYD733" s="424"/>
      <c r="FYE733" s="424"/>
      <c r="FYF733" s="424"/>
      <c r="FYG733" s="423" t="s">
        <v>2795</v>
      </c>
      <c r="FYH733" s="424"/>
      <c r="FYI733" s="424"/>
      <c r="FYJ733" s="424"/>
      <c r="FYK733" s="423" t="s">
        <v>2795</v>
      </c>
      <c r="FYL733" s="424"/>
      <c r="FYM733" s="424"/>
      <c r="FYN733" s="424"/>
      <c r="FYO733" s="423" t="s">
        <v>2795</v>
      </c>
      <c r="FYP733" s="424"/>
      <c r="FYQ733" s="424"/>
      <c r="FYR733" s="424"/>
      <c r="FYS733" s="423" t="s">
        <v>2795</v>
      </c>
      <c r="FYT733" s="424"/>
      <c r="FYU733" s="424"/>
      <c r="FYV733" s="424"/>
      <c r="FYW733" s="423" t="s">
        <v>2795</v>
      </c>
      <c r="FYX733" s="424"/>
      <c r="FYY733" s="424"/>
      <c r="FYZ733" s="424"/>
      <c r="FZA733" s="423" t="s">
        <v>2795</v>
      </c>
      <c r="FZB733" s="424"/>
      <c r="FZC733" s="424"/>
      <c r="FZD733" s="424"/>
      <c r="FZE733" s="423" t="s">
        <v>2795</v>
      </c>
      <c r="FZF733" s="424"/>
      <c r="FZG733" s="424"/>
      <c r="FZH733" s="424"/>
      <c r="FZI733" s="423" t="s">
        <v>2795</v>
      </c>
      <c r="FZJ733" s="424"/>
      <c r="FZK733" s="424"/>
      <c r="FZL733" s="424"/>
      <c r="FZM733" s="423" t="s">
        <v>2795</v>
      </c>
      <c r="FZN733" s="424"/>
      <c r="FZO733" s="424"/>
      <c r="FZP733" s="424"/>
      <c r="FZQ733" s="423" t="s">
        <v>2795</v>
      </c>
      <c r="FZR733" s="424"/>
      <c r="FZS733" s="424"/>
      <c r="FZT733" s="424"/>
      <c r="FZU733" s="423" t="s">
        <v>2795</v>
      </c>
      <c r="FZV733" s="424"/>
      <c r="FZW733" s="424"/>
      <c r="FZX733" s="424"/>
      <c r="FZY733" s="423" t="s">
        <v>2795</v>
      </c>
      <c r="FZZ733" s="424"/>
      <c r="GAA733" s="424"/>
      <c r="GAB733" s="424"/>
      <c r="GAC733" s="423" t="s">
        <v>2795</v>
      </c>
      <c r="GAD733" s="424"/>
      <c r="GAE733" s="424"/>
      <c r="GAF733" s="424"/>
      <c r="GAG733" s="423" t="s">
        <v>2795</v>
      </c>
      <c r="GAH733" s="424"/>
      <c r="GAI733" s="424"/>
      <c r="GAJ733" s="424"/>
      <c r="GAK733" s="423" t="s">
        <v>2795</v>
      </c>
      <c r="GAL733" s="424"/>
      <c r="GAM733" s="424"/>
      <c r="GAN733" s="424"/>
      <c r="GAO733" s="423" t="s">
        <v>2795</v>
      </c>
      <c r="GAP733" s="424"/>
      <c r="GAQ733" s="424"/>
      <c r="GAR733" s="424"/>
      <c r="GAS733" s="423" t="s">
        <v>2795</v>
      </c>
      <c r="GAT733" s="424"/>
      <c r="GAU733" s="424"/>
      <c r="GAV733" s="424"/>
      <c r="GAW733" s="423" t="s">
        <v>2795</v>
      </c>
      <c r="GAX733" s="424"/>
      <c r="GAY733" s="424"/>
      <c r="GAZ733" s="424"/>
      <c r="GBA733" s="423" t="s">
        <v>2795</v>
      </c>
      <c r="GBB733" s="424"/>
      <c r="GBC733" s="424"/>
      <c r="GBD733" s="424"/>
      <c r="GBE733" s="423" t="s">
        <v>2795</v>
      </c>
      <c r="GBF733" s="424"/>
      <c r="GBG733" s="424"/>
      <c r="GBH733" s="424"/>
      <c r="GBI733" s="423" t="s">
        <v>2795</v>
      </c>
      <c r="GBJ733" s="424"/>
      <c r="GBK733" s="424"/>
      <c r="GBL733" s="424"/>
      <c r="GBM733" s="423" t="s">
        <v>2795</v>
      </c>
      <c r="GBN733" s="424"/>
      <c r="GBO733" s="424"/>
      <c r="GBP733" s="424"/>
      <c r="GBQ733" s="423" t="s">
        <v>2795</v>
      </c>
      <c r="GBR733" s="424"/>
      <c r="GBS733" s="424"/>
      <c r="GBT733" s="424"/>
      <c r="GBU733" s="423" t="s">
        <v>2795</v>
      </c>
      <c r="GBV733" s="424"/>
      <c r="GBW733" s="424"/>
      <c r="GBX733" s="424"/>
      <c r="GBY733" s="423" t="s">
        <v>2795</v>
      </c>
      <c r="GBZ733" s="424"/>
      <c r="GCA733" s="424"/>
      <c r="GCB733" s="424"/>
      <c r="GCC733" s="423" t="s">
        <v>2795</v>
      </c>
      <c r="GCD733" s="424"/>
      <c r="GCE733" s="424"/>
      <c r="GCF733" s="424"/>
      <c r="GCG733" s="423" t="s">
        <v>2795</v>
      </c>
      <c r="GCH733" s="424"/>
      <c r="GCI733" s="424"/>
      <c r="GCJ733" s="424"/>
      <c r="GCK733" s="423" t="s">
        <v>2795</v>
      </c>
      <c r="GCL733" s="424"/>
      <c r="GCM733" s="424"/>
      <c r="GCN733" s="424"/>
      <c r="GCO733" s="423" t="s">
        <v>2795</v>
      </c>
      <c r="GCP733" s="424"/>
      <c r="GCQ733" s="424"/>
      <c r="GCR733" s="424"/>
      <c r="GCS733" s="423" t="s">
        <v>2795</v>
      </c>
      <c r="GCT733" s="424"/>
      <c r="GCU733" s="424"/>
      <c r="GCV733" s="424"/>
      <c r="GCW733" s="423" t="s">
        <v>2795</v>
      </c>
      <c r="GCX733" s="424"/>
      <c r="GCY733" s="424"/>
      <c r="GCZ733" s="424"/>
      <c r="GDA733" s="423" t="s">
        <v>2795</v>
      </c>
      <c r="GDB733" s="424"/>
      <c r="GDC733" s="424"/>
      <c r="GDD733" s="424"/>
      <c r="GDE733" s="423" t="s">
        <v>2795</v>
      </c>
      <c r="GDF733" s="424"/>
      <c r="GDG733" s="424"/>
      <c r="GDH733" s="424"/>
      <c r="GDI733" s="423" t="s">
        <v>2795</v>
      </c>
      <c r="GDJ733" s="424"/>
      <c r="GDK733" s="424"/>
      <c r="GDL733" s="424"/>
      <c r="GDM733" s="423" t="s">
        <v>2795</v>
      </c>
      <c r="GDN733" s="424"/>
      <c r="GDO733" s="424"/>
      <c r="GDP733" s="424"/>
      <c r="GDQ733" s="423" t="s">
        <v>2795</v>
      </c>
      <c r="GDR733" s="424"/>
      <c r="GDS733" s="424"/>
      <c r="GDT733" s="424"/>
      <c r="GDU733" s="423" t="s">
        <v>2795</v>
      </c>
      <c r="GDV733" s="424"/>
      <c r="GDW733" s="424"/>
      <c r="GDX733" s="424"/>
      <c r="GDY733" s="423" t="s">
        <v>2795</v>
      </c>
      <c r="GDZ733" s="424"/>
      <c r="GEA733" s="424"/>
      <c r="GEB733" s="424"/>
      <c r="GEC733" s="423" t="s">
        <v>2795</v>
      </c>
      <c r="GED733" s="424"/>
      <c r="GEE733" s="424"/>
      <c r="GEF733" s="424"/>
      <c r="GEG733" s="423" t="s">
        <v>2795</v>
      </c>
      <c r="GEH733" s="424"/>
      <c r="GEI733" s="424"/>
      <c r="GEJ733" s="424"/>
      <c r="GEK733" s="423" t="s">
        <v>2795</v>
      </c>
      <c r="GEL733" s="424"/>
      <c r="GEM733" s="424"/>
      <c r="GEN733" s="424"/>
      <c r="GEO733" s="423" t="s">
        <v>2795</v>
      </c>
      <c r="GEP733" s="424"/>
      <c r="GEQ733" s="424"/>
      <c r="GER733" s="424"/>
      <c r="GES733" s="423" t="s">
        <v>2795</v>
      </c>
      <c r="GET733" s="424"/>
      <c r="GEU733" s="424"/>
      <c r="GEV733" s="424"/>
      <c r="GEW733" s="423" t="s">
        <v>2795</v>
      </c>
      <c r="GEX733" s="424"/>
      <c r="GEY733" s="424"/>
      <c r="GEZ733" s="424"/>
      <c r="GFA733" s="423" t="s">
        <v>2795</v>
      </c>
      <c r="GFB733" s="424"/>
      <c r="GFC733" s="424"/>
      <c r="GFD733" s="424"/>
      <c r="GFE733" s="423" t="s">
        <v>2795</v>
      </c>
      <c r="GFF733" s="424"/>
      <c r="GFG733" s="424"/>
      <c r="GFH733" s="424"/>
      <c r="GFI733" s="423" t="s">
        <v>2795</v>
      </c>
      <c r="GFJ733" s="424"/>
      <c r="GFK733" s="424"/>
      <c r="GFL733" s="424"/>
      <c r="GFM733" s="423" t="s">
        <v>2795</v>
      </c>
      <c r="GFN733" s="424"/>
      <c r="GFO733" s="424"/>
      <c r="GFP733" s="424"/>
      <c r="GFQ733" s="423" t="s">
        <v>2795</v>
      </c>
      <c r="GFR733" s="424"/>
      <c r="GFS733" s="424"/>
      <c r="GFT733" s="424"/>
      <c r="GFU733" s="423" t="s">
        <v>2795</v>
      </c>
      <c r="GFV733" s="424"/>
      <c r="GFW733" s="424"/>
      <c r="GFX733" s="424"/>
      <c r="GFY733" s="423" t="s">
        <v>2795</v>
      </c>
      <c r="GFZ733" s="424"/>
      <c r="GGA733" s="424"/>
      <c r="GGB733" s="424"/>
      <c r="GGC733" s="423" t="s">
        <v>2795</v>
      </c>
      <c r="GGD733" s="424"/>
      <c r="GGE733" s="424"/>
      <c r="GGF733" s="424"/>
      <c r="GGG733" s="423" t="s">
        <v>2795</v>
      </c>
      <c r="GGH733" s="424"/>
      <c r="GGI733" s="424"/>
      <c r="GGJ733" s="424"/>
      <c r="GGK733" s="423" t="s">
        <v>2795</v>
      </c>
      <c r="GGL733" s="424"/>
      <c r="GGM733" s="424"/>
      <c r="GGN733" s="424"/>
      <c r="GGO733" s="423" t="s">
        <v>2795</v>
      </c>
      <c r="GGP733" s="424"/>
      <c r="GGQ733" s="424"/>
      <c r="GGR733" s="424"/>
      <c r="GGS733" s="423" t="s">
        <v>2795</v>
      </c>
      <c r="GGT733" s="424"/>
      <c r="GGU733" s="424"/>
      <c r="GGV733" s="424"/>
      <c r="GGW733" s="423" t="s">
        <v>2795</v>
      </c>
      <c r="GGX733" s="424"/>
      <c r="GGY733" s="424"/>
      <c r="GGZ733" s="424"/>
      <c r="GHA733" s="423" t="s">
        <v>2795</v>
      </c>
      <c r="GHB733" s="424"/>
      <c r="GHC733" s="424"/>
      <c r="GHD733" s="424"/>
      <c r="GHE733" s="423" t="s">
        <v>2795</v>
      </c>
      <c r="GHF733" s="424"/>
      <c r="GHG733" s="424"/>
      <c r="GHH733" s="424"/>
      <c r="GHI733" s="423" t="s">
        <v>2795</v>
      </c>
      <c r="GHJ733" s="424"/>
      <c r="GHK733" s="424"/>
      <c r="GHL733" s="424"/>
      <c r="GHM733" s="423" t="s">
        <v>2795</v>
      </c>
      <c r="GHN733" s="424"/>
      <c r="GHO733" s="424"/>
      <c r="GHP733" s="424"/>
      <c r="GHQ733" s="423" t="s">
        <v>2795</v>
      </c>
      <c r="GHR733" s="424"/>
      <c r="GHS733" s="424"/>
      <c r="GHT733" s="424"/>
      <c r="GHU733" s="423" t="s">
        <v>2795</v>
      </c>
      <c r="GHV733" s="424"/>
      <c r="GHW733" s="424"/>
      <c r="GHX733" s="424"/>
      <c r="GHY733" s="423" t="s">
        <v>2795</v>
      </c>
      <c r="GHZ733" s="424"/>
      <c r="GIA733" s="424"/>
      <c r="GIB733" s="424"/>
      <c r="GIC733" s="423" t="s">
        <v>2795</v>
      </c>
      <c r="GID733" s="424"/>
      <c r="GIE733" s="424"/>
      <c r="GIF733" s="424"/>
      <c r="GIG733" s="423" t="s">
        <v>2795</v>
      </c>
      <c r="GIH733" s="424"/>
      <c r="GII733" s="424"/>
      <c r="GIJ733" s="424"/>
      <c r="GIK733" s="423" t="s">
        <v>2795</v>
      </c>
      <c r="GIL733" s="424"/>
      <c r="GIM733" s="424"/>
      <c r="GIN733" s="424"/>
      <c r="GIO733" s="423" t="s">
        <v>2795</v>
      </c>
      <c r="GIP733" s="424"/>
      <c r="GIQ733" s="424"/>
      <c r="GIR733" s="424"/>
      <c r="GIS733" s="423" t="s">
        <v>2795</v>
      </c>
      <c r="GIT733" s="424"/>
      <c r="GIU733" s="424"/>
      <c r="GIV733" s="424"/>
      <c r="GIW733" s="423" t="s">
        <v>2795</v>
      </c>
      <c r="GIX733" s="424"/>
      <c r="GIY733" s="424"/>
      <c r="GIZ733" s="424"/>
      <c r="GJA733" s="423" t="s">
        <v>2795</v>
      </c>
      <c r="GJB733" s="424"/>
      <c r="GJC733" s="424"/>
      <c r="GJD733" s="424"/>
      <c r="GJE733" s="423" t="s">
        <v>2795</v>
      </c>
      <c r="GJF733" s="424"/>
      <c r="GJG733" s="424"/>
      <c r="GJH733" s="424"/>
      <c r="GJI733" s="423" t="s">
        <v>2795</v>
      </c>
      <c r="GJJ733" s="424"/>
      <c r="GJK733" s="424"/>
      <c r="GJL733" s="424"/>
      <c r="GJM733" s="423" t="s">
        <v>2795</v>
      </c>
      <c r="GJN733" s="424"/>
      <c r="GJO733" s="424"/>
      <c r="GJP733" s="424"/>
      <c r="GJQ733" s="423" t="s">
        <v>2795</v>
      </c>
      <c r="GJR733" s="424"/>
      <c r="GJS733" s="424"/>
      <c r="GJT733" s="424"/>
      <c r="GJU733" s="423" t="s">
        <v>2795</v>
      </c>
      <c r="GJV733" s="424"/>
      <c r="GJW733" s="424"/>
      <c r="GJX733" s="424"/>
      <c r="GJY733" s="423" t="s">
        <v>2795</v>
      </c>
      <c r="GJZ733" s="424"/>
      <c r="GKA733" s="424"/>
      <c r="GKB733" s="424"/>
      <c r="GKC733" s="423" t="s">
        <v>2795</v>
      </c>
      <c r="GKD733" s="424"/>
      <c r="GKE733" s="424"/>
      <c r="GKF733" s="424"/>
      <c r="GKG733" s="423" t="s">
        <v>2795</v>
      </c>
      <c r="GKH733" s="424"/>
      <c r="GKI733" s="424"/>
      <c r="GKJ733" s="424"/>
      <c r="GKK733" s="423" t="s">
        <v>2795</v>
      </c>
      <c r="GKL733" s="424"/>
      <c r="GKM733" s="424"/>
      <c r="GKN733" s="424"/>
      <c r="GKO733" s="423" t="s">
        <v>2795</v>
      </c>
      <c r="GKP733" s="424"/>
      <c r="GKQ733" s="424"/>
      <c r="GKR733" s="424"/>
      <c r="GKS733" s="423" t="s">
        <v>2795</v>
      </c>
      <c r="GKT733" s="424"/>
      <c r="GKU733" s="424"/>
      <c r="GKV733" s="424"/>
      <c r="GKW733" s="423" t="s">
        <v>2795</v>
      </c>
      <c r="GKX733" s="424"/>
      <c r="GKY733" s="424"/>
      <c r="GKZ733" s="424"/>
      <c r="GLA733" s="423" t="s">
        <v>2795</v>
      </c>
      <c r="GLB733" s="424"/>
      <c r="GLC733" s="424"/>
      <c r="GLD733" s="424"/>
      <c r="GLE733" s="423" t="s">
        <v>2795</v>
      </c>
      <c r="GLF733" s="424"/>
      <c r="GLG733" s="424"/>
      <c r="GLH733" s="424"/>
      <c r="GLI733" s="423" t="s">
        <v>2795</v>
      </c>
      <c r="GLJ733" s="424"/>
      <c r="GLK733" s="424"/>
      <c r="GLL733" s="424"/>
      <c r="GLM733" s="423" t="s">
        <v>2795</v>
      </c>
      <c r="GLN733" s="424"/>
      <c r="GLO733" s="424"/>
      <c r="GLP733" s="424"/>
      <c r="GLQ733" s="423" t="s">
        <v>2795</v>
      </c>
      <c r="GLR733" s="424"/>
      <c r="GLS733" s="424"/>
      <c r="GLT733" s="424"/>
      <c r="GLU733" s="423" t="s">
        <v>2795</v>
      </c>
      <c r="GLV733" s="424"/>
      <c r="GLW733" s="424"/>
      <c r="GLX733" s="424"/>
      <c r="GLY733" s="423" t="s">
        <v>2795</v>
      </c>
      <c r="GLZ733" s="424"/>
      <c r="GMA733" s="424"/>
      <c r="GMB733" s="424"/>
      <c r="GMC733" s="423" t="s">
        <v>2795</v>
      </c>
      <c r="GMD733" s="424"/>
      <c r="GME733" s="424"/>
      <c r="GMF733" s="424"/>
      <c r="GMG733" s="423" t="s">
        <v>2795</v>
      </c>
      <c r="GMH733" s="424"/>
      <c r="GMI733" s="424"/>
      <c r="GMJ733" s="424"/>
      <c r="GMK733" s="423" t="s">
        <v>2795</v>
      </c>
      <c r="GML733" s="424"/>
      <c r="GMM733" s="424"/>
      <c r="GMN733" s="424"/>
      <c r="GMO733" s="423" t="s">
        <v>2795</v>
      </c>
      <c r="GMP733" s="424"/>
      <c r="GMQ733" s="424"/>
      <c r="GMR733" s="424"/>
      <c r="GMS733" s="423" t="s">
        <v>2795</v>
      </c>
      <c r="GMT733" s="424"/>
      <c r="GMU733" s="424"/>
      <c r="GMV733" s="424"/>
      <c r="GMW733" s="423" t="s">
        <v>2795</v>
      </c>
      <c r="GMX733" s="424"/>
      <c r="GMY733" s="424"/>
      <c r="GMZ733" s="424"/>
      <c r="GNA733" s="423" t="s">
        <v>2795</v>
      </c>
      <c r="GNB733" s="424"/>
      <c r="GNC733" s="424"/>
      <c r="GND733" s="424"/>
      <c r="GNE733" s="423" t="s">
        <v>2795</v>
      </c>
      <c r="GNF733" s="424"/>
      <c r="GNG733" s="424"/>
      <c r="GNH733" s="424"/>
      <c r="GNI733" s="423" t="s">
        <v>2795</v>
      </c>
      <c r="GNJ733" s="424"/>
      <c r="GNK733" s="424"/>
      <c r="GNL733" s="424"/>
      <c r="GNM733" s="423" t="s">
        <v>2795</v>
      </c>
      <c r="GNN733" s="424"/>
      <c r="GNO733" s="424"/>
      <c r="GNP733" s="424"/>
      <c r="GNQ733" s="423" t="s">
        <v>2795</v>
      </c>
      <c r="GNR733" s="424"/>
      <c r="GNS733" s="424"/>
      <c r="GNT733" s="424"/>
      <c r="GNU733" s="423" t="s">
        <v>2795</v>
      </c>
      <c r="GNV733" s="424"/>
      <c r="GNW733" s="424"/>
      <c r="GNX733" s="424"/>
      <c r="GNY733" s="423" t="s">
        <v>2795</v>
      </c>
      <c r="GNZ733" s="424"/>
      <c r="GOA733" s="424"/>
      <c r="GOB733" s="424"/>
      <c r="GOC733" s="423" t="s">
        <v>2795</v>
      </c>
      <c r="GOD733" s="424"/>
      <c r="GOE733" s="424"/>
      <c r="GOF733" s="424"/>
      <c r="GOG733" s="423" t="s">
        <v>2795</v>
      </c>
      <c r="GOH733" s="424"/>
      <c r="GOI733" s="424"/>
      <c r="GOJ733" s="424"/>
      <c r="GOK733" s="423" t="s">
        <v>2795</v>
      </c>
      <c r="GOL733" s="424"/>
      <c r="GOM733" s="424"/>
      <c r="GON733" s="424"/>
      <c r="GOO733" s="423" t="s">
        <v>2795</v>
      </c>
      <c r="GOP733" s="424"/>
      <c r="GOQ733" s="424"/>
      <c r="GOR733" s="424"/>
      <c r="GOS733" s="423" t="s">
        <v>2795</v>
      </c>
      <c r="GOT733" s="424"/>
      <c r="GOU733" s="424"/>
      <c r="GOV733" s="424"/>
      <c r="GOW733" s="423" t="s">
        <v>2795</v>
      </c>
      <c r="GOX733" s="424"/>
      <c r="GOY733" s="424"/>
      <c r="GOZ733" s="424"/>
      <c r="GPA733" s="423" t="s">
        <v>2795</v>
      </c>
      <c r="GPB733" s="424"/>
      <c r="GPC733" s="424"/>
      <c r="GPD733" s="424"/>
      <c r="GPE733" s="423" t="s">
        <v>2795</v>
      </c>
      <c r="GPF733" s="424"/>
      <c r="GPG733" s="424"/>
      <c r="GPH733" s="424"/>
      <c r="GPI733" s="423" t="s">
        <v>2795</v>
      </c>
      <c r="GPJ733" s="424"/>
      <c r="GPK733" s="424"/>
      <c r="GPL733" s="424"/>
      <c r="GPM733" s="423" t="s">
        <v>2795</v>
      </c>
      <c r="GPN733" s="424"/>
      <c r="GPO733" s="424"/>
      <c r="GPP733" s="424"/>
      <c r="GPQ733" s="423" t="s">
        <v>2795</v>
      </c>
      <c r="GPR733" s="424"/>
      <c r="GPS733" s="424"/>
      <c r="GPT733" s="424"/>
      <c r="GPU733" s="423" t="s">
        <v>2795</v>
      </c>
      <c r="GPV733" s="424"/>
      <c r="GPW733" s="424"/>
      <c r="GPX733" s="424"/>
      <c r="GPY733" s="423" t="s">
        <v>2795</v>
      </c>
      <c r="GPZ733" s="424"/>
      <c r="GQA733" s="424"/>
      <c r="GQB733" s="424"/>
      <c r="GQC733" s="423" t="s">
        <v>2795</v>
      </c>
      <c r="GQD733" s="424"/>
      <c r="GQE733" s="424"/>
      <c r="GQF733" s="424"/>
      <c r="GQG733" s="423" t="s">
        <v>2795</v>
      </c>
      <c r="GQH733" s="424"/>
      <c r="GQI733" s="424"/>
      <c r="GQJ733" s="424"/>
      <c r="GQK733" s="423" t="s">
        <v>2795</v>
      </c>
      <c r="GQL733" s="424"/>
      <c r="GQM733" s="424"/>
      <c r="GQN733" s="424"/>
      <c r="GQO733" s="423" t="s">
        <v>2795</v>
      </c>
      <c r="GQP733" s="424"/>
      <c r="GQQ733" s="424"/>
      <c r="GQR733" s="424"/>
      <c r="GQS733" s="423" t="s">
        <v>2795</v>
      </c>
      <c r="GQT733" s="424"/>
      <c r="GQU733" s="424"/>
      <c r="GQV733" s="424"/>
      <c r="GQW733" s="423" t="s">
        <v>2795</v>
      </c>
      <c r="GQX733" s="424"/>
      <c r="GQY733" s="424"/>
      <c r="GQZ733" s="424"/>
      <c r="GRA733" s="423" t="s">
        <v>2795</v>
      </c>
      <c r="GRB733" s="424"/>
      <c r="GRC733" s="424"/>
      <c r="GRD733" s="424"/>
      <c r="GRE733" s="423" t="s">
        <v>2795</v>
      </c>
      <c r="GRF733" s="424"/>
      <c r="GRG733" s="424"/>
      <c r="GRH733" s="424"/>
      <c r="GRI733" s="423" t="s">
        <v>2795</v>
      </c>
      <c r="GRJ733" s="424"/>
      <c r="GRK733" s="424"/>
      <c r="GRL733" s="424"/>
      <c r="GRM733" s="423" t="s">
        <v>2795</v>
      </c>
      <c r="GRN733" s="424"/>
      <c r="GRO733" s="424"/>
      <c r="GRP733" s="424"/>
      <c r="GRQ733" s="423" t="s">
        <v>2795</v>
      </c>
      <c r="GRR733" s="424"/>
      <c r="GRS733" s="424"/>
      <c r="GRT733" s="424"/>
      <c r="GRU733" s="423" t="s">
        <v>2795</v>
      </c>
      <c r="GRV733" s="424"/>
      <c r="GRW733" s="424"/>
      <c r="GRX733" s="424"/>
      <c r="GRY733" s="423" t="s">
        <v>2795</v>
      </c>
      <c r="GRZ733" s="424"/>
      <c r="GSA733" s="424"/>
      <c r="GSB733" s="424"/>
      <c r="GSC733" s="423" t="s">
        <v>2795</v>
      </c>
      <c r="GSD733" s="424"/>
      <c r="GSE733" s="424"/>
      <c r="GSF733" s="424"/>
      <c r="GSG733" s="423" t="s">
        <v>2795</v>
      </c>
      <c r="GSH733" s="424"/>
      <c r="GSI733" s="424"/>
      <c r="GSJ733" s="424"/>
      <c r="GSK733" s="423" t="s">
        <v>2795</v>
      </c>
      <c r="GSL733" s="424"/>
      <c r="GSM733" s="424"/>
      <c r="GSN733" s="424"/>
      <c r="GSO733" s="423" t="s">
        <v>2795</v>
      </c>
      <c r="GSP733" s="424"/>
      <c r="GSQ733" s="424"/>
      <c r="GSR733" s="424"/>
      <c r="GSS733" s="423" t="s">
        <v>2795</v>
      </c>
      <c r="GST733" s="424"/>
      <c r="GSU733" s="424"/>
      <c r="GSV733" s="424"/>
      <c r="GSW733" s="423" t="s">
        <v>2795</v>
      </c>
      <c r="GSX733" s="424"/>
      <c r="GSY733" s="424"/>
      <c r="GSZ733" s="424"/>
      <c r="GTA733" s="423" t="s">
        <v>2795</v>
      </c>
      <c r="GTB733" s="424"/>
      <c r="GTC733" s="424"/>
      <c r="GTD733" s="424"/>
      <c r="GTE733" s="423" t="s">
        <v>2795</v>
      </c>
      <c r="GTF733" s="424"/>
      <c r="GTG733" s="424"/>
      <c r="GTH733" s="424"/>
      <c r="GTI733" s="423" t="s">
        <v>2795</v>
      </c>
      <c r="GTJ733" s="424"/>
      <c r="GTK733" s="424"/>
      <c r="GTL733" s="424"/>
      <c r="GTM733" s="423" t="s">
        <v>2795</v>
      </c>
      <c r="GTN733" s="424"/>
      <c r="GTO733" s="424"/>
      <c r="GTP733" s="424"/>
      <c r="GTQ733" s="423" t="s">
        <v>2795</v>
      </c>
      <c r="GTR733" s="424"/>
      <c r="GTS733" s="424"/>
      <c r="GTT733" s="424"/>
      <c r="GTU733" s="423" t="s">
        <v>2795</v>
      </c>
      <c r="GTV733" s="424"/>
      <c r="GTW733" s="424"/>
      <c r="GTX733" s="424"/>
      <c r="GTY733" s="423" t="s">
        <v>2795</v>
      </c>
      <c r="GTZ733" s="424"/>
      <c r="GUA733" s="424"/>
      <c r="GUB733" s="424"/>
      <c r="GUC733" s="423" t="s">
        <v>2795</v>
      </c>
      <c r="GUD733" s="424"/>
      <c r="GUE733" s="424"/>
      <c r="GUF733" s="424"/>
      <c r="GUG733" s="423" t="s">
        <v>2795</v>
      </c>
      <c r="GUH733" s="424"/>
      <c r="GUI733" s="424"/>
      <c r="GUJ733" s="424"/>
      <c r="GUK733" s="423" t="s">
        <v>2795</v>
      </c>
      <c r="GUL733" s="424"/>
      <c r="GUM733" s="424"/>
      <c r="GUN733" s="424"/>
      <c r="GUO733" s="423" t="s">
        <v>2795</v>
      </c>
      <c r="GUP733" s="424"/>
      <c r="GUQ733" s="424"/>
      <c r="GUR733" s="424"/>
      <c r="GUS733" s="423" t="s">
        <v>2795</v>
      </c>
      <c r="GUT733" s="424"/>
      <c r="GUU733" s="424"/>
      <c r="GUV733" s="424"/>
      <c r="GUW733" s="423" t="s">
        <v>2795</v>
      </c>
      <c r="GUX733" s="424"/>
      <c r="GUY733" s="424"/>
      <c r="GUZ733" s="424"/>
      <c r="GVA733" s="423" t="s">
        <v>2795</v>
      </c>
      <c r="GVB733" s="424"/>
      <c r="GVC733" s="424"/>
      <c r="GVD733" s="424"/>
      <c r="GVE733" s="423" t="s">
        <v>2795</v>
      </c>
      <c r="GVF733" s="424"/>
      <c r="GVG733" s="424"/>
      <c r="GVH733" s="424"/>
      <c r="GVI733" s="423" t="s">
        <v>2795</v>
      </c>
      <c r="GVJ733" s="424"/>
      <c r="GVK733" s="424"/>
      <c r="GVL733" s="424"/>
      <c r="GVM733" s="423" t="s">
        <v>2795</v>
      </c>
      <c r="GVN733" s="424"/>
      <c r="GVO733" s="424"/>
      <c r="GVP733" s="424"/>
      <c r="GVQ733" s="423" t="s">
        <v>2795</v>
      </c>
      <c r="GVR733" s="424"/>
      <c r="GVS733" s="424"/>
      <c r="GVT733" s="424"/>
      <c r="GVU733" s="423" t="s">
        <v>2795</v>
      </c>
      <c r="GVV733" s="424"/>
      <c r="GVW733" s="424"/>
      <c r="GVX733" s="424"/>
      <c r="GVY733" s="423" t="s">
        <v>2795</v>
      </c>
      <c r="GVZ733" s="424"/>
      <c r="GWA733" s="424"/>
      <c r="GWB733" s="424"/>
      <c r="GWC733" s="423" t="s">
        <v>2795</v>
      </c>
      <c r="GWD733" s="424"/>
      <c r="GWE733" s="424"/>
      <c r="GWF733" s="424"/>
      <c r="GWG733" s="423" t="s">
        <v>2795</v>
      </c>
      <c r="GWH733" s="424"/>
      <c r="GWI733" s="424"/>
      <c r="GWJ733" s="424"/>
      <c r="GWK733" s="423" t="s">
        <v>2795</v>
      </c>
      <c r="GWL733" s="424"/>
      <c r="GWM733" s="424"/>
      <c r="GWN733" s="424"/>
      <c r="GWO733" s="423" t="s">
        <v>2795</v>
      </c>
      <c r="GWP733" s="424"/>
      <c r="GWQ733" s="424"/>
      <c r="GWR733" s="424"/>
      <c r="GWS733" s="423" t="s">
        <v>2795</v>
      </c>
      <c r="GWT733" s="424"/>
      <c r="GWU733" s="424"/>
      <c r="GWV733" s="424"/>
      <c r="GWW733" s="423" t="s">
        <v>2795</v>
      </c>
      <c r="GWX733" s="424"/>
      <c r="GWY733" s="424"/>
      <c r="GWZ733" s="424"/>
      <c r="GXA733" s="423" t="s">
        <v>2795</v>
      </c>
      <c r="GXB733" s="424"/>
      <c r="GXC733" s="424"/>
      <c r="GXD733" s="424"/>
      <c r="GXE733" s="423" t="s">
        <v>2795</v>
      </c>
      <c r="GXF733" s="424"/>
      <c r="GXG733" s="424"/>
      <c r="GXH733" s="424"/>
      <c r="GXI733" s="423" t="s">
        <v>2795</v>
      </c>
      <c r="GXJ733" s="424"/>
      <c r="GXK733" s="424"/>
      <c r="GXL733" s="424"/>
      <c r="GXM733" s="423" t="s">
        <v>2795</v>
      </c>
      <c r="GXN733" s="424"/>
      <c r="GXO733" s="424"/>
      <c r="GXP733" s="424"/>
      <c r="GXQ733" s="423" t="s">
        <v>2795</v>
      </c>
      <c r="GXR733" s="424"/>
      <c r="GXS733" s="424"/>
      <c r="GXT733" s="424"/>
      <c r="GXU733" s="423" t="s">
        <v>2795</v>
      </c>
      <c r="GXV733" s="424"/>
      <c r="GXW733" s="424"/>
      <c r="GXX733" s="424"/>
      <c r="GXY733" s="423" t="s">
        <v>2795</v>
      </c>
      <c r="GXZ733" s="424"/>
      <c r="GYA733" s="424"/>
      <c r="GYB733" s="424"/>
      <c r="GYC733" s="423" t="s">
        <v>2795</v>
      </c>
      <c r="GYD733" s="424"/>
      <c r="GYE733" s="424"/>
      <c r="GYF733" s="424"/>
      <c r="GYG733" s="423" t="s">
        <v>2795</v>
      </c>
      <c r="GYH733" s="424"/>
      <c r="GYI733" s="424"/>
      <c r="GYJ733" s="424"/>
      <c r="GYK733" s="423" t="s">
        <v>2795</v>
      </c>
      <c r="GYL733" s="424"/>
      <c r="GYM733" s="424"/>
      <c r="GYN733" s="424"/>
      <c r="GYO733" s="423" t="s">
        <v>2795</v>
      </c>
      <c r="GYP733" s="424"/>
      <c r="GYQ733" s="424"/>
      <c r="GYR733" s="424"/>
      <c r="GYS733" s="423" t="s">
        <v>2795</v>
      </c>
      <c r="GYT733" s="424"/>
      <c r="GYU733" s="424"/>
      <c r="GYV733" s="424"/>
      <c r="GYW733" s="423" t="s">
        <v>2795</v>
      </c>
      <c r="GYX733" s="424"/>
      <c r="GYY733" s="424"/>
      <c r="GYZ733" s="424"/>
      <c r="GZA733" s="423" t="s">
        <v>2795</v>
      </c>
      <c r="GZB733" s="424"/>
      <c r="GZC733" s="424"/>
      <c r="GZD733" s="424"/>
      <c r="GZE733" s="423" t="s">
        <v>2795</v>
      </c>
      <c r="GZF733" s="424"/>
      <c r="GZG733" s="424"/>
      <c r="GZH733" s="424"/>
      <c r="GZI733" s="423" t="s">
        <v>2795</v>
      </c>
      <c r="GZJ733" s="424"/>
      <c r="GZK733" s="424"/>
      <c r="GZL733" s="424"/>
      <c r="GZM733" s="423" t="s">
        <v>2795</v>
      </c>
      <c r="GZN733" s="424"/>
      <c r="GZO733" s="424"/>
      <c r="GZP733" s="424"/>
      <c r="GZQ733" s="423" t="s">
        <v>2795</v>
      </c>
      <c r="GZR733" s="424"/>
      <c r="GZS733" s="424"/>
      <c r="GZT733" s="424"/>
      <c r="GZU733" s="423" t="s">
        <v>2795</v>
      </c>
      <c r="GZV733" s="424"/>
      <c r="GZW733" s="424"/>
      <c r="GZX733" s="424"/>
      <c r="GZY733" s="423" t="s">
        <v>2795</v>
      </c>
      <c r="GZZ733" s="424"/>
      <c r="HAA733" s="424"/>
      <c r="HAB733" s="424"/>
      <c r="HAC733" s="423" t="s">
        <v>2795</v>
      </c>
      <c r="HAD733" s="424"/>
      <c r="HAE733" s="424"/>
      <c r="HAF733" s="424"/>
      <c r="HAG733" s="423" t="s">
        <v>2795</v>
      </c>
      <c r="HAH733" s="424"/>
      <c r="HAI733" s="424"/>
      <c r="HAJ733" s="424"/>
      <c r="HAK733" s="423" t="s">
        <v>2795</v>
      </c>
      <c r="HAL733" s="424"/>
      <c r="HAM733" s="424"/>
      <c r="HAN733" s="424"/>
      <c r="HAO733" s="423" t="s">
        <v>2795</v>
      </c>
      <c r="HAP733" s="424"/>
      <c r="HAQ733" s="424"/>
      <c r="HAR733" s="424"/>
      <c r="HAS733" s="423" t="s">
        <v>2795</v>
      </c>
      <c r="HAT733" s="424"/>
      <c r="HAU733" s="424"/>
      <c r="HAV733" s="424"/>
      <c r="HAW733" s="423" t="s">
        <v>2795</v>
      </c>
      <c r="HAX733" s="424"/>
      <c r="HAY733" s="424"/>
      <c r="HAZ733" s="424"/>
      <c r="HBA733" s="423" t="s">
        <v>2795</v>
      </c>
      <c r="HBB733" s="424"/>
      <c r="HBC733" s="424"/>
      <c r="HBD733" s="424"/>
      <c r="HBE733" s="423" t="s">
        <v>2795</v>
      </c>
      <c r="HBF733" s="424"/>
      <c r="HBG733" s="424"/>
      <c r="HBH733" s="424"/>
      <c r="HBI733" s="423" t="s">
        <v>2795</v>
      </c>
      <c r="HBJ733" s="424"/>
      <c r="HBK733" s="424"/>
      <c r="HBL733" s="424"/>
      <c r="HBM733" s="423" t="s">
        <v>2795</v>
      </c>
      <c r="HBN733" s="424"/>
      <c r="HBO733" s="424"/>
      <c r="HBP733" s="424"/>
      <c r="HBQ733" s="423" t="s">
        <v>2795</v>
      </c>
      <c r="HBR733" s="424"/>
      <c r="HBS733" s="424"/>
      <c r="HBT733" s="424"/>
      <c r="HBU733" s="423" t="s">
        <v>2795</v>
      </c>
      <c r="HBV733" s="424"/>
      <c r="HBW733" s="424"/>
      <c r="HBX733" s="424"/>
      <c r="HBY733" s="423" t="s">
        <v>2795</v>
      </c>
      <c r="HBZ733" s="424"/>
      <c r="HCA733" s="424"/>
      <c r="HCB733" s="424"/>
      <c r="HCC733" s="423" t="s">
        <v>2795</v>
      </c>
      <c r="HCD733" s="424"/>
      <c r="HCE733" s="424"/>
      <c r="HCF733" s="424"/>
      <c r="HCG733" s="423" t="s">
        <v>2795</v>
      </c>
      <c r="HCH733" s="424"/>
      <c r="HCI733" s="424"/>
      <c r="HCJ733" s="424"/>
      <c r="HCK733" s="423" t="s">
        <v>2795</v>
      </c>
      <c r="HCL733" s="424"/>
      <c r="HCM733" s="424"/>
      <c r="HCN733" s="424"/>
      <c r="HCO733" s="423" t="s">
        <v>2795</v>
      </c>
      <c r="HCP733" s="424"/>
      <c r="HCQ733" s="424"/>
      <c r="HCR733" s="424"/>
      <c r="HCS733" s="423" t="s">
        <v>2795</v>
      </c>
      <c r="HCT733" s="424"/>
      <c r="HCU733" s="424"/>
      <c r="HCV733" s="424"/>
      <c r="HCW733" s="423" t="s">
        <v>2795</v>
      </c>
      <c r="HCX733" s="424"/>
      <c r="HCY733" s="424"/>
      <c r="HCZ733" s="424"/>
      <c r="HDA733" s="423" t="s">
        <v>2795</v>
      </c>
      <c r="HDB733" s="424"/>
      <c r="HDC733" s="424"/>
      <c r="HDD733" s="424"/>
      <c r="HDE733" s="423" t="s">
        <v>2795</v>
      </c>
      <c r="HDF733" s="424"/>
      <c r="HDG733" s="424"/>
      <c r="HDH733" s="424"/>
      <c r="HDI733" s="423" t="s">
        <v>2795</v>
      </c>
      <c r="HDJ733" s="424"/>
      <c r="HDK733" s="424"/>
      <c r="HDL733" s="424"/>
      <c r="HDM733" s="423" t="s">
        <v>2795</v>
      </c>
      <c r="HDN733" s="424"/>
      <c r="HDO733" s="424"/>
      <c r="HDP733" s="424"/>
      <c r="HDQ733" s="423" t="s">
        <v>2795</v>
      </c>
      <c r="HDR733" s="424"/>
      <c r="HDS733" s="424"/>
      <c r="HDT733" s="424"/>
      <c r="HDU733" s="423" t="s">
        <v>2795</v>
      </c>
      <c r="HDV733" s="424"/>
      <c r="HDW733" s="424"/>
      <c r="HDX733" s="424"/>
      <c r="HDY733" s="423" t="s">
        <v>2795</v>
      </c>
      <c r="HDZ733" s="424"/>
      <c r="HEA733" s="424"/>
      <c r="HEB733" s="424"/>
      <c r="HEC733" s="423" t="s">
        <v>2795</v>
      </c>
      <c r="HED733" s="424"/>
      <c r="HEE733" s="424"/>
      <c r="HEF733" s="424"/>
      <c r="HEG733" s="423" t="s">
        <v>2795</v>
      </c>
      <c r="HEH733" s="424"/>
      <c r="HEI733" s="424"/>
      <c r="HEJ733" s="424"/>
      <c r="HEK733" s="423" t="s">
        <v>2795</v>
      </c>
      <c r="HEL733" s="424"/>
      <c r="HEM733" s="424"/>
      <c r="HEN733" s="424"/>
      <c r="HEO733" s="423" t="s">
        <v>2795</v>
      </c>
      <c r="HEP733" s="424"/>
      <c r="HEQ733" s="424"/>
      <c r="HER733" s="424"/>
      <c r="HES733" s="423" t="s">
        <v>2795</v>
      </c>
      <c r="HET733" s="424"/>
      <c r="HEU733" s="424"/>
      <c r="HEV733" s="424"/>
      <c r="HEW733" s="423" t="s">
        <v>2795</v>
      </c>
      <c r="HEX733" s="424"/>
      <c r="HEY733" s="424"/>
      <c r="HEZ733" s="424"/>
      <c r="HFA733" s="423" t="s">
        <v>2795</v>
      </c>
      <c r="HFB733" s="424"/>
      <c r="HFC733" s="424"/>
      <c r="HFD733" s="424"/>
      <c r="HFE733" s="423" t="s">
        <v>2795</v>
      </c>
      <c r="HFF733" s="424"/>
      <c r="HFG733" s="424"/>
      <c r="HFH733" s="424"/>
      <c r="HFI733" s="423" t="s">
        <v>2795</v>
      </c>
      <c r="HFJ733" s="424"/>
      <c r="HFK733" s="424"/>
      <c r="HFL733" s="424"/>
      <c r="HFM733" s="423" t="s">
        <v>2795</v>
      </c>
      <c r="HFN733" s="424"/>
      <c r="HFO733" s="424"/>
      <c r="HFP733" s="424"/>
      <c r="HFQ733" s="423" t="s">
        <v>2795</v>
      </c>
      <c r="HFR733" s="424"/>
      <c r="HFS733" s="424"/>
      <c r="HFT733" s="424"/>
      <c r="HFU733" s="423" t="s">
        <v>2795</v>
      </c>
      <c r="HFV733" s="424"/>
      <c r="HFW733" s="424"/>
      <c r="HFX733" s="424"/>
      <c r="HFY733" s="423" t="s">
        <v>2795</v>
      </c>
      <c r="HFZ733" s="424"/>
      <c r="HGA733" s="424"/>
      <c r="HGB733" s="424"/>
      <c r="HGC733" s="423" t="s">
        <v>2795</v>
      </c>
      <c r="HGD733" s="424"/>
      <c r="HGE733" s="424"/>
      <c r="HGF733" s="424"/>
      <c r="HGG733" s="423" t="s">
        <v>2795</v>
      </c>
      <c r="HGH733" s="424"/>
      <c r="HGI733" s="424"/>
      <c r="HGJ733" s="424"/>
      <c r="HGK733" s="423" t="s">
        <v>2795</v>
      </c>
      <c r="HGL733" s="424"/>
      <c r="HGM733" s="424"/>
      <c r="HGN733" s="424"/>
      <c r="HGO733" s="423" t="s">
        <v>2795</v>
      </c>
      <c r="HGP733" s="424"/>
      <c r="HGQ733" s="424"/>
      <c r="HGR733" s="424"/>
      <c r="HGS733" s="423" t="s">
        <v>2795</v>
      </c>
      <c r="HGT733" s="424"/>
      <c r="HGU733" s="424"/>
      <c r="HGV733" s="424"/>
      <c r="HGW733" s="423" t="s">
        <v>2795</v>
      </c>
      <c r="HGX733" s="424"/>
      <c r="HGY733" s="424"/>
      <c r="HGZ733" s="424"/>
      <c r="HHA733" s="423" t="s">
        <v>2795</v>
      </c>
      <c r="HHB733" s="424"/>
      <c r="HHC733" s="424"/>
      <c r="HHD733" s="424"/>
      <c r="HHE733" s="423" t="s">
        <v>2795</v>
      </c>
      <c r="HHF733" s="424"/>
      <c r="HHG733" s="424"/>
      <c r="HHH733" s="424"/>
      <c r="HHI733" s="423" t="s">
        <v>2795</v>
      </c>
      <c r="HHJ733" s="424"/>
      <c r="HHK733" s="424"/>
      <c r="HHL733" s="424"/>
      <c r="HHM733" s="423" t="s">
        <v>2795</v>
      </c>
      <c r="HHN733" s="424"/>
      <c r="HHO733" s="424"/>
      <c r="HHP733" s="424"/>
      <c r="HHQ733" s="423" t="s">
        <v>2795</v>
      </c>
      <c r="HHR733" s="424"/>
      <c r="HHS733" s="424"/>
      <c r="HHT733" s="424"/>
      <c r="HHU733" s="423" t="s">
        <v>2795</v>
      </c>
      <c r="HHV733" s="424"/>
      <c r="HHW733" s="424"/>
      <c r="HHX733" s="424"/>
      <c r="HHY733" s="423" t="s">
        <v>2795</v>
      </c>
      <c r="HHZ733" s="424"/>
      <c r="HIA733" s="424"/>
      <c r="HIB733" s="424"/>
      <c r="HIC733" s="423" t="s">
        <v>2795</v>
      </c>
      <c r="HID733" s="424"/>
      <c r="HIE733" s="424"/>
      <c r="HIF733" s="424"/>
      <c r="HIG733" s="423" t="s">
        <v>2795</v>
      </c>
      <c r="HIH733" s="424"/>
      <c r="HII733" s="424"/>
      <c r="HIJ733" s="424"/>
      <c r="HIK733" s="423" t="s">
        <v>2795</v>
      </c>
      <c r="HIL733" s="424"/>
      <c r="HIM733" s="424"/>
      <c r="HIN733" s="424"/>
      <c r="HIO733" s="423" t="s">
        <v>2795</v>
      </c>
      <c r="HIP733" s="424"/>
      <c r="HIQ733" s="424"/>
      <c r="HIR733" s="424"/>
      <c r="HIS733" s="423" t="s">
        <v>2795</v>
      </c>
      <c r="HIT733" s="424"/>
      <c r="HIU733" s="424"/>
      <c r="HIV733" s="424"/>
      <c r="HIW733" s="423" t="s">
        <v>2795</v>
      </c>
      <c r="HIX733" s="424"/>
      <c r="HIY733" s="424"/>
      <c r="HIZ733" s="424"/>
      <c r="HJA733" s="423" t="s">
        <v>2795</v>
      </c>
      <c r="HJB733" s="424"/>
      <c r="HJC733" s="424"/>
      <c r="HJD733" s="424"/>
      <c r="HJE733" s="423" t="s">
        <v>2795</v>
      </c>
      <c r="HJF733" s="424"/>
      <c r="HJG733" s="424"/>
      <c r="HJH733" s="424"/>
      <c r="HJI733" s="423" t="s">
        <v>2795</v>
      </c>
      <c r="HJJ733" s="424"/>
      <c r="HJK733" s="424"/>
      <c r="HJL733" s="424"/>
      <c r="HJM733" s="423" t="s">
        <v>2795</v>
      </c>
      <c r="HJN733" s="424"/>
      <c r="HJO733" s="424"/>
      <c r="HJP733" s="424"/>
      <c r="HJQ733" s="423" t="s">
        <v>2795</v>
      </c>
      <c r="HJR733" s="424"/>
      <c r="HJS733" s="424"/>
      <c r="HJT733" s="424"/>
      <c r="HJU733" s="423" t="s">
        <v>2795</v>
      </c>
      <c r="HJV733" s="424"/>
      <c r="HJW733" s="424"/>
      <c r="HJX733" s="424"/>
      <c r="HJY733" s="423" t="s">
        <v>2795</v>
      </c>
      <c r="HJZ733" s="424"/>
      <c r="HKA733" s="424"/>
      <c r="HKB733" s="424"/>
      <c r="HKC733" s="423" t="s">
        <v>2795</v>
      </c>
      <c r="HKD733" s="424"/>
      <c r="HKE733" s="424"/>
      <c r="HKF733" s="424"/>
      <c r="HKG733" s="423" t="s">
        <v>2795</v>
      </c>
      <c r="HKH733" s="424"/>
      <c r="HKI733" s="424"/>
      <c r="HKJ733" s="424"/>
      <c r="HKK733" s="423" t="s">
        <v>2795</v>
      </c>
      <c r="HKL733" s="424"/>
      <c r="HKM733" s="424"/>
      <c r="HKN733" s="424"/>
      <c r="HKO733" s="423" t="s">
        <v>2795</v>
      </c>
      <c r="HKP733" s="424"/>
      <c r="HKQ733" s="424"/>
      <c r="HKR733" s="424"/>
      <c r="HKS733" s="423" t="s">
        <v>2795</v>
      </c>
      <c r="HKT733" s="424"/>
      <c r="HKU733" s="424"/>
      <c r="HKV733" s="424"/>
      <c r="HKW733" s="423" t="s">
        <v>2795</v>
      </c>
      <c r="HKX733" s="424"/>
      <c r="HKY733" s="424"/>
      <c r="HKZ733" s="424"/>
      <c r="HLA733" s="423" t="s">
        <v>2795</v>
      </c>
      <c r="HLB733" s="424"/>
      <c r="HLC733" s="424"/>
      <c r="HLD733" s="424"/>
      <c r="HLE733" s="423" t="s">
        <v>2795</v>
      </c>
      <c r="HLF733" s="424"/>
      <c r="HLG733" s="424"/>
      <c r="HLH733" s="424"/>
      <c r="HLI733" s="423" t="s">
        <v>2795</v>
      </c>
      <c r="HLJ733" s="424"/>
      <c r="HLK733" s="424"/>
      <c r="HLL733" s="424"/>
      <c r="HLM733" s="423" t="s">
        <v>2795</v>
      </c>
      <c r="HLN733" s="424"/>
      <c r="HLO733" s="424"/>
      <c r="HLP733" s="424"/>
      <c r="HLQ733" s="423" t="s">
        <v>2795</v>
      </c>
      <c r="HLR733" s="424"/>
      <c r="HLS733" s="424"/>
      <c r="HLT733" s="424"/>
      <c r="HLU733" s="423" t="s">
        <v>2795</v>
      </c>
      <c r="HLV733" s="424"/>
      <c r="HLW733" s="424"/>
      <c r="HLX733" s="424"/>
      <c r="HLY733" s="423" t="s">
        <v>2795</v>
      </c>
      <c r="HLZ733" s="424"/>
      <c r="HMA733" s="424"/>
      <c r="HMB733" s="424"/>
      <c r="HMC733" s="423" t="s">
        <v>2795</v>
      </c>
      <c r="HMD733" s="424"/>
      <c r="HME733" s="424"/>
      <c r="HMF733" s="424"/>
      <c r="HMG733" s="423" t="s">
        <v>2795</v>
      </c>
      <c r="HMH733" s="424"/>
      <c r="HMI733" s="424"/>
      <c r="HMJ733" s="424"/>
      <c r="HMK733" s="423" t="s">
        <v>2795</v>
      </c>
      <c r="HML733" s="424"/>
      <c r="HMM733" s="424"/>
      <c r="HMN733" s="424"/>
      <c r="HMO733" s="423" t="s">
        <v>2795</v>
      </c>
      <c r="HMP733" s="424"/>
      <c r="HMQ733" s="424"/>
      <c r="HMR733" s="424"/>
      <c r="HMS733" s="423" t="s">
        <v>2795</v>
      </c>
      <c r="HMT733" s="424"/>
      <c r="HMU733" s="424"/>
      <c r="HMV733" s="424"/>
      <c r="HMW733" s="423" t="s">
        <v>2795</v>
      </c>
      <c r="HMX733" s="424"/>
      <c r="HMY733" s="424"/>
      <c r="HMZ733" s="424"/>
      <c r="HNA733" s="423" t="s">
        <v>2795</v>
      </c>
      <c r="HNB733" s="424"/>
      <c r="HNC733" s="424"/>
      <c r="HND733" s="424"/>
      <c r="HNE733" s="423" t="s">
        <v>2795</v>
      </c>
      <c r="HNF733" s="424"/>
      <c r="HNG733" s="424"/>
      <c r="HNH733" s="424"/>
      <c r="HNI733" s="423" t="s">
        <v>2795</v>
      </c>
      <c r="HNJ733" s="424"/>
      <c r="HNK733" s="424"/>
      <c r="HNL733" s="424"/>
      <c r="HNM733" s="423" t="s">
        <v>2795</v>
      </c>
      <c r="HNN733" s="424"/>
      <c r="HNO733" s="424"/>
      <c r="HNP733" s="424"/>
      <c r="HNQ733" s="423" t="s">
        <v>2795</v>
      </c>
      <c r="HNR733" s="424"/>
      <c r="HNS733" s="424"/>
      <c r="HNT733" s="424"/>
      <c r="HNU733" s="423" t="s">
        <v>2795</v>
      </c>
      <c r="HNV733" s="424"/>
      <c r="HNW733" s="424"/>
      <c r="HNX733" s="424"/>
      <c r="HNY733" s="423" t="s">
        <v>2795</v>
      </c>
      <c r="HNZ733" s="424"/>
      <c r="HOA733" s="424"/>
      <c r="HOB733" s="424"/>
      <c r="HOC733" s="423" t="s">
        <v>2795</v>
      </c>
      <c r="HOD733" s="424"/>
      <c r="HOE733" s="424"/>
      <c r="HOF733" s="424"/>
      <c r="HOG733" s="423" t="s">
        <v>2795</v>
      </c>
      <c r="HOH733" s="424"/>
      <c r="HOI733" s="424"/>
      <c r="HOJ733" s="424"/>
      <c r="HOK733" s="423" t="s">
        <v>2795</v>
      </c>
      <c r="HOL733" s="424"/>
      <c r="HOM733" s="424"/>
      <c r="HON733" s="424"/>
      <c r="HOO733" s="423" t="s">
        <v>2795</v>
      </c>
      <c r="HOP733" s="424"/>
      <c r="HOQ733" s="424"/>
      <c r="HOR733" s="424"/>
      <c r="HOS733" s="423" t="s">
        <v>2795</v>
      </c>
      <c r="HOT733" s="424"/>
      <c r="HOU733" s="424"/>
      <c r="HOV733" s="424"/>
      <c r="HOW733" s="423" t="s">
        <v>2795</v>
      </c>
      <c r="HOX733" s="424"/>
      <c r="HOY733" s="424"/>
      <c r="HOZ733" s="424"/>
      <c r="HPA733" s="423" t="s">
        <v>2795</v>
      </c>
      <c r="HPB733" s="424"/>
      <c r="HPC733" s="424"/>
      <c r="HPD733" s="424"/>
      <c r="HPE733" s="423" t="s">
        <v>2795</v>
      </c>
      <c r="HPF733" s="424"/>
      <c r="HPG733" s="424"/>
      <c r="HPH733" s="424"/>
      <c r="HPI733" s="423" t="s">
        <v>2795</v>
      </c>
      <c r="HPJ733" s="424"/>
      <c r="HPK733" s="424"/>
      <c r="HPL733" s="424"/>
      <c r="HPM733" s="423" t="s">
        <v>2795</v>
      </c>
      <c r="HPN733" s="424"/>
      <c r="HPO733" s="424"/>
      <c r="HPP733" s="424"/>
      <c r="HPQ733" s="423" t="s">
        <v>2795</v>
      </c>
      <c r="HPR733" s="424"/>
      <c r="HPS733" s="424"/>
      <c r="HPT733" s="424"/>
      <c r="HPU733" s="423" t="s">
        <v>2795</v>
      </c>
      <c r="HPV733" s="424"/>
      <c r="HPW733" s="424"/>
      <c r="HPX733" s="424"/>
      <c r="HPY733" s="423" t="s">
        <v>2795</v>
      </c>
      <c r="HPZ733" s="424"/>
      <c r="HQA733" s="424"/>
      <c r="HQB733" s="424"/>
      <c r="HQC733" s="423" t="s">
        <v>2795</v>
      </c>
      <c r="HQD733" s="424"/>
      <c r="HQE733" s="424"/>
      <c r="HQF733" s="424"/>
      <c r="HQG733" s="423" t="s">
        <v>2795</v>
      </c>
      <c r="HQH733" s="424"/>
      <c r="HQI733" s="424"/>
      <c r="HQJ733" s="424"/>
      <c r="HQK733" s="423" t="s">
        <v>2795</v>
      </c>
      <c r="HQL733" s="424"/>
      <c r="HQM733" s="424"/>
      <c r="HQN733" s="424"/>
      <c r="HQO733" s="423" t="s">
        <v>2795</v>
      </c>
      <c r="HQP733" s="424"/>
      <c r="HQQ733" s="424"/>
      <c r="HQR733" s="424"/>
      <c r="HQS733" s="423" t="s">
        <v>2795</v>
      </c>
      <c r="HQT733" s="424"/>
      <c r="HQU733" s="424"/>
      <c r="HQV733" s="424"/>
      <c r="HQW733" s="423" t="s">
        <v>2795</v>
      </c>
      <c r="HQX733" s="424"/>
      <c r="HQY733" s="424"/>
      <c r="HQZ733" s="424"/>
      <c r="HRA733" s="423" t="s">
        <v>2795</v>
      </c>
      <c r="HRB733" s="424"/>
      <c r="HRC733" s="424"/>
      <c r="HRD733" s="424"/>
      <c r="HRE733" s="423" t="s">
        <v>2795</v>
      </c>
      <c r="HRF733" s="424"/>
      <c r="HRG733" s="424"/>
      <c r="HRH733" s="424"/>
      <c r="HRI733" s="423" t="s">
        <v>2795</v>
      </c>
      <c r="HRJ733" s="424"/>
      <c r="HRK733" s="424"/>
      <c r="HRL733" s="424"/>
      <c r="HRM733" s="423" t="s">
        <v>2795</v>
      </c>
      <c r="HRN733" s="424"/>
      <c r="HRO733" s="424"/>
      <c r="HRP733" s="424"/>
      <c r="HRQ733" s="423" t="s">
        <v>2795</v>
      </c>
      <c r="HRR733" s="424"/>
      <c r="HRS733" s="424"/>
      <c r="HRT733" s="424"/>
      <c r="HRU733" s="423" t="s">
        <v>2795</v>
      </c>
      <c r="HRV733" s="424"/>
      <c r="HRW733" s="424"/>
      <c r="HRX733" s="424"/>
      <c r="HRY733" s="423" t="s">
        <v>2795</v>
      </c>
      <c r="HRZ733" s="424"/>
      <c r="HSA733" s="424"/>
      <c r="HSB733" s="424"/>
      <c r="HSC733" s="423" t="s">
        <v>2795</v>
      </c>
      <c r="HSD733" s="424"/>
      <c r="HSE733" s="424"/>
      <c r="HSF733" s="424"/>
      <c r="HSG733" s="423" t="s">
        <v>2795</v>
      </c>
      <c r="HSH733" s="424"/>
      <c r="HSI733" s="424"/>
      <c r="HSJ733" s="424"/>
      <c r="HSK733" s="423" t="s">
        <v>2795</v>
      </c>
      <c r="HSL733" s="424"/>
      <c r="HSM733" s="424"/>
      <c r="HSN733" s="424"/>
      <c r="HSO733" s="423" t="s">
        <v>2795</v>
      </c>
      <c r="HSP733" s="424"/>
      <c r="HSQ733" s="424"/>
      <c r="HSR733" s="424"/>
      <c r="HSS733" s="423" t="s">
        <v>2795</v>
      </c>
      <c r="HST733" s="424"/>
      <c r="HSU733" s="424"/>
      <c r="HSV733" s="424"/>
      <c r="HSW733" s="423" t="s">
        <v>2795</v>
      </c>
      <c r="HSX733" s="424"/>
      <c r="HSY733" s="424"/>
      <c r="HSZ733" s="424"/>
      <c r="HTA733" s="423" t="s">
        <v>2795</v>
      </c>
      <c r="HTB733" s="424"/>
      <c r="HTC733" s="424"/>
      <c r="HTD733" s="424"/>
      <c r="HTE733" s="423" t="s">
        <v>2795</v>
      </c>
      <c r="HTF733" s="424"/>
      <c r="HTG733" s="424"/>
      <c r="HTH733" s="424"/>
      <c r="HTI733" s="423" t="s">
        <v>2795</v>
      </c>
      <c r="HTJ733" s="424"/>
      <c r="HTK733" s="424"/>
      <c r="HTL733" s="424"/>
      <c r="HTM733" s="423" t="s">
        <v>2795</v>
      </c>
      <c r="HTN733" s="424"/>
      <c r="HTO733" s="424"/>
      <c r="HTP733" s="424"/>
      <c r="HTQ733" s="423" t="s">
        <v>2795</v>
      </c>
      <c r="HTR733" s="424"/>
      <c r="HTS733" s="424"/>
      <c r="HTT733" s="424"/>
      <c r="HTU733" s="423" t="s">
        <v>2795</v>
      </c>
      <c r="HTV733" s="424"/>
      <c r="HTW733" s="424"/>
      <c r="HTX733" s="424"/>
      <c r="HTY733" s="423" t="s">
        <v>2795</v>
      </c>
      <c r="HTZ733" s="424"/>
      <c r="HUA733" s="424"/>
      <c r="HUB733" s="424"/>
      <c r="HUC733" s="423" t="s">
        <v>2795</v>
      </c>
      <c r="HUD733" s="424"/>
      <c r="HUE733" s="424"/>
      <c r="HUF733" s="424"/>
      <c r="HUG733" s="423" t="s">
        <v>2795</v>
      </c>
      <c r="HUH733" s="424"/>
      <c r="HUI733" s="424"/>
      <c r="HUJ733" s="424"/>
      <c r="HUK733" s="423" t="s">
        <v>2795</v>
      </c>
      <c r="HUL733" s="424"/>
      <c r="HUM733" s="424"/>
      <c r="HUN733" s="424"/>
      <c r="HUO733" s="423" t="s">
        <v>2795</v>
      </c>
      <c r="HUP733" s="424"/>
      <c r="HUQ733" s="424"/>
      <c r="HUR733" s="424"/>
      <c r="HUS733" s="423" t="s">
        <v>2795</v>
      </c>
      <c r="HUT733" s="424"/>
      <c r="HUU733" s="424"/>
      <c r="HUV733" s="424"/>
      <c r="HUW733" s="423" t="s">
        <v>2795</v>
      </c>
      <c r="HUX733" s="424"/>
      <c r="HUY733" s="424"/>
      <c r="HUZ733" s="424"/>
      <c r="HVA733" s="423" t="s">
        <v>2795</v>
      </c>
      <c r="HVB733" s="424"/>
      <c r="HVC733" s="424"/>
      <c r="HVD733" s="424"/>
      <c r="HVE733" s="423" t="s">
        <v>2795</v>
      </c>
      <c r="HVF733" s="424"/>
      <c r="HVG733" s="424"/>
      <c r="HVH733" s="424"/>
      <c r="HVI733" s="423" t="s">
        <v>2795</v>
      </c>
      <c r="HVJ733" s="424"/>
      <c r="HVK733" s="424"/>
      <c r="HVL733" s="424"/>
      <c r="HVM733" s="423" t="s">
        <v>2795</v>
      </c>
      <c r="HVN733" s="424"/>
      <c r="HVO733" s="424"/>
      <c r="HVP733" s="424"/>
      <c r="HVQ733" s="423" t="s">
        <v>2795</v>
      </c>
      <c r="HVR733" s="424"/>
      <c r="HVS733" s="424"/>
      <c r="HVT733" s="424"/>
      <c r="HVU733" s="423" t="s">
        <v>2795</v>
      </c>
      <c r="HVV733" s="424"/>
      <c r="HVW733" s="424"/>
      <c r="HVX733" s="424"/>
      <c r="HVY733" s="423" t="s">
        <v>2795</v>
      </c>
      <c r="HVZ733" s="424"/>
      <c r="HWA733" s="424"/>
      <c r="HWB733" s="424"/>
      <c r="HWC733" s="423" t="s">
        <v>2795</v>
      </c>
      <c r="HWD733" s="424"/>
      <c r="HWE733" s="424"/>
      <c r="HWF733" s="424"/>
      <c r="HWG733" s="423" t="s">
        <v>2795</v>
      </c>
      <c r="HWH733" s="424"/>
      <c r="HWI733" s="424"/>
      <c r="HWJ733" s="424"/>
      <c r="HWK733" s="423" t="s">
        <v>2795</v>
      </c>
      <c r="HWL733" s="424"/>
      <c r="HWM733" s="424"/>
      <c r="HWN733" s="424"/>
      <c r="HWO733" s="423" t="s">
        <v>2795</v>
      </c>
      <c r="HWP733" s="424"/>
      <c r="HWQ733" s="424"/>
      <c r="HWR733" s="424"/>
      <c r="HWS733" s="423" t="s">
        <v>2795</v>
      </c>
      <c r="HWT733" s="424"/>
      <c r="HWU733" s="424"/>
      <c r="HWV733" s="424"/>
      <c r="HWW733" s="423" t="s">
        <v>2795</v>
      </c>
      <c r="HWX733" s="424"/>
      <c r="HWY733" s="424"/>
      <c r="HWZ733" s="424"/>
      <c r="HXA733" s="423" t="s">
        <v>2795</v>
      </c>
      <c r="HXB733" s="424"/>
      <c r="HXC733" s="424"/>
      <c r="HXD733" s="424"/>
      <c r="HXE733" s="423" t="s">
        <v>2795</v>
      </c>
      <c r="HXF733" s="424"/>
      <c r="HXG733" s="424"/>
      <c r="HXH733" s="424"/>
      <c r="HXI733" s="423" t="s">
        <v>2795</v>
      </c>
      <c r="HXJ733" s="424"/>
      <c r="HXK733" s="424"/>
      <c r="HXL733" s="424"/>
      <c r="HXM733" s="423" t="s">
        <v>2795</v>
      </c>
      <c r="HXN733" s="424"/>
      <c r="HXO733" s="424"/>
      <c r="HXP733" s="424"/>
      <c r="HXQ733" s="423" t="s">
        <v>2795</v>
      </c>
      <c r="HXR733" s="424"/>
      <c r="HXS733" s="424"/>
      <c r="HXT733" s="424"/>
      <c r="HXU733" s="423" t="s">
        <v>2795</v>
      </c>
      <c r="HXV733" s="424"/>
      <c r="HXW733" s="424"/>
      <c r="HXX733" s="424"/>
      <c r="HXY733" s="423" t="s">
        <v>2795</v>
      </c>
      <c r="HXZ733" s="424"/>
      <c r="HYA733" s="424"/>
      <c r="HYB733" s="424"/>
      <c r="HYC733" s="423" t="s">
        <v>2795</v>
      </c>
      <c r="HYD733" s="424"/>
      <c r="HYE733" s="424"/>
      <c r="HYF733" s="424"/>
      <c r="HYG733" s="423" t="s">
        <v>2795</v>
      </c>
      <c r="HYH733" s="424"/>
      <c r="HYI733" s="424"/>
      <c r="HYJ733" s="424"/>
      <c r="HYK733" s="423" t="s">
        <v>2795</v>
      </c>
      <c r="HYL733" s="424"/>
      <c r="HYM733" s="424"/>
      <c r="HYN733" s="424"/>
      <c r="HYO733" s="423" t="s">
        <v>2795</v>
      </c>
      <c r="HYP733" s="424"/>
      <c r="HYQ733" s="424"/>
      <c r="HYR733" s="424"/>
      <c r="HYS733" s="423" t="s">
        <v>2795</v>
      </c>
      <c r="HYT733" s="424"/>
      <c r="HYU733" s="424"/>
      <c r="HYV733" s="424"/>
      <c r="HYW733" s="423" t="s">
        <v>2795</v>
      </c>
      <c r="HYX733" s="424"/>
      <c r="HYY733" s="424"/>
      <c r="HYZ733" s="424"/>
      <c r="HZA733" s="423" t="s">
        <v>2795</v>
      </c>
      <c r="HZB733" s="424"/>
      <c r="HZC733" s="424"/>
      <c r="HZD733" s="424"/>
      <c r="HZE733" s="423" t="s">
        <v>2795</v>
      </c>
      <c r="HZF733" s="424"/>
      <c r="HZG733" s="424"/>
      <c r="HZH733" s="424"/>
      <c r="HZI733" s="423" t="s">
        <v>2795</v>
      </c>
      <c r="HZJ733" s="424"/>
      <c r="HZK733" s="424"/>
      <c r="HZL733" s="424"/>
      <c r="HZM733" s="423" t="s">
        <v>2795</v>
      </c>
      <c r="HZN733" s="424"/>
      <c r="HZO733" s="424"/>
      <c r="HZP733" s="424"/>
      <c r="HZQ733" s="423" t="s">
        <v>2795</v>
      </c>
      <c r="HZR733" s="424"/>
      <c r="HZS733" s="424"/>
      <c r="HZT733" s="424"/>
      <c r="HZU733" s="423" t="s">
        <v>2795</v>
      </c>
      <c r="HZV733" s="424"/>
      <c r="HZW733" s="424"/>
      <c r="HZX733" s="424"/>
      <c r="HZY733" s="423" t="s">
        <v>2795</v>
      </c>
      <c r="HZZ733" s="424"/>
      <c r="IAA733" s="424"/>
      <c r="IAB733" s="424"/>
      <c r="IAC733" s="423" t="s">
        <v>2795</v>
      </c>
      <c r="IAD733" s="424"/>
      <c r="IAE733" s="424"/>
      <c r="IAF733" s="424"/>
      <c r="IAG733" s="423" t="s">
        <v>2795</v>
      </c>
      <c r="IAH733" s="424"/>
      <c r="IAI733" s="424"/>
      <c r="IAJ733" s="424"/>
      <c r="IAK733" s="423" t="s">
        <v>2795</v>
      </c>
      <c r="IAL733" s="424"/>
      <c r="IAM733" s="424"/>
      <c r="IAN733" s="424"/>
      <c r="IAO733" s="423" t="s">
        <v>2795</v>
      </c>
      <c r="IAP733" s="424"/>
      <c r="IAQ733" s="424"/>
      <c r="IAR733" s="424"/>
      <c r="IAS733" s="423" t="s">
        <v>2795</v>
      </c>
      <c r="IAT733" s="424"/>
      <c r="IAU733" s="424"/>
      <c r="IAV733" s="424"/>
      <c r="IAW733" s="423" t="s">
        <v>2795</v>
      </c>
      <c r="IAX733" s="424"/>
      <c r="IAY733" s="424"/>
      <c r="IAZ733" s="424"/>
      <c r="IBA733" s="423" t="s">
        <v>2795</v>
      </c>
      <c r="IBB733" s="424"/>
      <c r="IBC733" s="424"/>
      <c r="IBD733" s="424"/>
      <c r="IBE733" s="423" t="s">
        <v>2795</v>
      </c>
      <c r="IBF733" s="424"/>
      <c r="IBG733" s="424"/>
      <c r="IBH733" s="424"/>
      <c r="IBI733" s="423" t="s">
        <v>2795</v>
      </c>
      <c r="IBJ733" s="424"/>
      <c r="IBK733" s="424"/>
      <c r="IBL733" s="424"/>
      <c r="IBM733" s="423" t="s">
        <v>2795</v>
      </c>
      <c r="IBN733" s="424"/>
      <c r="IBO733" s="424"/>
      <c r="IBP733" s="424"/>
      <c r="IBQ733" s="423" t="s">
        <v>2795</v>
      </c>
      <c r="IBR733" s="424"/>
      <c r="IBS733" s="424"/>
      <c r="IBT733" s="424"/>
      <c r="IBU733" s="423" t="s">
        <v>2795</v>
      </c>
      <c r="IBV733" s="424"/>
      <c r="IBW733" s="424"/>
      <c r="IBX733" s="424"/>
      <c r="IBY733" s="423" t="s">
        <v>2795</v>
      </c>
      <c r="IBZ733" s="424"/>
      <c r="ICA733" s="424"/>
      <c r="ICB733" s="424"/>
      <c r="ICC733" s="423" t="s">
        <v>2795</v>
      </c>
      <c r="ICD733" s="424"/>
      <c r="ICE733" s="424"/>
      <c r="ICF733" s="424"/>
      <c r="ICG733" s="423" t="s">
        <v>2795</v>
      </c>
      <c r="ICH733" s="424"/>
      <c r="ICI733" s="424"/>
      <c r="ICJ733" s="424"/>
      <c r="ICK733" s="423" t="s">
        <v>2795</v>
      </c>
      <c r="ICL733" s="424"/>
      <c r="ICM733" s="424"/>
      <c r="ICN733" s="424"/>
      <c r="ICO733" s="423" t="s">
        <v>2795</v>
      </c>
      <c r="ICP733" s="424"/>
      <c r="ICQ733" s="424"/>
      <c r="ICR733" s="424"/>
      <c r="ICS733" s="423" t="s">
        <v>2795</v>
      </c>
      <c r="ICT733" s="424"/>
      <c r="ICU733" s="424"/>
      <c r="ICV733" s="424"/>
      <c r="ICW733" s="423" t="s">
        <v>2795</v>
      </c>
      <c r="ICX733" s="424"/>
      <c r="ICY733" s="424"/>
      <c r="ICZ733" s="424"/>
      <c r="IDA733" s="423" t="s">
        <v>2795</v>
      </c>
      <c r="IDB733" s="424"/>
      <c r="IDC733" s="424"/>
      <c r="IDD733" s="424"/>
      <c r="IDE733" s="423" t="s">
        <v>2795</v>
      </c>
      <c r="IDF733" s="424"/>
      <c r="IDG733" s="424"/>
      <c r="IDH733" s="424"/>
      <c r="IDI733" s="423" t="s">
        <v>2795</v>
      </c>
      <c r="IDJ733" s="424"/>
      <c r="IDK733" s="424"/>
      <c r="IDL733" s="424"/>
      <c r="IDM733" s="423" t="s">
        <v>2795</v>
      </c>
      <c r="IDN733" s="424"/>
      <c r="IDO733" s="424"/>
      <c r="IDP733" s="424"/>
      <c r="IDQ733" s="423" t="s">
        <v>2795</v>
      </c>
      <c r="IDR733" s="424"/>
      <c r="IDS733" s="424"/>
      <c r="IDT733" s="424"/>
      <c r="IDU733" s="423" t="s">
        <v>2795</v>
      </c>
      <c r="IDV733" s="424"/>
      <c r="IDW733" s="424"/>
      <c r="IDX733" s="424"/>
      <c r="IDY733" s="423" t="s">
        <v>2795</v>
      </c>
      <c r="IDZ733" s="424"/>
      <c r="IEA733" s="424"/>
      <c r="IEB733" s="424"/>
      <c r="IEC733" s="423" t="s">
        <v>2795</v>
      </c>
      <c r="IED733" s="424"/>
      <c r="IEE733" s="424"/>
      <c r="IEF733" s="424"/>
      <c r="IEG733" s="423" t="s">
        <v>2795</v>
      </c>
      <c r="IEH733" s="424"/>
      <c r="IEI733" s="424"/>
      <c r="IEJ733" s="424"/>
      <c r="IEK733" s="423" t="s">
        <v>2795</v>
      </c>
      <c r="IEL733" s="424"/>
      <c r="IEM733" s="424"/>
      <c r="IEN733" s="424"/>
      <c r="IEO733" s="423" t="s">
        <v>2795</v>
      </c>
      <c r="IEP733" s="424"/>
      <c r="IEQ733" s="424"/>
      <c r="IER733" s="424"/>
      <c r="IES733" s="423" t="s">
        <v>2795</v>
      </c>
      <c r="IET733" s="424"/>
      <c r="IEU733" s="424"/>
      <c r="IEV733" s="424"/>
      <c r="IEW733" s="423" t="s">
        <v>2795</v>
      </c>
      <c r="IEX733" s="424"/>
      <c r="IEY733" s="424"/>
      <c r="IEZ733" s="424"/>
      <c r="IFA733" s="423" t="s">
        <v>2795</v>
      </c>
      <c r="IFB733" s="424"/>
      <c r="IFC733" s="424"/>
      <c r="IFD733" s="424"/>
      <c r="IFE733" s="423" t="s">
        <v>2795</v>
      </c>
      <c r="IFF733" s="424"/>
      <c r="IFG733" s="424"/>
      <c r="IFH733" s="424"/>
      <c r="IFI733" s="423" t="s">
        <v>2795</v>
      </c>
      <c r="IFJ733" s="424"/>
      <c r="IFK733" s="424"/>
      <c r="IFL733" s="424"/>
      <c r="IFM733" s="423" t="s">
        <v>2795</v>
      </c>
      <c r="IFN733" s="424"/>
      <c r="IFO733" s="424"/>
      <c r="IFP733" s="424"/>
      <c r="IFQ733" s="423" t="s">
        <v>2795</v>
      </c>
      <c r="IFR733" s="424"/>
      <c r="IFS733" s="424"/>
      <c r="IFT733" s="424"/>
      <c r="IFU733" s="423" t="s">
        <v>2795</v>
      </c>
      <c r="IFV733" s="424"/>
      <c r="IFW733" s="424"/>
      <c r="IFX733" s="424"/>
      <c r="IFY733" s="423" t="s">
        <v>2795</v>
      </c>
      <c r="IFZ733" s="424"/>
      <c r="IGA733" s="424"/>
      <c r="IGB733" s="424"/>
      <c r="IGC733" s="423" t="s">
        <v>2795</v>
      </c>
      <c r="IGD733" s="424"/>
      <c r="IGE733" s="424"/>
      <c r="IGF733" s="424"/>
      <c r="IGG733" s="423" t="s">
        <v>2795</v>
      </c>
      <c r="IGH733" s="424"/>
      <c r="IGI733" s="424"/>
      <c r="IGJ733" s="424"/>
      <c r="IGK733" s="423" t="s">
        <v>2795</v>
      </c>
      <c r="IGL733" s="424"/>
      <c r="IGM733" s="424"/>
      <c r="IGN733" s="424"/>
      <c r="IGO733" s="423" t="s">
        <v>2795</v>
      </c>
      <c r="IGP733" s="424"/>
      <c r="IGQ733" s="424"/>
      <c r="IGR733" s="424"/>
      <c r="IGS733" s="423" t="s">
        <v>2795</v>
      </c>
      <c r="IGT733" s="424"/>
      <c r="IGU733" s="424"/>
      <c r="IGV733" s="424"/>
      <c r="IGW733" s="423" t="s">
        <v>2795</v>
      </c>
      <c r="IGX733" s="424"/>
      <c r="IGY733" s="424"/>
      <c r="IGZ733" s="424"/>
      <c r="IHA733" s="423" t="s">
        <v>2795</v>
      </c>
      <c r="IHB733" s="424"/>
      <c r="IHC733" s="424"/>
      <c r="IHD733" s="424"/>
      <c r="IHE733" s="423" t="s">
        <v>2795</v>
      </c>
      <c r="IHF733" s="424"/>
      <c r="IHG733" s="424"/>
      <c r="IHH733" s="424"/>
      <c r="IHI733" s="423" t="s">
        <v>2795</v>
      </c>
      <c r="IHJ733" s="424"/>
      <c r="IHK733" s="424"/>
      <c r="IHL733" s="424"/>
      <c r="IHM733" s="423" t="s">
        <v>2795</v>
      </c>
      <c r="IHN733" s="424"/>
      <c r="IHO733" s="424"/>
      <c r="IHP733" s="424"/>
      <c r="IHQ733" s="423" t="s">
        <v>2795</v>
      </c>
      <c r="IHR733" s="424"/>
      <c r="IHS733" s="424"/>
      <c r="IHT733" s="424"/>
      <c r="IHU733" s="423" t="s">
        <v>2795</v>
      </c>
      <c r="IHV733" s="424"/>
      <c r="IHW733" s="424"/>
      <c r="IHX733" s="424"/>
      <c r="IHY733" s="423" t="s">
        <v>2795</v>
      </c>
      <c r="IHZ733" s="424"/>
      <c r="IIA733" s="424"/>
      <c r="IIB733" s="424"/>
      <c r="IIC733" s="423" t="s">
        <v>2795</v>
      </c>
      <c r="IID733" s="424"/>
      <c r="IIE733" s="424"/>
      <c r="IIF733" s="424"/>
      <c r="IIG733" s="423" t="s">
        <v>2795</v>
      </c>
      <c r="IIH733" s="424"/>
      <c r="III733" s="424"/>
      <c r="IIJ733" s="424"/>
      <c r="IIK733" s="423" t="s">
        <v>2795</v>
      </c>
      <c r="IIL733" s="424"/>
      <c r="IIM733" s="424"/>
      <c r="IIN733" s="424"/>
      <c r="IIO733" s="423" t="s">
        <v>2795</v>
      </c>
      <c r="IIP733" s="424"/>
      <c r="IIQ733" s="424"/>
      <c r="IIR733" s="424"/>
      <c r="IIS733" s="423" t="s">
        <v>2795</v>
      </c>
      <c r="IIT733" s="424"/>
      <c r="IIU733" s="424"/>
      <c r="IIV733" s="424"/>
      <c r="IIW733" s="423" t="s">
        <v>2795</v>
      </c>
      <c r="IIX733" s="424"/>
      <c r="IIY733" s="424"/>
      <c r="IIZ733" s="424"/>
      <c r="IJA733" s="423" t="s">
        <v>2795</v>
      </c>
      <c r="IJB733" s="424"/>
      <c r="IJC733" s="424"/>
      <c r="IJD733" s="424"/>
      <c r="IJE733" s="423" t="s">
        <v>2795</v>
      </c>
      <c r="IJF733" s="424"/>
      <c r="IJG733" s="424"/>
      <c r="IJH733" s="424"/>
      <c r="IJI733" s="423" t="s">
        <v>2795</v>
      </c>
      <c r="IJJ733" s="424"/>
      <c r="IJK733" s="424"/>
      <c r="IJL733" s="424"/>
      <c r="IJM733" s="423" t="s">
        <v>2795</v>
      </c>
      <c r="IJN733" s="424"/>
      <c r="IJO733" s="424"/>
      <c r="IJP733" s="424"/>
      <c r="IJQ733" s="423" t="s">
        <v>2795</v>
      </c>
      <c r="IJR733" s="424"/>
      <c r="IJS733" s="424"/>
      <c r="IJT733" s="424"/>
      <c r="IJU733" s="423" t="s">
        <v>2795</v>
      </c>
      <c r="IJV733" s="424"/>
      <c r="IJW733" s="424"/>
      <c r="IJX733" s="424"/>
      <c r="IJY733" s="423" t="s">
        <v>2795</v>
      </c>
      <c r="IJZ733" s="424"/>
      <c r="IKA733" s="424"/>
      <c r="IKB733" s="424"/>
      <c r="IKC733" s="423" t="s">
        <v>2795</v>
      </c>
      <c r="IKD733" s="424"/>
      <c r="IKE733" s="424"/>
      <c r="IKF733" s="424"/>
      <c r="IKG733" s="423" t="s">
        <v>2795</v>
      </c>
      <c r="IKH733" s="424"/>
      <c r="IKI733" s="424"/>
      <c r="IKJ733" s="424"/>
      <c r="IKK733" s="423" t="s">
        <v>2795</v>
      </c>
      <c r="IKL733" s="424"/>
      <c r="IKM733" s="424"/>
      <c r="IKN733" s="424"/>
      <c r="IKO733" s="423" t="s">
        <v>2795</v>
      </c>
      <c r="IKP733" s="424"/>
      <c r="IKQ733" s="424"/>
      <c r="IKR733" s="424"/>
      <c r="IKS733" s="423" t="s">
        <v>2795</v>
      </c>
      <c r="IKT733" s="424"/>
      <c r="IKU733" s="424"/>
      <c r="IKV733" s="424"/>
      <c r="IKW733" s="423" t="s">
        <v>2795</v>
      </c>
      <c r="IKX733" s="424"/>
      <c r="IKY733" s="424"/>
      <c r="IKZ733" s="424"/>
      <c r="ILA733" s="423" t="s">
        <v>2795</v>
      </c>
      <c r="ILB733" s="424"/>
      <c r="ILC733" s="424"/>
      <c r="ILD733" s="424"/>
      <c r="ILE733" s="423" t="s">
        <v>2795</v>
      </c>
      <c r="ILF733" s="424"/>
      <c r="ILG733" s="424"/>
      <c r="ILH733" s="424"/>
      <c r="ILI733" s="423" t="s">
        <v>2795</v>
      </c>
      <c r="ILJ733" s="424"/>
      <c r="ILK733" s="424"/>
      <c r="ILL733" s="424"/>
      <c r="ILM733" s="423" t="s">
        <v>2795</v>
      </c>
      <c r="ILN733" s="424"/>
      <c r="ILO733" s="424"/>
      <c r="ILP733" s="424"/>
      <c r="ILQ733" s="423" t="s">
        <v>2795</v>
      </c>
      <c r="ILR733" s="424"/>
      <c r="ILS733" s="424"/>
      <c r="ILT733" s="424"/>
      <c r="ILU733" s="423" t="s">
        <v>2795</v>
      </c>
      <c r="ILV733" s="424"/>
      <c r="ILW733" s="424"/>
      <c r="ILX733" s="424"/>
      <c r="ILY733" s="423" t="s">
        <v>2795</v>
      </c>
      <c r="ILZ733" s="424"/>
      <c r="IMA733" s="424"/>
      <c r="IMB733" s="424"/>
      <c r="IMC733" s="423" t="s">
        <v>2795</v>
      </c>
      <c r="IMD733" s="424"/>
      <c r="IME733" s="424"/>
      <c r="IMF733" s="424"/>
      <c r="IMG733" s="423" t="s">
        <v>2795</v>
      </c>
      <c r="IMH733" s="424"/>
      <c r="IMI733" s="424"/>
      <c r="IMJ733" s="424"/>
      <c r="IMK733" s="423" t="s">
        <v>2795</v>
      </c>
      <c r="IML733" s="424"/>
      <c r="IMM733" s="424"/>
      <c r="IMN733" s="424"/>
      <c r="IMO733" s="423" t="s">
        <v>2795</v>
      </c>
      <c r="IMP733" s="424"/>
      <c r="IMQ733" s="424"/>
      <c r="IMR733" s="424"/>
      <c r="IMS733" s="423" t="s">
        <v>2795</v>
      </c>
      <c r="IMT733" s="424"/>
      <c r="IMU733" s="424"/>
      <c r="IMV733" s="424"/>
      <c r="IMW733" s="423" t="s">
        <v>2795</v>
      </c>
      <c r="IMX733" s="424"/>
      <c r="IMY733" s="424"/>
      <c r="IMZ733" s="424"/>
      <c r="INA733" s="423" t="s">
        <v>2795</v>
      </c>
      <c r="INB733" s="424"/>
      <c r="INC733" s="424"/>
      <c r="IND733" s="424"/>
      <c r="INE733" s="423" t="s">
        <v>2795</v>
      </c>
      <c r="INF733" s="424"/>
      <c r="ING733" s="424"/>
      <c r="INH733" s="424"/>
      <c r="INI733" s="423" t="s">
        <v>2795</v>
      </c>
      <c r="INJ733" s="424"/>
      <c r="INK733" s="424"/>
      <c r="INL733" s="424"/>
      <c r="INM733" s="423" t="s">
        <v>2795</v>
      </c>
      <c r="INN733" s="424"/>
      <c r="INO733" s="424"/>
      <c r="INP733" s="424"/>
      <c r="INQ733" s="423" t="s">
        <v>2795</v>
      </c>
      <c r="INR733" s="424"/>
      <c r="INS733" s="424"/>
      <c r="INT733" s="424"/>
      <c r="INU733" s="423" t="s">
        <v>2795</v>
      </c>
      <c r="INV733" s="424"/>
      <c r="INW733" s="424"/>
      <c r="INX733" s="424"/>
      <c r="INY733" s="423" t="s">
        <v>2795</v>
      </c>
      <c r="INZ733" s="424"/>
      <c r="IOA733" s="424"/>
      <c r="IOB733" s="424"/>
      <c r="IOC733" s="423" t="s">
        <v>2795</v>
      </c>
      <c r="IOD733" s="424"/>
      <c r="IOE733" s="424"/>
      <c r="IOF733" s="424"/>
      <c r="IOG733" s="423" t="s">
        <v>2795</v>
      </c>
      <c r="IOH733" s="424"/>
      <c r="IOI733" s="424"/>
      <c r="IOJ733" s="424"/>
      <c r="IOK733" s="423" t="s">
        <v>2795</v>
      </c>
      <c r="IOL733" s="424"/>
      <c r="IOM733" s="424"/>
      <c r="ION733" s="424"/>
      <c r="IOO733" s="423" t="s">
        <v>2795</v>
      </c>
      <c r="IOP733" s="424"/>
      <c r="IOQ733" s="424"/>
      <c r="IOR733" s="424"/>
      <c r="IOS733" s="423" t="s">
        <v>2795</v>
      </c>
      <c r="IOT733" s="424"/>
      <c r="IOU733" s="424"/>
      <c r="IOV733" s="424"/>
      <c r="IOW733" s="423" t="s">
        <v>2795</v>
      </c>
      <c r="IOX733" s="424"/>
      <c r="IOY733" s="424"/>
      <c r="IOZ733" s="424"/>
      <c r="IPA733" s="423" t="s">
        <v>2795</v>
      </c>
      <c r="IPB733" s="424"/>
      <c r="IPC733" s="424"/>
      <c r="IPD733" s="424"/>
      <c r="IPE733" s="423" t="s">
        <v>2795</v>
      </c>
      <c r="IPF733" s="424"/>
      <c r="IPG733" s="424"/>
      <c r="IPH733" s="424"/>
      <c r="IPI733" s="423" t="s">
        <v>2795</v>
      </c>
      <c r="IPJ733" s="424"/>
      <c r="IPK733" s="424"/>
      <c r="IPL733" s="424"/>
      <c r="IPM733" s="423" t="s">
        <v>2795</v>
      </c>
      <c r="IPN733" s="424"/>
      <c r="IPO733" s="424"/>
      <c r="IPP733" s="424"/>
      <c r="IPQ733" s="423" t="s">
        <v>2795</v>
      </c>
      <c r="IPR733" s="424"/>
      <c r="IPS733" s="424"/>
      <c r="IPT733" s="424"/>
      <c r="IPU733" s="423" t="s">
        <v>2795</v>
      </c>
      <c r="IPV733" s="424"/>
      <c r="IPW733" s="424"/>
      <c r="IPX733" s="424"/>
      <c r="IPY733" s="423" t="s">
        <v>2795</v>
      </c>
      <c r="IPZ733" s="424"/>
      <c r="IQA733" s="424"/>
      <c r="IQB733" s="424"/>
      <c r="IQC733" s="423" t="s">
        <v>2795</v>
      </c>
      <c r="IQD733" s="424"/>
      <c r="IQE733" s="424"/>
      <c r="IQF733" s="424"/>
      <c r="IQG733" s="423" t="s">
        <v>2795</v>
      </c>
      <c r="IQH733" s="424"/>
      <c r="IQI733" s="424"/>
      <c r="IQJ733" s="424"/>
      <c r="IQK733" s="423" t="s">
        <v>2795</v>
      </c>
      <c r="IQL733" s="424"/>
      <c r="IQM733" s="424"/>
      <c r="IQN733" s="424"/>
      <c r="IQO733" s="423" t="s">
        <v>2795</v>
      </c>
      <c r="IQP733" s="424"/>
      <c r="IQQ733" s="424"/>
      <c r="IQR733" s="424"/>
      <c r="IQS733" s="423" t="s">
        <v>2795</v>
      </c>
      <c r="IQT733" s="424"/>
      <c r="IQU733" s="424"/>
      <c r="IQV733" s="424"/>
      <c r="IQW733" s="423" t="s">
        <v>2795</v>
      </c>
      <c r="IQX733" s="424"/>
      <c r="IQY733" s="424"/>
      <c r="IQZ733" s="424"/>
      <c r="IRA733" s="423" t="s">
        <v>2795</v>
      </c>
      <c r="IRB733" s="424"/>
      <c r="IRC733" s="424"/>
      <c r="IRD733" s="424"/>
      <c r="IRE733" s="423" t="s">
        <v>2795</v>
      </c>
      <c r="IRF733" s="424"/>
      <c r="IRG733" s="424"/>
      <c r="IRH733" s="424"/>
      <c r="IRI733" s="423" t="s">
        <v>2795</v>
      </c>
      <c r="IRJ733" s="424"/>
      <c r="IRK733" s="424"/>
      <c r="IRL733" s="424"/>
      <c r="IRM733" s="423" t="s">
        <v>2795</v>
      </c>
      <c r="IRN733" s="424"/>
      <c r="IRO733" s="424"/>
      <c r="IRP733" s="424"/>
      <c r="IRQ733" s="423" t="s">
        <v>2795</v>
      </c>
      <c r="IRR733" s="424"/>
      <c r="IRS733" s="424"/>
      <c r="IRT733" s="424"/>
      <c r="IRU733" s="423" t="s">
        <v>2795</v>
      </c>
      <c r="IRV733" s="424"/>
      <c r="IRW733" s="424"/>
      <c r="IRX733" s="424"/>
      <c r="IRY733" s="423" t="s">
        <v>2795</v>
      </c>
      <c r="IRZ733" s="424"/>
      <c r="ISA733" s="424"/>
      <c r="ISB733" s="424"/>
      <c r="ISC733" s="423" t="s">
        <v>2795</v>
      </c>
      <c r="ISD733" s="424"/>
      <c r="ISE733" s="424"/>
      <c r="ISF733" s="424"/>
      <c r="ISG733" s="423" t="s">
        <v>2795</v>
      </c>
      <c r="ISH733" s="424"/>
      <c r="ISI733" s="424"/>
      <c r="ISJ733" s="424"/>
      <c r="ISK733" s="423" t="s">
        <v>2795</v>
      </c>
      <c r="ISL733" s="424"/>
      <c r="ISM733" s="424"/>
      <c r="ISN733" s="424"/>
      <c r="ISO733" s="423" t="s">
        <v>2795</v>
      </c>
      <c r="ISP733" s="424"/>
      <c r="ISQ733" s="424"/>
      <c r="ISR733" s="424"/>
      <c r="ISS733" s="423" t="s">
        <v>2795</v>
      </c>
      <c r="IST733" s="424"/>
      <c r="ISU733" s="424"/>
      <c r="ISV733" s="424"/>
      <c r="ISW733" s="423" t="s">
        <v>2795</v>
      </c>
      <c r="ISX733" s="424"/>
      <c r="ISY733" s="424"/>
      <c r="ISZ733" s="424"/>
      <c r="ITA733" s="423" t="s">
        <v>2795</v>
      </c>
      <c r="ITB733" s="424"/>
      <c r="ITC733" s="424"/>
      <c r="ITD733" s="424"/>
      <c r="ITE733" s="423" t="s">
        <v>2795</v>
      </c>
      <c r="ITF733" s="424"/>
      <c r="ITG733" s="424"/>
      <c r="ITH733" s="424"/>
      <c r="ITI733" s="423" t="s">
        <v>2795</v>
      </c>
      <c r="ITJ733" s="424"/>
      <c r="ITK733" s="424"/>
      <c r="ITL733" s="424"/>
      <c r="ITM733" s="423" t="s">
        <v>2795</v>
      </c>
      <c r="ITN733" s="424"/>
      <c r="ITO733" s="424"/>
      <c r="ITP733" s="424"/>
      <c r="ITQ733" s="423" t="s">
        <v>2795</v>
      </c>
      <c r="ITR733" s="424"/>
      <c r="ITS733" s="424"/>
      <c r="ITT733" s="424"/>
      <c r="ITU733" s="423" t="s">
        <v>2795</v>
      </c>
      <c r="ITV733" s="424"/>
      <c r="ITW733" s="424"/>
      <c r="ITX733" s="424"/>
      <c r="ITY733" s="423" t="s">
        <v>2795</v>
      </c>
      <c r="ITZ733" s="424"/>
      <c r="IUA733" s="424"/>
      <c r="IUB733" s="424"/>
      <c r="IUC733" s="423" t="s">
        <v>2795</v>
      </c>
      <c r="IUD733" s="424"/>
      <c r="IUE733" s="424"/>
      <c r="IUF733" s="424"/>
      <c r="IUG733" s="423" t="s">
        <v>2795</v>
      </c>
      <c r="IUH733" s="424"/>
      <c r="IUI733" s="424"/>
      <c r="IUJ733" s="424"/>
      <c r="IUK733" s="423" t="s">
        <v>2795</v>
      </c>
      <c r="IUL733" s="424"/>
      <c r="IUM733" s="424"/>
      <c r="IUN733" s="424"/>
      <c r="IUO733" s="423" t="s">
        <v>2795</v>
      </c>
      <c r="IUP733" s="424"/>
      <c r="IUQ733" s="424"/>
      <c r="IUR733" s="424"/>
      <c r="IUS733" s="423" t="s">
        <v>2795</v>
      </c>
      <c r="IUT733" s="424"/>
      <c r="IUU733" s="424"/>
      <c r="IUV733" s="424"/>
      <c r="IUW733" s="423" t="s">
        <v>2795</v>
      </c>
      <c r="IUX733" s="424"/>
      <c r="IUY733" s="424"/>
      <c r="IUZ733" s="424"/>
      <c r="IVA733" s="423" t="s">
        <v>2795</v>
      </c>
      <c r="IVB733" s="424"/>
      <c r="IVC733" s="424"/>
      <c r="IVD733" s="424"/>
      <c r="IVE733" s="423" t="s">
        <v>2795</v>
      </c>
      <c r="IVF733" s="424"/>
      <c r="IVG733" s="424"/>
      <c r="IVH733" s="424"/>
      <c r="IVI733" s="423" t="s">
        <v>2795</v>
      </c>
      <c r="IVJ733" s="424"/>
      <c r="IVK733" s="424"/>
      <c r="IVL733" s="424"/>
      <c r="IVM733" s="423" t="s">
        <v>2795</v>
      </c>
      <c r="IVN733" s="424"/>
      <c r="IVO733" s="424"/>
      <c r="IVP733" s="424"/>
      <c r="IVQ733" s="423" t="s">
        <v>2795</v>
      </c>
      <c r="IVR733" s="424"/>
      <c r="IVS733" s="424"/>
      <c r="IVT733" s="424"/>
      <c r="IVU733" s="423" t="s">
        <v>2795</v>
      </c>
      <c r="IVV733" s="424"/>
      <c r="IVW733" s="424"/>
      <c r="IVX733" s="424"/>
      <c r="IVY733" s="423" t="s">
        <v>2795</v>
      </c>
      <c r="IVZ733" s="424"/>
      <c r="IWA733" s="424"/>
      <c r="IWB733" s="424"/>
      <c r="IWC733" s="423" t="s">
        <v>2795</v>
      </c>
      <c r="IWD733" s="424"/>
      <c r="IWE733" s="424"/>
      <c r="IWF733" s="424"/>
      <c r="IWG733" s="423" t="s">
        <v>2795</v>
      </c>
      <c r="IWH733" s="424"/>
      <c r="IWI733" s="424"/>
      <c r="IWJ733" s="424"/>
      <c r="IWK733" s="423" t="s">
        <v>2795</v>
      </c>
      <c r="IWL733" s="424"/>
      <c r="IWM733" s="424"/>
      <c r="IWN733" s="424"/>
      <c r="IWO733" s="423" t="s">
        <v>2795</v>
      </c>
      <c r="IWP733" s="424"/>
      <c r="IWQ733" s="424"/>
      <c r="IWR733" s="424"/>
      <c r="IWS733" s="423" t="s">
        <v>2795</v>
      </c>
      <c r="IWT733" s="424"/>
      <c r="IWU733" s="424"/>
      <c r="IWV733" s="424"/>
      <c r="IWW733" s="423" t="s">
        <v>2795</v>
      </c>
      <c r="IWX733" s="424"/>
      <c r="IWY733" s="424"/>
      <c r="IWZ733" s="424"/>
      <c r="IXA733" s="423" t="s">
        <v>2795</v>
      </c>
      <c r="IXB733" s="424"/>
      <c r="IXC733" s="424"/>
      <c r="IXD733" s="424"/>
      <c r="IXE733" s="423" t="s">
        <v>2795</v>
      </c>
      <c r="IXF733" s="424"/>
      <c r="IXG733" s="424"/>
      <c r="IXH733" s="424"/>
      <c r="IXI733" s="423" t="s">
        <v>2795</v>
      </c>
      <c r="IXJ733" s="424"/>
      <c r="IXK733" s="424"/>
      <c r="IXL733" s="424"/>
      <c r="IXM733" s="423" t="s">
        <v>2795</v>
      </c>
      <c r="IXN733" s="424"/>
      <c r="IXO733" s="424"/>
      <c r="IXP733" s="424"/>
      <c r="IXQ733" s="423" t="s">
        <v>2795</v>
      </c>
      <c r="IXR733" s="424"/>
      <c r="IXS733" s="424"/>
      <c r="IXT733" s="424"/>
      <c r="IXU733" s="423" t="s">
        <v>2795</v>
      </c>
      <c r="IXV733" s="424"/>
      <c r="IXW733" s="424"/>
      <c r="IXX733" s="424"/>
      <c r="IXY733" s="423" t="s">
        <v>2795</v>
      </c>
      <c r="IXZ733" s="424"/>
      <c r="IYA733" s="424"/>
      <c r="IYB733" s="424"/>
      <c r="IYC733" s="423" t="s">
        <v>2795</v>
      </c>
      <c r="IYD733" s="424"/>
      <c r="IYE733" s="424"/>
      <c r="IYF733" s="424"/>
      <c r="IYG733" s="423" t="s">
        <v>2795</v>
      </c>
      <c r="IYH733" s="424"/>
      <c r="IYI733" s="424"/>
      <c r="IYJ733" s="424"/>
      <c r="IYK733" s="423" t="s">
        <v>2795</v>
      </c>
      <c r="IYL733" s="424"/>
      <c r="IYM733" s="424"/>
      <c r="IYN733" s="424"/>
      <c r="IYO733" s="423" t="s">
        <v>2795</v>
      </c>
      <c r="IYP733" s="424"/>
      <c r="IYQ733" s="424"/>
      <c r="IYR733" s="424"/>
      <c r="IYS733" s="423" t="s">
        <v>2795</v>
      </c>
      <c r="IYT733" s="424"/>
      <c r="IYU733" s="424"/>
      <c r="IYV733" s="424"/>
      <c r="IYW733" s="423" t="s">
        <v>2795</v>
      </c>
      <c r="IYX733" s="424"/>
      <c r="IYY733" s="424"/>
      <c r="IYZ733" s="424"/>
      <c r="IZA733" s="423" t="s">
        <v>2795</v>
      </c>
      <c r="IZB733" s="424"/>
      <c r="IZC733" s="424"/>
      <c r="IZD733" s="424"/>
      <c r="IZE733" s="423" t="s">
        <v>2795</v>
      </c>
      <c r="IZF733" s="424"/>
      <c r="IZG733" s="424"/>
      <c r="IZH733" s="424"/>
      <c r="IZI733" s="423" t="s">
        <v>2795</v>
      </c>
      <c r="IZJ733" s="424"/>
      <c r="IZK733" s="424"/>
      <c r="IZL733" s="424"/>
      <c r="IZM733" s="423" t="s">
        <v>2795</v>
      </c>
      <c r="IZN733" s="424"/>
      <c r="IZO733" s="424"/>
      <c r="IZP733" s="424"/>
      <c r="IZQ733" s="423" t="s">
        <v>2795</v>
      </c>
      <c r="IZR733" s="424"/>
      <c r="IZS733" s="424"/>
      <c r="IZT733" s="424"/>
      <c r="IZU733" s="423" t="s">
        <v>2795</v>
      </c>
      <c r="IZV733" s="424"/>
      <c r="IZW733" s="424"/>
      <c r="IZX733" s="424"/>
      <c r="IZY733" s="423" t="s">
        <v>2795</v>
      </c>
      <c r="IZZ733" s="424"/>
      <c r="JAA733" s="424"/>
      <c r="JAB733" s="424"/>
      <c r="JAC733" s="423" t="s">
        <v>2795</v>
      </c>
      <c r="JAD733" s="424"/>
      <c r="JAE733" s="424"/>
      <c r="JAF733" s="424"/>
      <c r="JAG733" s="423" t="s">
        <v>2795</v>
      </c>
      <c r="JAH733" s="424"/>
      <c r="JAI733" s="424"/>
      <c r="JAJ733" s="424"/>
      <c r="JAK733" s="423" t="s">
        <v>2795</v>
      </c>
      <c r="JAL733" s="424"/>
      <c r="JAM733" s="424"/>
      <c r="JAN733" s="424"/>
      <c r="JAO733" s="423" t="s">
        <v>2795</v>
      </c>
      <c r="JAP733" s="424"/>
      <c r="JAQ733" s="424"/>
      <c r="JAR733" s="424"/>
      <c r="JAS733" s="423" t="s">
        <v>2795</v>
      </c>
      <c r="JAT733" s="424"/>
      <c r="JAU733" s="424"/>
      <c r="JAV733" s="424"/>
      <c r="JAW733" s="423" t="s">
        <v>2795</v>
      </c>
      <c r="JAX733" s="424"/>
      <c r="JAY733" s="424"/>
      <c r="JAZ733" s="424"/>
      <c r="JBA733" s="423" t="s">
        <v>2795</v>
      </c>
      <c r="JBB733" s="424"/>
      <c r="JBC733" s="424"/>
      <c r="JBD733" s="424"/>
      <c r="JBE733" s="423" t="s">
        <v>2795</v>
      </c>
      <c r="JBF733" s="424"/>
      <c r="JBG733" s="424"/>
      <c r="JBH733" s="424"/>
      <c r="JBI733" s="423" t="s">
        <v>2795</v>
      </c>
      <c r="JBJ733" s="424"/>
      <c r="JBK733" s="424"/>
      <c r="JBL733" s="424"/>
      <c r="JBM733" s="423" t="s">
        <v>2795</v>
      </c>
      <c r="JBN733" s="424"/>
      <c r="JBO733" s="424"/>
      <c r="JBP733" s="424"/>
      <c r="JBQ733" s="423" t="s">
        <v>2795</v>
      </c>
      <c r="JBR733" s="424"/>
      <c r="JBS733" s="424"/>
      <c r="JBT733" s="424"/>
      <c r="JBU733" s="423" t="s">
        <v>2795</v>
      </c>
      <c r="JBV733" s="424"/>
      <c r="JBW733" s="424"/>
      <c r="JBX733" s="424"/>
      <c r="JBY733" s="423" t="s">
        <v>2795</v>
      </c>
      <c r="JBZ733" s="424"/>
      <c r="JCA733" s="424"/>
      <c r="JCB733" s="424"/>
      <c r="JCC733" s="423" t="s">
        <v>2795</v>
      </c>
      <c r="JCD733" s="424"/>
      <c r="JCE733" s="424"/>
      <c r="JCF733" s="424"/>
      <c r="JCG733" s="423" t="s">
        <v>2795</v>
      </c>
      <c r="JCH733" s="424"/>
      <c r="JCI733" s="424"/>
      <c r="JCJ733" s="424"/>
      <c r="JCK733" s="423" t="s">
        <v>2795</v>
      </c>
      <c r="JCL733" s="424"/>
      <c r="JCM733" s="424"/>
      <c r="JCN733" s="424"/>
      <c r="JCO733" s="423" t="s">
        <v>2795</v>
      </c>
      <c r="JCP733" s="424"/>
      <c r="JCQ733" s="424"/>
      <c r="JCR733" s="424"/>
      <c r="JCS733" s="423" t="s">
        <v>2795</v>
      </c>
      <c r="JCT733" s="424"/>
      <c r="JCU733" s="424"/>
      <c r="JCV733" s="424"/>
      <c r="JCW733" s="423" t="s">
        <v>2795</v>
      </c>
      <c r="JCX733" s="424"/>
      <c r="JCY733" s="424"/>
      <c r="JCZ733" s="424"/>
      <c r="JDA733" s="423" t="s">
        <v>2795</v>
      </c>
      <c r="JDB733" s="424"/>
      <c r="JDC733" s="424"/>
      <c r="JDD733" s="424"/>
      <c r="JDE733" s="423" t="s">
        <v>2795</v>
      </c>
      <c r="JDF733" s="424"/>
      <c r="JDG733" s="424"/>
      <c r="JDH733" s="424"/>
      <c r="JDI733" s="423" t="s">
        <v>2795</v>
      </c>
      <c r="JDJ733" s="424"/>
      <c r="JDK733" s="424"/>
      <c r="JDL733" s="424"/>
      <c r="JDM733" s="423" t="s">
        <v>2795</v>
      </c>
      <c r="JDN733" s="424"/>
      <c r="JDO733" s="424"/>
      <c r="JDP733" s="424"/>
      <c r="JDQ733" s="423" t="s">
        <v>2795</v>
      </c>
      <c r="JDR733" s="424"/>
      <c r="JDS733" s="424"/>
      <c r="JDT733" s="424"/>
      <c r="JDU733" s="423" t="s">
        <v>2795</v>
      </c>
      <c r="JDV733" s="424"/>
      <c r="JDW733" s="424"/>
      <c r="JDX733" s="424"/>
      <c r="JDY733" s="423" t="s">
        <v>2795</v>
      </c>
      <c r="JDZ733" s="424"/>
      <c r="JEA733" s="424"/>
      <c r="JEB733" s="424"/>
      <c r="JEC733" s="423" t="s">
        <v>2795</v>
      </c>
      <c r="JED733" s="424"/>
      <c r="JEE733" s="424"/>
      <c r="JEF733" s="424"/>
      <c r="JEG733" s="423" t="s">
        <v>2795</v>
      </c>
      <c r="JEH733" s="424"/>
      <c r="JEI733" s="424"/>
      <c r="JEJ733" s="424"/>
      <c r="JEK733" s="423" t="s">
        <v>2795</v>
      </c>
      <c r="JEL733" s="424"/>
      <c r="JEM733" s="424"/>
      <c r="JEN733" s="424"/>
      <c r="JEO733" s="423" t="s">
        <v>2795</v>
      </c>
      <c r="JEP733" s="424"/>
      <c r="JEQ733" s="424"/>
      <c r="JER733" s="424"/>
      <c r="JES733" s="423" t="s">
        <v>2795</v>
      </c>
      <c r="JET733" s="424"/>
      <c r="JEU733" s="424"/>
      <c r="JEV733" s="424"/>
      <c r="JEW733" s="423" t="s">
        <v>2795</v>
      </c>
      <c r="JEX733" s="424"/>
      <c r="JEY733" s="424"/>
      <c r="JEZ733" s="424"/>
      <c r="JFA733" s="423" t="s">
        <v>2795</v>
      </c>
      <c r="JFB733" s="424"/>
      <c r="JFC733" s="424"/>
      <c r="JFD733" s="424"/>
      <c r="JFE733" s="423" t="s">
        <v>2795</v>
      </c>
      <c r="JFF733" s="424"/>
      <c r="JFG733" s="424"/>
      <c r="JFH733" s="424"/>
      <c r="JFI733" s="423" t="s">
        <v>2795</v>
      </c>
      <c r="JFJ733" s="424"/>
      <c r="JFK733" s="424"/>
      <c r="JFL733" s="424"/>
      <c r="JFM733" s="423" t="s">
        <v>2795</v>
      </c>
      <c r="JFN733" s="424"/>
      <c r="JFO733" s="424"/>
      <c r="JFP733" s="424"/>
      <c r="JFQ733" s="423" t="s">
        <v>2795</v>
      </c>
      <c r="JFR733" s="424"/>
      <c r="JFS733" s="424"/>
      <c r="JFT733" s="424"/>
      <c r="JFU733" s="423" t="s">
        <v>2795</v>
      </c>
      <c r="JFV733" s="424"/>
      <c r="JFW733" s="424"/>
      <c r="JFX733" s="424"/>
      <c r="JFY733" s="423" t="s">
        <v>2795</v>
      </c>
      <c r="JFZ733" s="424"/>
      <c r="JGA733" s="424"/>
      <c r="JGB733" s="424"/>
      <c r="JGC733" s="423" t="s">
        <v>2795</v>
      </c>
      <c r="JGD733" s="424"/>
      <c r="JGE733" s="424"/>
      <c r="JGF733" s="424"/>
      <c r="JGG733" s="423" t="s">
        <v>2795</v>
      </c>
      <c r="JGH733" s="424"/>
      <c r="JGI733" s="424"/>
      <c r="JGJ733" s="424"/>
      <c r="JGK733" s="423" t="s">
        <v>2795</v>
      </c>
      <c r="JGL733" s="424"/>
      <c r="JGM733" s="424"/>
      <c r="JGN733" s="424"/>
      <c r="JGO733" s="423" t="s">
        <v>2795</v>
      </c>
      <c r="JGP733" s="424"/>
      <c r="JGQ733" s="424"/>
      <c r="JGR733" s="424"/>
      <c r="JGS733" s="423" t="s">
        <v>2795</v>
      </c>
      <c r="JGT733" s="424"/>
      <c r="JGU733" s="424"/>
      <c r="JGV733" s="424"/>
      <c r="JGW733" s="423" t="s">
        <v>2795</v>
      </c>
      <c r="JGX733" s="424"/>
      <c r="JGY733" s="424"/>
      <c r="JGZ733" s="424"/>
      <c r="JHA733" s="423" t="s">
        <v>2795</v>
      </c>
      <c r="JHB733" s="424"/>
      <c r="JHC733" s="424"/>
      <c r="JHD733" s="424"/>
      <c r="JHE733" s="423" t="s">
        <v>2795</v>
      </c>
      <c r="JHF733" s="424"/>
      <c r="JHG733" s="424"/>
      <c r="JHH733" s="424"/>
      <c r="JHI733" s="423" t="s">
        <v>2795</v>
      </c>
      <c r="JHJ733" s="424"/>
      <c r="JHK733" s="424"/>
      <c r="JHL733" s="424"/>
      <c r="JHM733" s="423" t="s">
        <v>2795</v>
      </c>
      <c r="JHN733" s="424"/>
      <c r="JHO733" s="424"/>
      <c r="JHP733" s="424"/>
      <c r="JHQ733" s="423" t="s">
        <v>2795</v>
      </c>
      <c r="JHR733" s="424"/>
      <c r="JHS733" s="424"/>
      <c r="JHT733" s="424"/>
      <c r="JHU733" s="423" t="s">
        <v>2795</v>
      </c>
      <c r="JHV733" s="424"/>
      <c r="JHW733" s="424"/>
      <c r="JHX733" s="424"/>
      <c r="JHY733" s="423" t="s">
        <v>2795</v>
      </c>
      <c r="JHZ733" s="424"/>
      <c r="JIA733" s="424"/>
      <c r="JIB733" s="424"/>
      <c r="JIC733" s="423" t="s">
        <v>2795</v>
      </c>
      <c r="JID733" s="424"/>
      <c r="JIE733" s="424"/>
      <c r="JIF733" s="424"/>
      <c r="JIG733" s="423" t="s">
        <v>2795</v>
      </c>
      <c r="JIH733" s="424"/>
      <c r="JII733" s="424"/>
      <c r="JIJ733" s="424"/>
      <c r="JIK733" s="423" t="s">
        <v>2795</v>
      </c>
      <c r="JIL733" s="424"/>
      <c r="JIM733" s="424"/>
      <c r="JIN733" s="424"/>
      <c r="JIO733" s="423" t="s">
        <v>2795</v>
      </c>
      <c r="JIP733" s="424"/>
      <c r="JIQ733" s="424"/>
      <c r="JIR733" s="424"/>
      <c r="JIS733" s="423" t="s">
        <v>2795</v>
      </c>
      <c r="JIT733" s="424"/>
      <c r="JIU733" s="424"/>
      <c r="JIV733" s="424"/>
      <c r="JIW733" s="423" t="s">
        <v>2795</v>
      </c>
      <c r="JIX733" s="424"/>
      <c r="JIY733" s="424"/>
      <c r="JIZ733" s="424"/>
      <c r="JJA733" s="423" t="s">
        <v>2795</v>
      </c>
      <c r="JJB733" s="424"/>
      <c r="JJC733" s="424"/>
      <c r="JJD733" s="424"/>
      <c r="JJE733" s="423" t="s">
        <v>2795</v>
      </c>
      <c r="JJF733" s="424"/>
      <c r="JJG733" s="424"/>
      <c r="JJH733" s="424"/>
      <c r="JJI733" s="423" t="s">
        <v>2795</v>
      </c>
      <c r="JJJ733" s="424"/>
      <c r="JJK733" s="424"/>
      <c r="JJL733" s="424"/>
      <c r="JJM733" s="423" t="s">
        <v>2795</v>
      </c>
      <c r="JJN733" s="424"/>
      <c r="JJO733" s="424"/>
      <c r="JJP733" s="424"/>
      <c r="JJQ733" s="423" t="s">
        <v>2795</v>
      </c>
      <c r="JJR733" s="424"/>
      <c r="JJS733" s="424"/>
      <c r="JJT733" s="424"/>
      <c r="JJU733" s="423" t="s">
        <v>2795</v>
      </c>
      <c r="JJV733" s="424"/>
      <c r="JJW733" s="424"/>
      <c r="JJX733" s="424"/>
      <c r="JJY733" s="423" t="s">
        <v>2795</v>
      </c>
      <c r="JJZ733" s="424"/>
      <c r="JKA733" s="424"/>
      <c r="JKB733" s="424"/>
      <c r="JKC733" s="423" t="s">
        <v>2795</v>
      </c>
      <c r="JKD733" s="424"/>
      <c r="JKE733" s="424"/>
      <c r="JKF733" s="424"/>
      <c r="JKG733" s="423" t="s">
        <v>2795</v>
      </c>
      <c r="JKH733" s="424"/>
      <c r="JKI733" s="424"/>
      <c r="JKJ733" s="424"/>
      <c r="JKK733" s="423" t="s">
        <v>2795</v>
      </c>
      <c r="JKL733" s="424"/>
      <c r="JKM733" s="424"/>
      <c r="JKN733" s="424"/>
      <c r="JKO733" s="423" t="s">
        <v>2795</v>
      </c>
      <c r="JKP733" s="424"/>
      <c r="JKQ733" s="424"/>
      <c r="JKR733" s="424"/>
      <c r="JKS733" s="423" t="s">
        <v>2795</v>
      </c>
      <c r="JKT733" s="424"/>
      <c r="JKU733" s="424"/>
      <c r="JKV733" s="424"/>
      <c r="JKW733" s="423" t="s">
        <v>2795</v>
      </c>
      <c r="JKX733" s="424"/>
      <c r="JKY733" s="424"/>
      <c r="JKZ733" s="424"/>
      <c r="JLA733" s="423" t="s">
        <v>2795</v>
      </c>
      <c r="JLB733" s="424"/>
      <c r="JLC733" s="424"/>
      <c r="JLD733" s="424"/>
      <c r="JLE733" s="423" t="s">
        <v>2795</v>
      </c>
      <c r="JLF733" s="424"/>
      <c r="JLG733" s="424"/>
      <c r="JLH733" s="424"/>
      <c r="JLI733" s="423" t="s">
        <v>2795</v>
      </c>
      <c r="JLJ733" s="424"/>
      <c r="JLK733" s="424"/>
      <c r="JLL733" s="424"/>
      <c r="JLM733" s="423" t="s">
        <v>2795</v>
      </c>
      <c r="JLN733" s="424"/>
      <c r="JLO733" s="424"/>
      <c r="JLP733" s="424"/>
      <c r="JLQ733" s="423" t="s">
        <v>2795</v>
      </c>
      <c r="JLR733" s="424"/>
      <c r="JLS733" s="424"/>
      <c r="JLT733" s="424"/>
      <c r="JLU733" s="423" t="s">
        <v>2795</v>
      </c>
      <c r="JLV733" s="424"/>
      <c r="JLW733" s="424"/>
      <c r="JLX733" s="424"/>
      <c r="JLY733" s="423" t="s">
        <v>2795</v>
      </c>
      <c r="JLZ733" s="424"/>
      <c r="JMA733" s="424"/>
      <c r="JMB733" s="424"/>
      <c r="JMC733" s="423" t="s">
        <v>2795</v>
      </c>
      <c r="JMD733" s="424"/>
      <c r="JME733" s="424"/>
      <c r="JMF733" s="424"/>
      <c r="JMG733" s="423" t="s">
        <v>2795</v>
      </c>
      <c r="JMH733" s="424"/>
      <c r="JMI733" s="424"/>
      <c r="JMJ733" s="424"/>
      <c r="JMK733" s="423" t="s">
        <v>2795</v>
      </c>
      <c r="JML733" s="424"/>
      <c r="JMM733" s="424"/>
      <c r="JMN733" s="424"/>
      <c r="JMO733" s="423" t="s">
        <v>2795</v>
      </c>
      <c r="JMP733" s="424"/>
      <c r="JMQ733" s="424"/>
      <c r="JMR733" s="424"/>
      <c r="JMS733" s="423" t="s">
        <v>2795</v>
      </c>
      <c r="JMT733" s="424"/>
      <c r="JMU733" s="424"/>
      <c r="JMV733" s="424"/>
      <c r="JMW733" s="423" t="s">
        <v>2795</v>
      </c>
      <c r="JMX733" s="424"/>
      <c r="JMY733" s="424"/>
      <c r="JMZ733" s="424"/>
      <c r="JNA733" s="423" t="s">
        <v>2795</v>
      </c>
      <c r="JNB733" s="424"/>
      <c r="JNC733" s="424"/>
      <c r="JND733" s="424"/>
      <c r="JNE733" s="423" t="s">
        <v>2795</v>
      </c>
      <c r="JNF733" s="424"/>
      <c r="JNG733" s="424"/>
      <c r="JNH733" s="424"/>
      <c r="JNI733" s="423" t="s">
        <v>2795</v>
      </c>
      <c r="JNJ733" s="424"/>
      <c r="JNK733" s="424"/>
      <c r="JNL733" s="424"/>
      <c r="JNM733" s="423" t="s">
        <v>2795</v>
      </c>
      <c r="JNN733" s="424"/>
      <c r="JNO733" s="424"/>
      <c r="JNP733" s="424"/>
      <c r="JNQ733" s="423" t="s">
        <v>2795</v>
      </c>
      <c r="JNR733" s="424"/>
      <c r="JNS733" s="424"/>
      <c r="JNT733" s="424"/>
      <c r="JNU733" s="423" t="s">
        <v>2795</v>
      </c>
      <c r="JNV733" s="424"/>
      <c r="JNW733" s="424"/>
      <c r="JNX733" s="424"/>
      <c r="JNY733" s="423" t="s">
        <v>2795</v>
      </c>
      <c r="JNZ733" s="424"/>
      <c r="JOA733" s="424"/>
      <c r="JOB733" s="424"/>
      <c r="JOC733" s="423" t="s">
        <v>2795</v>
      </c>
      <c r="JOD733" s="424"/>
      <c r="JOE733" s="424"/>
      <c r="JOF733" s="424"/>
      <c r="JOG733" s="423" t="s">
        <v>2795</v>
      </c>
      <c r="JOH733" s="424"/>
      <c r="JOI733" s="424"/>
      <c r="JOJ733" s="424"/>
      <c r="JOK733" s="423" t="s">
        <v>2795</v>
      </c>
      <c r="JOL733" s="424"/>
      <c r="JOM733" s="424"/>
      <c r="JON733" s="424"/>
      <c r="JOO733" s="423" t="s">
        <v>2795</v>
      </c>
      <c r="JOP733" s="424"/>
      <c r="JOQ733" s="424"/>
      <c r="JOR733" s="424"/>
      <c r="JOS733" s="423" t="s">
        <v>2795</v>
      </c>
      <c r="JOT733" s="424"/>
      <c r="JOU733" s="424"/>
      <c r="JOV733" s="424"/>
      <c r="JOW733" s="423" t="s">
        <v>2795</v>
      </c>
      <c r="JOX733" s="424"/>
      <c r="JOY733" s="424"/>
      <c r="JOZ733" s="424"/>
      <c r="JPA733" s="423" t="s">
        <v>2795</v>
      </c>
      <c r="JPB733" s="424"/>
      <c r="JPC733" s="424"/>
      <c r="JPD733" s="424"/>
      <c r="JPE733" s="423" t="s">
        <v>2795</v>
      </c>
      <c r="JPF733" s="424"/>
      <c r="JPG733" s="424"/>
      <c r="JPH733" s="424"/>
      <c r="JPI733" s="423" t="s">
        <v>2795</v>
      </c>
      <c r="JPJ733" s="424"/>
      <c r="JPK733" s="424"/>
      <c r="JPL733" s="424"/>
      <c r="JPM733" s="423" t="s">
        <v>2795</v>
      </c>
      <c r="JPN733" s="424"/>
      <c r="JPO733" s="424"/>
      <c r="JPP733" s="424"/>
      <c r="JPQ733" s="423" t="s">
        <v>2795</v>
      </c>
      <c r="JPR733" s="424"/>
      <c r="JPS733" s="424"/>
      <c r="JPT733" s="424"/>
      <c r="JPU733" s="423" t="s">
        <v>2795</v>
      </c>
      <c r="JPV733" s="424"/>
      <c r="JPW733" s="424"/>
      <c r="JPX733" s="424"/>
      <c r="JPY733" s="423" t="s">
        <v>2795</v>
      </c>
      <c r="JPZ733" s="424"/>
      <c r="JQA733" s="424"/>
      <c r="JQB733" s="424"/>
      <c r="JQC733" s="423" t="s">
        <v>2795</v>
      </c>
      <c r="JQD733" s="424"/>
      <c r="JQE733" s="424"/>
      <c r="JQF733" s="424"/>
      <c r="JQG733" s="423" t="s">
        <v>2795</v>
      </c>
      <c r="JQH733" s="424"/>
      <c r="JQI733" s="424"/>
      <c r="JQJ733" s="424"/>
      <c r="JQK733" s="423" t="s">
        <v>2795</v>
      </c>
      <c r="JQL733" s="424"/>
      <c r="JQM733" s="424"/>
      <c r="JQN733" s="424"/>
      <c r="JQO733" s="423" t="s">
        <v>2795</v>
      </c>
      <c r="JQP733" s="424"/>
      <c r="JQQ733" s="424"/>
      <c r="JQR733" s="424"/>
      <c r="JQS733" s="423" t="s">
        <v>2795</v>
      </c>
      <c r="JQT733" s="424"/>
      <c r="JQU733" s="424"/>
      <c r="JQV733" s="424"/>
      <c r="JQW733" s="423" t="s">
        <v>2795</v>
      </c>
      <c r="JQX733" s="424"/>
      <c r="JQY733" s="424"/>
      <c r="JQZ733" s="424"/>
      <c r="JRA733" s="423" t="s">
        <v>2795</v>
      </c>
      <c r="JRB733" s="424"/>
      <c r="JRC733" s="424"/>
      <c r="JRD733" s="424"/>
      <c r="JRE733" s="423" t="s">
        <v>2795</v>
      </c>
      <c r="JRF733" s="424"/>
      <c r="JRG733" s="424"/>
      <c r="JRH733" s="424"/>
      <c r="JRI733" s="423" t="s">
        <v>2795</v>
      </c>
      <c r="JRJ733" s="424"/>
      <c r="JRK733" s="424"/>
      <c r="JRL733" s="424"/>
      <c r="JRM733" s="423" t="s">
        <v>2795</v>
      </c>
      <c r="JRN733" s="424"/>
      <c r="JRO733" s="424"/>
      <c r="JRP733" s="424"/>
      <c r="JRQ733" s="423" t="s">
        <v>2795</v>
      </c>
      <c r="JRR733" s="424"/>
      <c r="JRS733" s="424"/>
      <c r="JRT733" s="424"/>
      <c r="JRU733" s="423" t="s">
        <v>2795</v>
      </c>
      <c r="JRV733" s="424"/>
      <c r="JRW733" s="424"/>
      <c r="JRX733" s="424"/>
      <c r="JRY733" s="423" t="s">
        <v>2795</v>
      </c>
      <c r="JRZ733" s="424"/>
      <c r="JSA733" s="424"/>
      <c r="JSB733" s="424"/>
      <c r="JSC733" s="423" t="s">
        <v>2795</v>
      </c>
      <c r="JSD733" s="424"/>
      <c r="JSE733" s="424"/>
      <c r="JSF733" s="424"/>
      <c r="JSG733" s="423" t="s">
        <v>2795</v>
      </c>
      <c r="JSH733" s="424"/>
      <c r="JSI733" s="424"/>
      <c r="JSJ733" s="424"/>
      <c r="JSK733" s="423" t="s">
        <v>2795</v>
      </c>
      <c r="JSL733" s="424"/>
      <c r="JSM733" s="424"/>
      <c r="JSN733" s="424"/>
      <c r="JSO733" s="423" t="s">
        <v>2795</v>
      </c>
      <c r="JSP733" s="424"/>
      <c r="JSQ733" s="424"/>
      <c r="JSR733" s="424"/>
      <c r="JSS733" s="423" t="s">
        <v>2795</v>
      </c>
      <c r="JST733" s="424"/>
      <c r="JSU733" s="424"/>
      <c r="JSV733" s="424"/>
      <c r="JSW733" s="423" t="s">
        <v>2795</v>
      </c>
      <c r="JSX733" s="424"/>
      <c r="JSY733" s="424"/>
      <c r="JSZ733" s="424"/>
      <c r="JTA733" s="423" t="s">
        <v>2795</v>
      </c>
      <c r="JTB733" s="424"/>
      <c r="JTC733" s="424"/>
      <c r="JTD733" s="424"/>
      <c r="JTE733" s="423" t="s">
        <v>2795</v>
      </c>
      <c r="JTF733" s="424"/>
      <c r="JTG733" s="424"/>
      <c r="JTH733" s="424"/>
      <c r="JTI733" s="423" t="s">
        <v>2795</v>
      </c>
      <c r="JTJ733" s="424"/>
      <c r="JTK733" s="424"/>
      <c r="JTL733" s="424"/>
      <c r="JTM733" s="423" t="s">
        <v>2795</v>
      </c>
      <c r="JTN733" s="424"/>
      <c r="JTO733" s="424"/>
      <c r="JTP733" s="424"/>
      <c r="JTQ733" s="423" t="s">
        <v>2795</v>
      </c>
      <c r="JTR733" s="424"/>
      <c r="JTS733" s="424"/>
      <c r="JTT733" s="424"/>
      <c r="JTU733" s="423" t="s">
        <v>2795</v>
      </c>
      <c r="JTV733" s="424"/>
      <c r="JTW733" s="424"/>
      <c r="JTX733" s="424"/>
      <c r="JTY733" s="423" t="s">
        <v>2795</v>
      </c>
      <c r="JTZ733" s="424"/>
      <c r="JUA733" s="424"/>
      <c r="JUB733" s="424"/>
      <c r="JUC733" s="423" t="s">
        <v>2795</v>
      </c>
      <c r="JUD733" s="424"/>
      <c r="JUE733" s="424"/>
      <c r="JUF733" s="424"/>
      <c r="JUG733" s="423" t="s">
        <v>2795</v>
      </c>
      <c r="JUH733" s="424"/>
      <c r="JUI733" s="424"/>
      <c r="JUJ733" s="424"/>
      <c r="JUK733" s="423" t="s">
        <v>2795</v>
      </c>
      <c r="JUL733" s="424"/>
      <c r="JUM733" s="424"/>
      <c r="JUN733" s="424"/>
      <c r="JUO733" s="423" t="s">
        <v>2795</v>
      </c>
      <c r="JUP733" s="424"/>
      <c r="JUQ733" s="424"/>
      <c r="JUR733" s="424"/>
      <c r="JUS733" s="423" t="s">
        <v>2795</v>
      </c>
      <c r="JUT733" s="424"/>
      <c r="JUU733" s="424"/>
      <c r="JUV733" s="424"/>
      <c r="JUW733" s="423" t="s">
        <v>2795</v>
      </c>
      <c r="JUX733" s="424"/>
      <c r="JUY733" s="424"/>
      <c r="JUZ733" s="424"/>
      <c r="JVA733" s="423" t="s">
        <v>2795</v>
      </c>
      <c r="JVB733" s="424"/>
      <c r="JVC733" s="424"/>
      <c r="JVD733" s="424"/>
      <c r="JVE733" s="423" t="s">
        <v>2795</v>
      </c>
      <c r="JVF733" s="424"/>
      <c r="JVG733" s="424"/>
      <c r="JVH733" s="424"/>
      <c r="JVI733" s="423" t="s">
        <v>2795</v>
      </c>
      <c r="JVJ733" s="424"/>
      <c r="JVK733" s="424"/>
      <c r="JVL733" s="424"/>
      <c r="JVM733" s="423" t="s">
        <v>2795</v>
      </c>
      <c r="JVN733" s="424"/>
      <c r="JVO733" s="424"/>
      <c r="JVP733" s="424"/>
      <c r="JVQ733" s="423" t="s">
        <v>2795</v>
      </c>
      <c r="JVR733" s="424"/>
      <c r="JVS733" s="424"/>
      <c r="JVT733" s="424"/>
      <c r="JVU733" s="423" t="s">
        <v>2795</v>
      </c>
      <c r="JVV733" s="424"/>
      <c r="JVW733" s="424"/>
      <c r="JVX733" s="424"/>
      <c r="JVY733" s="423" t="s">
        <v>2795</v>
      </c>
      <c r="JVZ733" s="424"/>
      <c r="JWA733" s="424"/>
      <c r="JWB733" s="424"/>
      <c r="JWC733" s="423" t="s">
        <v>2795</v>
      </c>
      <c r="JWD733" s="424"/>
      <c r="JWE733" s="424"/>
      <c r="JWF733" s="424"/>
      <c r="JWG733" s="423" t="s">
        <v>2795</v>
      </c>
      <c r="JWH733" s="424"/>
      <c r="JWI733" s="424"/>
      <c r="JWJ733" s="424"/>
      <c r="JWK733" s="423" t="s">
        <v>2795</v>
      </c>
      <c r="JWL733" s="424"/>
      <c r="JWM733" s="424"/>
      <c r="JWN733" s="424"/>
      <c r="JWO733" s="423" t="s">
        <v>2795</v>
      </c>
      <c r="JWP733" s="424"/>
      <c r="JWQ733" s="424"/>
      <c r="JWR733" s="424"/>
      <c r="JWS733" s="423" t="s">
        <v>2795</v>
      </c>
      <c r="JWT733" s="424"/>
      <c r="JWU733" s="424"/>
      <c r="JWV733" s="424"/>
      <c r="JWW733" s="423" t="s">
        <v>2795</v>
      </c>
      <c r="JWX733" s="424"/>
      <c r="JWY733" s="424"/>
      <c r="JWZ733" s="424"/>
      <c r="JXA733" s="423" t="s">
        <v>2795</v>
      </c>
      <c r="JXB733" s="424"/>
      <c r="JXC733" s="424"/>
      <c r="JXD733" s="424"/>
      <c r="JXE733" s="423" t="s">
        <v>2795</v>
      </c>
      <c r="JXF733" s="424"/>
      <c r="JXG733" s="424"/>
      <c r="JXH733" s="424"/>
      <c r="JXI733" s="423" t="s">
        <v>2795</v>
      </c>
      <c r="JXJ733" s="424"/>
      <c r="JXK733" s="424"/>
      <c r="JXL733" s="424"/>
      <c r="JXM733" s="423" t="s">
        <v>2795</v>
      </c>
      <c r="JXN733" s="424"/>
      <c r="JXO733" s="424"/>
      <c r="JXP733" s="424"/>
      <c r="JXQ733" s="423" t="s">
        <v>2795</v>
      </c>
      <c r="JXR733" s="424"/>
      <c r="JXS733" s="424"/>
      <c r="JXT733" s="424"/>
      <c r="JXU733" s="423" t="s">
        <v>2795</v>
      </c>
      <c r="JXV733" s="424"/>
      <c r="JXW733" s="424"/>
      <c r="JXX733" s="424"/>
      <c r="JXY733" s="423" t="s">
        <v>2795</v>
      </c>
      <c r="JXZ733" s="424"/>
      <c r="JYA733" s="424"/>
      <c r="JYB733" s="424"/>
      <c r="JYC733" s="423" t="s">
        <v>2795</v>
      </c>
      <c r="JYD733" s="424"/>
      <c r="JYE733" s="424"/>
      <c r="JYF733" s="424"/>
      <c r="JYG733" s="423" t="s">
        <v>2795</v>
      </c>
      <c r="JYH733" s="424"/>
      <c r="JYI733" s="424"/>
      <c r="JYJ733" s="424"/>
      <c r="JYK733" s="423" t="s">
        <v>2795</v>
      </c>
      <c r="JYL733" s="424"/>
      <c r="JYM733" s="424"/>
      <c r="JYN733" s="424"/>
      <c r="JYO733" s="423" t="s">
        <v>2795</v>
      </c>
      <c r="JYP733" s="424"/>
      <c r="JYQ733" s="424"/>
      <c r="JYR733" s="424"/>
      <c r="JYS733" s="423" t="s">
        <v>2795</v>
      </c>
      <c r="JYT733" s="424"/>
      <c r="JYU733" s="424"/>
      <c r="JYV733" s="424"/>
      <c r="JYW733" s="423" t="s">
        <v>2795</v>
      </c>
      <c r="JYX733" s="424"/>
      <c r="JYY733" s="424"/>
      <c r="JYZ733" s="424"/>
      <c r="JZA733" s="423" t="s">
        <v>2795</v>
      </c>
      <c r="JZB733" s="424"/>
      <c r="JZC733" s="424"/>
      <c r="JZD733" s="424"/>
      <c r="JZE733" s="423" t="s">
        <v>2795</v>
      </c>
      <c r="JZF733" s="424"/>
      <c r="JZG733" s="424"/>
      <c r="JZH733" s="424"/>
      <c r="JZI733" s="423" t="s">
        <v>2795</v>
      </c>
      <c r="JZJ733" s="424"/>
      <c r="JZK733" s="424"/>
      <c r="JZL733" s="424"/>
      <c r="JZM733" s="423" t="s">
        <v>2795</v>
      </c>
      <c r="JZN733" s="424"/>
      <c r="JZO733" s="424"/>
      <c r="JZP733" s="424"/>
      <c r="JZQ733" s="423" t="s">
        <v>2795</v>
      </c>
      <c r="JZR733" s="424"/>
      <c r="JZS733" s="424"/>
      <c r="JZT733" s="424"/>
      <c r="JZU733" s="423" t="s">
        <v>2795</v>
      </c>
      <c r="JZV733" s="424"/>
      <c r="JZW733" s="424"/>
      <c r="JZX733" s="424"/>
      <c r="JZY733" s="423" t="s">
        <v>2795</v>
      </c>
      <c r="JZZ733" s="424"/>
      <c r="KAA733" s="424"/>
      <c r="KAB733" s="424"/>
      <c r="KAC733" s="423" t="s">
        <v>2795</v>
      </c>
      <c r="KAD733" s="424"/>
      <c r="KAE733" s="424"/>
      <c r="KAF733" s="424"/>
      <c r="KAG733" s="423" t="s">
        <v>2795</v>
      </c>
      <c r="KAH733" s="424"/>
      <c r="KAI733" s="424"/>
      <c r="KAJ733" s="424"/>
      <c r="KAK733" s="423" t="s">
        <v>2795</v>
      </c>
      <c r="KAL733" s="424"/>
      <c r="KAM733" s="424"/>
      <c r="KAN733" s="424"/>
      <c r="KAO733" s="423" t="s">
        <v>2795</v>
      </c>
      <c r="KAP733" s="424"/>
      <c r="KAQ733" s="424"/>
      <c r="KAR733" s="424"/>
      <c r="KAS733" s="423" t="s">
        <v>2795</v>
      </c>
      <c r="KAT733" s="424"/>
      <c r="KAU733" s="424"/>
      <c r="KAV733" s="424"/>
      <c r="KAW733" s="423" t="s">
        <v>2795</v>
      </c>
      <c r="KAX733" s="424"/>
      <c r="KAY733" s="424"/>
      <c r="KAZ733" s="424"/>
      <c r="KBA733" s="423" t="s">
        <v>2795</v>
      </c>
      <c r="KBB733" s="424"/>
      <c r="KBC733" s="424"/>
      <c r="KBD733" s="424"/>
      <c r="KBE733" s="423" t="s">
        <v>2795</v>
      </c>
      <c r="KBF733" s="424"/>
      <c r="KBG733" s="424"/>
      <c r="KBH733" s="424"/>
      <c r="KBI733" s="423" t="s">
        <v>2795</v>
      </c>
      <c r="KBJ733" s="424"/>
      <c r="KBK733" s="424"/>
      <c r="KBL733" s="424"/>
      <c r="KBM733" s="423" t="s">
        <v>2795</v>
      </c>
      <c r="KBN733" s="424"/>
      <c r="KBO733" s="424"/>
      <c r="KBP733" s="424"/>
      <c r="KBQ733" s="423" t="s">
        <v>2795</v>
      </c>
      <c r="KBR733" s="424"/>
      <c r="KBS733" s="424"/>
      <c r="KBT733" s="424"/>
      <c r="KBU733" s="423" t="s">
        <v>2795</v>
      </c>
      <c r="KBV733" s="424"/>
      <c r="KBW733" s="424"/>
      <c r="KBX733" s="424"/>
      <c r="KBY733" s="423" t="s">
        <v>2795</v>
      </c>
      <c r="KBZ733" s="424"/>
      <c r="KCA733" s="424"/>
      <c r="KCB733" s="424"/>
      <c r="KCC733" s="423" t="s">
        <v>2795</v>
      </c>
      <c r="KCD733" s="424"/>
      <c r="KCE733" s="424"/>
      <c r="KCF733" s="424"/>
      <c r="KCG733" s="423" t="s">
        <v>2795</v>
      </c>
      <c r="KCH733" s="424"/>
      <c r="KCI733" s="424"/>
      <c r="KCJ733" s="424"/>
      <c r="KCK733" s="423" t="s">
        <v>2795</v>
      </c>
      <c r="KCL733" s="424"/>
      <c r="KCM733" s="424"/>
      <c r="KCN733" s="424"/>
      <c r="KCO733" s="423" t="s">
        <v>2795</v>
      </c>
      <c r="KCP733" s="424"/>
      <c r="KCQ733" s="424"/>
      <c r="KCR733" s="424"/>
      <c r="KCS733" s="423" t="s">
        <v>2795</v>
      </c>
      <c r="KCT733" s="424"/>
      <c r="KCU733" s="424"/>
      <c r="KCV733" s="424"/>
      <c r="KCW733" s="423" t="s">
        <v>2795</v>
      </c>
      <c r="KCX733" s="424"/>
      <c r="KCY733" s="424"/>
      <c r="KCZ733" s="424"/>
      <c r="KDA733" s="423" t="s">
        <v>2795</v>
      </c>
      <c r="KDB733" s="424"/>
      <c r="KDC733" s="424"/>
      <c r="KDD733" s="424"/>
      <c r="KDE733" s="423" t="s">
        <v>2795</v>
      </c>
      <c r="KDF733" s="424"/>
      <c r="KDG733" s="424"/>
      <c r="KDH733" s="424"/>
      <c r="KDI733" s="423" t="s">
        <v>2795</v>
      </c>
      <c r="KDJ733" s="424"/>
      <c r="KDK733" s="424"/>
      <c r="KDL733" s="424"/>
      <c r="KDM733" s="423" t="s">
        <v>2795</v>
      </c>
      <c r="KDN733" s="424"/>
      <c r="KDO733" s="424"/>
      <c r="KDP733" s="424"/>
      <c r="KDQ733" s="423" t="s">
        <v>2795</v>
      </c>
      <c r="KDR733" s="424"/>
      <c r="KDS733" s="424"/>
      <c r="KDT733" s="424"/>
      <c r="KDU733" s="423" t="s">
        <v>2795</v>
      </c>
      <c r="KDV733" s="424"/>
      <c r="KDW733" s="424"/>
      <c r="KDX733" s="424"/>
      <c r="KDY733" s="423" t="s">
        <v>2795</v>
      </c>
      <c r="KDZ733" s="424"/>
      <c r="KEA733" s="424"/>
      <c r="KEB733" s="424"/>
      <c r="KEC733" s="423" t="s">
        <v>2795</v>
      </c>
      <c r="KED733" s="424"/>
      <c r="KEE733" s="424"/>
      <c r="KEF733" s="424"/>
      <c r="KEG733" s="423" t="s">
        <v>2795</v>
      </c>
      <c r="KEH733" s="424"/>
      <c r="KEI733" s="424"/>
      <c r="KEJ733" s="424"/>
      <c r="KEK733" s="423" t="s">
        <v>2795</v>
      </c>
      <c r="KEL733" s="424"/>
      <c r="KEM733" s="424"/>
      <c r="KEN733" s="424"/>
      <c r="KEO733" s="423" t="s">
        <v>2795</v>
      </c>
      <c r="KEP733" s="424"/>
      <c r="KEQ733" s="424"/>
      <c r="KER733" s="424"/>
      <c r="KES733" s="423" t="s">
        <v>2795</v>
      </c>
      <c r="KET733" s="424"/>
      <c r="KEU733" s="424"/>
      <c r="KEV733" s="424"/>
      <c r="KEW733" s="423" t="s">
        <v>2795</v>
      </c>
      <c r="KEX733" s="424"/>
      <c r="KEY733" s="424"/>
      <c r="KEZ733" s="424"/>
      <c r="KFA733" s="423" t="s">
        <v>2795</v>
      </c>
      <c r="KFB733" s="424"/>
      <c r="KFC733" s="424"/>
      <c r="KFD733" s="424"/>
      <c r="KFE733" s="423" t="s">
        <v>2795</v>
      </c>
      <c r="KFF733" s="424"/>
      <c r="KFG733" s="424"/>
      <c r="KFH733" s="424"/>
      <c r="KFI733" s="423" t="s">
        <v>2795</v>
      </c>
      <c r="KFJ733" s="424"/>
      <c r="KFK733" s="424"/>
      <c r="KFL733" s="424"/>
      <c r="KFM733" s="423" t="s">
        <v>2795</v>
      </c>
      <c r="KFN733" s="424"/>
      <c r="KFO733" s="424"/>
      <c r="KFP733" s="424"/>
      <c r="KFQ733" s="423" t="s">
        <v>2795</v>
      </c>
      <c r="KFR733" s="424"/>
      <c r="KFS733" s="424"/>
      <c r="KFT733" s="424"/>
      <c r="KFU733" s="423" t="s">
        <v>2795</v>
      </c>
      <c r="KFV733" s="424"/>
      <c r="KFW733" s="424"/>
      <c r="KFX733" s="424"/>
      <c r="KFY733" s="423" t="s">
        <v>2795</v>
      </c>
      <c r="KFZ733" s="424"/>
      <c r="KGA733" s="424"/>
      <c r="KGB733" s="424"/>
      <c r="KGC733" s="423" t="s">
        <v>2795</v>
      </c>
      <c r="KGD733" s="424"/>
      <c r="KGE733" s="424"/>
      <c r="KGF733" s="424"/>
      <c r="KGG733" s="423" t="s">
        <v>2795</v>
      </c>
      <c r="KGH733" s="424"/>
      <c r="KGI733" s="424"/>
      <c r="KGJ733" s="424"/>
      <c r="KGK733" s="423" t="s">
        <v>2795</v>
      </c>
      <c r="KGL733" s="424"/>
      <c r="KGM733" s="424"/>
      <c r="KGN733" s="424"/>
      <c r="KGO733" s="423" t="s">
        <v>2795</v>
      </c>
      <c r="KGP733" s="424"/>
      <c r="KGQ733" s="424"/>
      <c r="KGR733" s="424"/>
      <c r="KGS733" s="423" t="s">
        <v>2795</v>
      </c>
      <c r="KGT733" s="424"/>
      <c r="KGU733" s="424"/>
      <c r="KGV733" s="424"/>
      <c r="KGW733" s="423" t="s">
        <v>2795</v>
      </c>
      <c r="KGX733" s="424"/>
      <c r="KGY733" s="424"/>
      <c r="KGZ733" s="424"/>
      <c r="KHA733" s="423" t="s">
        <v>2795</v>
      </c>
      <c r="KHB733" s="424"/>
      <c r="KHC733" s="424"/>
      <c r="KHD733" s="424"/>
      <c r="KHE733" s="423" t="s">
        <v>2795</v>
      </c>
      <c r="KHF733" s="424"/>
      <c r="KHG733" s="424"/>
      <c r="KHH733" s="424"/>
      <c r="KHI733" s="423" t="s">
        <v>2795</v>
      </c>
      <c r="KHJ733" s="424"/>
      <c r="KHK733" s="424"/>
      <c r="KHL733" s="424"/>
      <c r="KHM733" s="423" t="s">
        <v>2795</v>
      </c>
      <c r="KHN733" s="424"/>
      <c r="KHO733" s="424"/>
      <c r="KHP733" s="424"/>
      <c r="KHQ733" s="423" t="s">
        <v>2795</v>
      </c>
      <c r="KHR733" s="424"/>
      <c r="KHS733" s="424"/>
      <c r="KHT733" s="424"/>
      <c r="KHU733" s="423" t="s">
        <v>2795</v>
      </c>
      <c r="KHV733" s="424"/>
      <c r="KHW733" s="424"/>
      <c r="KHX733" s="424"/>
      <c r="KHY733" s="423" t="s">
        <v>2795</v>
      </c>
      <c r="KHZ733" s="424"/>
      <c r="KIA733" s="424"/>
      <c r="KIB733" s="424"/>
      <c r="KIC733" s="423" t="s">
        <v>2795</v>
      </c>
      <c r="KID733" s="424"/>
      <c r="KIE733" s="424"/>
      <c r="KIF733" s="424"/>
      <c r="KIG733" s="423" t="s">
        <v>2795</v>
      </c>
      <c r="KIH733" s="424"/>
      <c r="KII733" s="424"/>
      <c r="KIJ733" s="424"/>
      <c r="KIK733" s="423" t="s">
        <v>2795</v>
      </c>
      <c r="KIL733" s="424"/>
      <c r="KIM733" s="424"/>
      <c r="KIN733" s="424"/>
      <c r="KIO733" s="423" t="s">
        <v>2795</v>
      </c>
      <c r="KIP733" s="424"/>
      <c r="KIQ733" s="424"/>
      <c r="KIR733" s="424"/>
      <c r="KIS733" s="423" t="s">
        <v>2795</v>
      </c>
      <c r="KIT733" s="424"/>
      <c r="KIU733" s="424"/>
      <c r="KIV733" s="424"/>
      <c r="KIW733" s="423" t="s">
        <v>2795</v>
      </c>
      <c r="KIX733" s="424"/>
      <c r="KIY733" s="424"/>
      <c r="KIZ733" s="424"/>
      <c r="KJA733" s="423" t="s">
        <v>2795</v>
      </c>
      <c r="KJB733" s="424"/>
      <c r="KJC733" s="424"/>
      <c r="KJD733" s="424"/>
      <c r="KJE733" s="423" t="s">
        <v>2795</v>
      </c>
      <c r="KJF733" s="424"/>
      <c r="KJG733" s="424"/>
      <c r="KJH733" s="424"/>
      <c r="KJI733" s="423" t="s">
        <v>2795</v>
      </c>
      <c r="KJJ733" s="424"/>
      <c r="KJK733" s="424"/>
      <c r="KJL733" s="424"/>
      <c r="KJM733" s="423" t="s">
        <v>2795</v>
      </c>
      <c r="KJN733" s="424"/>
      <c r="KJO733" s="424"/>
      <c r="KJP733" s="424"/>
      <c r="KJQ733" s="423" t="s">
        <v>2795</v>
      </c>
      <c r="KJR733" s="424"/>
      <c r="KJS733" s="424"/>
      <c r="KJT733" s="424"/>
      <c r="KJU733" s="423" t="s">
        <v>2795</v>
      </c>
      <c r="KJV733" s="424"/>
      <c r="KJW733" s="424"/>
      <c r="KJX733" s="424"/>
      <c r="KJY733" s="423" t="s">
        <v>2795</v>
      </c>
      <c r="KJZ733" s="424"/>
      <c r="KKA733" s="424"/>
      <c r="KKB733" s="424"/>
      <c r="KKC733" s="423" t="s">
        <v>2795</v>
      </c>
      <c r="KKD733" s="424"/>
      <c r="KKE733" s="424"/>
      <c r="KKF733" s="424"/>
      <c r="KKG733" s="423" t="s">
        <v>2795</v>
      </c>
      <c r="KKH733" s="424"/>
      <c r="KKI733" s="424"/>
      <c r="KKJ733" s="424"/>
      <c r="KKK733" s="423" t="s">
        <v>2795</v>
      </c>
      <c r="KKL733" s="424"/>
      <c r="KKM733" s="424"/>
      <c r="KKN733" s="424"/>
      <c r="KKO733" s="423" t="s">
        <v>2795</v>
      </c>
      <c r="KKP733" s="424"/>
      <c r="KKQ733" s="424"/>
      <c r="KKR733" s="424"/>
      <c r="KKS733" s="423" t="s">
        <v>2795</v>
      </c>
      <c r="KKT733" s="424"/>
      <c r="KKU733" s="424"/>
      <c r="KKV733" s="424"/>
      <c r="KKW733" s="423" t="s">
        <v>2795</v>
      </c>
      <c r="KKX733" s="424"/>
      <c r="KKY733" s="424"/>
      <c r="KKZ733" s="424"/>
      <c r="KLA733" s="423" t="s">
        <v>2795</v>
      </c>
      <c r="KLB733" s="424"/>
      <c r="KLC733" s="424"/>
      <c r="KLD733" s="424"/>
      <c r="KLE733" s="423" t="s">
        <v>2795</v>
      </c>
      <c r="KLF733" s="424"/>
      <c r="KLG733" s="424"/>
      <c r="KLH733" s="424"/>
      <c r="KLI733" s="423" t="s">
        <v>2795</v>
      </c>
      <c r="KLJ733" s="424"/>
      <c r="KLK733" s="424"/>
      <c r="KLL733" s="424"/>
      <c r="KLM733" s="423" t="s">
        <v>2795</v>
      </c>
      <c r="KLN733" s="424"/>
      <c r="KLO733" s="424"/>
      <c r="KLP733" s="424"/>
      <c r="KLQ733" s="423" t="s">
        <v>2795</v>
      </c>
      <c r="KLR733" s="424"/>
      <c r="KLS733" s="424"/>
      <c r="KLT733" s="424"/>
      <c r="KLU733" s="423" t="s">
        <v>2795</v>
      </c>
      <c r="KLV733" s="424"/>
      <c r="KLW733" s="424"/>
      <c r="KLX733" s="424"/>
      <c r="KLY733" s="423" t="s">
        <v>2795</v>
      </c>
      <c r="KLZ733" s="424"/>
      <c r="KMA733" s="424"/>
      <c r="KMB733" s="424"/>
      <c r="KMC733" s="423" t="s">
        <v>2795</v>
      </c>
      <c r="KMD733" s="424"/>
      <c r="KME733" s="424"/>
      <c r="KMF733" s="424"/>
      <c r="KMG733" s="423" t="s">
        <v>2795</v>
      </c>
      <c r="KMH733" s="424"/>
      <c r="KMI733" s="424"/>
      <c r="KMJ733" s="424"/>
      <c r="KMK733" s="423" t="s">
        <v>2795</v>
      </c>
      <c r="KML733" s="424"/>
      <c r="KMM733" s="424"/>
      <c r="KMN733" s="424"/>
      <c r="KMO733" s="423" t="s">
        <v>2795</v>
      </c>
      <c r="KMP733" s="424"/>
      <c r="KMQ733" s="424"/>
      <c r="KMR733" s="424"/>
      <c r="KMS733" s="423" t="s">
        <v>2795</v>
      </c>
      <c r="KMT733" s="424"/>
      <c r="KMU733" s="424"/>
      <c r="KMV733" s="424"/>
      <c r="KMW733" s="423" t="s">
        <v>2795</v>
      </c>
      <c r="KMX733" s="424"/>
      <c r="KMY733" s="424"/>
      <c r="KMZ733" s="424"/>
      <c r="KNA733" s="423" t="s">
        <v>2795</v>
      </c>
      <c r="KNB733" s="424"/>
      <c r="KNC733" s="424"/>
      <c r="KND733" s="424"/>
      <c r="KNE733" s="423" t="s">
        <v>2795</v>
      </c>
      <c r="KNF733" s="424"/>
      <c r="KNG733" s="424"/>
      <c r="KNH733" s="424"/>
      <c r="KNI733" s="423" t="s">
        <v>2795</v>
      </c>
      <c r="KNJ733" s="424"/>
      <c r="KNK733" s="424"/>
      <c r="KNL733" s="424"/>
      <c r="KNM733" s="423" t="s">
        <v>2795</v>
      </c>
      <c r="KNN733" s="424"/>
      <c r="KNO733" s="424"/>
      <c r="KNP733" s="424"/>
      <c r="KNQ733" s="423" t="s">
        <v>2795</v>
      </c>
      <c r="KNR733" s="424"/>
      <c r="KNS733" s="424"/>
      <c r="KNT733" s="424"/>
      <c r="KNU733" s="423" t="s">
        <v>2795</v>
      </c>
      <c r="KNV733" s="424"/>
      <c r="KNW733" s="424"/>
      <c r="KNX733" s="424"/>
      <c r="KNY733" s="423" t="s">
        <v>2795</v>
      </c>
      <c r="KNZ733" s="424"/>
      <c r="KOA733" s="424"/>
      <c r="KOB733" s="424"/>
      <c r="KOC733" s="423" t="s">
        <v>2795</v>
      </c>
      <c r="KOD733" s="424"/>
      <c r="KOE733" s="424"/>
      <c r="KOF733" s="424"/>
      <c r="KOG733" s="423" t="s">
        <v>2795</v>
      </c>
      <c r="KOH733" s="424"/>
      <c r="KOI733" s="424"/>
      <c r="KOJ733" s="424"/>
      <c r="KOK733" s="423" t="s">
        <v>2795</v>
      </c>
      <c r="KOL733" s="424"/>
      <c r="KOM733" s="424"/>
      <c r="KON733" s="424"/>
      <c r="KOO733" s="423" t="s">
        <v>2795</v>
      </c>
      <c r="KOP733" s="424"/>
      <c r="KOQ733" s="424"/>
      <c r="KOR733" s="424"/>
      <c r="KOS733" s="423" t="s">
        <v>2795</v>
      </c>
      <c r="KOT733" s="424"/>
      <c r="KOU733" s="424"/>
      <c r="KOV733" s="424"/>
      <c r="KOW733" s="423" t="s">
        <v>2795</v>
      </c>
      <c r="KOX733" s="424"/>
      <c r="KOY733" s="424"/>
      <c r="KOZ733" s="424"/>
      <c r="KPA733" s="423" t="s">
        <v>2795</v>
      </c>
      <c r="KPB733" s="424"/>
      <c r="KPC733" s="424"/>
      <c r="KPD733" s="424"/>
      <c r="KPE733" s="423" t="s">
        <v>2795</v>
      </c>
      <c r="KPF733" s="424"/>
      <c r="KPG733" s="424"/>
      <c r="KPH733" s="424"/>
      <c r="KPI733" s="423" t="s">
        <v>2795</v>
      </c>
      <c r="KPJ733" s="424"/>
      <c r="KPK733" s="424"/>
      <c r="KPL733" s="424"/>
      <c r="KPM733" s="423" t="s">
        <v>2795</v>
      </c>
      <c r="KPN733" s="424"/>
      <c r="KPO733" s="424"/>
      <c r="KPP733" s="424"/>
      <c r="KPQ733" s="423" t="s">
        <v>2795</v>
      </c>
      <c r="KPR733" s="424"/>
      <c r="KPS733" s="424"/>
      <c r="KPT733" s="424"/>
      <c r="KPU733" s="423" t="s">
        <v>2795</v>
      </c>
      <c r="KPV733" s="424"/>
      <c r="KPW733" s="424"/>
      <c r="KPX733" s="424"/>
      <c r="KPY733" s="423" t="s">
        <v>2795</v>
      </c>
      <c r="KPZ733" s="424"/>
      <c r="KQA733" s="424"/>
      <c r="KQB733" s="424"/>
      <c r="KQC733" s="423" t="s">
        <v>2795</v>
      </c>
      <c r="KQD733" s="424"/>
      <c r="KQE733" s="424"/>
      <c r="KQF733" s="424"/>
      <c r="KQG733" s="423" t="s">
        <v>2795</v>
      </c>
      <c r="KQH733" s="424"/>
      <c r="KQI733" s="424"/>
      <c r="KQJ733" s="424"/>
      <c r="KQK733" s="423" t="s">
        <v>2795</v>
      </c>
      <c r="KQL733" s="424"/>
      <c r="KQM733" s="424"/>
      <c r="KQN733" s="424"/>
      <c r="KQO733" s="423" t="s">
        <v>2795</v>
      </c>
      <c r="KQP733" s="424"/>
      <c r="KQQ733" s="424"/>
      <c r="KQR733" s="424"/>
      <c r="KQS733" s="423" t="s">
        <v>2795</v>
      </c>
      <c r="KQT733" s="424"/>
      <c r="KQU733" s="424"/>
      <c r="KQV733" s="424"/>
      <c r="KQW733" s="423" t="s">
        <v>2795</v>
      </c>
      <c r="KQX733" s="424"/>
      <c r="KQY733" s="424"/>
      <c r="KQZ733" s="424"/>
      <c r="KRA733" s="423" t="s">
        <v>2795</v>
      </c>
      <c r="KRB733" s="424"/>
      <c r="KRC733" s="424"/>
      <c r="KRD733" s="424"/>
      <c r="KRE733" s="423" t="s">
        <v>2795</v>
      </c>
      <c r="KRF733" s="424"/>
      <c r="KRG733" s="424"/>
      <c r="KRH733" s="424"/>
      <c r="KRI733" s="423" t="s">
        <v>2795</v>
      </c>
      <c r="KRJ733" s="424"/>
      <c r="KRK733" s="424"/>
      <c r="KRL733" s="424"/>
      <c r="KRM733" s="423" t="s">
        <v>2795</v>
      </c>
      <c r="KRN733" s="424"/>
      <c r="KRO733" s="424"/>
      <c r="KRP733" s="424"/>
      <c r="KRQ733" s="423" t="s">
        <v>2795</v>
      </c>
      <c r="KRR733" s="424"/>
      <c r="KRS733" s="424"/>
      <c r="KRT733" s="424"/>
      <c r="KRU733" s="423" t="s">
        <v>2795</v>
      </c>
      <c r="KRV733" s="424"/>
      <c r="KRW733" s="424"/>
      <c r="KRX733" s="424"/>
      <c r="KRY733" s="423" t="s">
        <v>2795</v>
      </c>
      <c r="KRZ733" s="424"/>
      <c r="KSA733" s="424"/>
      <c r="KSB733" s="424"/>
      <c r="KSC733" s="423" t="s">
        <v>2795</v>
      </c>
      <c r="KSD733" s="424"/>
      <c r="KSE733" s="424"/>
      <c r="KSF733" s="424"/>
      <c r="KSG733" s="423" t="s">
        <v>2795</v>
      </c>
      <c r="KSH733" s="424"/>
      <c r="KSI733" s="424"/>
      <c r="KSJ733" s="424"/>
      <c r="KSK733" s="423" t="s">
        <v>2795</v>
      </c>
      <c r="KSL733" s="424"/>
      <c r="KSM733" s="424"/>
      <c r="KSN733" s="424"/>
      <c r="KSO733" s="423" t="s">
        <v>2795</v>
      </c>
      <c r="KSP733" s="424"/>
      <c r="KSQ733" s="424"/>
      <c r="KSR733" s="424"/>
      <c r="KSS733" s="423" t="s">
        <v>2795</v>
      </c>
      <c r="KST733" s="424"/>
      <c r="KSU733" s="424"/>
      <c r="KSV733" s="424"/>
      <c r="KSW733" s="423" t="s">
        <v>2795</v>
      </c>
      <c r="KSX733" s="424"/>
      <c r="KSY733" s="424"/>
      <c r="KSZ733" s="424"/>
      <c r="KTA733" s="423" t="s">
        <v>2795</v>
      </c>
      <c r="KTB733" s="424"/>
      <c r="KTC733" s="424"/>
      <c r="KTD733" s="424"/>
      <c r="KTE733" s="423" t="s">
        <v>2795</v>
      </c>
      <c r="KTF733" s="424"/>
      <c r="KTG733" s="424"/>
      <c r="KTH733" s="424"/>
      <c r="KTI733" s="423" t="s">
        <v>2795</v>
      </c>
      <c r="KTJ733" s="424"/>
      <c r="KTK733" s="424"/>
      <c r="KTL733" s="424"/>
      <c r="KTM733" s="423" t="s">
        <v>2795</v>
      </c>
      <c r="KTN733" s="424"/>
      <c r="KTO733" s="424"/>
      <c r="KTP733" s="424"/>
      <c r="KTQ733" s="423" t="s">
        <v>2795</v>
      </c>
      <c r="KTR733" s="424"/>
      <c r="KTS733" s="424"/>
      <c r="KTT733" s="424"/>
      <c r="KTU733" s="423" t="s">
        <v>2795</v>
      </c>
      <c r="KTV733" s="424"/>
      <c r="KTW733" s="424"/>
      <c r="KTX733" s="424"/>
      <c r="KTY733" s="423" t="s">
        <v>2795</v>
      </c>
      <c r="KTZ733" s="424"/>
      <c r="KUA733" s="424"/>
      <c r="KUB733" s="424"/>
      <c r="KUC733" s="423" t="s">
        <v>2795</v>
      </c>
      <c r="KUD733" s="424"/>
      <c r="KUE733" s="424"/>
      <c r="KUF733" s="424"/>
      <c r="KUG733" s="423" t="s">
        <v>2795</v>
      </c>
      <c r="KUH733" s="424"/>
      <c r="KUI733" s="424"/>
      <c r="KUJ733" s="424"/>
      <c r="KUK733" s="423" t="s">
        <v>2795</v>
      </c>
      <c r="KUL733" s="424"/>
      <c r="KUM733" s="424"/>
      <c r="KUN733" s="424"/>
      <c r="KUO733" s="423" t="s">
        <v>2795</v>
      </c>
      <c r="KUP733" s="424"/>
      <c r="KUQ733" s="424"/>
      <c r="KUR733" s="424"/>
      <c r="KUS733" s="423" t="s">
        <v>2795</v>
      </c>
      <c r="KUT733" s="424"/>
      <c r="KUU733" s="424"/>
      <c r="KUV733" s="424"/>
      <c r="KUW733" s="423" t="s">
        <v>2795</v>
      </c>
      <c r="KUX733" s="424"/>
      <c r="KUY733" s="424"/>
      <c r="KUZ733" s="424"/>
      <c r="KVA733" s="423" t="s">
        <v>2795</v>
      </c>
      <c r="KVB733" s="424"/>
      <c r="KVC733" s="424"/>
      <c r="KVD733" s="424"/>
      <c r="KVE733" s="423" t="s">
        <v>2795</v>
      </c>
      <c r="KVF733" s="424"/>
      <c r="KVG733" s="424"/>
      <c r="KVH733" s="424"/>
      <c r="KVI733" s="423" t="s">
        <v>2795</v>
      </c>
      <c r="KVJ733" s="424"/>
      <c r="KVK733" s="424"/>
      <c r="KVL733" s="424"/>
      <c r="KVM733" s="423" t="s">
        <v>2795</v>
      </c>
      <c r="KVN733" s="424"/>
      <c r="KVO733" s="424"/>
      <c r="KVP733" s="424"/>
      <c r="KVQ733" s="423" t="s">
        <v>2795</v>
      </c>
      <c r="KVR733" s="424"/>
      <c r="KVS733" s="424"/>
      <c r="KVT733" s="424"/>
      <c r="KVU733" s="423" t="s">
        <v>2795</v>
      </c>
      <c r="KVV733" s="424"/>
      <c r="KVW733" s="424"/>
      <c r="KVX733" s="424"/>
      <c r="KVY733" s="423" t="s">
        <v>2795</v>
      </c>
      <c r="KVZ733" s="424"/>
      <c r="KWA733" s="424"/>
      <c r="KWB733" s="424"/>
      <c r="KWC733" s="423" t="s">
        <v>2795</v>
      </c>
      <c r="KWD733" s="424"/>
      <c r="KWE733" s="424"/>
      <c r="KWF733" s="424"/>
      <c r="KWG733" s="423" t="s">
        <v>2795</v>
      </c>
      <c r="KWH733" s="424"/>
      <c r="KWI733" s="424"/>
      <c r="KWJ733" s="424"/>
      <c r="KWK733" s="423" t="s">
        <v>2795</v>
      </c>
      <c r="KWL733" s="424"/>
      <c r="KWM733" s="424"/>
      <c r="KWN733" s="424"/>
      <c r="KWO733" s="423" t="s">
        <v>2795</v>
      </c>
      <c r="KWP733" s="424"/>
      <c r="KWQ733" s="424"/>
      <c r="KWR733" s="424"/>
      <c r="KWS733" s="423" t="s">
        <v>2795</v>
      </c>
      <c r="KWT733" s="424"/>
      <c r="KWU733" s="424"/>
      <c r="KWV733" s="424"/>
      <c r="KWW733" s="423" t="s">
        <v>2795</v>
      </c>
      <c r="KWX733" s="424"/>
      <c r="KWY733" s="424"/>
      <c r="KWZ733" s="424"/>
      <c r="KXA733" s="423" t="s">
        <v>2795</v>
      </c>
      <c r="KXB733" s="424"/>
      <c r="KXC733" s="424"/>
      <c r="KXD733" s="424"/>
      <c r="KXE733" s="423" t="s">
        <v>2795</v>
      </c>
      <c r="KXF733" s="424"/>
      <c r="KXG733" s="424"/>
      <c r="KXH733" s="424"/>
      <c r="KXI733" s="423" t="s">
        <v>2795</v>
      </c>
      <c r="KXJ733" s="424"/>
      <c r="KXK733" s="424"/>
      <c r="KXL733" s="424"/>
      <c r="KXM733" s="423" t="s">
        <v>2795</v>
      </c>
      <c r="KXN733" s="424"/>
      <c r="KXO733" s="424"/>
      <c r="KXP733" s="424"/>
      <c r="KXQ733" s="423" t="s">
        <v>2795</v>
      </c>
      <c r="KXR733" s="424"/>
      <c r="KXS733" s="424"/>
      <c r="KXT733" s="424"/>
      <c r="KXU733" s="423" t="s">
        <v>2795</v>
      </c>
      <c r="KXV733" s="424"/>
      <c r="KXW733" s="424"/>
      <c r="KXX733" s="424"/>
      <c r="KXY733" s="423" t="s">
        <v>2795</v>
      </c>
      <c r="KXZ733" s="424"/>
      <c r="KYA733" s="424"/>
      <c r="KYB733" s="424"/>
      <c r="KYC733" s="423" t="s">
        <v>2795</v>
      </c>
      <c r="KYD733" s="424"/>
      <c r="KYE733" s="424"/>
      <c r="KYF733" s="424"/>
      <c r="KYG733" s="423" t="s">
        <v>2795</v>
      </c>
      <c r="KYH733" s="424"/>
      <c r="KYI733" s="424"/>
      <c r="KYJ733" s="424"/>
      <c r="KYK733" s="423" t="s">
        <v>2795</v>
      </c>
      <c r="KYL733" s="424"/>
      <c r="KYM733" s="424"/>
      <c r="KYN733" s="424"/>
      <c r="KYO733" s="423" t="s">
        <v>2795</v>
      </c>
      <c r="KYP733" s="424"/>
      <c r="KYQ733" s="424"/>
      <c r="KYR733" s="424"/>
      <c r="KYS733" s="423" t="s">
        <v>2795</v>
      </c>
      <c r="KYT733" s="424"/>
      <c r="KYU733" s="424"/>
      <c r="KYV733" s="424"/>
      <c r="KYW733" s="423" t="s">
        <v>2795</v>
      </c>
      <c r="KYX733" s="424"/>
      <c r="KYY733" s="424"/>
      <c r="KYZ733" s="424"/>
      <c r="KZA733" s="423" t="s">
        <v>2795</v>
      </c>
      <c r="KZB733" s="424"/>
      <c r="KZC733" s="424"/>
      <c r="KZD733" s="424"/>
      <c r="KZE733" s="423" t="s">
        <v>2795</v>
      </c>
      <c r="KZF733" s="424"/>
      <c r="KZG733" s="424"/>
      <c r="KZH733" s="424"/>
      <c r="KZI733" s="423" t="s">
        <v>2795</v>
      </c>
      <c r="KZJ733" s="424"/>
      <c r="KZK733" s="424"/>
      <c r="KZL733" s="424"/>
      <c r="KZM733" s="423" t="s">
        <v>2795</v>
      </c>
      <c r="KZN733" s="424"/>
      <c r="KZO733" s="424"/>
      <c r="KZP733" s="424"/>
      <c r="KZQ733" s="423" t="s">
        <v>2795</v>
      </c>
      <c r="KZR733" s="424"/>
      <c r="KZS733" s="424"/>
      <c r="KZT733" s="424"/>
      <c r="KZU733" s="423" t="s">
        <v>2795</v>
      </c>
      <c r="KZV733" s="424"/>
      <c r="KZW733" s="424"/>
      <c r="KZX733" s="424"/>
      <c r="KZY733" s="423" t="s">
        <v>2795</v>
      </c>
      <c r="KZZ733" s="424"/>
      <c r="LAA733" s="424"/>
      <c r="LAB733" s="424"/>
      <c r="LAC733" s="423" t="s">
        <v>2795</v>
      </c>
      <c r="LAD733" s="424"/>
      <c r="LAE733" s="424"/>
      <c r="LAF733" s="424"/>
      <c r="LAG733" s="423" t="s">
        <v>2795</v>
      </c>
      <c r="LAH733" s="424"/>
      <c r="LAI733" s="424"/>
      <c r="LAJ733" s="424"/>
      <c r="LAK733" s="423" t="s">
        <v>2795</v>
      </c>
      <c r="LAL733" s="424"/>
      <c r="LAM733" s="424"/>
      <c r="LAN733" s="424"/>
      <c r="LAO733" s="423" t="s">
        <v>2795</v>
      </c>
      <c r="LAP733" s="424"/>
      <c r="LAQ733" s="424"/>
      <c r="LAR733" s="424"/>
      <c r="LAS733" s="423" t="s">
        <v>2795</v>
      </c>
      <c r="LAT733" s="424"/>
      <c r="LAU733" s="424"/>
      <c r="LAV733" s="424"/>
      <c r="LAW733" s="423" t="s">
        <v>2795</v>
      </c>
      <c r="LAX733" s="424"/>
      <c r="LAY733" s="424"/>
      <c r="LAZ733" s="424"/>
      <c r="LBA733" s="423" t="s">
        <v>2795</v>
      </c>
      <c r="LBB733" s="424"/>
      <c r="LBC733" s="424"/>
      <c r="LBD733" s="424"/>
      <c r="LBE733" s="423" t="s">
        <v>2795</v>
      </c>
      <c r="LBF733" s="424"/>
      <c r="LBG733" s="424"/>
      <c r="LBH733" s="424"/>
      <c r="LBI733" s="423" t="s">
        <v>2795</v>
      </c>
      <c r="LBJ733" s="424"/>
      <c r="LBK733" s="424"/>
      <c r="LBL733" s="424"/>
      <c r="LBM733" s="423" t="s">
        <v>2795</v>
      </c>
      <c r="LBN733" s="424"/>
      <c r="LBO733" s="424"/>
      <c r="LBP733" s="424"/>
      <c r="LBQ733" s="423" t="s">
        <v>2795</v>
      </c>
      <c r="LBR733" s="424"/>
      <c r="LBS733" s="424"/>
      <c r="LBT733" s="424"/>
      <c r="LBU733" s="423" t="s">
        <v>2795</v>
      </c>
      <c r="LBV733" s="424"/>
      <c r="LBW733" s="424"/>
      <c r="LBX733" s="424"/>
      <c r="LBY733" s="423" t="s">
        <v>2795</v>
      </c>
      <c r="LBZ733" s="424"/>
      <c r="LCA733" s="424"/>
      <c r="LCB733" s="424"/>
      <c r="LCC733" s="423" t="s">
        <v>2795</v>
      </c>
      <c r="LCD733" s="424"/>
      <c r="LCE733" s="424"/>
      <c r="LCF733" s="424"/>
      <c r="LCG733" s="423" t="s">
        <v>2795</v>
      </c>
      <c r="LCH733" s="424"/>
      <c r="LCI733" s="424"/>
      <c r="LCJ733" s="424"/>
      <c r="LCK733" s="423" t="s">
        <v>2795</v>
      </c>
      <c r="LCL733" s="424"/>
      <c r="LCM733" s="424"/>
      <c r="LCN733" s="424"/>
      <c r="LCO733" s="423" t="s">
        <v>2795</v>
      </c>
      <c r="LCP733" s="424"/>
      <c r="LCQ733" s="424"/>
      <c r="LCR733" s="424"/>
      <c r="LCS733" s="423" t="s">
        <v>2795</v>
      </c>
      <c r="LCT733" s="424"/>
      <c r="LCU733" s="424"/>
      <c r="LCV733" s="424"/>
      <c r="LCW733" s="423" t="s">
        <v>2795</v>
      </c>
      <c r="LCX733" s="424"/>
      <c r="LCY733" s="424"/>
      <c r="LCZ733" s="424"/>
      <c r="LDA733" s="423" t="s">
        <v>2795</v>
      </c>
      <c r="LDB733" s="424"/>
      <c r="LDC733" s="424"/>
      <c r="LDD733" s="424"/>
      <c r="LDE733" s="423" t="s">
        <v>2795</v>
      </c>
      <c r="LDF733" s="424"/>
      <c r="LDG733" s="424"/>
      <c r="LDH733" s="424"/>
      <c r="LDI733" s="423" t="s">
        <v>2795</v>
      </c>
      <c r="LDJ733" s="424"/>
      <c r="LDK733" s="424"/>
      <c r="LDL733" s="424"/>
      <c r="LDM733" s="423" t="s">
        <v>2795</v>
      </c>
      <c r="LDN733" s="424"/>
      <c r="LDO733" s="424"/>
      <c r="LDP733" s="424"/>
      <c r="LDQ733" s="423" t="s">
        <v>2795</v>
      </c>
      <c r="LDR733" s="424"/>
      <c r="LDS733" s="424"/>
      <c r="LDT733" s="424"/>
      <c r="LDU733" s="423" t="s">
        <v>2795</v>
      </c>
      <c r="LDV733" s="424"/>
      <c r="LDW733" s="424"/>
      <c r="LDX733" s="424"/>
      <c r="LDY733" s="423" t="s">
        <v>2795</v>
      </c>
      <c r="LDZ733" s="424"/>
      <c r="LEA733" s="424"/>
      <c r="LEB733" s="424"/>
      <c r="LEC733" s="423" t="s">
        <v>2795</v>
      </c>
      <c r="LED733" s="424"/>
      <c r="LEE733" s="424"/>
      <c r="LEF733" s="424"/>
      <c r="LEG733" s="423" t="s">
        <v>2795</v>
      </c>
      <c r="LEH733" s="424"/>
      <c r="LEI733" s="424"/>
      <c r="LEJ733" s="424"/>
      <c r="LEK733" s="423" t="s">
        <v>2795</v>
      </c>
      <c r="LEL733" s="424"/>
      <c r="LEM733" s="424"/>
      <c r="LEN733" s="424"/>
      <c r="LEO733" s="423" t="s">
        <v>2795</v>
      </c>
      <c r="LEP733" s="424"/>
      <c r="LEQ733" s="424"/>
      <c r="LER733" s="424"/>
      <c r="LES733" s="423" t="s">
        <v>2795</v>
      </c>
      <c r="LET733" s="424"/>
      <c r="LEU733" s="424"/>
      <c r="LEV733" s="424"/>
      <c r="LEW733" s="423" t="s">
        <v>2795</v>
      </c>
      <c r="LEX733" s="424"/>
      <c r="LEY733" s="424"/>
      <c r="LEZ733" s="424"/>
      <c r="LFA733" s="423" t="s">
        <v>2795</v>
      </c>
      <c r="LFB733" s="424"/>
      <c r="LFC733" s="424"/>
      <c r="LFD733" s="424"/>
      <c r="LFE733" s="423" t="s">
        <v>2795</v>
      </c>
      <c r="LFF733" s="424"/>
      <c r="LFG733" s="424"/>
      <c r="LFH733" s="424"/>
      <c r="LFI733" s="423" t="s">
        <v>2795</v>
      </c>
      <c r="LFJ733" s="424"/>
      <c r="LFK733" s="424"/>
      <c r="LFL733" s="424"/>
      <c r="LFM733" s="423" t="s">
        <v>2795</v>
      </c>
      <c r="LFN733" s="424"/>
      <c r="LFO733" s="424"/>
      <c r="LFP733" s="424"/>
      <c r="LFQ733" s="423" t="s">
        <v>2795</v>
      </c>
      <c r="LFR733" s="424"/>
      <c r="LFS733" s="424"/>
      <c r="LFT733" s="424"/>
      <c r="LFU733" s="423" t="s">
        <v>2795</v>
      </c>
      <c r="LFV733" s="424"/>
      <c r="LFW733" s="424"/>
      <c r="LFX733" s="424"/>
      <c r="LFY733" s="423" t="s">
        <v>2795</v>
      </c>
      <c r="LFZ733" s="424"/>
      <c r="LGA733" s="424"/>
      <c r="LGB733" s="424"/>
      <c r="LGC733" s="423" t="s">
        <v>2795</v>
      </c>
      <c r="LGD733" s="424"/>
      <c r="LGE733" s="424"/>
      <c r="LGF733" s="424"/>
      <c r="LGG733" s="423" t="s">
        <v>2795</v>
      </c>
      <c r="LGH733" s="424"/>
      <c r="LGI733" s="424"/>
      <c r="LGJ733" s="424"/>
      <c r="LGK733" s="423" t="s">
        <v>2795</v>
      </c>
      <c r="LGL733" s="424"/>
      <c r="LGM733" s="424"/>
      <c r="LGN733" s="424"/>
      <c r="LGO733" s="423" t="s">
        <v>2795</v>
      </c>
      <c r="LGP733" s="424"/>
      <c r="LGQ733" s="424"/>
      <c r="LGR733" s="424"/>
      <c r="LGS733" s="423" t="s">
        <v>2795</v>
      </c>
      <c r="LGT733" s="424"/>
      <c r="LGU733" s="424"/>
      <c r="LGV733" s="424"/>
      <c r="LGW733" s="423" t="s">
        <v>2795</v>
      </c>
      <c r="LGX733" s="424"/>
      <c r="LGY733" s="424"/>
      <c r="LGZ733" s="424"/>
      <c r="LHA733" s="423" t="s">
        <v>2795</v>
      </c>
      <c r="LHB733" s="424"/>
      <c r="LHC733" s="424"/>
      <c r="LHD733" s="424"/>
      <c r="LHE733" s="423" t="s">
        <v>2795</v>
      </c>
      <c r="LHF733" s="424"/>
      <c r="LHG733" s="424"/>
      <c r="LHH733" s="424"/>
      <c r="LHI733" s="423" t="s">
        <v>2795</v>
      </c>
      <c r="LHJ733" s="424"/>
      <c r="LHK733" s="424"/>
      <c r="LHL733" s="424"/>
      <c r="LHM733" s="423" t="s">
        <v>2795</v>
      </c>
      <c r="LHN733" s="424"/>
      <c r="LHO733" s="424"/>
      <c r="LHP733" s="424"/>
      <c r="LHQ733" s="423" t="s">
        <v>2795</v>
      </c>
      <c r="LHR733" s="424"/>
      <c r="LHS733" s="424"/>
      <c r="LHT733" s="424"/>
      <c r="LHU733" s="423" t="s">
        <v>2795</v>
      </c>
      <c r="LHV733" s="424"/>
      <c r="LHW733" s="424"/>
      <c r="LHX733" s="424"/>
      <c r="LHY733" s="423" t="s">
        <v>2795</v>
      </c>
      <c r="LHZ733" s="424"/>
      <c r="LIA733" s="424"/>
      <c r="LIB733" s="424"/>
      <c r="LIC733" s="423" t="s">
        <v>2795</v>
      </c>
      <c r="LID733" s="424"/>
      <c r="LIE733" s="424"/>
      <c r="LIF733" s="424"/>
      <c r="LIG733" s="423" t="s">
        <v>2795</v>
      </c>
      <c r="LIH733" s="424"/>
      <c r="LII733" s="424"/>
      <c r="LIJ733" s="424"/>
      <c r="LIK733" s="423" t="s">
        <v>2795</v>
      </c>
      <c r="LIL733" s="424"/>
      <c r="LIM733" s="424"/>
      <c r="LIN733" s="424"/>
      <c r="LIO733" s="423" t="s">
        <v>2795</v>
      </c>
      <c r="LIP733" s="424"/>
      <c r="LIQ733" s="424"/>
      <c r="LIR733" s="424"/>
      <c r="LIS733" s="423" t="s">
        <v>2795</v>
      </c>
      <c r="LIT733" s="424"/>
      <c r="LIU733" s="424"/>
      <c r="LIV733" s="424"/>
      <c r="LIW733" s="423" t="s">
        <v>2795</v>
      </c>
      <c r="LIX733" s="424"/>
      <c r="LIY733" s="424"/>
      <c r="LIZ733" s="424"/>
      <c r="LJA733" s="423" t="s">
        <v>2795</v>
      </c>
      <c r="LJB733" s="424"/>
      <c r="LJC733" s="424"/>
      <c r="LJD733" s="424"/>
      <c r="LJE733" s="423" t="s">
        <v>2795</v>
      </c>
      <c r="LJF733" s="424"/>
      <c r="LJG733" s="424"/>
      <c r="LJH733" s="424"/>
      <c r="LJI733" s="423" t="s">
        <v>2795</v>
      </c>
      <c r="LJJ733" s="424"/>
      <c r="LJK733" s="424"/>
      <c r="LJL733" s="424"/>
      <c r="LJM733" s="423" t="s">
        <v>2795</v>
      </c>
      <c r="LJN733" s="424"/>
      <c r="LJO733" s="424"/>
      <c r="LJP733" s="424"/>
      <c r="LJQ733" s="423" t="s">
        <v>2795</v>
      </c>
      <c r="LJR733" s="424"/>
      <c r="LJS733" s="424"/>
      <c r="LJT733" s="424"/>
      <c r="LJU733" s="423" t="s">
        <v>2795</v>
      </c>
      <c r="LJV733" s="424"/>
      <c r="LJW733" s="424"/>
      <c r="LJX733" s="424"/>
      <c r="LJY733" s="423" t="s">
        <v>2795</v>
      </c>
      <c r="LJZ733" s="424"/>
      <c r="LKA733" s="424"/>
      <c r="LKB733" s="424"/>
      <c r="LKC733" s="423" t="s">
        <v>2795</v>
      </c>
      <c r="LKD733" s="424"/>
      <c r="LKE733" s="424"/>
      <c r="LKF733" s="424"/>
      <c r="LKG733" s="423" t="s">
        <v>2795</v>
      </c>
      <c r="LKH733" s="424"/>
      <c r="LKI733" s="424"/>
      <c r="LKJ733" s="424"/>
      <c r="LKK733" s="423" t="s">
        <v>2795</v>
      </c>
      <c r="LKL733" s="424"/>
      <c r="LKM733" s="424"/>
      <c r="LKN733" s="424"/>
      <c r="LKO733" s="423" t="s">
        <v>2795</v>
      </c>
      <c r="LKP733" s="424"/>
      <c r="LKQ733" s="424"/>
      <c r="LKR733" s="424"/>
      <c r="LKS733" s="423" t="s">
        <v>2795</v>
      </c>
      <c r="LKT733" s="424"/>
      <c r="LKU733" s="424"/>
      <c r="LKV733" s="424"/>
      <c r="LKW733" s="423" t="s">
        <v>2795</v>
      </c>
      <c r="LKX733" s="424"/>
      <c r="LKY733" s="424"/>
      <c r="LKZ733" s="424"/>
      <c r="LLA733" s="423" t="s">
        <v>2795</v>
      </c>
      <c r="LLB733" s="424"/>
      <c r="LLC733" s="424"/>
      <c r="LLD733" s="424"/>
      <c r="LLE733" s="423" t="s">
        <v>2795</v>
      </c>
      <c r="LLF733" s="424"/>
      <c r="LLG733" s="424"/>
      <c r="LLH733" s="424"/>
      <c r="LLI733" s="423" t="s">
        <v>2795</v>
      </c>
      <c r="LLJ733" s="424"/>
      <c r="LLK733" s="424"/>
      <c r="LLL733" s="424"/>
      <c r="LLM733" s="423" t="s">
        <v>2795</v>
      </c>
      <c r="LLN733" s="424"/>
      <c r="LLO733" s="424"/>
      <c r="LLP733" s="424"/>
      <c r="LLQ733" s="423" t="s">
        <v>2795</v>
      </c>
      <c r="LLR733" s="424"/>
      <c r="LLS733" s="424"/>
      <c r="LLT733" s="424"/>
      <c r="LLU733" s="423" t="s">
        <v>2795</v>
      </c>
      <c r="LLV733" s="424"/>
      <c r="LLW733" s="424"/>
      <c r="LLX733" s="424"/>
      <c r="LLY733" s="423" t="s">
        <v>2795</v>
      </c>
      <c r="LLZ733" s="424"/>
      <c r="LMA733" s="424"/>
      <c r="LMB733" s="424"/>
      <c r="LMC733" s="423" t="s">
        <v>2795</v>
      </c>
      <c r="LMD733" s="424"/>
      <c r="LME733" s="424"/>
      <c r="LMF733" s="424"/>
      <c r="LMG733" s="423" t="s">
        <v>2795</v>
      </c>
      <c r="LMH733" s="424"/>
      <c r="LMI733" s="424"/>
      <c r="LMJ733" s="424"/>
      <c r="LMK733" s="423" t="s">
        <v>2795</v>
      </c>
      <c r="LML733" s="424"/>
      <c r="LMM733" s="424"/>
      <c r="LMN733" s="424"/>
      <c r="LMO733" s="423" t="s">
        <v>2795</v>
      </c>
      <c r="LMP733" s="424"/>
      <c r="LMQ733" s="424"/>
      <c r="LMR733" s="424"/>
      <c r="LMS733" s="423" t="s">
        <v>2795</v>
      </c>
      <c r="LMT733" s="424"/>
      <c r="LMU733" s="424"/>
      <c r="LMV733" s="424"/>
      <c r="LMW733" s="423" t="s">
        <v>2795</v>
      </c>
      <c r="LMX733" s="424"/>
      <c r="LMY733" s="424"/>
      <c r="LMZ733" s="424"/>
      <c r="LNA733" s="423" t="s">
        <v>2795</v>
      </c>
      <c r="LNB733" s="424"/>
      <c r="LNC733" s="424"/>
      <c r="LND733" s="424"/>
      <c r="LNE733" s="423" t="s">
        <v>2795</v>
      </c>
      <c r="LNF733" s="424"/>
      <c r="LNG733" s="424"/>
      <c r="LNH733" s="424"/>
      <c r="LNI733" s="423" t="s">
        <v>2795</v>
      </c>
      <c r="LNJ733" s="424"/>
      <c r="LNK733" s="424"/>
      <c r="LNL733" s="424"/>
      <c r="LNM733" s="423" t="s">
        <v>2795</v>
      </c>
      <c r="LNN733" s="424"/>
      <c r="LNO733" s="424"/>
      <c r="LNP733" s="424"/>
      <c r="LNQ733" s="423" t="s">
        <v>2795</v>
      </c>
      <c r="LNR733" s="424"/>
      <c r="LNS733" s="424"/>
      <c r="LNT733" s="424"/>
      <c r="LNU733" s="423" t="s">
        <v>2795</v>
      </c>
      <c r="LNV733" s="424"/>
      <c r="LNW733" s="424"/>
      <c r="LNX733" s="424"/>
      <c r="LNY733" s="423" t="s">
        <v>2795</v>
      </c>
      <c r="LNZ733" s="424"/>
      <c r="LOA733" s="424"/>
      <c r="LOB733" s="424"/>
      <c r="LOC733" s="423" t="s">
        <v>2795</v>
      </c>
      <c r="LOD733" s="424"/>
      <c r="LOE733" s="424"/>
      <c r="LOF733" s="424"/>
      <c r="LOG733" s="423" t="s">
        <v>2795</v>
      </c>
      <c r="LOH733" s="424"/>
      <c r="LOI733" s="424"/>
      <c r="LOJ733" s="424"/>
      <c r="LOK733" s="423" t="s">
        <v>2795</v>
      </c>
      <c r="LOL733" s="424"/>
      <c r="LOM733" s="424"/>
      <c r="LON733" s="424"/>
      <c r="LOO733" s="423" t="s">
        <v>2795</v>
      </c>
      <c r="LOP733" s="424"/>
      <c r="LOQ733" s="424"/>
      <c r="LOR733" s="424"/>
      <c r="LOS733" s="423" t="s">
        <v>2795</v>
      </c>
      <c r="LOT733" s="424"/>
      <c r="LOU733" s="424"/>
      <c r="LOV733" s="424"/>
      <c r="LOW733" s="423" t="s">
        <v>2795</v>
      </c>
      <c r="LOX733" s="424"/>
      <c r="LOY733" s="424"/>
      <c r="LOZ733" s="424"/>
      <c r="LPA733" s="423" t="s">
        <v>2795</v>
      </c>
      <c r="LPB733" s="424"/>
      <c r="LPC733" s="424"/>
      <c r="LPD733" s="424"/>
      <c r="LPE733" s="423" t="s">
        <v>2795</v>
      </c>
      <c r="LPF733" s="424"/>
      <c r="LPG733" s="424"/>
      <c r="LPH733" s="424"/>
      <c r="LPI733" s="423" t="s">
        <v>2795</v>
      </c>
      <c r="LPJ733" s="424"/>
      <c r="LPK733" s="424"/>
      <c r="LPL733" s="424"/>
      <c r="LPM733" s="423" t="s">
        <v>2795</v>
      </c>
      <c r="LPN733" s="424"/>
      <c r="LPO733" s="424"/>
      <c r="LPP733" s="424"/>
      <c r="LPQ733" s="423" t="s">
        <v>2795</v>
      </c>
      <c r="LPR733" s="424"/>
      <c r="LPS733" s="424"/>
      <c r="LPT733" s="424"/>
      <c r="LPU733" s="423" t="s">
        <v>2795</v>
      </c>
      <c r="LPV733" s="424"/>
      <c r="LPW733" s="424"/>
      <c r="LPX733" s="424"/>
      <c r="LPY733" s="423" t="s">
        <v>2795</v>
      </c>
      <c r="LPZ733" s="424"/>
      <c r="LQA733" s="424"/>
      <c r="LQB733" s="424"/>
      <c r="LQC733" s="423" t="s">
        <v>2795</v>
      </c>
      <c r="LQD733" s="424"/>
      <c r="LQE733" s="424"/>
      <c r="LQF733" s="424"/>
      <c r="LQG733" s="423" t="s">
        <v>2795</v>
      </c>
      <c r="LQH733" s="424"/>
      <c r="LQI733" s="424"/>
      <c r="LQJ733" s="424"/>
      <c r="LQK733" s="423" t="s">
        <v>2795</v>
      </c>
      <c r="LQL733" s="424"/>
      <c r="LQM733" s="424"/>
      <c r="LQN733" s="424"/>
      <c r="LQO733" s="423" t="s">
        <v>2795</v>
      </c>
      <c r="LQP733" s="424"/>
      <c r="LQQ733" s="424"/>
      <c r="LQR733" s="424"/>
      <c r="LQS733" s="423" t="s">
        <v>2795</v>
      </c>
      <c r="LQT733" s="424"/>
      <c r="LQU733" s="424"/>
      <c r="LQV733" s="424"/>
      <c r="LQW733" s="423" t="s">
        <v>2795</v>
      </c>
      <c r="LQX733" s="424"/>
      <c r="LQY733" s="424"/>
      <c r="LQZ733" s="424"/>
      <c r="LRA733" s="423" t="s">
        <v>2795</v>
      </c>
      <c r="LRB733" s="424"/>
      <c r="LRC733" s="424"/>
      <c r="LRD733" s="424"/>
      <c r="LRE733" s="423" t="s">
        <v>2795</v>
      </c>
      <c r="LRF733" s="424"/>
      <c r="LRG733" s="424"/>
      <c r="LRH733" s="424"/>
      <c r="LRI733" s="423" t="s">
        <v>2795</v>
      </c>
      <c r="LRJ733" s="424"/>
      <c r="LRK733" s="424"/>
      <c r="LRL733" s="424"/>
      <c r="LRM733" s="423" t="s">
        <v>2795</v>
      </c>
      <c r="LRN733" s="424"/>
      <c r="LRO733" s="424"/>
      <c r="LRP733" s="424"/>
      <c r="LRQ733" s="423" t="s">
        <v>2795</v>
      </c>
      <c r="LRR733" s="424"/>
      <c r="LRS733" s="424"/>
      <c r="LRT733" s="424"/>
      <c r="LRU733" s="423" t="s">
        <v>2795</v>
      </c>
      <c r="LRV733" s="424"/>
      <c r="LRW733" s="424"/>
      <c r="LRX733" s="424"/>
      <c r="LRY733" s="423" t="s">
        <v>2795</v>
      </c>
      <c r="LRZ733" s="424"/>
      <c r="LSA733" s="424"/>
      <c r="LSB733" s="424"/>
      <c r="LSC733" s="423" t="s">
        <v>2795</v>
      </c>
      <c r="LSD733" s="424"/>
      <c r="LSE733" s="424"/>
      <c r="LSF733" s="424"/>
      <c r="LSG733" s="423" t="s">
        <v>2795</v>
      </c>
      <c r="LSH733" s="424"/>
      <c r="LSI733" s="424"/>
      <c r="LSJ733" s="424"/>
      <c r="LSK733" s="423" t="s">
        <v>2795</v>
      </c>
      <c r="LSL733" s="424"/>
      <c r="LSM733" s="424"/>
      <c r="LSN733" s="424"/>
      <c r="LSO733" s="423" t="s">
        <v>2795</v>
      </c>
      <c r="LSP733" s="424"/>
      <c r="LSQ733" s="424"/>
      <c r="LSR733" s="424"/>
      <c r="LSS733" s="423" t="s">
        <v>2795</v>
      </c>
      <c r="LST733" s="424"/>
      <c r="LSU733" s="424"/>
      <c r="LSV733" s="424"/>
      <c r="LSW733" s="423" t="s">
        <v>2795</v>
      </c>
      <c r="LSX733" s="424"/>
      <c r="LSY733" s="424"/>
      <c r="LSZ733" s="424"/>
      <c r="LTA733" s="423" t="s">
        <v>2795</v>
      </c>
      <c r="LTB733" s="424"/>
      <c r="LTC733" s="424"/>
      <c r="LTD733" s="424"/>
      <c r="LTE733" s="423" t="s">
        <v>2795</v>
      </c>
      <c r="LTF733" s="424"/>
      <c r="LTG733" s="424"/>
      <c r="LTH733" s="424"/>
      <c r="LTI733" s="423" t="s">
        <v>2795</v>
      </c>
      <c r="LTJ733" s="424"/>
      <c r="LTK733" s="424"/>
      <c r="LTL733" s="424"/>
      <c r="LTM733" s="423" t="s">
        <v>2795</v>
      </c>
      <c r="LTN733" s="424"/>
      <c r="LTO733" s="424"/>
      <c r="LTP733" s="424"/>
      <c r="LTQ733" s="423" t="s">
        <v>2795</v>
      </c>
      <c r="LTR733" s="424"/>
      <c r="LTS733" s="424"/>
      <c r="LTT733" s="424"/>
      <c r="LTU733" s="423" t="s">
        <v>2795</v>
      </c>
      <c r="LTV733" s="424"/>
      <c r="LTW733" s="424"/>
      <c r="LTX733" s="424"/>
      <c r="LTY733" s="423" t="s">
        <v>2795</v>
      </c>
      <c r="LTZ733" s="424"/>
      <c r="LUA733" s="424"/>
      <c r="LUB733" s="424"/>
      <c r="LUC733" s="423" t="s">
        <v>2795</v>
      </c>
      <c r="LUD733" s="424"/>
      <c r="LUE733" s="424"/>
      <c r="LUF733" s="424"/>
      <c r="LUG733" s="423" t="s">
        <v>2795</v>
      </c>
      <c r="LUH733" s="424"/>
      <c r="LUI733" s="424"/>
      <c r="LUJ733" s="424"/>
      <c r="LUK733" s="423" t="s">
        <v>2795</v>
      </c>
      <c r="LUL733" s="424"/>
      <c r="LUM733" s="424"/>
      <c r="LUN733" s="424"/>
      <c r="LUO733" s="423" t="s">
        <v>2795</v>
      </c>
      <c r="LUP733" s="424"/>
      <c r="LUQ733" s="424"/>
      <c r="LUR733" s="424"/>
      <c r="LUS733" s="423" t="s">
        <v>2795</v>
      </c>
      <c r="LUT733" s="424"/>
      <c r="LUU733" s="424"/>
      <c r="LUV733" s="424"/>
      <c r="LUW733" s="423" t="s">
        <v>2795</v>
      </c>
      <c r="LUX733" s="424"/>
      <c r="LUY733" s="424"/>
      <c r="LUZ733" s="424"/>
      <c r="LVA733" s="423" t="s">
        <v>2795</v>
      </c>
      <c r="LVB733" s="424"/>
      <c r="LVC733" s="424"/>
      <c r="LVD733" s="424"/>
      <c r="LVE733" s="423" t="s">
        <v>2795</v>
      </c>
      <c r="LVF733" s="424"/>
      <c r="LVG733" s="424"/>
      <c r="LVH733" s="424"/>
      <c r="LVI733" s="423" t="s">
        <v>2795</v>
      </c>
      <c r="LVJ733" s="424"/>
      <c r="LVK733" s="424"/>
      <c r="LVL733" s="424"/>
      <c r="LVM733" s="423" t="s">
        <v>2795</v>
      </c>
      <c r="LVN733" s="424"/>
      <c r="LVO733" s="424"/>
      <c r="LVP733" s="424"/>
      <c r="LVQ733" s="423" t="s">
        <v>2795</v>
      </c>
      <c r="LVR733" s="424"/>
      <c r="LVS733" s="424"/>
      <c r="LVT733" s="424"/>
      <c r="LVU733" s="423" t="s">
        <v>2795</v>
      </c>
      <c r="LVV733" s="424"/>
      <c r="LVW733" s="424"/>
      <c r="LVX733" s="424"/>
      <c r="LVY733" s="423" t="s">
        <v>2795</v>
      </c>
      <c r="LVZ733" s="424"/>
      <c r="LWA733" s="424"/>
      <c r="LWB733" s="424"/>
      <c r="LWC733" s="423" t="s">
        <v>2795</v>
      </c>
      <c r="LWD733" s="424"/>
      <c r="LWE733" s="424"/>
      <c r="LWF733" s="424"/>
      <c r="LWG733" s="423" t="s">
        <v>2795</v>
      </c>
      <c r="LWH733" s="424"/>
      <c r="LWI733" s="424"/>
      <c r="LWJ733" s="424"/>
      <c r="LWK733" s="423" t="s">
        <v>2795</v>
      </c>
      <c r="LWL733" s="424"/>
      <c r="LWM733" s="424"/>
      <c r="LWN733" s="424"/>
      <c r="LWO733" s="423" t="s">
        <v>2795</v>
      </c>
      <c r="LWP733" s="424"/>
      <c r="LWQ733" s="424"/>
      <c r="LWR733" s="424"/>
      <c r="LWS733" s="423" t="s">
        <v>2795</v>
      </c>
      <c r="LWT733" s="424"/>
      <c r="LWU733" s="424"/>
      <c r="LWV733" s="424"/>
      <c r="LWW733" s="423" t="s">
        <v>2795</v>
      </c>
      <c r="LWX733" s="424"/>
      <c r="LWY733" s="424"/>
      <c r="LWZ733" s="424"/>
      <c r="LXA733" s="423" t="s">
        <v>2795</v>
      </c>
      <c r="LXB733" s="424"/>
      <c r="LXC733" s="424"/>
      <c r="LXD733" s="424"/>
      <c r="LXE733" s="423" t="s">
        <v>2795</v>
      </c>
      <c r="LXF733" s="424"/>
      <c r="LXG733" s="424"/>
      <c r="LXH733" s="424"/>
      <c r="LXI733" s="423" t="s">
        <v>2795</v>
      </c>
      <c r="LXJ733" s="424"/>
      <c r="LXK733" s="424"/>
      <c r="LXL733" s="424"/>
      <c r="LXM733" s="423" t="s">
        <v>2795</v>
      </c>
      <c r="LXN733" s="424"/>
      <c r="LXO733" s="424"/>
      <c r="LXP733" s="424"/>
      <c r="LXQ733" s="423" t="s">
        <v>2795</v>
      </c>
      <c r="LXR733" s="424"/>
      <c r="LXS733" s="424"/>
      <c r="LXT733" s="424"/>
      <c r="LXU733" s="423" t="s">
        <v>2795</v>
      </c>
      <c r="LXV733" s="424"/>
      <c r="LXW733" s="424"/>
      <c r="LXX733" s="424"/>
      <c r="LXY733" s="423" t="s">
        <v>2795</v>
      </c>
      <c r="LXZ733" s="424"/>
      <c r="LYA733" s="424"/>
      <c r="LYB733" s="424"/>
      <c r="LYC733" s="423" t="s">
        <v>2795</v>
      </c>
      <c r="LYD733" s="424"/>
      <c r="LYE733" s="424"/>
      <c r="LYF733" s="424"/>
      <c r="LYG733" s="423" t="s">
        <v>2795</v>
      </c>
      <c r="LYH733" s="424"/>
      <c r="LYI733" s="424"/>
      <c r="LYJ733" s="424"/>
      <c r="LYK733" s="423" t="s">
        <v>2795</v>
      </c>
      <c r="LYL733" s="424"/>
      <c r="LYM733" s="424"/>
      <c r="LYN733" s="424"/>
      <c r="LYO733" s="423" t="s">
        <v>2795</v>
      </c>
      <c r="LYP733" s="424"/>
      <c r="LYQ733" s="424"/>
      <c r="LYR733" s="424"/>
      <c r="LYS733" s="423" t="s">
        <v>2795</v>
      </c>
      <c r="LYT733" s="424"/>
      <c r="LYU733" s="424"/>
      <c r="LYV733" s="424"/>
      <c r="LYW733" s="423" t="s">
        <v>2795</v>
      </c>
      <c r="LYX733" s="424"/>
      <c r="LYY733" s="424"/>
      <c r="LYZ733" s="424"/>
      <c r="LZA733" s="423" t="s">
        <v>2795</v>
      </c>
      <c r="LZB733" s="424"/>
      <c r="LZC733" s="424"/>
      <c r="LZD733" s="424"/>
      <c r="LZE733" s="423" t="s">
        <v>2795</v>
      </c>
      <c r="LZF733" s="424"/>
      <c r="LZG733" s="424"/>
      <c r="LZH733" s="424"/>
      <c r="LZI733" s="423" t="s">
        <v>2795</v>
      </c>
      <c r="LZJ733" s="424"/>
      <c r="LZK733" s="424"/>
      <c r="LZL733" s="424"/>
      <c r="LZM733" s="423" t="s">
        <v>2795</v>
      </c>
      <c r="LZN733" s="424"/>
      <c r="LZO733" s="424"/>
      <c r="LZP733" s="424"/>
      <c r="LZQ733" s="423" t="s">
        <v>2795</v>
      </c>
      <c r="LZR733" s="424"/>
      <c r="LZS733" s="424"/>
      <c r="LZT733" s="424"/>
      <c r="LZU733" s="423" t="s">
        <v>2795</v>
      </c>
      <c r="LZV733" s="424"/>
      <c r="LZW733" s="424"/>
      <c r="LZX733" s="424"/>
      <c r="LZY733" s="423" t="s">
        <v>2795</v>
      </c>
      <c r="LZZ733" s="424"/>
      <c r="MAA733" s="424"/>
      <c r="MAB733" s="424"/>
      <c r="MAC733" s="423" t="s">
        <v>2795</v>
      </c>
      <c r="MAD733" s="424"/>
      <c r="MAE733" s="424"/>
      <c r="MAF733" s="424"/>
      <c r="MAG733" s="423" t="s">
        <v>2795</v>
      </c>
      <c r="MAH733" s="424"/>
      <c r="MAI733" s="424"/>
      <c r="MAJ733" s="424"/>
      <c r="MAK733" s="423" t="s">
        <v>2795</v>
      </c>
      <c r="MAL733" s="424"/>
      <c r="MAM733" s="424"/>
      <c r="MAN733" s="424"/>
      <c r="MAO733" s="423" t="s">
        <v>2795</v>
      </c>
      <c r="MAP733" s="424"/>
      <c r="MAQ733" s="424"/>
      <c r="MAR733" s="424"/>
      <c r="MAS733" s="423" t="s">
        <v>2795</v>
      </c>
      <c r="MAT733" s="424"/>
      <c r="MAU733" s="424"/>
      <c r="MAV733" s="424"/>
      <c r="MAW733" s="423" t="s">
        <v>2795</v>
      </c>
      <c r="MAX733" s="424"/>
      <c r="MAY733" s="424"/>
      <c r="MAZ733" s="424"/>
      <c r="MBA733" s="423" t="s">
        <v>2795</v>
      </c>
      <c r="MBB733" s="424"/>
      <c r="MBC733" s="424"/>
      <c r="MBD733" s="424"/>
      <c r="MBE733" s="423" t="s">
        <v>2795</v>
      </c>
      <c r="MBF733" s="424"/>
      <c r="MBG733" s="424"/>
      <c r="MBH733" s="424"/>
      <c r="MBI733" s="423" t="s">
        <v>2795</v>
      </c>
      <c r="MBJ733" s="424"/>
      <c r="MBK733" s="424"/>
      <c r="MBL733" s="424"/>
      <c r="MBM733" s="423" t="s">
        <v>2795</v>
      </c>
      <c r="MBN733" s="424"/>
      <c r="MBO733" s="424"/>
      <c r="MBP733" s="424"/>
      <c r="MBQ733" s="423" t="s">
        <v>2795</v>
      </c>
      <c r="MBR733" s="424"/>
      <c r="MBS733" s="424"/>
      <c r="MBT733" s="424"/>
      <c r="MBU733" s="423" t="s">
        <v>2795</v>
      </c>
      <c r="MBV733" s="424"/>
      <c r="MBW733" s="424"/>
      <c r="MBX733" s="424"/>
      <c r="MBY733" s="423" t="s">
        <v>2795</v>
      </c>
      <c r="MBZ733" s="424"/>
      <c r="MCA733" s="424"/>
      <c r="MCB733" s="424"/>
      <c r="MCC733" s="423" t="s">
        <v>2795</v>
      </c>
      <c r="MCD733" s="424"/>
      <c r="MCE733" s="424"/>
      <c r="MCF733" s="424"/>
      <c r="MCG733" s="423" t="s">
        <v>2795</v>
      </c>
      <c r="MCH733" s="424"/>
      <c r="MCI733" s="424"/>
      <c r="MCJ733" s="424"/>
      <c r="MCK733" s="423" t="s">
        <v>2795</v>
      </c>
      <c r="MCL733" s="424"/>
      <c r="MCM733" s="424"/>
      <c r="MCN733" s="424"/>
      <c r="MCO733" s="423" t="s">
        <v>2795</v>
      </c>
      <c r="MCP733" s="424"/>
      <c r="MCQ733" s="424"/>
      <c r="MCR733" s="424"/>
      <c r="MCS733" s="423" t="s">
        <v>2795</v>
      </c>
      <c r="MCT733" s="424"/>
      <c r="MCU733" s="424"/>
      <c r="MCV733" s="424"/>
      <c r="MCW733" s="423" t="s">
        <v>2795</v>
      </c>
      <c r="MCX733" s="424"/>
      <c r="MCY733" s="424"/>
      <c r="MCZ733" s="424"/>
      <c r="MDA733" s="423" t="s">
        <v>2795</v>
      </c>
      <c r="MDB733" s="424"/>
      <c r="MDC733" s="424"/>
      <c r="MDD733" s="424"/>
      <c r="MDE733" s="423" t="s">
        <v>2795</v>
      </c>
      <c r="MDF733" s="424"/>
      <c r="MDG733" s="424"/>
      <c r="MDH733" s="424"/>
      <c r="MDI733" s="423" t="s">
        <v>2795</v>
      </c>
      <c r="MDJ733" s="424"/>
      <c r="MDK733" s="424"/>
      <c r="MDL733" s="424"/>
      <c r="MDM733" s="423" t="s">
        <v>2795</v>
      </c>
      <c r="MDN733" s="424"/>
      <c r="MDO733" s="424"/>
      <c r="MDP733" s="424"/>
      <c r="MDQ733" s="423" t="s">
        <v>2795</v>
      </c>
      <c r="MDR733" s="424"/>
      <c r="MDS733" s="424"/>
      <c r="MDT733" s="424"/>
      <c r="MDU733" s="423" t="s">
        <v>2795</v>
      </c>
      <c r="MDV733" s="424"/>
      <c r="MDW733" s="424"/>
      <c r="MDX733" s="424"/>
      <c r="MDY733" s="423" t="s">
        <v>2795</v>
      </c>
      <c r="MDZ733" s="424"/>
      <c r="MEA733" s="424"/>
      <c r="MEB733" s="424"/>
      <c r="MEC733" s="423" t="s">
        <v>2795</v>
      </c>
      <c r="MED733" s="424"/>
      <c r="MEE733" s="424"/>
      <c r="MEF733" s="424"/>
      <c r="MEG733" s="423" t="s">
        <v>2795</v>
      </c>
      <c r="MEH733" s="424"/>
      <c r="MEI733" s="424"/>
      <c r="MEJ733" s="424"/>
      <c r="MEK733" s="423" t="s">
        <v>2795</v>
      </c>
      <c r="MEL733" s="424"/>
      <c r="MEM733" s="424"/>
      <c r="MEN733" s="424"/>
      <c r="MEO733" s="423" t="s">
        <v>2795</v>
      </c>
      <c r="MEP733" s="424"/>
      <c r="MEQ733" s="424"/>
      <c r="MER733" s="424"/>
      <c r="MES733" s="423" t="s">
        <v>2795</v>
      </c>
      <c r="MET733" s="424"/>
      <c r="MEU733" s="424"/>
      <c r="MEV733" s="424"/>
      <c r="MEW733" s="423" t="s">
        <v>2795</v>
      </c>
      <c r="MEX733" s="424"/>
      <c r="MEY733" s="424"/>
      <c r="MEZ733" s="424"/>
      <c r="MFA733" s="423" t="s">
        <v>2795</v>
      </c>
      <c r="MFB733" s="424"/>
      <c r="MFC733" s="424"/>
      <c r="MFD733" s="424"/>
      <c r="MFE733" s="423" t="s">
        <v>2795</v>
      </c>
      <c r="MFF733" s="424"/>
      <c r="MFG733" s="424"/>
      <c r="MFH733" s="424"/>
      <c r="MFI733" s="423" t="s">
        <v>2795</v>
      </c>
      <c r="MFJ733" s="424"/>
      <c r="MFK733" s="424"/>
      <c r="MFL733" s="424"/>
      <c r="MFM733" s="423" t="s">
        <v>2795</v>
      </c>
      <c r="MFN733" s="424"/>
      <c r="MFO733" s="424"/>
      <c r="MFP733" s="424"/>
      <c r="MFQ733" s="423" t="s">
        <v>2795</v>
      </c>
      <c r="MFR733" s="424"/>
      <c r="MFS733" s="424"/>
      <c r="MFT733" s="424"/>
      <c r="MFU733" s="423" t="s">
        <v>2795</v>
      </c>
      <c r="MFV733" s="424"/>
      <c r="MFW733" s="424"/>
      <c r="MFX733" s="424"/>
      <c r="MFY733" s="423" t="s">
        <v>2795</v>
      </c>
      <c r="MFZ733" s="424"/>
      <c r="MGA733" s="424"/>
      <c r="MGB733" s="424"/>
      <c r="MGC733" s="423" t="s">
        <v>2795</v>
      </c>
      <c r="MGD733" s="424"/>
      <c r="MGE733" s="424"/>
      <c r="MGF733" s="424"/>
      <c r="MGG733" s="423" t="s">
        <v>2795</v>
      </c>
      <c r="MGH733" s="424"/>
      <c r="MGI733" s="424"/>
      <c r="MGJ733" s="424"/>
      <c r="MGK733" s="423" t="s">
        <v>2795</v>
      </c>
      <c r="MGL733" s="424"/>
      <c r="MGM733" s="424"/>
      <c r="MGN733" s="424"/>
      <c r="MGO733" s="423" t="s">
        <v>2795</v>
      </c>
      <c r="MGP733" s="424"/>
      <c r="MGQ733" s="424"/>
      <c r="MGR733" s="424"/>
      <c r="MGS733" s="423" t="s">
        <v>2795</v>
      </c>
      <c r="MGT733" s="424"/>
      <c r="MGU733" s="424"/>
      <c r="MGV733" s="424"/>
      <c r="MGW733" s="423" t="s">
        <v>2795</v>
      </c>
      <c r="MGX733" s="424"/>
      <c r="MGY733" s="424"/>
      <c r="MGZ733" s="424"/>
      <c r="MHA733" s="423" t="s">
        <v>2795</v>
      </c>
      <c r="MHB733" s="424"/>
      <c r="MHC733" s="424"/>
      <c r="MHD733" s="424"/>
      <c r="MHE733" s="423" t="s">
        <v>2795</v>
      </c>
      <c r="MHF733" s="424"/>
      <c r="MHG733" s="424"/>
      <c r="MHH733" s="424"/>
      <c r="MHI733" s="423" t="s">
        <v>2795</v>
      </c>
      <c r="MHJ733" s="424"/>
      <c r="MHK733" s="424"/>
      <c r="MHL733" s="424"/>
      <c r="MHM733" s="423" t="s">
        <v>2795</v>
      </c>
      <c r="MHN733" s="424"/>
      <c r="MHO733" s="424"/>
      <c r="MHP733" s="424"/>
      <c r="MHQ733" s="423" t="s">
        <v>2795</v>
      </c>
      <c r="MHR733" s="424"/>
      <c r="MHS733" s="424"/>
      <c r="MHT733" s="424"/>
      <c r="MHU733" s="423" t="s">
        <v>2795</v>
      </c>
      <c r="MHV733" s="424"/>
      <c r="MHW733" s="424"/>
      <c r="MHX733" s="424"/>
      <c r="MHY733" s="423" t="s">
        <v>2795</v>
      </c>
      <c r="MHZ733" s="424"/>
      <c r="MIA733" s="424"/>
      <c r="MIB733" s="424"/>
      <c r="MIC733" s="423" t="s">
        <v>2795</v>
      </c>
      <c r="MID733" s="424"/>
      <c r="MIE733" s="424"/>
      <c r="MIF733" s="424"/>
      <c r="MIG733" s="423" t="s">
        <v>2795</v>
      </c>
      <c r="MIH733" s="424"/>
      <c r="MII733" s="424"/>
      <c r="MIJ733" s="424"/>
      <c r="MIK733" s="423" t="s">
        <v>2795</v>
      </c>
      <c r="MIL733" s="424"/>
      <c r="MIM733" s="424"/>
      <c r="MIN733" s="424"/>
      <c r="MIO733" s="423" t="s">
        <v>2795</v>
      </c>
      <c r="MIP733" s="424"/>
      <c r="MIQ733" s="424"/>
      <c r="MIR733" s="424"/>
      <c r="MIS733" s="423" t="s">
        <v>2795</v>
      </c>
      <c r="MIT733" s="424"/>
      <c r="MIU733" s="424"/>
      <c r="MIV733" s="424"/>
      <c r="MIW733" s="423" t="s">
        <v>2795</v>
      </c>
      <c r="MIX733" s="424"/>
      <c r="MIY733" s="424"/>
      <c r="MIZ733" s="424"/>
      <c r="MJA733" s="423" t="s">
        <v>2795</v>
      </c>
      <c r="MJB733" s="424"/>
      <c r="MJC733" s="424"/>
      <c r="MJD733" s="424"/>
      <c r="MJE733" s="423" t="s">
        <v>2795</v>
      </c>
      <c r="MJF733" s="424"/>
      <c r="MJG733" s="424"/>
      <c r="MJH733" s="424"/>
      <c r="MJI733" s="423" t="s">
        <v>2795</v>
      </c>
      <c r="MJJ733" s="424"/>
      <c r="MJK733" s="424"/>
      <c r="MJL733" s="424"/>
      <c r="MJM733" s="423" t="s">
        <v>2795</v>
      </c>
      <c r="MJN733" s="424"/>
      <c r="MJO733" s="424"/>
      <c r="MJP733" s="424"/>
      <c r="MJQ733" s="423" t="s">
        <v>2795</v>
      </c>
      <c r="MJR733" s="424"/>
      <c r="MJS733" s="424"/>
      <c r="MJT733" s="424"/>
      <c r="MJU733" s="423" t="s">
        <v>2795</v>
      </c>
      <c r="MJV733" s="424"/>
      <c r="MJW733" s="424"/>
      <c r="MJX733" s="424"/>
      <c r="MJY733" s="423" t="s">
        <v>2795</v>
      </c>
      <c r="MJZ733" s="424"/>
      <c r="MKA733" s="424"/>
      <c r="MKB733" s="424"/>
      <c r="MKC733" s="423" t="s">
        <v>2795</v>
      </c>
      <c r="MKD733" s="424"/>
      <c r="MKE733" s="424"/>
      <c r="MKF733" s="424"/>
      <c r="MKG733" s="423" t="s">
        <v>2795</v>
      </c>
      <c r="MKH733" s="424"/>
      <c r="MKI733" s="424"/>
      <c r="MKJ733" s="424"/>
      <c r="MKK733" s="423" t="s">
        <v>2795</v>
      </c>
      <c r="MKL733" s="424"/>
      <c r="MKM733" s="424"/>
      <c r="MKN733" s="424"/>
      <c r="MKO733" s="423" t="s">
        <v>2795</v>
      </c>
      <c r="MKP733" s="424"/>
      <c r="MKQ733" s="424"/>
      <c r="MKR733" s="424"/>
      <c r="MKS733" s="423" t="s">
        <v>2795</v>
      </c>
      <c r="MKT733" s="424"/>
      <c r="MKU733" s="424"/>
      <c r="MKV733" s="424"/>
      <c r="MKW733" s="423" t="s">
        <v>2795</v>
      </c>
      <c r="MKX733" s="424"/>
      <c r="MKY733" s="424"/>
      <c r="MKZ733" s="424"/>
      <c r="MLA733" s="423" t="s">
        <v>2795</v>
      </c>
      <c r="MLB733" s="424"/>
      <c r="MLC733" s="424"/>
      <c r="MLD733" s="424"/>
      <c r="MLE733" s="423" t="s">
        <v>2795</v>
      </c>
      <c r="MLF733" s="424"/>
      <c r="MLG733" s="424"/>
      <c r="MLH733" s="424"/>
      <c r="MLI733" s="423" t="s">
        <v>2795</v>
      </c>
      <c r="MLJ733" s="424"/>
      <c r="MLK733" s="424"/>
      <c r="MLL733" s="424"/>
      <c r="MLM733" s="423" t="s">
        <v>2795</v>
      </c>
      <c r="MLN733" s="424"/>
      <c r="MLO733" s="424"/>
      <c r="MLP733" s="424"/>
      <c r="MLQ733" s="423" t="s">
        <v>2795</v>
      </c>
      <c r="MLR733" s="424"/>
      <c r="MLS733" s="424"/>
      <c r="MLT733" s="424"/>
      <c r="MLU733" s="423" t="s">
        <v>2795</v>
      </c>
      <c r="MLV733" s="424"/>
      <c r="MLW733" s="424"/>
      <c r="MLX733" s="424"/>
      <c r="MLY733" s="423" t="s">
        <v>2795</v>
      </c>
      <c r="MLZ733" s="424"/>
      <c r="MMA733" s="424"/>
      <c r="MMB733" s="424"/>
      <c r="MMC733" s="423" t="s">
        <v>2795</v>
      </c>
      <c r="MMD733" s="424"/>
      <c r="MME733" s="424"/>
      <c r="MMF733" s="424"/>
      <c r="MMG733" s="423" t="s">
        <v>2795</v>
      </c>
      <c r="MMH733" s="424"/>
      <c r="MMI733" s="424"/>
      <c r="MMJ733" s="424"/>
      <c r="MMK733" s="423" t="s">
        <v>2795</v>
      </c>
      <c r="MML733" s="424"/>
      <c r="MMM733" s="424"/>
      <c r="MMN733" s="424"/>
      <c r="MMO733" s="423" t="s">
        <v>2795</v>
      </c>
      <c r="MMP733" s="424"/>
      <c r="MMQ733" s="424"/>
      <c r="MMR733" s="424"/>
      <c r="MMS733" s="423" t="s">
        <v>2795</v>
      </c>
      <c r="MMT733" s="424"/>
      <c r="MMU733" s="424"/>
      <c r="MMV733" s="424"/>
      <c r="MMW733" s="423" t="s">
        <v>2795</v>
      </c>
      <c r="MMX733" s="424"/>
      <c r="MMY733" s="424"/>
      <c r="MMZ733" s="424"/>
      <c r="MNA733" s="423" t="s">
        <v>2795</v>
      </c>
      <c r="MNB733" s="424"/>
      <c r="MNC733" s="424"/>
      <c r="MND733" s="424"/>
      <c r="MNE733" s="423" t="s">
        <v>2795</v>
      </c>
      <c r="MNF733" s="424"/>
      <c r="MNG733" s="424"/>
      <c r="MNH733" s="424"/>
      <c r="MNI733" s="423" t="s">
        <v>2795</v>
      </c>
      <c r="MNJ733" s="424"/>
      <c r="MNK733" s="424"/>
      <c r="MNL733" s="424"/>
      <c r="MNM733" s="423" t="s">
        <v>2795</v>
      </c>
      <c r="MNN733" s="424"/>
      <c r="MNO733" s="424"/>
      <c r="MNP733" s="424"/>
      <c r="MNQ733" s="423" t="s">
        <v>2795</v>
      </c>
      <c r="MNR733" s="424"/>
      <c r="MNS733" s="424"/>
      <c r="MNT733" s="424"/>
      <c r="MNU733" s="423" t="s">
        <v>2795</v>
      </c>
      <c r="MNV733" s="424"/>
      <c r="MNW733" s="424"/>
      <c r="MNX733" s="424"/>
      <c r="MNY733" s="423" t="s">
        <v>2795</v>
      </c>
      <c r="MNZ733" s="424"/>
      <c r="MOA733" s="424"/>
      <c r="MOB733" s="424"/>
      <c r="MOC733" s="423" t="s">
        <v>2795</v>
      </c>
      <c r="MOD733" s="424"/>
      <c r="MOE733" s="424"/>
      <c r="MOF733" s="424"/>
      <c r="MOG733" s="423" t="s">
        <v>2795</v>
      </c>
      <c r="MOH733" s="424"/>
      <c r="MOI733" s="424"/>
      <c r="MOJ733" s="424"/>
      <c r="MOK733" s="423" t="s">
        <v>2795</v>
      </c>
      <c r="MOL733" s="424"/>
      <c r="MOM733" s="424"/>
      <c r="MON733" s="424"/>
      <c r="MOO733" s="423" t="s">
        <v>2795</v>
      </c>
      <c r="MOP733" s="424"/>
      <c r="MOQ733" s="424"/>
      <c r="MOR733" s="424"/>
      <c r="MOS733" s="423" t="s">
        <v>2795</v>
      </c>
      <c r="MOT733" s="424"/>
      <c r="MOU733" s="424"/>
      <c r="MOV733" s="424"/>
      <c r="MOW733" s="423" t="s">
        <v>2795</v>
      </c>
      <c r="MOX733" s="424"/>
      <c r="MOY733" s="424"/>
      <c r="MOZ733" s="424"/>
      <c r="MPA733" s="423" t="s">
        <v>2795</v>
      </c>
      <c r="MPB733" s="424"/>
      <c r="MPC733" s="424"/>
      <c r="MPD733" s="424"/>
      <c r="MPE733" s="423" t="s">
        <v>2795</v>
      </c>
      <c r="MPF733" s="424"/>
      <c r="MPG733" s="424"/>
      <c r="MPH733" s="424"/>
      <c r="MPI733" s="423" t="s">
        <v>2795</v>
      </c>
      <c r="MPJ733" s="424"/>
      <c r="MPK733" s="424"/>
      <c r="MPL733" s="424"/>
      <c r="MPM733" s="423" t="s">
        <v>2795</v>
      </c>
      <c r="MPN733" s="424"/>
      <c r="MPO733" s="424"/>
      <c r="MPP733" s="424"/>
      <c r="MPQ733" s="423" t="s">
        <v>2795</v>
      </c>
      <c r="MPR733" s="424"/>
      <c r="MPS733" s="424"/>
      <c r="MPT733" s="424"/>
      <c r="MPU733" s="423" t="s">
        <v>2795</v>
      </c>
      <c r="MPV733" s="424"/>
      <c r="MPW733" s="424"/>
      <c r="MPX733" s="424"/>
      <c r="MPY733" s="423" t="s">
        <v>2795</v>
      </c>
      <c r="MPZ733" s="424"/>
      <c r="MQA733" s="424"/>
      <c r="MQB733" s="424"/>
      <c r="MQC733" s="423" t="s">
        <v>2795</v>
      </c>
      <c r="MQD733" s="424"/>
      <c r="MQE733" s="424"/>
      <c r="MQF733" s="424"/>
      <c r="MQG733" s="423" t="s">
        <v>2795</v>
      </c>
      <c r="MQH733" s="424"/>
      <c r="MQI733" s="424"/>
      <c r="MQJ733" s="424"/>
      <c r="MQK733" s="423" t="s">
        <v>2795</v>
      </c>
      <c r="MQL733" s="424"/>
      <c r="MQM733" s="424"/>
      <c r="MQN733" s="424"/>
      <c r="MQO733" s="423" t="s">
        <v>2795</v>
      </c>
      <c r="MQP733" s="424"/>
      <c r="MQQ733" s="424"/>
      <c r="MQR733" s="424"/>
      <c r="MQS733" s="423" t="s">
        <v>2795</v>
      </c>
      <c r="MQT733" s="424"/>
      <c r="MQU733" s="424"/>
      <c r="MQV733" s="424"/>
      <c r="MQW733" s="423" t="s">
        <v>2795</v>
      </c>
      <c r="MQX733" s="424"/>
      <c r="MQY733" s="424"/>
      <c r="MQZ733" s="424"/>
      <c r="MRA733" s="423" t="s">
        <v>2795</v>
      </c>
      <c r="MRB733" s="424"/>
      <c r="MRC733" s="424"/>
      <c r="MRD733" s="424"/>
      <c r="MRE733" s="423" t="s">
        <v>2795</v>
      </c>
      <c r="MRF733" s="424"/>
      <c r="MRG733" s="424"/>
      <c r="MRH733" s="424"/>
      <c r="MRI733" s="423" t="s">
        <v>2795</v>
      </c>
      <c r="MRJ733" s="424"/>
      <c r="MRK733" s="424"/>
      <c r="MRL733" s="424"/>
      <c r="MRM733" s="423" t="s">
        <v>2795</v>
      </c>
      <c r="MRN733" s="424"/>
      <c r="MRO733" s="424"/>
      <c r="MRP733" s="424"/>
      <c r="MRQ733" s="423" t="s">
        <v>2795</v>
      </c>
      <c r="MRR733" s="424"/>
      <c r="MRS733" s="424"/>
      <c r="MRT733" s="424"/>
      <c r="MRU733" s="423" t="s">
        <v>2795</v>
      </c>
      <c r="MRV733" s="424"/>
      <c r="MRW733" s="424"/>
      <c r="MRX733" s="424"/>
      <c r="MRY733" s="423" t="s">
        <v>2795</v>
      </c>
      <c r="MRZ733" s="424"/>
      <c r="MSA733" s="424"/>
      <c r="MSB733" s="424"/>
      <c r="MSC733" s="423" t="s">
        <v>2795</v>
      </c>
      <c r="MSD733" s="424"/>
      <c r="MSE733" s="424"/>
      <c r="MSF733" s="424"/>
      <c r="MSG733" s="423" t="s">
        <v>2795</v>
      </c>
      <c r="MSH733" s="424"/>
      <c r="MSI733" s="424"/>
      <c r="MSJ733" s="424"/>
      <c r="MSK733" s="423" t="s">
        <v>2795</v>
      </c>
      <c r="MSL733" s="424"/>
      <c r="MSM733" s="424"/>
      <c r="MSN733" s="424"/>
      <c r="MSO733" s="423" t="s">
        <v>2795</v>
      </c>
      <c r="MSP733" s="424"/>
      <c r="MSQ733" s="424"/>
      <c r="MSR733" s="424"/>
      <c r="MSS733" s="423" t="s">
        <v>2795</v>
      </c>
      <c r="MST733" s="424"/>
      <c r="MSU733" s="424"/>
      <c r="MSV733" s="424"/>
      <c r="MSW733" s="423" t="s">
        <v>2795</v>
      </c>
      <c r="MSX733" s="424"/>
      <c r="MSY733" s="424"/>
      <c r="MSZ733" s="424"/>
      <c r="MTA733" s="423" t="s">
        <v>2795</v>
      </c>
      <c r="MTB733" s="424"/>
      <c r="MTC733" s="424"/>
      <c r="MTD733" s="424"/>
      <c r="MTE733" s="423" t="s">
        <v>2795</v>
      </c>
      <c r="MTF733" s="424"/>
      <c r="MTG733" s="424"/>
      <c r="MTH733" s="424"/>
      <c r="MTI733" s="423" t="s">
        <v>2795</v>
      </c>
      <c r="MTJ733" s="424"/>
      <c r="MTK733" s="424"/>
      <c r="MTL733" s="424"/>
      <c r="MTM733" s="423" t="s">
        <v>2795</v>
      </c>
      <c r="MTN733" s="424"/>
      <c r="MTO733" s="424"/>
      <c r="MTP733" s="424"/>
      <c r="MTQ733" s="423" t="s">
        <v>2795</v>
      </c>
      <c r="MTR733" s="424"/>
      <c r="MTS733" s="424"/>
      <c r="MTT733" s="424"/>
      <c r="MTU733" s="423" t="s">
        <v>2795</v>
      </c>
      <c r="MTV733" s="424"/>
      <c r="MTW733" s="424"/>
      <c r="MTX733" s="424"/>
      <c r="MTY733" s="423" t="s">
        <v>2795</v>
      </c>
      <c r="MTZ733" s="424"/>
      <c r="MUA733" s="424"/>
      <c r="MUB733" s="424"/>
      <c r="MUC733" s="423" t="s">
        <v>2795</v>
      </c>
      <c r="MUD733" s="424"/>
      <c r="MUE733" s="424"/>
      <c r="MUF733" s="424"/>
      <c r="MUG733" s="423" t="s">
        <v>2795</v>
      </c>
      <c r="MUH733" s="424"/>
      <c r="MUI733" s="424"/>
      <c r="MUJ733" s="424"/>
      <c r="MUK733" s="423" t="s">
        <v>2795</v>
      </c>
      <c r="MUL733" s="424"/>
      <c r="MUM733" s="424"/>
      <c r="MUN733" s="424"/>
      <c r="MUO733" s="423" t="s">
        <v>2795</v>
      </c>
      <c r="MUP733" s="424"/>
      <c r="MUQ733" s="424"/>
      <c r="MUR733" s="424"/>
      <c r="MUS733" s="423" t="s">
        <v>2795</v>
      </c>
      <c r="MUT733" s="424"/>
      <c r="MUU733" s="424"/>
      <c r="MUV733" s="424"/>
      <c r="MUW733" s="423" t="s">
        <v>2795</v>
      </c>
      <c r="MUX733" s="424"/>
      <c r="MUY733" s="424"/>
      <c r="MUZ733" s="424"/>
      <c r="MVA733" s="423" t="s">
        <v>2795</v>
      </c>
      <c r="MVB733" s="424"/>
      <c r="MVC733" s="424"/>
      <c r="MVD733" s="424"/>
      <c r="MVE733" s="423" t="s">
        <v>2795</v>
      </c>
      <c r="MVF733" s="424"/>
      <c r="MVG733" s="424"/>
      <c r="MVH733" s="424"/>
      <c r="MVI733" s="423" t="s">
        <v>2795</v>
      </c>
      <c r="MVJ733" s="424"/>
      <c r="MVK733" s="424"/>
      <c r="MVL733" s="424"/>
      <c r="MVM733" s="423" t="s">
        <v>2795</v>
      </c>
      <c r="MVN733" s="424"/>
      <c r="MVO733" s="424"/>
      <c r="MVP733" s="424"/>
      <c r="MVQ733" s="423" t="s">
        <v>2795</v>
      </c>
      <c r="MVR733" s="424"/>
      <c r="MVS733" s="424"/>
      <c r="MVT733" s="424"/>
      <c r="MVU733" s="423" t="s">
        <v>2795</v>
      </c>
      <c r="MVV733" s="424"/>
      <c r="MVW733" s="424"/>
      <c r="MVX733" s="424"/>
      <c r="MVY733" s="423" t="s">
        <v>2795</v>
      </c>
      <c r="MVZ733" s="424"/>
      <c r="MWA733" s="424"/>
      <c r="MWB733" s="424"/>
      <c r="MWC733" s="423" t="s">
        <v>2795</v>
      </c>
      <c r="MWD733" s="424"/>
      <c r="MWE733" s="424"/>
      <c r="MWF733" s="424"/>
      <c r="MWG733" s="423" t="s">
        <v>2795</v>
      </c>
      <c r="MWH733" s="424"/>
      <c r="MWI733" s="424"/>
      <c r="MWJ733" s="424"/>
      <c r="MWK733" s="423" t="s">
        <v>2795</v>
      </c>
      <c r="MWL733" s="424"/>
      <c r="MWM733" s="424"/>
      <c r="MWN733" s="424"/>
      <c r="MWO733" s="423" t="s">
        <v>2795</v>
      </c>
      <c r="MWP733" s="424"/>
      <c r="MWQ733" s="424"/>
      <c r="MWR733" s="424"/>
      <c r="MWS733" s="423" t="s">
        <v>2795</v>
      </c>
      <c r="MWT733" s="424"/>
      <c r="MWU733" s="424"/>
      <c r="MWV733" s="424"/>
      <c r="MWW733" s="423" t="s">
        <v>2795</v>
      </c>
      <c r="MWX733" s="424"/>
      <c r="MWY733" s="424"/>
      <c r="MWZ733" s="424"/>
      <c r="MXA733" s="423" t="s">
        <v>2795</v>
      </c>
      <c r="MXB733" s="424"/>
      <c r="MXC733" s="424"/>
      <c r="MXD733" s="424"/>
      <c r="MXE733" s="423" t="s">
        <v>2795</v>
      </c>
      <c r="MXF733" s="424"/>
      <c r="MXG733" s="424"/>
      <c r="MXH733" s="424"/>
      <c r="MXI733" s="423" t="s">
        <v>2795</v>
      </c>
      <c r="MXJ733" s="424"/>
      <c r="MXK733" s="424"/>
      <c r="MXL733" s="424"/>
      <c r="MXM733" s="423" t="s">
        <v>2795</v>
      </c>
      <c r="MXN733" s="424"/>
      <c r="MXO733" s="424"/>
      <c r="MXP733" s="424"/>
      <c r="MXQ733" s="423" t="s">
        <v>2795</v>
      </c>
      <c r="MXR733" s="424"/>
      <c r="MXS733" s="424"/>
      <c r="MXT733" s="424"/>
      <c r="MXU733" s="423" t="s">
        <v>2795</v>
      </c>
      <c r="MXV733" s="424"/>
      <c r="MXW733" s="424"/>
      <c r="MXX733" s="424"/>
      <c r="MXY733" s="423" t="s">
        <v>2795</v>
      </c>
      <c r="MXZ733" s="424"/>
      <c r="MYA733" s="424"/>
      <c r="MYB733" s="424"/>
      <c r="MYC733" s="423" t="s">
        <v>2795</v>
      </c>
      <c r="MYD733" s="424"/>
      <c r="MYE733" s="424"/>
      <c r="MYF733" s="424"/>
      <c r="MYG733" s="423" t="s">
        <v>2795</v>
      </c>
      <c r="MYH733" s="424"/>
      <c r="MYI733" s="424"/>
      <c r="MYJ733" s="424"/>
      <c r="MYK733" s="423" t="s">
        <v>2795</v>
      </c>
      <c r="MYL733" s="424"/>
      <c r="MYM733" s="424"/>
      <c r="MYN733" s="424"/>
      <c r="MYO733" s="423" t="s">
        <v>2795</v>
      </c>
      <c r="MYP733" s="424"/>
      <c r="MYQ733" s="424"/>
      <c r="MYR733" s="424"/>
      <c r="MYS733" s="423" t="s">
        <v>2795</v>
      </c>
      <c r="MYT733" s="424"/>
      <c r="MYU733" s="424"/>
      <c r="MYV733" s="424"/>
      <c r="MYW733" s="423" t="s">
        <v>2795</v>
      </c>
      <c r="MYX733" s="424"/>
      <c r="MYY733" s="424"/>
      <c r="MYZ733" s="424"/>
      <c r="MZA733" s="423" t="s">
        <v>2795</v>
      </c>
      <c r="MZB733" s="424"/>
      <c r="MZC733" s="424"/>
      <c r="MZD733" s="424"/>
      <c r="MZE733" s="423" t="s">
        <v>2795</v>
      </c>
      <c r="MZF733" s="424"/>
      <c r="MZG733" s="424"/>
      <c r="MZH733" s="424"/>
      <c r="MZI733" s="423" t="s">
        <v>2795</v>
      </c>
      <c r="MZJ733" s="424"/>
      <c r="MZK733" s="424"/>
      <c r="MZL733" s="424"/>
      <c r="MZM733" s="423" t="s">
        <v>2795</v>
      </c>
      <c r="MZN733" s="424"/>
      <c r="MZO733" s="424"/>
      <c r="MZP733" s="424"/>
      <c r="MZQ733" s="423" t="s">
        <v>2795</v>
      </c>
      <c r="MZR733" s="424"/>
      <c r="MZS733" s="424"/>
      <c r="MZT733" s="424"/>
      <c r="MZU733" s="423" t="s">
        <v>2795</v>
      </c>
      <c r="MZV733" s="424"/>
      <c r="MZW733" s="424"/>
      <c r="MZX733" s="424"/>
      <c r="MZY733" s="423" t="s">
        <v>2795</v>
      </c>
      <c r="MZZ733" s="424"/>
      <c r="NAA733" s="424"/>
      <c r="NAB733" s="424"/>
      <c r="NAC733" s="423" t="s">
        <v>2795</v>
      </c>
      <c r="NAD733" s="424"/>
      <c r="NAE733" s="424"/>
      <c r="NAF733" s="424"/>
      <c r="NAG733" s="423" t="s">
        <v>2795</v>
      </c>
      <c r="NAH733" s="424"/>
      <c r="NAI733" s="424"/>
      <c r="NAJ733" s="424"/>
      <c r="NAK733" s="423" t="s">
        <v>2795</v>
      </c>
      <c r="NAL733" s="424"/>
      <c r="NAM733" s="424"/>
      <c r="NAN733" s="424"/>
      <c r="NAO733" s="423" t="s">
        <v>2795</v>
      </c>
      <c r="NAP733" s="424"/>
      <c r="NAQ733" s="424"/>
      <c r="NAR733" s="424"/>
      <c r="NAS733" s="423" t="s">
        <v>2795</v>
      </c>
      <c r="NAT733" s="424"/>
      <c r="NAU733" s="424"/>
      <c r="NAV733" s="424"/>
      <c r="NAW733" s="423" t="s">
        <v>2795</v>
      </c>
      <c r="NAX733" s="424"/>
      <c r="NAY733" s="424"/>
      <c r="NAZ733" s="424"/>
      <c r="NBA733" s="423" t="s">
        <v>2795</v>
      </c>
      <c r="NBB733" s="424"/>
      <c r="NBC733" s="424"/>
      <c r="NBD733" s="424"/>
      <c r="NBE733" s="423" t="s">
        <v>2795</v>
      </c>
      <c r="NBF733" s="424"/>
      <c r="NBG733" s="424"/>
      <c r="NBH733" s="424"/>
      <c r="NBI733" s="423" t="s">
        <v>2795</v>
      </c>
      <c r="NBJ733" s="424"/>
      <c r="NBK733" s="424"/>
      <c r="NBL733" s="424"/>
      <c r="NBM733" s="423" t="s">
        <v>2795</v>
      </c>
      <c r="NBN733" s="424"/>
      <c r="NBO733" s="424"/>
      <c r="NBP733" s="424"/>
      <c r="NBQ733" s="423" t="s">
        <v>2795</v>
      </c>
      <c r="NBR733" s="424"/>
      <c r="NBS733" s="424"/>
      <c r="NBT733" s="424"/>
      <c r="NBU733" s="423" t="s">
        <v>2795</v>
      </c>
      <c r="NBV733" s="424"/>
      <c r="NBW733" s="424"/>
      <c r="NBX733" s="424"/>
      <c r="NBY733" s="423" t="s">
        <v>2795</v>
      </c>
      <c r="NBZ733" s="424"/>
      <c r="NCA733" s="424"/>
      <c r="NCB733" s="424"/>
      <c r="NCC733" s="423" t="s">
        <v>2795</v>
      </c>
      <c r="NCD733" s="424"/>
      <c r="NCE733" s="424"/>
      <c r="NCF733" s="424"/>
      <c r="NCG733" s="423" t="s">
        <v>2795</v>
      </c>
      <c r="NCH733" s="424"/>
      <c r="NCI733" s="424"/>
      <c r="NCJ733" s="424"/>
      <c r="NCK733" s="423" t="s">
        <v>2795</v>
      </c>
      <c r="NCL733" s="424"/>
      <c r="NCM733" s="424"/>
      <c r="NCN733" s="424"/>
      <c r="NCO733" s="423" t="s">
        <v>2795</v>
      </c>
      <c r="NCP733" s="424"/>
      <c r="NCQ733" s="424"/>
      <c r="NCR733" s="424"/>
      <c r="NCS733" s="423" t="s">
        <v>2795</v>
      </c>
      <c r="NCT733" s="424"/>
      <c r="NCU733" s="424"/>
      <c r="NCV733" s="424"/>
      <c r="NCW733" s="423" t="s">
        <v>2795</v>
      </c>
      <c r="NCX733" s="424"/>
      <c r="NCY733" s="424"/>
      <c r="NCZ733" s="424"/>
      <c r="NDA733" s="423" t="s">
        <v>2795</v>
      </c>
      <c r="NDB733" s="424"/>
      <c r="NDC733" s="424"/>
      <c r="NDD733" s="424"/>
      <c r="NDE733" s="423" t="s">
        <v>2795</v>
      </c>
      <c r="NDF733" s="424"/>
      <c r="NDG733" s="424"/>
      <c r="NDH733" s="424"/>
      <c r="NDI733" s="423" t="s">
        <v>2795</v>
      </c>
      <c r="NDJ733" s="424"/>
      <c r="NDK733" s="424"/>
      <c r="NDL733" s="424"/>
      <c r="NDM733" s="423" t="s">
        <v>2795</v>
      </c>
      <c r="NDN733" s="424"/>
      <c r="NDO733" s="424"/>
      <c r="NDP733" s="424"/>
      <c r="NDQ733" s="423" t="s">
        <v>2795</v>
      </c>
      <c r="NDR733" s="424"/>
      <c r="NDS733" s="424"/>
      <c r="NDT733" s="424"/>
      <c r="NDU733" s="423" t="s">
        <v>2795</v>
      </c>
      <c r="NDV733" s="424"/>
      <c r="NDW733" s="424"/>
      <c r="NDX733" s="424"/>
      <c r="NDY733" s="423" t="s">
        <v>2795</v>
      </c>
      <c r="NDZ733" s="424"/>
      <c r="NEA733" s="424"/>
      <c r="NEB733" s="424"/>
      <c r="NEC733" s="423" t="s">
        <v>2795</v>
      </c>
      <c r="NED733" s="424"/>
      <c r="NEE733" s="424"/>
      <c r="NEF733" s="424"/>
      <c r="NEG733" s="423" t="s">
        <v>2795</v>
      </c>
      <c r="NEH733" s="424"/>
      <c r="NEI733" s="424"/>
      <c r="NEJ733" s="424"/>
      <c r="NEK733" s="423" t="s">
        <v>2795</v>
      </c>
      <c r="NEL733" s="424"/>
      <c r="NEM733" s="424"/>
      <c r="NEN733" s="424"/>
      <c r="NEO733" s="423" t="s">
        <v>2795</v>
      </c>
      <c r="NEP733" s="424"/>
      <c r="NEQ733" s="424"/>
      <c r="NER733" s="424"/>
      <c r="NES733" s="423" t="s">
        <v>2795</v>
      </c>
      <c r="NET733" s="424"/>
      <c r="NEU733" s="424"/>
      <c r="NEV733" s="424"/>
      <c r="NEW733" s="423" t="s">
        <v>2795</v>
      </c>
      <c r="NEX733" s="424"/>
      <c r="NEY733" s="424"/>
      <c r="NEZ733" s="424"/>
      <c r="NFA733" s="423" t="s">
        <v>2795</v>
      </c>
      <c r="NFB733" s="424"/>
      <c r="NFC733" s="424"/>
      <c r="NFD733" s="424"/>
      <c r="NFE733" s="423" t="s">
        <v>2795</v>
      </c>
      <c r="NFF733" s="424"/>
      <c r="NFG733" s="424"/>
      <c r="NFH733" s="424"/>
      <c r="NFI733" s="423" t="s">
        <v>2795</v>
      </c>
      <c r="NFJ733" s="424"/>
      <c r="NFK733" s="424"/>
      <c r="NFL733" s="424"/>
      <c r="NFM733" s="423" t="s">
        <v>2795</v>
      </c>
      <c r="NFN733" s="424"/>
      <c r="NFO733" s="424"/>
      <c r="NFP733" s="424"/>
      <c r="NFQ733" s="423" t="s">
        <v>2795</v>
      </c>
      <c r="NFR733" s="424"/>
      <c r="NFS733" s="424"/>
      <c r="NFT733" s="424"/>
      <c r="NFU733" s="423" t="s">
        <v>2795</v>
      </c>
      <c r="NFV733" s="424"/>
      <c r="NFW733" s="424"/>
      <c r="NFX733" s="424"/>
      <c r="NFY733" s="423" t="s">
        <v>2795</v>
      </c>
      <c r="NFZ733" s="424"/>
      <c r="NGA733" s="424"/>
      <c r="NGB733" s="424"/>
      <c r="NGC733" s="423" t="s">
        <v>2795</v>
      </c>
      <c r="NGD733" s="424"/>
      <c r="NGE733" s="424"/>
      <c r="NGF733" s="424"/>
      <c r="NGG733" s="423" t="s">
        <v>2795</v>
      </c>
      <c r="NGH733" s="424"/>
      <c r="NGI733" s="424"/>
      <c r="NGJ733" s="424"/>
      <c r="NGK733" s="423" t="s">
        <v>2795</v>
      </c>
      <c r="NGL733" s="424"/>
      <c r="NGM733" s="424"/>
      <c r="NGN733" s="424"/>
      <c r="NGO733" s="423" t="s">
        <v>2795</v>
      </c>
      <c r="NGP733" s="424"/>
      <c r="NGQ733" s="424"/>
      <c r="NGR733" s="424"/>
      <c r="NGS733" s="423" t="s">
        <v>2795</v>
      </c>
      <c r="NGT733" s="424"/>
      <c r="NGU733" s="424"/>
      <c r="NGV733" s="424"/>
      <c r="NGW733" s="423" t="s">
        <v>2795</v>
      </c>
      <c r="NGX733" s="424"/>
      <c r="NGY733" s="424"/>
      <c r="NGZ733" s="424"/>
      <c r="NHA733" s="423" t="s">
        <v>2795</v>
      </c>
      <c r="NHB733" s="424"/>
      <c r="NHC733" s="424"/>
      <c r="NHD733" s="424"/>
      <c r="NHE733" s="423" t="s">
        <v>2795</v>
      </c>
      <c r="NHF733" s="424"/>
      <c r="NHG733" s="424"/>
      <c r="NHH733" s="424"/>
      <c r="NHI733" s="423" t="s">
        <v>2795</v>
      </c>
      <c r="NHJ733" s="424"/>
      <c r="NHK733" s="424"/>
      <c r="NHL733" s="424"/>
      <c r="NHM733" s="423" t="s">
        <v>2795</v>
      </c>
      <c r="NHN733" s="424"/>
      <c r="NHO733" s="424"/>
      <c r="NHP733" s="424"/>
      <c r="NHQ733" s="423" t="s">
        <v>2795</v>
      </c>
      <c r="NHR733" s="424"/>
      <c r="NHS733" s="424"/>
      <c r="NHT733" s="424"/>
      <c r="NHU733" s="423" t="s">
        <v>2795</v>
      </c>
      <c r="NHV733" s="424"/>
      <c r="NHW733" s="424"/>
      <c r="NHX733" s="424"/>
      <c r="NHY733" s="423" t="s">
        <v>2795</v>
      </c>
      <c r="NHZ733" s="424"/>
      <c r="NIA733" s="424"/>
      <c r="NIB733" s="424"/>
      <c r="NIC733" s="423" t="s">
        <v>2795</v>
      </c>
      <c r="NID733" s="424"/>
      <c r="NIE733" s="424"/>
      <c r="NIF733" s="424"/>
      <c r="NIG733" s="423" t="s">
        <v>2795</v>
      </c>
      <c r="NIH733" s="424"/>
      <c r="NII733" s="424"/>
      <c r="NIJ733" s="424"/>
      <c r="NIK733" s="423" t="s">
        <v>2795</v>
      </c>
      <c r="NIL733" s="424"/>
      <c r="NIM733" s="424"/>
      <c r="NIN733" s="424"/>
      <c r="NIO733" s="423" t="s">
        <v>2795</v>
      </c>
      <c r="NIP733" s="424"/>
      <c r="NIQ733" s="424"/>
      <c r="NIR733" s="424"/>
      <c r="NIS733" s="423" t="s">
        <v>2795</v>
      </c>
      <c r="NIT733" s="424"/>
      <c r="NIU733" s="424"/>
      <c r="NIV733" s="424"/>
      <c r="NIW733" s="423" t="s">
        <v>2795</v>
      </c>
      <c r="NIX733" s="424"/>
      <c r="NIY733" s="424"/>
      <c r="NIZ733" s="424"/>
      <c r="NJA733" s="423" t="s">
        <v>2795</v>
      </c>
      <c r="NJB733" s="424"/>
      <c r="NJC733" s="424"/>
      <c r="NJD733" s="424"/>
      <c r="NJE733" s="423" t="s">
        <v>2795</v>
      </c>
      <c r="NJF733" s="424"/>
      <c r="NJG733" s="424"/>
      <c r="NJH733" s="424"/>
      <c r="NJI733" s="423" t="s">
        <v>2795</v>
      </c>
      <c r="NJJ733" s="424"/>
      <c r="NJK733" s="424"/>
      <c r="NJL733" s="424"/>
      <c r="NJM733" s="423" t="s">
        <v>2795</v>
      </c>
      <c r="NJN733" s="424"/>
      <c r="NJO733" s="424"/>
      <c r="NJP733" s="424"/>
      <c r="NJQ733" s="423" t="s">
        <v>2795</v>
      </c>
      <c r="NJR733" s="424"/>
      <c r="NJS733" s="424"/>
      <c r="NJT733" s="424"/>
      <c r="NJU733" s="423" t="s">
        <v>2795</v>
      </c>
      <c r="NJV733" s="424"/>
      <c r="NJW733" s="424"/>
      <c r="NJX733" s="424"/>
      <c r="NJY733" s="423" t="s">
        <v>2795</v>
      </c>
      <c r="NJZ733" s="424"/>
      <c r="NKA733" s="424"/>
      <c r="NKB733" s="424"/>
      <c r="NKC733" s="423" t="s">
        <v>2795</v>
      </c>
      <c r="NKD733" s="424"/>
      <c r="NKE733" s="424"/>
      <c r="NKF733" s="424"/>
      <c r="NKG733" s="423" t="s">
        <v>2795</v>
      </c>
      <c r="NKH733" s="424"/>
      <c r="NKI733" s="424"/>
      <c r="NKJ733" s="424"/>
      <c r="NKK733" s="423" t="s">
        <v>2795</v>
      </c>
      <c r="NKL733" s="424"/>
      <c r="NKM733" s="424"/>
      <c r="NKN733" s="424"/>
      <c r="NKO733" s="423" t="s">
        <v>2795</v>
      </c>
      <c r="NKP733" s="424"/>
      <c r="NKQ733" s="424"/>
      <c r="NKR733" s="424"/>
      <c r="NKS733" s="423" t="s">
        <v>2795</v>
      </c>
      <c r="NKT733" s="424"/>
      <c r="NKU733" s="424"/>
      <c r="NKV733" s="424"/>
      <c r="NKW733" s="423" t="s">
        <v>2795</v>
      </c>
      <c r="NKX733" s="424"/>
      <c r="NKY733" s="424"/>
      <c r="NKZ733" s="424"/>
      <c r="NLA733" s="423" t="s">
        <v>2795</v>
      </c>
      <c r="NLB733" s="424"/>
      <c r="NLC733" s="424"/>
      <c r="NLD733" s="424"/>
      <c r="NLE733" s="423" t="s">
        <v>2795</v>
      </c>
      <c r="NLF733" s="424"/>
      <c r="NLG733" s="424"/>
      <c r="NLH733" s="424"/>
      <c r="NLI733" s="423" t="s">
        <v>2795</v>
      </c>
      <c r="NLJ733" s="424"/>
      <c r="NLK733" s="424"/>
      <c r="NLL733" s="424"/>
      <c r="NLM733" s="423" t="s">
        <v>2795</v>
      </c>
      <c r="NLN733" s="424"/>
      <c r="NLO733" s="424"/>
      <c r="NLP733" s="424"/>
      <c r="NLQ733" s="423" t="s">
        <v>2795</v>
      </c>
      <c r="NLR733" s="424"/>
      <c r="NLS733" s="424"/>
      <c r="NLT733" s="424"/>
      <c r="NLU733" s="423" t="s">
        <v>2795</v>
      </c>
      <c r="NLV733" s="424"/>
      <c r="NLW733" s="424"/>
      <c r="NLX733" s="424"/>
      <c r="NLY733" s="423" t="s">
        <v>2795</v>
      </c>
      <c r="NLZ733" s="424"/>
      <c r="NMA733" s="424"/>
      <c r="NMB733" s="424"/>
      <c r="NMC733" s="423" t="s">
        <v>2795</v>
      </c>
      <c r="NMD733" s="424"/>
      <c r="NME733" s="424"/>
      <c r="NMF733" s="424"/>
      <c r="NMG733" s="423" t="s">
        <v>2795</v>
      </c>
      <c r="NMH733" s="424"/>
      <c r="NMI733" s="424"/>
      <c r="NMJ733" s="424"/>
      <c r="NMK733" s="423" t="s">
        <v>2795</v>
      </c>
      <c r="NML733" s="424"/>
      <c r="NMM733" s="424"/>
      <c r="NMN733" s="424"/>
      <c r="NMO733" s="423" t="s">
        <v>2795</v>
      </c>
      <c r="NMP733" s="424"/>
      <c r="NMQ733" s="424"/>
      <c r="NMR733" s="424"/>
      <c r="NMS733" s="423" t="s">
        <v>2795</v>
      </c>
      <c r="NMT733" s="424"/>
      <c r="NMU733" s="424"/>
      <c r="NMV733" s="424"/>
      <c r="NMW733" s="423" t="s">
        <v>2795</v>
      </c>
      <c r="NMX733" s="424"/>
      <c r="NMY733" s="424"/>
      <c r="NMZ733" s="424"/>
      <c r="NNA733" s="423" t="s">
        <v>2795</v>
      </c>
      <c r="NNB733" s="424"/>
      <c r="NNC733" s="424"/>
      <c r="NND733" s="424"/>
      <c r="NNE733" s="423" t="s">
        <v>2795</v>
      </c>
      <c r="NNF733" s="424"/>
      <c r="NNG733" s="424"/>
      <c r="NNH733" s="424"/>
      <c r="NNI733" s="423" t="s">
        <v>2795</v>
      </c>
      <c r="NNJ733" s="424"/>
      <c r="NNK733" s="424"/>
      <c r="NNL733" s="424"/>
      <c r="NNM733" s="423" t="s">
        <v>2795</v>
      </c>
      <c r="NNN733" s="424"/>
      <c r="NNO733" s="424"/>
      <c r="NNP733" s="424"/>
      <c r="NNQ733" s="423" t="s">
        <v>2795</v>
      </c>
      <c r="NNR733" s="424"/>
      <c r="NNS733" s="424"/>
      <c r="NNT733" s="424"/>
      <c r="NNU733" s="423" t="s">
        <v>2795</v>
      </c>
      <c r="NNV733" s="424"/>
      <c r="NNW733" s="424"/>
      <c r="NNX733" s="424"/>
      <c r="NNY733" s="423" t="s">
        <v>2795</v>
      </c>
      <c r="NNZ733" s="424"/>
      <c r="NOA733" s="424"/>
      <c r="NOB733" s="424"/>
      <c r="NOC733" s="423" t="s">
        <v>2795</v>
      </c>
      <c r="NOD733" s="424"/>
      <c r="NOE733" s="424"/>
      <c r="NOF733" s="424"/>
      <c r="NOG733" s="423" t="s">
        <v>2795</v>
      </c>
      <c r="NOH733" s="424"/>
      <c r="NOI733" s="424"/>
      <c r="NOJ733" s="424"/>
      <c r="NOK733" s="423" t="s">
        <v>2795</v>
      </c>
      <c r="NOL733" s="424"/>
      <c r="NOM733" s="424"/>
      <c r="NON733" s="424"/>
      <c r="NOO733" s="423" t="s">
        <v>2795</v>
      </c>
      <c r="NOP733" s="424"/>
      <c r="NOQ733" s="424"/>
      <c r="NOR733" s="424"/>
      <c r="NOS733" s="423" t="s">
        <v>2795</v>
      </c>
      <c r="NOT733" s="424"/>
      <c r="NOU733" s="424"/>
      <c r="NOV733" s="424"/>
      <c r="NOW733" s="423" t="s">
        <v>2795</v>
      </c>
      <c r="NOX733" s="424"/>
      <c r="NOY733" s="424"/>
      <c r="NOZ733" s="424"/>
      <c r="NPA733" s="423" t="s">
        <v>2795</v>
      </c>
      <c r="NPB733" s="424"/>
      <c r="NPC733" s="424"/>
      <c r="NPD733" s="424"/>
      <c r="NPE733" s="423" t="s">
        <v>2795</v>
      </c>
      <c r="NPF733" s="424"/>
      <c r="NPG733" s="424"/>
      <c r="NPH733" s="424"/>
      <c r="NPI733" s="423" t="s">
        <v>2795</v>
      </c>
      <c r="NPJ733" s="424"/>
      <c r="NPK733" s="424"/>
      <c r="NPL733" s="424"/>
      <c r="NPM733" s="423" t="s">
        <v>2795</v>
      </c>
      <c r="NPN733" s="424"/>
      <c r="NPO733" s="424"/>
      <c r="NPP733" s="424"/>
      <c r="NPQ733" s="423" t="s">
        <v>2795</v>
      </c>
      <c r="NPR733" s="424"/>
      <c r="NPS733" s="424"/>
      <c r="NPT733" s="424"/>
      <c r="NPU733" s="423" t="s">
        <v>2795</v>
      </c>
      <c r="NPV733" s="424"/>
      <c r="NPW733" s="424"/>
      <c r="NPX733" s="424"/>
      <c r="NPY733" s="423" t="s">
        <v>2795</v>
      </c>
      <c r="NPZ733" s="424"/>
      <c r="NQA733" s="424"/>
      <c r="NQB733" s="424"/>
      <c r="NQC733" s="423" t="s">
        <v>2795</v>
      </c>
      <c r="NQD733" s="424"/>
      <c r="NQE733" s="424"/>
      <c r="NQF733" s="424"/>
      <c r="NQG733" s="423" t="s">
        <v>2795</v>
      </c>
      <c r="NQH733" s="424"/>
      <c r="NQI733" s="424"/>
      <c r="NQJ733" s="424"/>
      <c r="NQK733" s="423" t="s">
        <v>2795</v>
      </c>
      <c r="NQL733" s="424"/>
      <c r="NQM733" s="424"/>
      <c r="NQN733" s="424"/>
      <c r="NQO733" s="423" t="s">
        <v>2795</v>
      </c>
      <c r="NQP733" s="424"/>
      <c r="NQQ733" s="424"/>
      <c r="NQR733" s="424"/>
      <c r="NQS733" s="423" t="s">
        <v>2795</v>
      </c>
      <c r="NQT733" s="424"/>
      <c r="NQU733" s="424"/>
      <c r="NQV733" s="424"/>
      <c r="NQW733" s="423" t="s">
        <v>2795</v>
      </c>
      <c r="NQX733" s="424"/>
      <c r="NQY733" s="424"/>
      <c r="NQZ733" s="424"/>
      <c r="NRA733" s="423" t="s">
        <v>2795</v>
      </c>
      <c r="NRB733" s="424"/>
      <c r="NRC733" s="424"/>
      <c r="NRD733" s="424"/>
      <c r="NRE733" s="423" t="s">
        <v>2795</v>
      </c>
      <c r="NRF733" s="424"/>
      <c r="NRG733" s="424"/>
      <c r="NRH733" s="424"/>
      <c r="NRI733" s="423" t="s">
        <v>2795</v>
      </c>
      <c r="NRJ733" s="424"/>
      <c r="NRK733" s="424"/>
      <c r="NRL733" s="424"/>
      <c r="NRM733" s="423" t="s">
        <v>2795</v>
      </c>
      <c r="NRN733" s="424"/>
      <c r="NRO733" s="424"/>
      <c r="NRP733" s="424"/>
      <c r="NRQ733" s="423" t="s">
        <v>2795</v>
      </c>
      <c r="NRR733" s="424"/>
      <c r="NRS733" s="424"/>
      <c r="NRT733" s="424"/>
      <c r="NRU733" s="423" t="s">
        <v>2795</v>
      </c>
      <c r="NRV733" s="424"/>
      <c r="NRW733" s="424"/>
      <c r="NRX733" s="424"/>
      <c r="NRY733" s="423" t="s">
        <v>2795</v>
      </c>
      <c r="NRZ733" s="424"/>
      <c r="NSA733" s="424"/>
      <c r="NSB733" s="424"/>
      <c r="NSC733" s="423" t="s">
        <v>2795</v>
      </c>
      <c r="NSD733" s="424"/>
      <c r="NSE733" s="424"/>
      <c r="NSF733" s="424"/>
      <c r="NSG733" s="423" t="s">
        <v>2795</v>
      </c>
      <c r="NSH733" s="424"/>
      <c r="NSI733" s="424"/>
      <c r="NSJ733" s="424"/>
      <c r="NSK733" s="423" t="s">
        <v>2795</v>
      </c>
      <c r="NSL733" s="424"/>
      <c r="NSM733" s="424"/>
      <c r="NSN733" s="424"/>
      <c r="NSO733" s="423" t="s">
        <v>2795</v>
      </c>
      <c r="NSP733" s="424"/>
      <c r="NSQ733" s="424"/>
      <c r="NSR733" s="424"/>
      <c r="NSS733" s="423" t="s">
        <v>2795</v>
      </c>
      <c r="NST733" s="424"/>
      <c r="NSU733" s="424"/>
      <c r="NSV733" s="424"/>
      <c r="NSW733" s="423" t="s">
        <v>2795</v>
      </c>
      <c r="NSX733" s="424"/>
      <c r="NSY733" s="424"/>
      <c r="NSZ733" s="424"/>
      <c r="NTA733" s="423" t="s">
        <v>2795</v>
      </c>
      <c r="NTB733" s="424"/>
      <c r="NTC733" s="424"/>
      <c r="NTD733" s="424"/>
      <c r="NTE733" s="423" t="s">
        <v>2795</v>
      </c>
      <c r="NTF733" s="424"/>
      <c r="NTG733" s="424"/>
      <c r="NTH733" s="424"/>
      <c r="NTI733" s="423" t="s">
        <v>2795</v>
      </c>
      <c r="NTJ733" s="424"/>
      <c r="NTK733" s="424"/>
      <c r="NTL733" s="424"/>
      <c r="NTM733" s="423" t="s">
        <v>2795</v>
      </c>
      <c r="NTN733" s="424"/>
      <c r="NTO733" s="424"/>
      <c r="NTP733" s="424"/>
      <c r="NTQ733" s="423" t="s">
        <v>2795</v>
      </c>
      <c r="NTR733" s="424"/>
      <c r="NTS733" s="424"/>
      <c r="NTT733" s="424"/>
      <c r="NTU733" s="423" t="s">
        <v>2795</v>
      </c>
      <c r="NTV733" s="424"/>
      <c r="NTW733" s="424"/>
      <c r="NTX733" s="424"/>
      <c r="NTY733" s="423" t="s">
        <v>2795</v>
      </c>
      <c r="NTZ733" s="424"/>
      <c r="NUA733" s="424"/>
      <c r="NUB733" s="424"/>
      <c r="NUC733" s="423" t="s">
        <v>2795</v>
      </c>
      <c r="NUD733" s="424"/>
      <c r="NUE733" s="424"/>
      <c r="NUF733" s="424"/>
      <c r="NUG733" s="423" t="s">
        <v>2795</v>
      </c>
      <c r="NUH733" s="424"/>
      <c r="NUI733" s="424"/>
      <c r="NUJ733" s="424"/>
      <c r="NUK733" s="423" t="s">
        <v>2795</v>
      </c>
      <c r="NUL733" s="424"/>
      <c r="NUM733" s="424"/>
      <c r="NUN733" s="424"/>
      <c r="NUO733" s="423" t="s">
        <v>2795</v>
      </c>
      <c r="NUP733" s="424"/>
      <c r="NUQ733" s="424"/>
      <c r="NUR733" s="424"/>
      <c r="NUS733" s="423" t="s">
        <v>2795</v>
      </c>
      <c r="NUT733" s="424"/>
      <c r="NUU733" s="424"/>
      <c r="NUV733" s="424"/>
      <c r="NUW733" s="423" t="s">
        <v>2795</v>
      </c>
      <c r="NUX733" s="424"/>
      <c r="NUY733" s="424"/>
      <c r="NUZ733" s="424"/>
      <c r="NVA733" s="423" t="s">
        <v>2795</v>
      </c>
      <c r="NVB733" s="424"/>
      <c r="NVC733" s="424"/>
      <c r="NVD733" s="424"/>
      <c r="NVE733" s="423" t="s">
        <v>2795</v>
      </c>
      <c r="NVF733" s="424"/>
      <c r="NVG733" s="424"/>
      <c r="NVH733" s="424"/>
      <c r="NVI733" s="423" t="s">
        <v>2795</v>
      </c>
      <c r="NVJ733" s="424"/>
      <c r="NVK733" s="424"/>
      <c r="NVL733" s="424"/>
      <c r="NVM733" s="423" t="s">
        <v>2795</v>
      </c>
      <c r="NVN733" s="424"/>
      <c r="NVO733" s="424"/>
      <c r="NVP733" s="424"/>
      <c r="NVQ733" s="423" t="s">
        <v>2795</v>
      </c>
      <c r="NVR733" s="424"/>
      <c r="NVS733" s="424"/>
      <c r="NVT733" s="424"/>
      <c r="NVU733" s="423" t="s">
        <v>2795</v>
      </c>
      <c r="NVV733" s="424"/>
      <c r="NVW733" s="424"/>
      <c r="NVX733" s="424"/>
      <c r="NVY733" s="423" t="s">
        <v>2795</v>
      </c>
      <c r="NVZ733" s="424"/>
      <c r="NWA733" s="424"/>
      <c r="NWB733" s="424"/>
      <c r="NWC733" s="423" t="s">
        <v>2795</v>
      </c>
      <c r="NWD733" s="424"/>
      <c r="NWE733" s="424"/>
      <c r="NWF733" s="424"/>
      <c r="NWG733" s="423" t="s">
        <v>2795</v>
      </c>
      <c r="NWH733" s="424"/>
      <c r="NWI733" s="424"/>
      <c r="NWJ733" s="424"/>
      <c r="NWK733" s="423" t="s">
        <v>2795</v>
      </c>
      <c r="NWL733" s="424"/>
      <c r="NWM733" s="424"/>
      <c r="NWN733" s="424"/>
      <c r="NWO733" s="423" t="s">
        <v>2795</v>
      </c>
      <c r="NWP733" s="424"/>
      <c r="NWQ733" s="424"/>
      <c r="NWR733" s="424"/>
      <c r="NWS733" s="423" t="s">
        <v>2795</v>
      </c>
      <c r="NWT733" s="424"/>
      <c r="NWU733" s="424"/>
      <c r="NWV733" s="424"/>
      <c r="NWW733" s="423" t="s">
        <v>2795</v>
      </c>
      <c r="NWX733" s="424"/>
      <c r="NWY733" s="424"/>
      <c r="NWZ733" s="424"/>
      <c r="NXA733" s="423" t="s">
        <v>2795</v>
      </c>
      <c r="NXB733" s="424"/>
      <c r="NXC733" s="424"/>
      <c r="NXD733" s="424"/>
      <c r="NXE733" s="423" t="s">
        <v>2795</v>
      </c>
      <c r="NXF733" s="424"/>
      <c r="NXG733" s="424"/>
      <c r="NXH733" s="424"/>
      <c r="NXI733" s="423" t="s">
        <v>2795</v>
      </c>
      <c r="NXJ733" s="424"/>
      <c r="NXK733" s="424"/>
      <c r="NXL733" s="424"/>
      <c r="NXM733" s="423" t="s">
        <v>2795</v>
      </c>
      <c r="NXN733" s="424"/>
      <c r="NXO733" s="424"/>
      <c r="NXP733" s="424"/>
      <c r="NXQ733" s="423" t="s">
        <v>2795</v>
      </c>
      <c r="NXR733" s="424"/>
      <c r="NXS733" s="424"/>
      <c r="NXT733" s="424"/>
      <c r="NXU733" s="423" t="s">
        <v>2795</v>
      </c>
      <c r="NXV733" s="424"/>
      <c r="NXW733" s="424"/>
      <c r="NXX733" s="424"/>
      <c r="NXY733" s="423" t="s">
        <v>2795</v>
      </c>
      <c r="NXZ733" s="424"/>
      <c r="NYA733" s="424"/>
      <c r="NYB733" s="424"/>
      <c r="NYC733" s="423" t="s">
        <v>2795</v>
      </c>
      <c r="NYD733" s="424"/>
      <c r="NYE733" s="424"/>
      <c r="NYF733" s="424"/>
      <c r="NYG733" s="423" t="s">
        <v>2795</v>
      </c>
      <c r="NYH733" s="424"/>
      <c r="NYI733" s="424"/>
      <c r="NYJ733" s="424"/>
      <c r="NYK733" s="423" t="s">
        <v>2795</v>
      </c>
      <c r="NYL733" s="424"/>
      <c r="NYM733" s="424"/>
      <c r="NYN733" s="424"/>
      <c r="NYO733" s="423" t="s">
        <v>2795</v>
      </c>
      <c r="NYP733" s="424"/>
      <c r="NYQ733" s="424"/>
      <c r="NYR733" s="424"/>
      <c r="NYS733" s="423" t="s">
        <v>2795</v>
      </c>
      <c r="NYT733" s="424"/>
      <c r="NYU733" s="424"/>
      <c r="NYV733" s="424"/>
      <c r="NYW733" s="423" t="s">
        <v>2795</v>
      </c>
      <c r="NYX733" s="424"/>
      <c r="NYY733" s="424"/>
      <c r="NYZ733" s="424"/>
      <c r="NZA733" s="423" t="s">
        <v>2795</v>
      </c>
      <c r="NZB733" s="424"/>
      <c r="NZC733" s="424"/>
      <c r="NZD733" s="424"/>
      <c r="NZE733" s="423" t="s">
        <v>2795</v>
      </c>
      <c r="NZF733" s="424"/>
      <c r="NZG733" s="424"/>
      <c r="NZH733" s="424"/>
      <c r="NZI733" s="423" t="s">
        <v>2795</v>
      </c>
      <c r="NZJ733" s="424"/>
      <c r="NZK733" s="424"/>
      <c r="NZL733" s="424"/>
      <c r="NZM733" s="423" t="s">
        <v>2795</v>
      </c>
      <c r="NZN733" s="424"/>
      <c r="NZO733" s="424"/>
      <c r="NZP733" s="424"/>
      <c r="NZQ733" s="423" t="s">
        <v>2795</v>
      </c>
      <c r="NZR733" s="424"/>
      <c r="NZS733" s="424"/>
      <c r="NZT733" s="424"/>
      <c r="NZU733" s="423" t="s">
        <v>2795</v>
      </c>
      <c r="NZV733" s="424"/>
      <c r="NZW733" s="424"/>
      <c r="NZX733" s="424"/>
      <c r="NZY733" s="423" t="s">
        <v>2795</v>
      </c>
      <c r="NZZ733" s="424"/>
      <c r="OAA733" s="424"/>
      <c r="OAB733" s="424"/>
      <c r="OAC733" s="423" t="s">
        <v>2795</v>
      </c>
      <c r="OAD733" s="424"/>
      <c r="OAE733" s="424"/>
      <c r="OAF733" s="424"/>
      <c r="OAG733" s="423" t="s">
        <v>2795</v>
      </c>
      <c r="OAH733" s="424"/>
      <c r="OAI733" s="424"/>
      <c r="OAJ733" s="424"/>
      <c r="OAK733" s="423" t="s">
        <v>2795</v>
      </c>
      <c r="OAL733" s="424"/>
      <c r="OAM733" s="424"/>
      <c r="OAN733" s="424"/>
      <c r="OAO733" s="423" t="s">
        <v>2795</v>
      </c>
      <c r="OAP733" s="424"/>
      <c r="OAQ733" s="424"/>
      <c r="OAR733" s="424"/>
      <c r="OAS733" s="423" t="s">
        <v>2795</v>
      </c>
      <c r="OAT733" s="424"/>
      <c r="OAU733" s="424"/>
      <c r="OAV733" s="424"/>
      <c r="OAW733" s="423" t="s">
        <v>2795</v>
      </c>
      <c r="OAX733" s="424"/>
      <c r="OAY733" s="424"/>
      <c r="OAZ733" s="424"/>
      <c r="OBA733" s="423" t="s">
        <v>2795</v>
      </c>
      <c r="OBB733" s="424"/>
      <c r="OBC733" s="424"/>
      <c r="OBD733" s="424"/>
      <c r="OBE733" s="423" t="s">
        <v>2795</v>
      </c>
      <c r="OBF733" s="424"/>
      <c r="OBG733" s="424"/>
      <c r="OBH733" s="424"/>
      <c r="OBI733" s="423" t="s">
        <v>2795</v>
      </c>
      <c r="OBJ733" s="424"/>
      <c r="OBK733" s="424"/>
      <c r="OBL733" s="424"/>
      <c r="OBM733" s="423" t="s">
        <v>2795</v>
      </c>
      <c r="OBN733" s="424"/>
      <c r="OBO733" s="424"/>
      <c r="OBP733" s="424"/>
      <c r="OBQ733" s="423" t="s">
        <v>2795</v>
      </c>
      <c r="OBR733" s="424"/>
      <c r="OBS733" s="424"/>
      <c r="OBT733" s="424"/>
      <c r="OBU733" s="423" t="s">
        <v>2795</v>
      </c>
      <c r="OBV733" s="424"/>
      <c r="OBW733" s="424"/>
      <c r="OBX733" s="424"/>
      <c r="OBY733" s="423" t="s">
        <v>2795</v>
      </c>
      <c r="OBZ733" s="424"/>
      <c r="OCA733" s="424"/>
      <c r="OCB733" s="424"/>
      <c r="OCC733" s="423" t="s">
        <v>2795</v>
      </c>
      <c r="OCD733" s="424"/>
      <c r="OCE733" s="424"/>
      <c r="OCF733" s="424"/>
      <c r="OCG733" s="423" t="s">
        <v>2795</v>
      </c>
      <c r="OCH733" s="424"/>
      <c r="OCI733" s="424"/>
      <c r="OCJ733" s="424"/>
      <c r="OCK733" s="423" t="s">
        <v>2795</v>
      </c>
      <c r="OCL733" s="424"/>
      <c r="OCM733" s="424"/>
      <c r="OCN733" s="424"/>
      <c r="OCO733" s="423" t="s">
        <v>2795</v>
      </c>
      <c r="OCP733" s="424"/>
      <c r="OCQ733" s="424"/>
      <c r="OCR733" s="424"/>
      <c r="OCS733" s="423" t="s">
        <v>2795</v>
      </c>
      <c r="OCT733" s="424"/>
      <c r="OCU733" s="424"/>
      <c r="OCV733" s="424"/>
      <c r="OCW733" s="423" t="s">
        <v>2795</v>
      </c>
      <c r="OCX733" s="424"/>
      <c r="OCY733" s="424"/>
      <c r="OCZ733" s="424"/>
      <c r="ODA733" s="423" t="s">
        <v>2795</v>
      </c>
      <c r="ODB733" s="424"/>
      <c r="ODC733" s="424"/>
      <c r="ODD733" s="424"/>
      <c r="ODE733" s="423" t="s">
        <v>2795</v>
      </c>
      <c r="ODF733" s="424"/>
      <c r="ODG733" s="424"/>
      <c r="ODH733" s="424"/>
      <c r="ODI733" s="423" t="s">
        <v>2795</v>
      </c>
      <c r="ODJ733" s="424"/>
      <c r="ODK733" s="424"/>
      <c r="ODL733" s="424"/>
      <c r="ODM733" s="423" t="s">
        <v>2795</v>
      </c>
      <c r="ODN733" s="424"/>
      <c r="ODO733" s="424"/>
      <c r="ODP733" s="424"/>
      <c r="ODQ733" s="423" t="s">
        <v>2795</v>
      </c>
      <c r="ODR733" s="424"/>
      <c r="ODS733" s="424"/>
      <c r="ODT733" s="424"/>
      <c r="ODU733" s="423" t="s">
        <v>2795</v>
      </c>
      <c r="ODV733" s="424"/>
      <c r="ODW733" s="424"/>
      <c r="ODX733" s="424"/>
      <c r="ODY733" s="423" t="s">
        <v>2795</v>
      </c>
      <c r="ODZ733" s="424"/>
      <c r="OEA733" s="424"/>
      <c r="OEB733" s="424"/>
      <c r="OEC733" s="423" t="s">
        <v>2795</v>
      </c>
      <c r="OED733" s="424"/>
      <c r="OEE733" s="424"/>
      <c r="OEF733" s="424"/>
      <c r="OEG733" s="423" t="s">
        <v>2795</v>
      </c>
      <c r="OEH733" s="424"/>
      <c r="OEI733" s="424"/>
      <c r="OEJ733" s="424"/>
      <c r="OEK733" s="423" t="s">
        <v>2795</v>
      </c>
      <c r="OEL733" s="424"/>
      <c r="OEM733" s="424"/>
      <c r="OEN733" s="424"/>
      <c r="OEO733" s="423" t="s">
        <v>2795</v>
      </c>
      <c r="OEP733" s="424"/>
      <c r="OEQ733" s="424"/>
      <c r="OER733" s="424"/>
      <c r="OES733" s="423" t="s">
        <v>2795</v>
      </c>
      <c r="OET733" s="424"/>
      <c r="OEU733" s="424"/>
      <c r="OEV733" s="424"/>
      <c r="OEW733" s="423" t="s">
        <v>2795</v>
      </c>
      <c r="OEX733" s="424"/>
      <c r="OEY733" s="424"/>
      <c r="OEZ733" s="424"/>
      <c r="OFA733" s="423" t="s">
        <v>2795</v>
      </c>
      <c r="OFB733" s="424"/>
      <c r="OFC733" s="424"/>
      <c r="OFD733" s="424"/>
      <c r="OFE733" s="423" t="s">
        <v>2795</v>
      </c>
      <c r="OFF733" s="424"/>
      <c r="OFG733" s="424"/>
      <c r="OFH733" s="424"/>
      <c r="OFI733" s="423" t="s">
        <v>2795</v>
      </c>
      <c r="OFJ733" s="424"/>
      <c r="OFK733" s="424"/>
      <c r="OFL733" s="424"/>
      <c r="OFM733" s="423" t="s">
        <v>2795</v>
      </c>
      <c r="OFN733" s="424"/>
      <c r="OFO733" s="424"/>
      <c r="OFP733" s="424"/>
      <c r="OFQ733" s="423" t="s">
        <v>2795</v>
      </c>
      <c r="OFR733" s="424"/>
      <c r="OFS733" s="424"/>
      <c r="OFT733" s="424"/>
      <c r="OFU733" s="423" t="s">
        <v>2795</v>
      </c>
      <c r="OFV733" s="424"/>
      <c r="OFW733" s="424"/>
      <c r="OFX733" s="424"/>
      <c r="OFY733" s="423" t="s">
        <v>2795</v>
      </c>
      <c r="OFZ733" s="424"/>
      <c r="OGA733" s="424"/>
      <c r="OGB733" s="424"/>
      <c r="OGC733" s="423" t="s">
        <v>2795</v>
      </c>
      <c r="OGD733" s="424"/>
      <c r="OGE733" s="424"/>
      <c r="OGF733" s="424"/>
      <c r="OGG733" s="423" t="s">
        <v>2795</v>
      </c>
      <c r="OGH733" s="424"/>
      <c r="OGI733" s="424"/>
      <c r="OGJ733" s="424"/>
      <c r="OGK733" s="423" t="s">
        <v>2795</v>
      </c>
      <c r="OGL733" s="424"/>
      <c r="OGM733" s="424"/>
      <c r="OGN733" s="424"/>
      <c r="OGO733" s="423" t="s">
        <v>2795</v>
      </c>
      <c r="OGP733" s="424"/>
      <c r="OGQ733" s="424"/>
      <c r="OGR733" s="424"/>
      <c r="OGS733" s="423" t="s">
        <v>2795</v>
      </c>
      <c r="OGT733" s="424"/>
      <c r="OGU733" s="424"/>
      <c r="OGV733" s="424"/>
      <c r="OGW733" s="423" t="s">
        <v>2795</v>
      </c>
      <c r="OGX733" s="424"/>
      <c r="OGY733" s="424"/>
      <c r="OGZ733" s="424"/>
      <c r="OHA733" s="423" t="s">
        <v>2795</v>
      </c>
      <c r="OHB733" s="424"/>
      <c r="OHC733" s="424"/>
      <c r="OHD733" s="424"/>
      <c r="OHE733" s="423" t="s">
        <v>2795</v>
      </c>
      <c r="OHF733" s="424"/>
      <c r="OHG733" s="424"/>
      <c r="OHH733" s="424"/>
      <c r="OHI733" s="423" t="s">
        <v>2795</v>
      </c>
      <c r="OHJ733" s="424"/>
      <c r="OHK733" s="424"/>
      <c r="OHL733" s="424"/>
      <c r="OHM733" s="423" t="s">
        <v>2795</v>
      </c>
      <c r="OHN733" s="424"/>
      <c r="OHO733" s="424"/>
      <c r="OHP733" s="424"/>
      <c r="OHQ733" s="423" t="s">
        <v>2795</v>
      </c>
      <c r="OHR733" s="424"/>
      <c r="OHS733" s="424"/>
      <c r="OHT733" s="424"/>
      <c r="OHU733" s="423" t="s">
        <v>2795</v>
      </c>
      <c r="OHV733" s="424"/>
      <c r="OHW733" s="424"/>
      <c r="OHX733" s="424"/>
      <c r="OHY733" s="423" t="s">
        <v>2795</v>
      </c>
      <c r="OHZ733" s="424"/>
      <c r="OIA733" s="424"/>
      <c r="OIB733" s="424"/>
      <c r="OIC733" s="423" t="s">
        <v>2795</v>
      </c>
      <c r="OID733" s="424"/>
      <c r="OIE733" s="424"/>
      <c r="OIF733" s="424"/>
      <c r="OIG733" s="423" t="s">
        <v>2795</v>
      </c>
      <c r="OIH733" s="424"/>
      <c r="OII733" s="424"/>
      <c r="OIJ733" s="424"/>
      <c r="OIK733" s="423" t="s">
        <v>2795</v>
      </c>
      <c r="OIL733" s="424"/>
      <c r="OIM733" s="424"/>
      <c r="OIN733" s="424"/>
      <c r="OIO733" s="423" t="s">
        <v>2795</v>
      </c>
      <c r="OIP733" s="424"/>
      <c r="OIQ733" s="424"/>
      <c r="OIR733" s="424"/>
      <c r="OIS733" s="423" t="s">
        <v>2795</v>
      </c>
      <c r="OIT733" s="424"/>
      <c r="OIU733" s="424"/>
      <c r="OIV733" s="424"/>
      <c r="OIW733" s="423" t="s">
        <v>2795</v>
      </c>
      <c r="OIX733" s="424"/>
      <c r="OIY733" s="424"/>
      <c r="OIZ733" s="424"/>
      <c r="OJA733" s="423" t="s">
        <v>2795</v>
      </c>
      <c r="OJB733" s="424"/>
      <c r="OJC733" s="424"/>
      <c r="OJD733" s="424"/>
      <c r="OJE733" s="423" t="s">
        <v>2795</v>
      </c>
      <c r="OJF733" s="424"/>
      <c r="OJG733" s="424"/>
      <c r="OJH733" s="424"/>
      <c r="OJI733" s="423" t="s">
        <v>2795</v>
      </c>
      <c r="OJJ733" s="424"/>
      <c r="OJK733" s="424"/>
      <c r="OJL733" s="424"/>
      <c r="OJM733" s="423" t="s">
        <v>2795</v>
      </c>
      <c r="OJN733" s="424"/>
      <c r="OJO733" s="424"/>
      <c r="OJP733" s="424"/>
      <c r="OJQ733" s="423" t="s">
        <v>2795</v>
      </c>
      <c r="OJR733" s="424"/>
      <c r="OJS733" s="424"/>
      <c r="OJT733" s="424"/>
      <c r="OJU733" s="423" t="s">
        <v>2795</v>
      </c>
      <c r="OJV733" s="424"/>
      <c r="OJW733" s="424"/>
      <c r="OJX733" s="424"/>
      <c r="OJY733" s="423" t="s">
        <v>2795</v>
      </c>
      <c r="OJZ733" s="424"/>
      <c r="OKA733" s="424"/>
      <c r="OKB733" s="424"/>
      <c r="OKC733" s="423" t="s">
        <v>2795</v>
      </c>
      <c r="OKD733" s="424"/>
      <c r="OKE733" s="424"/>
      <c r="OKF733" s="424"/>
      <c r="OKG733" s="423" t="s">
        <v>2795</v>
      </c>
      <c r="OKH733" s="424"/>
      <c r="OKI733" s="424"/>
      <c r="OKJ733" s="424"/>
      <c r="OKK733" s="423" t="s">
        <v>2795</v>
      </c>
      <c r="OKL733" s="424"/>
      <c r="OKM733" s="424"/>
      <c r="OKN733" s="424"/>
      <c r="OKO733" s="423" t="s">
        <v>2795</v>
      </c>
      <c r="OKP733" s="424"/>
      <c r="OKQ733" s="424"/>
      <c r="OKR733" s="424"/>
      <c r="OKS733" s="423" t="s">
        <v>2795</v>
      </c>
      <c r="OKT733" s="424"/>
      <c r="OKU733" s="424"/>
      <c r="OKV733" s="424"/>
      <c r="OKW733" s="423" t="s">
        <v>2795</v>
      </c>
      <c r="OKX733" s="424"/>
      <c r="OKY733" s="424"/>
      <c r="OKZ733" s="424"/>
      <c r="OLA733" s="423" t="s">
        <v>2795</v>
      </c>
      <c r="OLB733" s="424"/>
      <c r="OLC733" s="424"/>
      <c r="OLD733" s="424"/>
      <c r="OLE733" s="423" t="s">
        <v>2795</v>
      </c>
      <c r="OLF733" s="424"/>
      <c r="OLG733" s="424"/>
      <c r="OLH733" s="424"/>
      <c r="OLI733" s="423" t="s">
        <v>2795</v>
      </c>
      <c r="OLJ733" s="424"/>
      <c r="OLK733" s="424"/>
      <c r="OLL733" s="424"/>
      <c r="OLM733" s="423" t="s">
        <v>2795</v>
      </c>
      <c r="OLN733" s="424"/>
      <c r="OLO733" s="424"/>
      <c r="OLP733" s="424"/>
      <c r="OLQ733" s="423" t="s">
        <v>2795</v>
      </c>
      <c r="OLR733" s="424"/>
      <c r="OLS733" s="424"/>
      <c r="OLT733" s="424"/>
      <c r="OLU733" s="423" t="s">
        <v>2795</v>
      </c>
      <c r="OLV733" s="424"/>
      <c r="OLW733" s="424"/>
      <c r="OLX733" s="424"/>
      <c r="OLY733" s="423" t="s">
        <v>2795</v>
      </c>
      <c r="OLZ733" s="424"/>
      <c r="OMA733" s="424"/>
      <c r="OMB733" s="424"/>
      <c r="OMC733" s="423" t="s">
        <v>2795</v>
      </c>
      <c r="OMD733" s="424"/>
      <c r="OME733" s="424"/>
      <c r="OMF733" s="424"/>
      <c r="OMG733" s="423" t="s">
        <v>2795</v>
      </c>
      <c r="OMH733" s="424"/>
      <c r="OMI733" s="424"/>
      <c r="OMJ733" s="424"/>
      <c r="OMK733" s="423" t="s">
        <v>2795</v>
      </c>
      <c r="OML733" s="424"/>
      <c r="OMM733" s="424"/>
      <c r="OMN733" s="424"/>
      <c r="OMO733" s="423" t="s">
        <v>2795</v>
      </c>
      <c r="OMP733" s="424"/>
      <c r="OMQ733" s="424"/>
      <c r="OMR733" s="424"/>
      <c r="OMS733" s="423" t="s">
        <v>2795</v>
      </c>
      <c r="OMT733" s="424"/>
      <c r="OMU733" s="424"/>
      <c r="OMV733" s="424"/>
      <c r="OMW733" s="423" t="s">
        <v>2795</v>
      </c>
      <c r="OMX733" s="424"/>
      <c r="OMY733" s="424"/>
      <c r="OMZ733" s="424"/>
      <c r="ONA733" s="423" t="s">
        <v>2795</v>
      </c>
      <c r="ONB733" s="424"/>
      <c r="ONC733" s="424"/>
      <c r="OND733" s="424"/>
      <c r="ONE733" s="423" t="s">
        <v>2795</v>
      </c>
      <c r="ONF733" s="424"/>
      <c r="ONG733" s="424"/>
      <c r="ONH733" s="424"/>
      <c r="ONI733" s="423" t="s">
        <v>2795</v>
      </c>
      <c r="ONJ733" s="424"/>
      <c r="ONK733" s="424"/>
      <c r="ONL733" s="424"/>
      <c r="ONM733" s="423" t="s">
        <v>2795</v>
      </c>
      <c r="ONN733" s="424"/>
      <c r="ONO733" s="424"/>
      <c r="ONP733" s="424"/>
      <c r="ONQ733" s="423" t="s">
        <v>2795</v>
      </c>
      <c r="ONR733" s="424"/>
      <c r="ONS733" s="424"/>
      <c r="ONT733" s="424"/>
      <c r="ONU733" s="423" t="s">
        <v>2795</v>
      </c>
      <c r="ONV733" s="424"/>
      <c r="ONW733" s="424"/>
      <c r="ONX733" s="424"/>
      <c r="ONY733" s="423" t="s">
        <v>2795</v>
      </c>
      <c r="ONZ733" s="424"/>
      <c r="OOA733" s="424"/>
      <c r="OOB733" s="424"/>
      <c r="OOC733" s="423" t="s">
        <v>2795</v>
      </c>
      <c r="OOD733" s="424"/>
      <c r="OOE733" s="424"/>
      <c r="OOF733" s="424"/>
      <c r="OOG733" s="423" t="s">
        <v>2795</v>
      </c>
      <c r="OOH733" s="424"/>
      <c r="OOI733" s="424"/>
      <c r="OOJ733" s="424"/>
      <c r="OOK733" s="423" t="s">
        <v>2795</v>
      </c>
      <c r="OOL733" s="424"/>
      <c r="OOM733" s="424"/>
      <c r="OON733" s="424"/>
      <c r="OOO733" s="423" t="s">
        <v>2795</v>
      </c>
      <c r="OOP733" s="424"/>
      <c r="OOQ733" s="424"/>
      <c r="OOR733" s="424"/>
      <c r="OOS733" s="423" t="s">
        <v>2795</v>
      </c>
      <c r="OOT733" s="424"/>
      <c r="OOU733" s="424"/>
      <c r="OOV733" s="424"/>
      <c r="OOW733" s="423" t="s">
        <v>2795</v>
      </c>
      <c r="OOX733" s="424"/>
      <c r="OOY733" s="424"/>
      <c r="OOZ733" s="424"/>
      <c r="OPA733" s="423" t="s">
        <v>2795</v>
      </c>
      <c r="OPB733" s="424"/>
      <c r="OPC733" s="424"/>
      <c r="OPD733" s="424"/>
      <c r="OPE733" s="423" t="s">
        <v>2795</v>
      </c>
      <c r="OPF733" s="424"/>
      <c r="OPG733" s="424"/>
      <c r="OPH733" s="424"/>
      <c r="OPI733" s="423" t="s">
        <v>2795</v>
      </c>
      <c r="OPJ733" s="424"/>
      <c r="OPK733" s="424"/>
      <c r="OPL733" s="424"/>
      <c r="OPM733" s="423" t="s">
        <v>2795</v>
      </c>
      <c r="OPN733" s="424"/>
      <c r="OPO733" s="424"/>
      <c r="OPP733" s="424"/>
      <c r="OPQ733" s="423" t="s">
        <v>2795</v>
      </c>
      <c r="OPR733" s="424"/>
      <c r="OPS733" s="424"/>
      <c r="OPT733" s="424"/>
      <c r="OPU733" s="423" t="s">
        <v>2795</v>
      </c>
      <c r="OPV733" s="424"/>
      <c r="OPW733" s="424"/>
      <c r="OPX733" s="424"/>
      <c r="OPY733" s="423" t="s">
        <v>2795</v>
      </c>
      <c r="OPZ733" s="424"/>
      <c r="OQA733" s="424"/>
      <c r="OQB733" s="424"/>
      <c r="OQC733" s="423" t="s">
        <v>2795</v>
      </c>
      <c r="OQD733" s="424"/>
      <c r="OQE733" s="424"/>
      <c r="OQF733" s="424"/>
      <c r="OQG733" s="423" t="s">
        <v>2795</v>
      </c>
      <c r="OQH733" s="424"/>
      <c r="OQI733" s="424"/>
      <c r="OQJ733" s="424"/>
      <c r="OQK733" s="423" t="s">
        <v>2795</v>
      </c>
      <c r="OQL733" s="424"/>
      <c r="OQM733" s="424"/>
      <c r="OQN733" s="424"/>
      <c r="OQO733" s="423" t="s">
        <v>2795</v>
      </c>
      <c r="OQP733" s="424"/>
      <c r="OQQ733" s="424"/>
      <c r="OQR733" s="424"/>
      <c r="OQS733" s="423" t="s">
        <v>2795</v>
      </c>
      <c r="OQT733" s="424"/>
      <c r="OQU733" s="424"/>
      <c r="OQV733" s="424"/>
      <c r="OQW733" s="423" t="s">
        <v>2795</v>
      </c>
      <c r="OQX733" s="424"/>
      <c r="OQY733" s="424"/>
      <c r="OQZ733" s="424"/>
      <c r="ORA733" s="423" t="s">
        <v>2795</v>
      </c>
      <c r="ORB733" s="424"/>
      <c r="ORC733" s="424"/>
      <c r="ORD733" s="424"/>
      <c r="ORE733" s="423" t="s">
        <v>2795</v>
      </c>
      <c r="ORF733" s="424"/>
      <c r="ORG733" s="424"/>
      <c r="ORH733" s="424"/>
      <c r="ORI733" s="423" t="s">
        <v>2795</v>
      </c>
      <c r="ORJ733" s="424"/>
      <c r="ORK733" s="424"/>
      <c r="ORL733" s="424"/>
      <c r="ORM733" s="423" t="s">
        <v>2795</v>
      </c>
      <c r="ORN733" s="424"/>
      <c r="ORO733" s="424"/>
      <c r="ORP733" s="424"/>
      <c r="ORQ733" s="423" t="s">
        <v>2795</v>
      </c>
      <c r="ORR733" s="424"/>
      <c r="ORS733" s="424"/>
      <c r="ORT733" s="424"/>
      <c r="ORU733" s="423" t="s">
        <v>2795</v>
      </c>
      <c r="ORV733" s="424"/>
      <c r="ORW733" s="424"/>
      <c r="ORX733" s="424"/>
      <c r="ORY733" s="423" t="s">
        <v>2795</v>
      </c>
      <c r="ORZ733" s="424"/>
      <c r="OSA733" s="424"/>
      <c r="OSB733" s="424"/>
      <c r="OSC733" s="423" t="s">
        <v>2795</v>
      </c>
      <c r="OSD733" s="424"/>
      <c r="OSE733" s="424"/>
      <c r="OSF733" s="424"/>
      <c r="OSG733" s="423" t="s">
        <v>2795</v>
      </c>
      <c r="OSH733" s="424"/>
      <c r="OSI733" s="424"/>
      <c r="OSJ733" s="424"/>
      <c r="OSK733" s="423" t="s">
        <v>2795</v>
      </c>
      <c r="OSL733" s="424"/>
      <c r="OSM733" s="424"/>
      <c r="OSN733" s="424"/>
      <c r="OSO733" s="423" t="s">
        <v>2795</v>
      </c>
      <c r="OSP733" s="424"/>
      <c r="OSQ733" s="424"/>
      <c r="OSR733" s="424"/>
      <c r="OSS733" s="423" t="s">
        <v>2795</v>
      </c>
      <c r="OST733" s="424"/>
      <c r="OSU733" s="424"/>
      <c r="OSV733" s="424"/>
      <c r="OSW733" s="423" t="s">
        <v>2795</v>
      </c>
      <c r="OSX733" s="424"/>
      <c r="OSY733" s="424"/>
      <c r="OSZ733" s="424"/>
      <c r="OTA733" s="423" t="s">
        <v>2795</v>
      </c>
      <c r="OTB733" s="424"/>
      <c r="OTC733" s="424"/>
      <c r="OTD733" s="424"/>
      <c r="OTE733" s="423" t="s">
        <v>2795</v>
      </c>
      <c r="OTF733" s="424"/>
      <c r="OTG733" s="424"/>
      <c r="OTH733" s="424"/>
      <c r="OTI733" s="423" t="s">
        <v>2795</v>
      </c>
      <c r="OTJ733" s="424"/>
      <c r="OTK733" s="424"/>
      <c r="OTL733" s="424"/>
      <c r="OTM733" s="423" t="s">
        <v>2795</v>
      </c>
      <c r="OTN733" s="424"/>
      <c r="OTO733" s="424"/>
      <c r="OTP733" s="424"/>
      <c r="OTQ733" s="423" t="s">
        <v>2795</v>
      </c>
      <c r="OTR733" s="424"/>
      <c r="OTS733" s="424"/>
      <c r="OTT733" s="424"/>
      <c r="OTU733" s="423" t="s">
        <v>2795</v>
      </c>
      <c r="OTV733" s="424"/>
      <c r="OTW733" s="424"/>
      <c r="OTX733" s="424"/>
      <c r="OTY733" s="423" t="s">
        <v>2795</v>
      </c>
      <c r="OTZ733" s="424"/>
      <c r="OUA733" s="424"/>
      <c r="OUB733" s="424"/>
      <c r="OUC733" s="423" t="s">
        <v>2795</v>
      </c>
      <c r="OUD733" s="424"/>
      <c r="OUE733" s="424"/>
      <c r="OUF733" s="424"/>
      <c r="OUG733" s="423" t="s">
        <v>2795</v>
      </c>
      <c r="OUH733" s="424"/>
      <c r="OUI733" s="424"/>
      <c r="OUJ733" s="424"/>
      <c r="OUK733" s="423" t="s">
        <v>2795</v>
      </c>
      <c r="OUL733" s="424"/>
      <c r="OUM733" s="424"/>
      <c r="OUN733" s="424"/>
      <c r="OUO733" s="423" t="s">
        <v>2795</v>
      </c>
      <c r="OUP733" s="424"/>
      <c r="OUQ733" s="424"/>
      <c r="OUR733" s="424"/>
      <c r="OUS733" s="423" t="s">
        <v>2795</v>
      </c>
      <c r="OUT733" s="424"/>
      <c r="OUU733" s="424"/>
      <c r="OUV733" s="424"/>
      <c r="OUW733" s="423" t="s">
        <v>2795</v>
      </c>
      <c r="OUX733" s="424"/>
      <c r="OUY733" s="424"/>
      <c r="OUZ733" s="424"/>
      <c r="OVA733" s="423" t="s">
        <v>2795</v>
      </c>
      <c r="OVB733" s="424"/>
      <c r="OVC733" s="424"/>
      <c r="OVD733" s="424"/>
      <c r="OVE733" s="423" t="s">
        <v>2795</v>
      </c>
      <c r="OVF733" s="424"/>
      <c r="OVG733" s="424"/>
      <c r="OVH733" s="424"/>
      <c r="OVI733" s="423" t="s">
        <v>2795</v>
      </c>
      <c r="OVJ733" s="424"/>
      <c r="OVK733" s="424"/>
      <c r="OVL733" s="424"/>
      <c r="OVM733" s="423" t="s">
        <v>2795</v>
      </c>
      <c r="OVN733" s="424"/>
      <c r="OVO733" s="424"/>
      <c r="OVP733" s="424"/>
      <c r="OVQ733" s="423" t="s">
        <v>2795</v>
      </c>
      <c r="OVR733" s="424"/>
      <c r="OVS733" s="424"/>
      <c r="OVT733" s="424"/>
      <c r="OVU733" s="423" t="s">
        <v>2795</v>
      </c>
      <c r="OVV733" s="424"/>
      <c r="OVW733" s="424"/>
      <c r="OVX733" s="424"/>
      <c r="OVY733" s="423" t="s">
        <v>2795</v>
      </c>
      <c r="OVZ733" s="424"/>
      <c r="OWA733" s="424"/>
      <c r="OWB733" s="424"/>
      <c r="OWC733" s="423" t="s">
        <v>2795</v>
      </c>
      <c r="OWD733" s="424"/>
      <c r="OWE733" s="424"/>
      <c r="OWF733" s="424"/>
      <c r="OWG733" s="423" t="s">
        <v>2795</v>
      </c>
      <c r="OWH733" s="424"/>
      <c r="OWI733" s="424"/>
      <c r="OWJ733" s="424"/>
      <c r="OWK733" s="423" t="s">
        <v>2795</v>
      </c>
      <c r="OWL733" s="424"/>
      <c r="OWM733" s="424"/>
      <c r="OWN733" s="424"/>
      <c r="OWO733" s="423" t="s">
        <v>2795</v>
      </c>
      <c r="OWP733" s="424"/>
      <c r="OWQ733" s="424"/>
      <c r="OWR733" s="424"/>
      <c r="OWS733" s="423" t="s">
        <v>2795</v>
      </c>
      <c r="OWT733" s="424"/>
      <c r="OWU733" s="424"/>
      <c r="OWV733" s="424"/>
      <c r="OWW733" s="423" t="s">
        <v>2795</v>
      </c>
      <c r="OWX733" s="424"/>
      <c r="OWY733" s="424"/>
      <c r="OWZ733" s="424"/>
      <c r="OXA733" s="423" t="s">
        <v>2795</v>
      </c>
      <c r="OXB733" s="424"/>
      <c r="OXC733" s="424"/>
      <c r="OXD733" s="424"/>
      <c r="OXE733" s="423" t="s">
        <v>2795</v>
      </c>
      <c r="OXF733" s="424"/>
      <c r="OXG733" s="424"/>
      <c r="OXH733" s="424"/>
      <c r="OXI733" s="423" t="s">
        <v>2795</v>
      </c>
      <c r="OXJ733" s="424"/>
      <c r="OXK733" s="424"/>
      <c r="OXL733" s="424"/>
      <c r="OXM733" s="423" t="s">
        <v>2795</v>
      </c>
      <c r="OXN733" s="424"/>
      <c r="OXO733" s="424"/>
      <c r="OXP733" s="424"/>
      <c r="OXQ733" s="423" t="s">
        <v>2795</v>
      </c>
      <c r="OXR733" s="424"/>
      <c r="OXS733" s="424"/>
      <c r="OXT733" s="424"/>
      <c r="OXU733" s="423" t="s">
        <v>2795</v>
      </c>
      <c r="OXV733" s="424"/>
      <c r="OXW733" s="424"/>
      <c r="OXX733" s="424"/>
      <c r="OXY733" s="423" t="s">
        <v>2795</v>
      </c>
      <c r="OXZ733" s="424"/>
      <c r="OYA733" s="424"/>
      <c r="OYB733" s="424"/>
      <c r="OYC733" s="423" t="s">
        <v>2795</v>
      </c>
      <c r="OYD733" s="424"/>
      <c r="OYE733" s="424"/>
      <c r="OYF733" s="424"/>
      <c r="OYG733" s="423" t="s">
        <v>2795</v>
      </c>
      <c r="OYH733" s="424"/>
      <c r="OYI733" s="424"/>
      <c r="OYJ733" s="424"/>
      <c r="OYK733" s="423" t="s">
        <v>2795</v>
      </c>
      <c r="OYL733" s="424"/>
      <c r="OYM733" s="424"/>
      <c r="OYN733" s="424"/>
      <c r="OYO733" s="423" t="s">
        <v>2795</v>
      </c>
      <c r="OYP733" s="424"/>
      <c r="OYQ733" s="424"/>
      <c r="OYR733" s="424"/>
      <c r="OYS733" s="423" t="s">
        <v>2795</v>
      </c>
      <c r="OYT733" s="424"/>
      <c r="OYU733" s="424"/>
      <c r="OYV733" s="424"/>
      <c r="OYW733" s="423" t="s">
        <v>2795</v>
      </c>
      <c r="OYX733" s="424"/>
      <c r="OYY733" s="424"/>
      <c r="OYZ733" s="424"/>
      <c r="OZA733" s="423" t="s">
        <v>2795</v>
      </c>
      <c r="OZB733" s="424"/>
      <c r="OZC733" s="424"/>
      <c r="OZD733" s="424"/>
      <c r="OZE733" s="423" t="s">
        <v>2795</v>
      </c>
      <c r="OZF733" s="424"/>
      <c r="OZG733" s="424"/>
      <c r="OZH733" s="424"/>
      <c r="OZI733" s="423" t="s">
        <v>2795</v>
      </c>
      <c r="OZJ733" s="424"/>
      <c r="OZK733" s="424"/>
      <c r="OZL733" s="424"/>
      <c r="OZM733" s="423" t="s">
        <v>2795</v>
      </c>
      <c r="OZN733" s="424"/>
      <c r="OZO733" s="424"/>
      <c r="OZP733" s="424"/>
      <c r="OZQ733" s="423" t="s">
        <v>2795</v>
      </c>
      <c r="OZR733" s="424"/>
      <c r="OZS733" s="424"/>
      <c r="OZT733" s="424"/>
      <c r="OZU733" s="423" t="s">
        <v>2795</v>
      </c>
      <c r="OZV733" s="424"/>
      <c r="OZW733" s="424"/>
      <c r="OZX733" s="424"/>
      <c r="OZY733" s="423" t="s">
        <v>2795</v>
      </c>
      <c r="OZZ733" s="424"/>
      <c r="PAA733" s="424"/>
      <c r="PAB733" s="424"/>
      <c r="PAC733" s="423" t="s">
        <v>2795</v>
      </c>
      <c r="PAD733" s="424"/>
      <c r="PAE733" s="424"/>
      <c r="PAF733" s="424"/>
      <c r="PAG733" s="423" t="s">
        <v>2795</v>
      </c>
      <c r="PAH733" s="424"/>
      <c r="PAI733" s="424"/>
      <c r="PAJ733" s="424"/>
      <c r="PAK733" s="423" t="s">
        <v>2795</v>
      </c>
      <c r="PAL733" s="424"/>
      <c r="PAM733" s="424"/>
      <c r="PAN733" s="424"/>
      <c r="PAO733" s="423" t="s">
        <v>2795</v>
      </c>
      <c r="PAP733" s="424"/>
      <c r="PAQ733" s="424"/>
      <c r="PAR733" s="424"/>
      <c r="PAS733" s="423" t="s">
        <v>2795</v>
      </c>
      <c r="PAT733" s="424"/>
      <c r="PAU733" s="424"/>
      <c r="PAV733" s="424"/>
      <c r="PAW733" s="423" t="s">
        <v>2795</v>
      </c>
      <c r="PAX733" s="424"/>
      <c r="PAY733" s="424"/>
      <c r="PAZ733" s="424"/>
      <c r="PBA733" s="423" t="s">
        <v>2795</v>
      </c>
      <c r="PBB733" s="424"/>
      <c r="PBC733" s="424"/>
      <c r="PBD733" s="424"/>
      <c r="PBE733" s="423" t="s">
        <v>2795</v>
      </c>
      <c r="PBF733" s="424"/>
      <c r="PBG733" s="424"/>
      <c r="PBH733" s="424"/>
      <c r="PBI733" s="423" t="s">
        <v>2795</v>
      </c>
      <c r="PBJ733" s="424"/>
      <c r="PBK733" s="424"/>
      <c r="PBL733" s="424"/>
      <c r="PBM733" s="423" t="s">
        <v>2795</v>
      </c>
      <c r="PBN733" s="424"/>
      <c r="PBO733" s="424"/>
      <c r="PBP733" s="424"/>
      <c r="PBQ733" s="423" t="s">
        <v>2795</v>
      </c>
      <c r="PBR733" s="424"/>
      <c r="PBS733" s="424"/>
      <c r="PBT733" s="424"/>
      <c r="PBU733" s="423" t="s">
        <v>2795</v>
      </c>
      <c r="PBV733" s="424"/>
      <c r="PBW733" s="424"/>
      <c r="PBX733" s="424"/>
      <c r="PBY733" s="423" t="s">
        <v>2795</v>
      </c>
      <c r="PBZ733" s="424"/>
      <c r="PCA733" s="424"/>
      <c r="PCB733" s="424"/>
      <c r="PCC733" s="423" t="s">
        <v>2795</v>
      </c>
      <c r="PCD733" s="424"/>
      <c r="PCE733" s="424"/>
      <c r="PCF733" s="424"/>
      <c r="PCG733" s="423" t="s">
        <v>2795</v>
      </c>
      <c r="PCH733" s="424"/>
      <c r="PCI733" s="424"/>
      <c r="PCJ733" s="424"/>
      <c r="PCK733" s="423" t="s">
        <v>2795</v>
      </c>
      <c r="PCL733" s="424"/>
      <c r="PCM733" s="424"/>
      <c r="PCN733" s="424"/>
      <c r="PCO733" s="423" t="s">
        <v>2795</v>
      </c>
      <c r="PCP733" s="424"/>
      <c r="PCQ733" s="424"/>
      <c r="PCR733" s="424"/>
      <c r="PCS733" s="423" t="s">
        <v>2795</v>
      </c>
      <c r="PCT733" s="424"/>
      <c r="PCU733" s="424"/>
      <c r="PCV733" s="424"/>
      <c r="PCW733" s="423" t="s">
        <v>2795</v>
      </c>
      <c r="PCX733" s="424"/>
      <c r="PCY733" s="424"/>
      <c r="PCZ733" s="424"/>
      <c r="PDA733" s="423" t="s">
        <v>2795</v>
      </c>
      <c r="PDB733" s="424"/>
      <c r="PDC733" s="424"/>
      <c r="PDD733" s="424"/>
      <c r="PDE733" s="423" t="s">
        <v>2795</v>
      </c>
      <c r="PDF733" s="424"/>
      <c r="PDG733" s="424"/>
      <c r="PDH733" s="424"/>
      <c r="PDI733" s="423" t="s">
        <v>2795</v>
      </c>
      <c r="PDJ733" s="424"/>
      <c r="PDK733" s="424"/>
      <c r="PDL733" s="424"/>
      <c r="PDM733" s="423" t="s">
        <v>2795</v>
      </c>
      <c r="PDN733" s="424"/>
      <c r="PDO733" s="424"/>
      <c r="PDP733" s="424"/>
      <c r="PDQ733" s="423" t="s">
        <v>2795</v>
      </c>
      <c r="PDR733" s="424"/>
      <c r="PDS733" s="424"/>
      <c r="PDT733" s="424"/>
      <c r="PDU733" s="423" t="s">
        <v>2795</v>
      </c>
      <c r="PDV733" s="424"/>
      <c r="PDW733" s="424"/>
      <c r="PDX733" s="424"/>
      <c r="PDY733" s="423" t="s">
        <v>2795</v>
      </c>
      <c r="PDZ733" s="424"/>
      <c r="PEA733" s="424"/>
      <c r="PEB733" s="424"/>
      <c r="PEC733" s="423" t="s">
        <v>2795</v>
      </c>
      <c r="PED733" s="424"/>
      <c r="PEE733" s="424"/>
      <c r="PEF733" s="424"/>
      <c r="PEG733" s="423" t="s">
        <v>2795</v>
      </c>
      <c r="PEH733" s="424"/>
      <c r="PEI733" s="424"/>
      <c r="PEJ733" s="424"/>
      <c r="PEK733" s="423" t="s">
        <v>2795</v>
      </c>
      <c r="PEL733" s="424"/>
      <c r="PEM733" s="424"/>
      <c r="PEN733" s="424"/>
      <c r="PEO733" s="423" t="s">
        <v>2795</v>
      </c>
      <c r="PEP733" s="424"/>
      <c r="PEQ733" s="424"/>
      <c r="PER733" s="424"/>
      <c r="PES733" s="423" t="s">
        <v>2795</v>
      </c>
      <c r="PET733" s="424"/>
      <c r="PEU733" s="424"/>
      <c r="PEV733" s="424"/>
      <c r="PEW733" s="423" t="s">
        <v>2795</v>
      </c>
      <c r="PEX733" s="424"/>
      <c r="PEY733" s="424"/>
      <c r="PEZ733" s="424"/>
      <c r="PFA733" s="423" t="s">
        <v>2795</v>
      </c>
      <c r="PFB733" s="424"/>
      <c r="PFC733" s="424"/>
      <c r="PFD733" s="424"/>
      <c r="PFE733" s="423" t="s">
        <v>2795</v>
      </c>
      <c r="PFF733" s="424"/>
      <c r="PFG733" s="424"/>
      <c r="PFH733" s="424"/>
      <c r="PFI733" s="423" t="s">
        <v>2795</v>
      </c>
      <c r="PFJ733" s="424"/>
      <c r="PFK733" s="424"/>
      <c r="PFL733" s="424"/>
      <c r="PFM733" s="423" t="s">
        <v>2795</v>
      </c>
      <c r="PFN733" s="424"/>
      <c r="PFO733" s="424"/>
      <c r="PFP733" s="424"/>
      <c r="PFQ733" s="423" t="s">
        <v>2795</v>
      </c>
      <c r="PFR733" s="424"/>
      <c r="PFS733" s="424"/>
      <c r="PFT733" s="424"/>
      <c r="PFU733" s="423" t="s">
        <v>2795</v>
      </c>
      <c r="PFV733" s="424"/>
      <c r="PFW733" s="424"/>
      <c r="PFX733" s="424"/>
      <c r="PFY733" s="423" t="s">
        <v>2795</v>
      </c>
      <c r="PFZ733" s="424"/>
      <c r="PGA733" s="424"/>
      <c r="PGB733" s="424"/>
      <c r="PGC733" s="423" t="s">
        <v>2795</v>
      </c>
      <c r="PGD733" s="424"/>
      <c r="PGE733" s="424"/>
      <c r="PGF733" s="424"/>
      <c r="PGG733" s="423" t="s">
        <v>2795</v>
      </c>
      <c r="PGH733" s="424"/>
      <c r="PGI733" s="424"/>
      <c r="PGJ733" s="424"/>
      <c r="PGK733" s="423" t="s">
        <v>2795</v>
      </c>
      <c r="PGL733" s="424"/>
      <c r="PGM733" s="424"/>
      <c r="PGN733" s="424"/>
      <c r="PGO733" s="423" t="s">
        <v>2795</v>
      </c>
      <c r="PGP733" s="424"/>
      <c r="PGQ733" s="424"/>
      <c r="PGR733" s="424"/>
      <c r="PGS733" s="423" t="s">
        <v>2795</v>
      </c>
      <c r="PGT733" s="424"/>
      <c r="PGU733" s="424"/>
      <c r="PGV733" s="424"/>
      <c r="PGW733" s="423" t="s">
        <v>2795</v>
      </c>
      <c r="PGX733" s="424"/>
      <c r="PGY733" s="424"/>
      <c r="PGZ733" s="424"/>
      <c r="PHA733" s="423" t="s">
        <v>2795</v>
      </c>
      <c r="PHB733" s="424"/>
      <c r="PHC733" s="424"/>
      <c r="PHD733" s="424"/>
      <c r="PHE733" s="423" t="s">
        <v>2795</v>
      </c>
      <c r="PHF733" s="424"/>
      <c r="PHG733" s="424"/>
      <c r="PHH733" s="424"/>
      <c r="PHI733" s="423" t="s">
        <v>2795</v>
      </c>
      <c r="PHJ733" s="424"/>
      <c r="PHK733" s="424"/>
      <c r="PHL733" s="424"/>
      <c r="PHM733" s="423" t="s">
        <v>2795</v>
      </c>
      <c r="PHN733" s="424"/>
      <c r="PHO733" s="424"/>
      <c r="PHP733" s="424"/>
      <c r="PHQ733" s="423" t="s">
        <v>2795</v>
      </c>
      <c r="PHR733" s="424"/>
      <c r="PHS733" s="424"/>
      <c r="PHT733" s="424"/>
      <c r="PHU733" s="423" t="s">
        <v>2795</v>
      </c>
      <c r="PHV733" s="424"/>
      <c r="PHW733" s="424"/>
      <c r="PHX733" s="424"/>
      <c r="PHY733" s="423" t="s">
        <v>2795</v>
      </c>
      <c r="PHZ733" s="424"/>
      <c r="PIA733" s="424"/>
      <c r="PIB733" s="424"/>
      <c r="PIC733" s="423" t="s">
        <v>2795</v>
      </c>
      <c r="PID733" s="424"/>
      <c r="PIE733" s="424"/>
      <c r="PIF733" s="424"/>
      <c r="PIG733" s="423" t="s">
        <v>2795</v>
      </c>
      <c r="PIH733" s="424"/>
      <c r="PII733" s="424"/>
      <c r="PIJ733" s="424"/>
      <c r="PIK733" s="423" t="s">
        <v>2795</v>
      </c>
      <c r="PIL733" s="424"/>
      <c r="PIM733" s="424"/>
      <c r="PIN733" s="424"/>
      <c r="PIO733" s="423" t="s">
        <v>2795</v>
      </c>
      <c r="PIP733" s="424"/>
      <c r="PIQ733" s="424"/>
      <c r="PIR733" s="424"/>
      <c r="PIS733" s="423" t="s">
        <v>2795</v>
      </c>
      <c r="PIT733" s="424"/>
      <c r="PIU733" s="424"/>
      <c r="PIV733" s="424"/>
      <c r="PIW733" s="423" t="s">
        <v>2795</v>
      </c>
      <c r="PIX733" s="424"/>
      <c r="PIY733" s="424"/>
      <c r="PIZ733" s="424"/>
      <c r="PJA733" s="423" t="s">
        <v>2795</v>
      </c>
      <c r="PJB733" s="424"/>
      <c r="PJC733" s="424"/>
      <c r="PJD733" s="424"/>
      <c r="PJE733" s="423" t="s">
        <v>2795</v>
      </c>
      <c r="PJF733" s="424"/>
      <c r="PJG733" s="424"/>
      <c r="PJH733" s="424"/>
      <c r="PJI733" s="423" t="s">
        <v>2795</v>
      </c>
      <c r="PJJ733" s="424"/>
      <c r="PJK733" s="424"/>
      <c r="PJL733" s="424"/>
      <c r="PJM733" s="423" t="s">
        <v>2795</v>
      </c>
      <c r="PJN733" s="424"/>
      <c r="PJO733" s="424"/>
      <c r="PJP733" s="424"/>
      <c r="PJQ733" s="423" t="s">
        <v>2795</v>
      </c>
      <c r="PJR733" s="424"/>
      <c r="PJS733" s="424"/>
      <c r="PJT733" s="424"/>
      <c r="PJU733" s="423" t="s">
        <v>2795</v>
      </c>
      <c r="PJV733" s="424"/>
      <c r="PJW733" s="424"/>
      <c r="PJX733" s="424"/>
      <c r="PJY733" s="423" t="s">
        <v>2795</v>
      </c>
      <c r="PJZ733" s="424"/>
      <c r="PKA733" s="424"/>
      <c r="PKB733" s="424"/>
      <c r="PKC733" s="423" t="s">
        <v>2795</v>
      </c>
      <c r="PKD733" s="424"/>
      <c r="PKE733" s="424"/>
      <c r="PKF733" s="424"/>
      <c r="PKG733" s="423" t="s">
        <v>2795</v>
      </c>
      <c r="PKH733" s="424"/>
      <c r="PKI733" s="424"/>
      <c r="PKJ733" s="424"/>
      <c r="PKK733" s="423" t="s">
        <v>2795</v>
      </c>
      <c r="PKL733" s="424"/>
      <c r="PKM733" s="424"/>
      <c r="PKN733" s="424"/>
      <c r="PKO733" s="423" t="s">
        <v>2795</v>
      </c>
      <c r="PKP733" s="424"/>
      <c r="PKQ733" s="424"/>
      <c r="PKR733" s="424"/>
      <c r="PKS733" s="423" t="s">
        <v>2795</v>
      </c>
      <c r="PKT733" s="424"/>
      <c r="PKU733" s="424"/>
      <c r="PKV733" s="424"/>
      <c r="PKW733" s="423" t="s">
        <v>2795</v>
      </c>
      <c r="PKX733" s="424"/>
      <c r="PKY733" s="424"/>
      <c r="PKZ733" s="424"/>
      <c r="PLA733" s="423" t="s">
        <v>2795</v>
      </c>
      <c r="PLB733" s="424"/>
      <c r="PLC733" s="424"/>
      <c r="PLD733" s="424"/>
      <c r="PLE733" s="423" t="s">
        <v>2795</v>
      </c>
      <c r="PLF733" s="424"/>
      <c r="PLG733" s="424"/>
      <c r="PLH733" s="424"/>
      <c r="PLI733" s="423" t="s">
        <v>2795</v>
      </c>
      <c r="PLJ733" s="424"/>
      <c r="PLK733" s="424"/>
      <c r="PLL733" s="424"/>
      <c r="PLM733" s="423" t="s">
        <v>2795</v>
      </c>
      <c r="PLN733" s="424"/>
      <c r="PLO733" s="424"/>
      <c r="PLP733" s="424"/>
      <c r="PLQ733" s="423" t="s">
        <v>2795</v>
      </c>
      <c r="PLR733" s="424"/>
      <c r="PLS733" s="424"/>
      <c r="PLT733" s="424"/>
      <c r="PLU733" s="423" t="s">
        <v>2795</v>
      </c>
      <c r="PLV733" s="424"/>
      <c r="PLW733" s="424"/>
      <c r="PLX733" s="424"/>
      <c r="PLY733" s="423" t="s">
        <v>2795</v>
      </c>
      <c r="PLZ733" s="424"/>
      <c r="PMA733" s="424"/>
      <c r="PMB733" s="424"/>
      <c r="PMC733" s="423" t="s">
        <v>2795</v>
      </c>
      <c r="PMD733" s="424"/>
      <c r="PME733" s="424"/>
      <c r="PMF733" s="424"/>
      <c r="PMG733" s="423" t="s">
        <v>2795</v>
      </c>
      <c r="PMH733" s="424"/>
      <c r="PMI733" s="424"/>
      <c r="PMJ733" s="424"/>
      <c r="PMK733" s="423" t="s">
        <v>2795</v>
      </c>
      <c r="PML733" s="424"/>
      <c r="PMM733" s="424"/>
      <c r="PMN733" s="424"/>
      <c r="PMO733" s="423" t="s">
        <v>2795</v>
      </c>
      <c r="PMP733" s="424"/>
      <c r="PMQ733" s="424"/>
      <c r="PMR733" s="424"/>
      <c r="PMS733" s="423" t="s">
        <v>2795</v>
      </c>
      <c r="PMT733" s="424"/>
      <c r="PMU733" s="424"/>
      <c r="PMV733" s="424"/>
      <c r="PMW733" s="423" t="s">
        <v>2795</v>
      </c>
      <c r="PMX733" s="424"/>
      <c r="PMY733" s="424"/>
      <c r="PMZ733" s="424"/>
      <c r="PNA733" s="423" t="s">
        <v>2795</v>
      </c>
      <c r="PNB733" s="424"/>
      <c r="PNC733" s="424"/>
      <c r="PND733" s="424"/>
      <c r="PNE733" s="423" t="s">
        <v>2795</v>
      </c>
      <c r="PNF733" s="424"/>
      <c r="PNG733" s="424"/>
      <c r="PNH733" s="424"/>
      <c r="PNI733" s="423" t="s">
        <v>2795</v>
      </c>
      <c r="PNJ733" s="424"/>
      <c r="PNK733" s="424"/>
      <c r="PNL733" s="424"/>
      <c r="PNM733" s="423" t="s">
        <v>2795</v>
      </c>
      <c r="PNN733" s="424"/>
      <c r="PNO733" s="424"/>
      <c r="PNP733" s="424"/>
      <c r="PNQ733" s="423" t="s">
        <v>2795</v>
      </c>
      <c r="PNR733" s="424"/>
      <c r="PNS733" s="424"/>
      <c r="PNT733" s="424"/>
      <c r="PNU733" s="423" t="s">
        <v>2795</v>
      </c>
      <c r="PNV733" s="424"/>
      <c r="PNW733" s="424"/>
      <c r="PNX733" s="424"/>
      <c r="PNY733" s="423" t="s">
        <v>2795</v>
      </c>
      <c r="PNZ733" s="424"/>
      <c r="POA733" s="424"/>
      <c r="POB733" s="424"/>
      <c r="POC733" s="423" t="s">
        <v>2795</v>
      </c>
      <c r="POD733" s="424"/>
      <c r="POE733" s="424"/>
      <c r="POF733" s="424"/>
      <c r="POG733" s="423" t="s">
        <v>2795</v>
      </c>
      <c r="POH733" s="424"/>
      <c r="POI733" s="424"/>
      <c r="POJ733" s="424"/>
      <c r="POK733" s="423" t="s">
        <v>2795</v>
      </c>
      <c r="POL733" s="424"/>
      <c r="POM733" s="424"/>
      <c r="PON733" s="424"/>
      <c r="POO733" s="423" t="s">
        <v>2795</v>
      </c>
      <c r="POP733" s="424"/>
      <c r="POQ733" s="424"/>
      <c r="POR733" s="424"/>
      <c r="POS733" s="423" t="s">
        <v>2795</v>
      </c>
      <c r="POT733" s="424"/>
      <c r="POU733" s="424"/>
      <c r="POV733" s="424"/>
      <c r="POW733" s="423" t="s">
        <v>2795</v>
      </c>
      <c r="POX733" s="424"/>
      <c r="POY733" s="424"/>
      <c r="POZ733" s="424"/>
      <c r="PPA733" s="423" t="s">
        <v>2795</v>
      </c>
      <c r="PPB733" s="424"/>
      <c r="PPC733" s="424"/>
      <c r="PPD733" s="424"/>
      <c r="PPE733" s="423" t="s">
        <v>2795</v>
      </c>
      <c r="PPF733" s="424"/>
      <c r="PPG733" s="424"/>
      <c r="PPH733" s="424"/>
      <c r="PPI733" s="423" t="s">
        <v>2795</v>
      </c>
      <c r="PPJ733" s="424"/>
      <c r="PPK733" s="424"/>
      <c r="PPL733" s="424"/>
      <c r="PPM733" s="423" t="s">
        <v>2795</v>
      </c>
      <c r="PPN733" s="424"/>
      <c r="PPO733" s="424"/>
      <c r="PPP733" s="424"/>
      <c r="PPQ733" s="423" t="s">
        <v>2795</v>
      </c>
      <c r="PPR733" s="424"/>
      <c r="PPS733" s="424"/>
      <c r="PPT733" s="424"/>
      <c r="PPU733" s="423" t="s">
        <v>2795</v>
      </c>
      <c r="PPV733" s="424"/>
      <c r="PPW733" s="424"/>
      <c r="PPX733" s="424"/>
      <c r="PPY733" s="423" t="s">
        <v>2795</v>
      </c>
      <c r="PPZ733" s="424"/>
      <c r="PQA733" s="424"/>
      <c r="PQB733" s="424"/>
      <c r="PQC733" s="423" t="s">
        <v>2795</v>
      </c>
      <c r="PQD733" s="424"/>
      <c r="PQE733" s="424"/>
      <c r="PQF733" s="424"/>
      <c r="PQG733" s="423" t="s">
        <v>2795</v>
      </c>
      <c r="PQH733" s="424"/>
      <c r="PQI733" s="424"/>
      <c r="PQJ733" s="424"/>
      <c r="PQK733" s="423" t="s">
        <v>2795</v>
      </c>
      <c r="PQL733" s="424"/>
      <c r="PQM733" s="424"/>
      <c r="PQN733" s="424"/>
      <c r="PQO733" s="423" t="s">
        <v>2795</v>
      </c>
      <c r="PQP733" s="424"/>
      <c r="PQQ733" s="424"/>
      <c r="PQR733" s="424"/>
      <c r="PQS733" s="423" t="s">
        <v>2795</v>
      </c>
      <c r="PQT733" s="424"/>
      <c r="PQU733" s="424"/>
      <c r="PQV733" s="424"/>
      <c r="PQW733" s="423" t="s">
        <v>2795</v>
      </c>
      <c r="PQX733" s="424"/>
      <c r="PQY733" s="424"/>
      <c r="PQZ733" s="424"/>
      <c r="PRA733" s="423" t="s">
        <v>2795</v>
      </c>
      <c r="PRB733" s="424"/>
      <c r="PRC733" s="424"/>
      <c r="PRD733" s="424"/>
      <c r="PRE733" s="423" t="s">
        <v>2795</v>
      </c>
      <c r="PRF733" s="424"/>
      <c r="PRG733" s="424"/>
      <c r="PRH733" s="424"/>
      <c r="PRI733" s="423" t="s">
        <v>2795</v>
      </c>
      <c r="PRJ733" s="424"/>
      <c r="PRK733" s="424"/>
      <c r="PRL733" s="424"/>
      <c r="PRM733" s="423" t="s">
        <v>2795</v>
      </c>
      <c r="PRN733" s="424"/>
      <c r="PRO733" s="424"/>
      <c r="PRP733" s="424"/>
      <c r="PRQ733" s="423" t="s">
        <v>2795</v>
      </c>
      <c r="PRR733" s="424"/>
      <c r="PRS733" s="424"/>
      <c r="PRT733" s="424"/>
      <c r="PRU733" s="423" t="s">
        <v>2795</v>
      </c>
      <c r="PRV733" s="424"/>
      <c r="PRW733" s="424"/>
      <c r="PRX733" s="424"/>
      <c r="PRY733" s="423" t="s">
        <v>2795</v>
      </c>
      <c r="PRZ733" s="424"/>
      <c r="PSA733" s="424"/>
      <c r="PSB733" s="424"/>
      <c r="PSC733" s="423" t="s">
        <v>2795</v>
      </c>
      <c r="PSD733" s="424"/>
      <c r="PSE733" s="424"/>
      <c r="PSF733" s="424"/>
      <c r="PSG733" s="423" t="s">
        <v>2795</v>
      </c>
      <c r="PSH733" s="424"/>
      <c r="PSI733" s="424"/>
      <c r="PSJ733" s="424"/>
      <c r="PSK733" s="423" t="s">
        <v>2795</v>
      </c>
      <c r="PSL733" s="424"/>
      <c r="PSM733" s="424"/>
      <c r="PSN733" s="424"/>
      <c r="PSO733" s="423" t="s">
        <v>2795</v>
      </c>
      <c r="PSP733" s="424"/>
      <c r="PSQ733" s="424"/>
      <c r="PSR733" s="424"/>
      <c r="PSS733" s="423" t="s">
        <v>2795</v>
      </c>
      <c r="PST733" s="424"/>
      <c r="PSU733" s="424"/>
      <c r="PSV733" s="424"/>
      <c r="PSW733" s="423" t="s">
        <v>2795</v>
      </c>
      <c r="PSX733" s="424"/>
      <c r="PSY733" s="424"/>
      <c r="PSZ733" s="424"/>
      <c r="PTA733" s="423" t="s">
        <v>2795</v>
      </c>
      <c r="PTB733" s="424"/>
      <c r="PTC733" s="424"/>
      <c r="PTD733" s="424"/>
      <c r="PTE733" s="423" t="s">
        <v>2795</v>
      </c>
      <c r="PTF733" s="424"/>
      <c r="PTG733" s="424"/>
      <c r="PTH733" s="424"/>
      <c r="PTI733" s="423" t="s">
        <v>2795</v>
      </c>
      <c r="PTJ733" s="424"/>
      <c r="PTK733" s="424"/>
      <c r="PTL733" s="424"/>
      <c r="PTM733" s="423" t="s">
        <v>2795</v>
      </c>
      <c r="PTN733" s="424"/>
      <c r="PTO733" s="424"/>
      <c r="PTP733" s="424"/>
      <c r="PTQ733" s="423" t="s">
        <v>2795</v>
      </c>
      <c r="PTR733" s="424"/>
      <c r="PTS733" s="424"/>
      <c r="PTT733" s="424"/>
      <c r="PTU733" s="423" t="s">
        <v>2795</v>
      </c>
      <c r="PTV733" s="424"/>
      <c r="PTW733" s="424"/>
      <c r="PTX733" s="424"/>
      <c r="PTY733" s="423" t="s">
        <v>2795</v>
      </c>
      <c r="PTZ733" s="424"/>
      <c r="PUA733" s="424"/>
      <c r="PUB733" s="424"/>
      <c r="PUC733" s="423" t="s">
        <v>2795</v>
      </c>
      <c r="PUD733" s="424"/>
      <c r="PUE733" s="424"/>
      <c r="PUF733" s="424"/>
      <c r="PUG733" s="423" t="s">
        <v>2795</v>
      </c>
      <c r="PUH733" s="424"/>
      <c r="PUI733" s="424"/>
      <c r="PUJ733" s="424"/>
      <c r="PUK733" s="423" t="s">
        <v>2795</v>
      </c>
      <c r="PUL733" s="424"/>
      <c r="PUM733" s="424"/>
      <c r="PUN733" s="424"/>
      <c r="PUO733" s="423" t="s">
        <v>2795</v>
      </c>
      <c r="PUP733" s="424"/>
      <c r="PUQ733" s="424"/>
      <c r="PUR733" s="424"/>
      <c r="PUS733" s="423" t="s">
        <v>2795</v>
      </c>
      <c r="PUT733" s="424"/>
      <c r="PUU733" s="424"/>
      <c r="PUV733" s="424"/>
      <c r="PUW733" s="423" t="s">
        <v>2795</v>
      </c>
      <c r="PUX733" s="424"/>
      <c r="PUY733" s="424"/>
      <c r="PUZ733" s="424"/>
      <c r="PVA733" s="423" t="s">
        <v>2795</v>
      </c>
      <c r="PVB733" s="424"/>
      <c r="PVC733" s="424"/>
      <c r="PVD733" s="424"/>
      <c r="PVE733" s="423" t="s">
        <v>2795</v>
      </c>
      <c r="PVF733" s="424"/>
      <c r="PVG733" s="424"/>
      <c r="PVH733" s="424"/>
      <c r="PVI733" s="423" t="s">
        <v>2795</v>
      </c>
      <c r="PVJ733" s="424"/>
      <c r="PVK733" s="424"/>
      <c r="PVL733" s="424"/>
      <c r="PVM733" s="423" t="s">
        <v>2795</v>
      </c>
      <c r="PVN733" s="424"/>
      <c r="PVO733" s="424"/>
      <c r="PVP733" s="424"/>
      <c r="PVQ733" s="423" t="s">
        <v>2795</v>
      </c>
      <c r="PVR733" s="424"/>
      <c r="PVS733" s="424"/>
      <c r="PVT733" s="424"/>
      <c r="PVU733" s="423" t="s">
        <v>2795</v>
      </c>
      <c r="PVV733" s="424"/>
      <c r="PVW733" s="424"/>
      <c r="PVX733" s="424"/>
      <c r="PVY733" s="423" t="s">
        <v>2795</v>
      </c>
      <c r="PVZ733" s="424"/>
      <c r="PWA733" s="424"/>
      <c r="PWB733" s="424"/>
      <c r="PWC733" s="423" t="s">
        <v>2795</v>
      </c>
      <c r="PWD733" s="424"/>
      <c r="PWE733" s="424"/>
      <c r="PWF733" s="424"/>
      <c r="PWG733" s="423" t="s">
        <v>2795</v>
      </c>
      <c r="PWH733" s="424"/>
      <c r="PWI733" s="424"/>
      <c r="PWJ733" s="424"/>
      <c r="PWK733" s="423" t="s">
        <v>2795</v>
      </c>
      <c r="PWL733" s="424"/>
      <c r="PWM733" s="424"/>
      <c r="PWN733" s="424"/>
      <c r="PWO733" s="423" t="s">
        <v>2795</v>
      </c>
      <c r="PWP733" s="424"/>
      <c r="PWQ733" s="424"/>
      <c r="PWR733" s="424"/>
      <c r="PWS733" s="423" t="s">
        <v>2795</v>
      </c>
      <c r="PWT733" s="424"/>
      <c r="PWU733" s="424"/>
      <c r="PWV733" s="424"/>
      <c r="PWW733" s="423" t="s">
        <v>2795</v>
      </c>
      <c r="PWX733" s="424"/>
      <c r="PWY733" s="424"/>
      <c r="PWZ733" s="424"/>
      <c r="PXA733" s="423" t="s">
        <v>2795</v>
      </c>
      <c r="PXB733" s="424"/>
      <c r="PXC733" s="424"/>
      <c r="PXD733" s="424"/>
      <c r="PXE733" s="423" t="s">
        <v>2795</v>
      </c>
      <c r="PXF733" s="424"/>
      <c r="PXG733" s="424"/>
      <c r="PXH733" s="424"/>
      <c r="PXI733" s="423" t="s">
        <v>2795</v>
      </c>
      <c r="PXJ733" s="424"/>
      <c r="PXK733" s="424"/>
      <c r="PXL733" s="424"/>
      <c r="PXM733" s="423" t="s">
        <v>2795</v>
      </c>
      <c r="PXN733" s="424"/>
      <c r="PXO733" s="424"/>
      <c r="PXP733" s="424"/>
      <c r="PXQ733" s="423" t="s">
        <v>2795</v>
      </c>
      <c r="PXR733" s="424"/>
      <c r="PXS733" s="424"/>
      <c r="PXT733" s="424"/>
      <c r="PXU733" s="423" t="s">
        <v>2795</v>
      </c>
      <c r="PXV733" s="424"/>
      <c r="PXW733" s="424"/>
      <c r="PXX733" s="424"/>
      <c r="PXY733" s="423" t="s">
        <v>2795</v>
      </c>
      <c r="PXZ733" s="424"/>
      <c r="PYA733" s="424"/>
      <c r="PYB733" s="424"/>
      <c r="PYC733" s="423" t="s">
        <v>2795</v>
      </c>
      <c r="PYD733" s="424"/>
      <c r="PYE733" s="424"/>
      <c r="PYF733" s="424"/>
      <c r="PYG733" s="423" t="s">
        <v>2795</v>
      </c>
      <c r="PYH733" s="424"/>
      <c r="PYI733" s="424"/>
      <c r="PYJ733" s="424"/>
      <c r="PYK733" s="423" t="s">
        <v>2795</v>
      </c>
      <c r="PYL733" s="424"/>
      <c r="PYM733" s="424"/>
      <c r="PYN733" s="424"/>
      <c r="PYO733" s="423" t="s">
        <v>2795</v>
      </c>
      <c r="PYP733" s="424"/>
      <c r="PYQ733" s="424"/>
      <c r="PYR733" s="424"/>
      <c r="PYS733" s="423" t="s">
        <v>2795</v>
      </c>
      <c r="PYT733" s="424"/>
      <c r="PYU733" s="424"/>
      <c r="PYV733" s="424"/>
      <c r="PYW733" s="423" t="s">
        <v>2795</v>
      </c>
      <c r="PYX733" s="424"/>
      <c r="PYY733" s="424"/>
      <c r="PYZ733" s="424"/>
      <c r="PZA733" s="423" t="s">
        <v>2795</v>
      </c>
      <c r="PZB733" s="424"/>
      <c r="PZC733" s="424"/>
      <c r="PZD733" s="424"/>
      <c r="PZE733" s="423" t="s">
        <v>2795</v>
      </c>
      <c r="PZF733" s="424"/>
      <c r="PZG733" s="424"/>
      <c r="PZH733" s="424"/>
      <c r="PZI733" s="423" t="s">
        <v>2795</v>
      </c>
      <c r="PZJ733" s="424"/>
      <c r="PZK733" s="424"/>
      <c r="PZL733" s="424"/>
      <c r="PZM733" s="423" t="s">
        <v>2795</v>
      </c>
      <c r="PZN733" s="424"/>
      <c r="PZO733" s="424"/>
      <c r="PZP733" s="424"/>
      <c r="PZQ733" s="423" t="s">
        <v>2795</v>
      </c>
      <c r="PZR733" s="424"/>
      <c r="PZS733" s="424"/>
      <c r="PZT733" s="424"/>
      <c r="PZU733" s="423" t="s">
        <v>2795</v>
      </c>
      <c r="PZV733" s="424"/>
      <c r="PZW733" s="424"/>
      <c r="PZX733" s="424"/>
      <c r="PZY733" s="423" t="s">
        <v>2795</v>
      </c>
      <c r="PZZ733" s="424"/>
      <c r="QAA733" s="424"/>
      <c r="QAB733" s="424"/>
      <c r="QAC733" s="423" t="s">
        <v>2795</v>
      </c>
      <c r="QAD733" s="424"/>
      <c r="QAE733" s="424"/>
      <c r="QAF733" s="424"/>
      <c r="QAG733" s="423" t="s">
        <v>2795</v>
      </c>
      <c r="QAH733" s="424"/>
      <c r="QAI733" s="424"/>
      <c r="QAJ733" s="424"/>
      <c r="QAK733" s="423" t="s">
        <v>2795</v>
      </c>
      <c r="QAL733" s="424"/>
      <c r="QAM733" s="424"/>
      <c r="QAN733" s="424"/>
      <c r="QAO733" s="423" t="s">
        <v>2795</v>
      </c>
      <c r="QAP733" s="424"/>
      <c r="QAQ733" s="424"/>
      <c r="QAR733" s="424"/>
      <c r="QAS733" s="423" t="s">
        <v>2795</v>
      </c>
      <c r="QAT733" s="424"/>
      <c r="QAU733" s="424"/>
      <c r="QAV733" s="424"/>
      <c r="QAW733" s="423" t="s">
        <v>2795</v>
      </c>
      <c r="QAX733" s="424"/>
      <c r="QAY733" s="424"/>
      <c r="QAZ733" s="424"/>
      <c r="QBA733" s="423" t="s">
        <v>2795</v>
      </c>
      <c r="QBB733" s="424"/>
      <c r="QBC733" s="424"/>
      <c r="QBD733" s="424"/>
      <c r="QBE733" s="423" t="s">
        <v>2795</v>
      </c>
      <c r="QBF733" s="424"/>
      <c r="QBG733" s="424"/>
      <c r="QBH733" s="424"/>
      <c r="QBI733" s="423" t="s">
        <v>2795</v>
      </c>
      <c r="QBJ733" s="424"/>
      <c r="QBK733" s="424"/>
      <c r="QBL733" s="424"/>
      <c r="QBM733" s="423" t="s">
        <v>2795</v>
      </c>
      <c r="QBN733" s="424"/>
      <c r="QBO733" s="424"/>
      <c r="QBP733" s="424"/>
      <c r="QBQ733" s="423" t="s">
        <v>2795</v>
      </c>
      <c r="QBR733" s="424"/>
      <c r="QBS733" s="424"/>
      <c r="QBT733" s="424"/>
      <c r="QBU733" s="423" t="s">
        <v>2795</v>
      </c>
      <c r="QBV733" s="424"/>
      <c r="QBW733" s="424"/>
      <c r="QBX733" s="424"/>
      <c r="QBY733" s="423" t="s">
        <v>2795</v>
      </c>
      <c r="QBZ733" s="424"/>
      <c r="QCA733" s="424"/>
      <c r="QCB733" s="424"/>
      <c r="QCC733" s="423" t="s">
        <v>2795</v>
      </c>
      <c r="QCD733" s="424"/>
      <c r="QCE733" s="424"/>
      <c r="QCF733" s="424"/>
      <c r="QCG733" s="423" t="s">
        <v>2795</v>
      </c>
      <c r="QCH733" s="424"/>
      <c r="QCI733" s="424"/>
      <c r="QCJ733" s="424"/>
      <c r="QCK733" s="423" t="s">
        <v>2795</v>
      </c>
      <c r="QCL733" s="424"/>
      <c r="QCM733" s="424"/>
      <c r="QCN733" s="424"/>
      <c r="QCO733" s="423" t="s">
        <v>2795</v>
      </c>
      <c r="QCP733" s="424"/>
      <c r="QCQ733" s="424"/>
      <c r="QCR733" s="424"/>
      <c r="QCS733" s="423" t="s">
        <v>2795</v>
      </c>
      <c r="QCT733" s="424"/>
      <c r="QCU733" s="424"/>
      <c r="QCV733" s="424"/>
      <c r="QCW733" s="423" t="s">
        <v>2795</v>
      </c>
      <c r="QCX733" s="424"/>
      <c r="QCY733" s="424"/>
      <c r="QCZ733" s="424"/>
      <c r="QDA733" s="423" t="s">
        <v>2795</v>
      </c>
      <c r="QDB733" s="424"/>
      <c r="QDC733" s="424"/>
      <c r="QDD733" s="424"/>
      <c r="QDE733" s="423" t="s">
        <v>2795</v>
      </c>
      <c r="QDF733" s="424"/>
      <c r="QDG733" s="424"/>
      <c r="QDH733" s="424"/>
      <c r="QDI733" s="423" t="s">
        <v>2795</v>
      </c>
      <c r="QDJ733" s="424"/>
      <c r="QDK733" s="424"/>
      <c r="QDL733" s="424"/>
      <c r="QDM733" s="423" t="s">
        <v>2795</v>
      </c>
      <c r="QDN733" s="424"/>
      <c r="QDO733" s="424"/>
      <c r="QDP733" s="424"/>
      <c r="QDQ733" s="423" t="s">
        <v>2795</v>
      </c>
      <c r="QDR733" s="424"/>
      <c r="QDS733" s="424"/>
      <c r="QDT733" s="424"/>
      <c r="QDU733" s="423" t="s">
        <v>2795</v>
      </c>
      <c r="QDV733" s="424"/>
      <c r="QDW733" s="424"/>
      <c r="QDX733" s="424"/>
      <c r="QDY733" s="423" t="s">
        <v>2795</v>
      </c>
      <c r="QDZ733" s="424"/>
      <c r="QEA733" s="424"/>
      <c r="QEB733" s="424"/>
      <c r="QEC733" s="423" t="s">
        <v>2795</v>
      </c>
      <c r="QED733" s="424"/>
      <c r="QEE733" s="424"/>
      <c r="QEF733" s="424"/>
      <c r="QEG733" s="423" t="s">
        <v>2795</v>
      </c>
      <c r="QEH733" s="424"/>
      <c r="QEI733" s="424"/>
      <c r="QEJ733" s="424"/>
      <c r="QEK733" s="423" t="s">
        <v>2795</v>
      </c>
      <c r="QEL733" s="424"/>
      <c r="QEM733" s="424"/>
      <c r="QEN733" s="424"/>
      <c r="QEO733" s="423" t="s">
        <v>2795</v>
      </c>
      <c r="QEP733" s="424"/>
      <c r="QEQ733" s="424"/>
      <c r="QER733" s="424"/>
      <c r="QES733" s="423" t="s">
        <v>2795</v>
      </c>
      <c r="QET733" s="424"/>
      <c r="QEU733" s="424"/>
      <c r="QEV733" s="424"/>
      <c r="QEW733" s="423" t="s">
        <v>2795</v>
      </c>
      <c r="QEX733" s="424"/>
      <c r="QEY733" s="424"/>
      <c r="QEZ733" s="424"/>
      <c r="QFA733" s="423" t="s">
        <v>2795</v>
      </c>
      <c r="QFB733" s="424"/>
      <c r="QFC733" s="424"/>
      <c r="QFD733" s="424"/>
      <c r="QFE733" s="423" t="s">
        <v>2795</v>
      </c>
      <c r="QFF733" s="424"/>
      <c r="QFG733" s="424"/>
      <c r="QFH733" s="424"/>
      <c r="QFI733" s="423" t="s">
        <v>2795</v>
      </c>
      <c r="QFJ733" s="424"/>
      <c r="QFK733" s="424"/>
      <c r="QFL733" s="424"/>
      <c r="QFM733" s="423" t="s">
        <v>2795</v>
      </c>
      <c r="QFN733" s="424"/>
      <c r="QFO733" s="424"/>
      <c r="QFP733" s="424"/>
      <c r="QFQ733" s="423" t="s">
        <v>2795</v>
      </c>
      <c r="QFR733" s="424"/>
      <c r="QFS733" s="424"/>
      <c r="QFT733" s="424"/>
      <c r="QFU733" s="423" t="s">
        <v>2795</v>
      </c>
      <c r="QFV733" s="424"/>
      <c r="QFW733" s="424"/>
      <c r="QFX733" s="424"/>
      <c r="QFY733" s="423" t="s">
        <v>2795</v>
      </c>
      <c r="QFZ733" s="424"/>
      <c r="QGA733" s="424"/>
      <c r="QGB733" s="424"/>
      <c r="QGC733" s="423" t="s">
        <v>2795</v>
      </c>
      <c r="QGD733" s="424"/>
      <c r="QGE733" s="424"/>
      <c r="QGF733" s="424"/>
      <c r="QGG733" s="423" t="s">
        <v>2795</v>
      </c>
      <c r="QGH733" s="424"/>
      <c r="QGI733" s="424"/>
      <c r="QGJ733" s="424"/>
      <c r="QGK733" s="423" t="s">
        <v>2795</v>
      </c>
      <c r="QGL733" s="424"/>
      <c r="QGM733" s="424"/>
      <c r="QGN733" s="424"/>
      <c r="QGO733" s="423" t="s">
        <v>2795</v>
      </c>
      <c r="QGP733" s="424"/>
      <c r="QGQ733" s="424"/>
      <c r="QGR733" s="424"/>
      <c r="QGS733" s="423" t="s">
        <v>2795</v>
      </c>
      <c r="QGT733" s="424"/>
      <c r="QGU733" s="424"/>
      <c r="QGV733" s="424"/>
      <c r="QGW733" s="423" t="s">
        <v>2795</v>
      </c>
      <c r="QGX733" s="424"/>
      <c r="QGY733" s="424"/>
      <c r="QGZ733" s="424"/>
      <c r="QHA733" s="423" t="s">
        <v>2795</v>
      </c>
      <c r="QHB733" s="424"/>
      <c r="QHC733" s="424"/>
      <c r="QHD733" s="424"/>
      <c r="QHE733" s="423" t="s">
        <v>2795</v>
      </c>
      <c r="QHF733" s="424"/>
      <c r="QHG733" s="424"/>
      <c r="QHH733" s="424"/>
      <c r="QHI733" s="423" t="s">
        <v>2795</v>
      </c>
      <c r="QHJ733" s="424"/>
      <c r="QHK733" s="424"/>
      <c r="QHL733" s="424"/>
      <c r="QHM733" s="423" t="s">
        <v>2795</v>
      </c>
      <c r="QHN733" s="424"/>
      <c r="QHO733" s="424"/>
      <c r="QHP733" s="424"/>
      <c r="QHQ733" s="423" t="s">
        <v>2795</v>
      </c>
      <c r="QHR733" s="424"/>
      <c r="QHS733" s="424"/>
      <c r="QHT733" s="424"/>
      <c r="QHU733" s="423" t="s">
        <v>2795</v>
      </c>
      <c r="QHV733" s="424"/>
      <c r="QHW733" s="424"/>
      <c r="QHX733" s="424"/>
      <c r="QHY733" s="423" t="s">
        <v>2795</v>
      </c>
      <c r="QHZ733" s="424"/>
      <c r="QIA733" s="424"/>
      <c r="QIB733" s="424"/>
      <c r="QIC733" s="423" t="s">
        <v>2795</v>
      </c>
      <c r="QID733" s="424"/>
      <c r="QIE733" s="424"/>
      <c r="QIF733" s="424"/>
      <c r="QIG733" s="423" t="s">
        <v>2795</v>
      </c>
      <c r="QIH733" s="424"/>
      <c r="QII733" s="424"/>
      <c r="QIJ733" s="424"/>
      <c r="QIK733" s="423" t="s">
        <v>2795</v>
      </c>
      <c r="QIL733" s="424"/>
      <c r="QIM733" s="424"/>
      <c r="QIN733" s="424"/>
      <c r="QIO733" s="423" t="s">
        <v>2795</v>
      </c>
      <c r="QIP733" s="424"/>
      <c r="QIQ733" s="424"/>
      <c r="QIR733" s="424"/>
      <c r="QIS733" s="423" t="s">
        <v>2795</v>
      </c>
      <c r="QIT733" s="424"/>
      <c r="QIU733" s="424"/>
      <c r="QIV733" s="424"/>
      <c r="QIW733" s="423" t="s">
        <v>2795</v>
      </c>
      <c r="QIX733" s="424"/>
      <c r="QIY733" s="424"/>
      <c r="QIZ733" s="424"/>
      <c r="QJA733" s="423" t="s">
        <v>2795</v>
      </c>
      <c r="QJB733" s="424"/>
      <c r="QJC733" s="424"/>
      <c r="QJD733" s="424"/>
      <c r="QJE733" s="423" t="s">
        <v>2795</v>
      </c>
      <c r="QJF733" s="424"/>
      <c r="QJG733" s="424"/>
      <c r="QJH733" s="424"/>
      <c r="QJI733" s="423" t="s">
        <v>2795</v>
      </c>
      <c r="QJJ733" s="424"/>
      <c r="QJK733" s="424"/>
      <c r="QJL733" s="424"/>
      <c r="QJM733" s="423" t="s">
        <v>2795</v>
      </c>
      <c r="QJN733" s="424"/>
      <c r="QJO733" s="424"/>
      <c r="QJP733" s="424"/>
      <c r="QJQ733" s="423" t="s">
        <v>2795</v>
      </c>
      <c r="QJR733" s="424"/>
      <c r="QJS733" s="424"/>
      <c r="QJT733" s="424"/>
      <c r="QJU733" s="423" t="s">
        <v>2795</v>
      </c>
      <c r="QJV733" s="424"/>
      <c r="QJW733" s="424"/>
      <c r="QJX733" s="424"/>
      <c r="QJY733" s="423" t="s">
        <v>2795</v>
      </c>
      <c r="QJZ733" s="424"/>
      <c r="QKA733" s="424"/>
      <c r="QKB733" s="424"/>
      <c r="QKC733" s="423" t="s">
        <v>2795</v>
      </c>
      <c r="QKD733" s="424"/>
      <c r="QKE733" s="424"/>
      <c r="QKF733" s="424"/>
      <c r="QKG733" s="423" t="s">
        <v>2795</v>
      </c>
      <c r="QKH733" s="424"/>
      <c r="QKI733" s="424"/>
      <c r="QKJ733" s="424"/>
      <c r="QKK733" s="423" t="s">
        <v>2795</v>
      </c>
      <c r="QKL733" s="424"/>
      <c r="QKM733" s="424"/>
      <c r="QKN733" s="424"/>
      <c r="QKO733" s="423" t="s">
        <v>2795</v>
      </c>
      <c r="QKP733" s="424"/>
      <c r="QKQ733" s="424"/>
      <c r="QKR733" s="424"/>
      <c r="QKS733" s="423" t="s">
        <v>2795</v>
      </c>
      <c r="QKT733" s="424"/>
      <c r="QKU733" s="424"/>
      <c r="QKV733" s="424"/>
      <c r="QKW733" s="423" t="s">
        <v>2795</v>
      </c>
      <c r="QKX733" s="424"/>
      <c r="QKY733" s="424"/>
      <c r="QKZ733" s="424"/>
      <c r="QLA733" s="423" t="s">
        <v>2795</v>
      </c>
      <c r="QLB733" s="424"/>
      <c r="QLC733" s="424"/>
      <c r="QLD733" s="424"/>
      <c r="QLE733" s="423" t="s">
        <v>2795</v>
      </c>
      <c r="QLF733" s="424"/>
      <c r="QLG733" s="424"/>
      <c r="QLH733" s="424"/>
      <c r="QLI733" s="423" t="s">
        <v>2795</v>
      </c>
      <c r="QLJ733" s="424"/>
      <c r="QLK733" s="424"/>
      <c r="QLL733" s="424"/>
      <c r="QLM733" s="423" t="s">
        <v>2795</v>
      </c>
      <c r="QLN733" s="424"/>
      <c r="QLO733" s="424"/>
      <c r="QLP733" s="424"/>
      <c r="QLQ733" s="423" t="s">
        <v>2795</v>
      </c>
      <c r="QLR733" s="424"/>
      <c r="QLS733" s="424"/>
      <c r="QLT733" s="424"/>
      <c r="QLU733" s="423" t="s">
        <v>2795</v>
      </c>
      <c r="QLV733" s="424"/>
      <c r="QLW733" s="424"/>
      <c r="QLX733" s="424"/>
      <c r="QLY733" s="423" t="s">
        <v>2795</v>
      </c>
      <c r="QLZ733" s="424"/>
      <c r="QMA733" s="424"/>
      <c r="QMB733" s="424"/>
      <c r="QMC733" s="423" t="s">
        <v>2795</v>
      </c>
      <c r="QMD733" s="424"/>
      <c r="QME733" s="424"/>
      <c r="QMF733" s="424"/>
      <c r="QMG733" s="423" t="s">
        <v>2795</v>
      </c>
      <c r="QMH733" s="424"/>
      <c r="QMI733" s="424"/>
      <c r="QMJ733" s="424"/>
      <c r="QMK733" s="423" t="s">
        <v>2795</v>
      </c>
      <c r="QML733" s="424"/>
      <c r="QMM733" s="424"/>
      <c r="QMN733" s="424"/>
      <c r="QMO733" s="423" t="s">
        <v>2795</v>
      </c>
      <c r="QMP733" s="424"/>
      <c r="QMQ733" s="424"/>
      <c r="QMR733" s="424"/>
      <c r="QMS733" s="423" t="s">
        <v>2795</v>
      </c>
      <c r="QMT733" s="424"/>
      <c r="QMU733" s="424"/>
      <c r="QMV733" s="424"/>
      <c r="QMW733" s="423" t="s">
        <v>2795</v>
      </c>
      <c r="QMX733" s="424"/>
      <c r="QMY733" s="424"/>
      <c r="QMZ733" s="424"/>
      <c r="QNA733" s="423" t="s">
        <v>2795</v>
      </c>
      <c r="QNB733" s="424"/>
      <c r="QNC733" s="424"/>
      <c r="QND733" s="424"/>
      <c r="QNE733" s="423" t="s">
        <v>2795</v>
      </c>
      <c r="QNF733" s="424"/>
      <c r="QNG733" s="424"/>
      <c r="QNH733" s="424"/>
      <c r="QNI733" s="423" t="s">
        <v>2795</v>
      </c>
      <c r="QNJ733" s="424"/>
      <c r="QNK733" s="424"/>
      <c r="QNL733" s="424"/>
      <c r="QNM733" s="423" t="s">
        <v>2795</v>
      </c>
      <c r="QNN733" s="424"/>
      <c r="QNO733" s="424"/>
      <c r="QNP733" s="424"/>
      <c r="QNQ733" s="423" t="s">
        <v>2795</v>
      </c>
      <c r="QNR733" s="424"/>
      <c r="QNS733" s="424"/>
      <c r="QNT733" s="424"/>
      <c r="QNU733" s="423" t="s">
        <v>2795</v>
      </c>
      <c r="QNV733" s="424"/>
      <c r="QNW733" s="424"/>
      <c r="QNX733" s="424"/>
      <c r="QNY733" s="423" t="s">
        <v>2795</v>
      </c>
      <c r="QNZ733" s="424"/>
      <c r="QOA733" s="424"/>
      <c r="QOB733" s="424"/>
      <c r="QOC733" s="423" t="s">
        <v>2795</v>
      </c>
      <c r="QOD733" s="424"/>
      <c r="QOE733" s="424"/>
      <c r="QOF733" s="424"/>
      <c r="QOG733" s="423" t="s">
        <v>2795</v>
      </c>
      <c r="QOH733" s="424"/>
      <c r="QOI733" s="424"/>
      <c r="QOJ733" s="424"/>
      <c r="QOK733" s="423" t="s">
        <v>2795</v>
      </c>
      <c r="QOL733" s="424"/>
      <c r="QOM733" s="424"/>
      <c r="QON733" s="424"/>
      <c r="QOO733" s="423" t="s">
        <v>2795</v>
      </c>
      <c r="QOP733" s="424"/>
      <c r="QOQ733" s="424"/>
      <c r="QOR733" s="424"/>
      <c r="QOS733" s="423" t="s">
        <v>2795</v>
      </c>
      <c r="QOT733" s="424"/>
      <c r="QOU733" s="424"/>
      <c r="QOV733" s="424"/>
      <c r="QOW733" s="423" t="s">
        <v>2795</v>
      </c>
      <c r="QOX733" s="424"/>
      <c r="QOY733" s="424"/>
      <c r="QOZ733" s="424"/>
      <c r="QPA733" s="423" t="s">
        <v>2795</v>
      </c>
      <c r="QPB733" s="424"/>
      <c r="QPC733" s="424"/>
      <c r="QPD733" s="424"/>
      <c r="QPE733" s="423" t="s">
        <v>2795</v>
      </c>
      <c r="QPF733" s="424"/>
      <c r="QPG733" s="424"/>
      <c r="QPH733" s="424"/>
      <c r="QPI733" s="423" t="s">
        <v>2795</v>
      </c>
      <c r="QPJ733" s="424"/>
      <c r="QPK733" s="424"/>
      <c r="QPL733" s="424"/>
      <c r="QPM733" s="423" t="s">
        <v>2795</v>
      </c>
      <c r="QPN733" s="424"/>
      <c r="QPO733" s="424"/>
      <c r="QPP733" s="424"/>
      <c r="QPQ733" s="423" t="s">
        <v>2795</v>
      </c>
      <c r="QPR733" s="424"/>
      <c r="QPS733" s="424"/>
      <c r="QPT733" s="424"/>
      <c r="QPU733" s="423" t="s">
        <v>2795</v>
      </c>
      <c r="QPV733" s="424"/>
      <c r="QPW733" s="424"/>
      <c r="QPX733" s="424"/>
      <c r="QPY733" s="423" t="s">
        <v>2795</v>
      </c>
      <c r="QPZ733" s="424"/>
      <c r="QQA733" s="424"/>
      <c r="QQB733" s="424"/>
      <c r="QQC733" s="423" t="s">
        <v>2795</v>
      </c>
      <c r="QQD733" s="424"/>
      <c r="QQE733" s="424"/>
      <c r="QQF733" s="424"/>
      <c r="QQG733" s="423" t="s">
        <v>2795</v>
      </c>
      <c r="QQH733" s="424"/>
      <c r="QQI733" s="424"/>
      <c r="QQJ733" s="424"/>
      <c r="QQK733" s="423" t="s">
        <v>2795</v>
      </c>
      <c r="QQL733" s="424"/>
      <c r="QQM733" s="424"/>
      <c r="QQN733" s="424"/>
      <c r="QQO733" s="423" t="s">
        <v>2795</v>
      </c>
      <c r="QQP733" s="424"/>
      <c r="QQQ733" s="424"/>
      <c r="QQR733" s="424"/>
      <c r="QQS733" s="423" t="s">
        <v>2795</v>
      </c>
      <c r="QQT733" s="424"/>
      <c r="QQU733" s="424"/>
      <c r="QQV733" s="424"/>
      <c r="QQW733" s="423" t="s">
        <v>2795</v>
      </c>
      <c r="QQX733" s="424"/>
      <c r="QQY733" s="424"/>
      <c r="QQZ733" s="424"/>
      <c r="QRA733" s="423" t="s">
        <v>2795</v>
      </c>
      <c r="QRB733" s="424"/>
      <c r="QRC733" s="424"/>
      <c r="QRD733" s="424"/>
      <c r="QRE733" s="423" t="s">
        <v>2795</v>
      </c>
      <c r="QRF733" s="424"/>
      <c r="QRG733" s="424"/>
      <c r="QRH733" s="424"/>
      <c r="QRI733" s="423" t="s">
        <v>2795</v>
      </c>
      <c r="QRJ733" s="424"/>
      <c r="QRK733" s="424"/>
      <c r="QRL733" s="424"/>
      <c r="QRM733" s="423" t="s">
        <v>2795</v>
      </c>
      <c r="QRN733" s="424"/>
      <c r="QRO733" s="424"/>
      <c r="QRP733" s="424"/>
      <c r="QRQ733" s="423" t="s">
        <v>2795</v>
      </c>
      <c r="QRR733" s="424"/>
      <c r="QRS733" s="424"/>
      <c r="QRT733" s="424"/>
      <c r="QRU733" s="423" t="s">
        <v>2795</v>
      </c>
      <c r="QRV733" s="424"/>
      <c r="QRW733" s="424"/>
      <c r="QRX733" s="424"/>
      <c r="QRY733" s="423" t="s">
        <v>2795</v>
      </c>
      <c r="QRZ733" s="424"/>
      <c r="QSA733" s="424"/>
      <c r="QSB733" s="424"/>
      <c r="QSC733" s="423" t="s">
        <v>2795</v>
      </c>
      <c r="QSD733" s="424"/>
      <c r="QSE733" s="424"/>
      <c r="QSF733" s="424"/>
      <c r="QSG733" s="423" t="s">
        <v>2795</v>
      </c>
      <c r="QSH733" s="424"/>
      <c r="QSI733" s="424"/>
      <c r="QSJ733" s="424"/>
      <c r="QSK733" s="423" t="s">
        <v>2795</v>
      </c>
      <c r="QSL733" s="424"/>
      <c r="QSM733" s="424"/>
      <c r="QSN733" s="424"/>
      <c r="QSO733" s="423" t="s">
        <v>2795</v>
      </c>
      <c r="QSP733" s="424"/>
      <c r="QSQ733" s="424"/>
      <c r="QSR733" s="424"/>
      <c r="QSS733" s="423" t="s">
        <v>2795</v>
      </c>
      <c r="QST733" s="424"/>
      <c r="QSU733" s="424"/>
      <c r="QSV733" s="424"/>
      <c r="QSW733" s="423" t="s">
        <v>2795</v>
      </c>
      <c r="QSX733" s="424"/>
      <c r="QSY733" s="424"/>
      <c r="QSZ733" s="424"/>
      <c r="QTA733" s="423" t="s">
        <v>2795</v>
      </c>
      <c r="QTB733" s="424"/>
      <c r="QTC733" s="424"/>
      <c r="QTD733" s="424"/>
      <c r="QTE733" s="423" t="s">
        <v>2795</v>
      </c>
      <c r="QTF733" s="424"/>
      <c r="QTG733" s="424"/>
      <c r="QTH733" s="424"/>
      <c r="QTI733" s="423" t="s">
        <v>2795</v>
      </c>
      <c r="QTJ733" s="424"/>
      <c r="QTK733" s="424"/>
      <c r="QTL733" s="424"/>
      <c r="QTM733" s="423" t="s">
        <v>2795</v>
      </c>
      <c r="QTN733" s="424"/>
      <c r="QTO733" s="424"/>
      <c r="QTP733" s="424"/>
      <c r="QTQ733" s="423" t="s">
        <v>2795</v>
      </c>
      <c r="QTR733" s="424"/>
      <c r="QTS733" s="424"/>
      <c r="QTT733" s="424"/>
      <c r="QTU733" s="423" t="s">
        <v>2795</v>
      </c>
      <c r="QTV733" s="424"/>
      <c r="QTW733" s="424"/>
      <c r="QTX733" s="424"/>
      <c r="QTY733" s="423" t="s">
        <v>2795</v>
      </c>
      <c r="QTZ733" s="424"/>
      <c r="QUA733" s="424"/>
      <c r="QUB733" s="424"/>
      <c r="QUC733" s="423" t="s">
        <v>2795</v>
      </c>
      <c r="QUD733" s="424"/>
      <c r="QUE733" s="424"/>
      <c r="QUF733" s="424"/>
      <c r="QUG733" s="423" t="s">
        <v>2795</v>
      </c>
      <c r="QUH733" s="424"/>
      <c r="QUI733" s="424"/>
      <c r="QUJ733" s="424"/>
      <c r="QUK733" s="423" t="s">
        <v>2795</v>
      </c>
      <c r="QUL733" s="424"/>
      <c r="QUM733" s="424"/>
      <c r="QUN733" s="424"/>
      <c r="QUO733" s="423" t="s">
        <v>2795</v>
      </c>
      <c r="QUP733" s="424"/>
      <c r="QUQ733" s="424"/>
      <c r="QUR733" s="424"/>
      <c r="QUS733" s="423" t="s">
        <v>2795</v>
      </c>
      <c r="QUT733" s="424"/>
      <c r="QUU733" s="424"/>
      <c r="QUV733" s="424"/>
      <c r="QUW733" s="423" t="s">
        <v>2795</v>
      </c>
      <c r="QUX733" s="424"/>
      <c r="QUY733" s="424"/>
      <c r="QUZ733" s="424"/>
      <c r="QVA733" s="423" t="s">
        <v>2795</v>
      </c>
      <c r="QVB733" s="424"/>
      <c r="QVC733" s="424"/>
      <c r="QVD733" s="424"/>
      <c r="QVE733" s="423" t="s">
        <v>2795</v>
      </c>
      <c r="QVF733" s="424"/>
      <c r="QVG733" s="424"/>
      <c r="QVH733" s="424"/>
      <c r="QVI733" s="423" t="s">
        <v>2795</v>
      </c>
      <c r="QVJ733" s="424"/>
      <c r="QVK733" s="424"/>
      <c r="QVL733" s="424"/>
      <c r="QVM733" s="423" t="s">
        <v>2795</v>
      </c>
      <c r="QVN733" s="424"/>
      <c r="QVO733" s="424"/>
      <c r="QVP733" s="424"/>
      <c r="QVQ733" s="423" t="s">
        <v>2795</v>
      </c>
      <c r="QVR733" s="424"/>
      <c r="QVS733" s="424"/>
      <c r="QVT733" s="424"/>
      <c r="QVU733" s="423" t="s">
        <v>2795</v>
      </c>
      <c r="QVV733" s="424"/>
      <c r="QVW733" s="424"/>
      <c r="QVX733" s="424"/>
      <c r="QVY733" s="423" t="s">
        <v>2795</v>
      </c>
      <c r="QVZ733" s="424"/>
      <c r="QWA733" s="424"/>
      <c r="QWB733" s="424"/>
      <c r="QWC733" s="423" t="s">
        <v>2795</v>
      </c>
      <c r="QWD733" s="424"/>
      <c r="QWE733" s="424"/>
      <c r="QWF733" s="424"/>
      <c r="QWG733" s="423" t="s">
        <v>2795</v>
      </c>
      <c r="QWH733" s="424"/>
      <c r="QWI733" s="424"/>
      <c r="QWJ733" s="424"/>
      <c r="QWK733" s="423" t="s">
        <v>2795</v>
      </c>
      <c r="QWL733" s="424"/>
      <c r="QWM733" s="424"/>
      <c r="QWN733" s="424"/>
      <c r="QWO733" s="423" t="s">
        <v>2795</v>
      </c>
      <c r="QWP733" s="424"/>
      <c r="QWQ733" s="424"/>
      <c r="QWR733" s="424"/>
      <c r="QWS733" s="423" t="s">
        <v>2795</v>
      </c>
      <c r="QWT733" s="424"/>
      <c r="QWU733" s="424"/>
      <c r="QWV733" s="424"/>
      <c r="QWW733" s="423" t="s">
        <v>2795</v>
      </c>
      <c r="QWX733" s="424"/>
      <c r="QWY733" s="424"/>
      <c r="QWZ733" s="424"/>
      <c r="QXA733" s="423" t="s">
        <v>2795</v>
      </c>
      <c r="QXB733" s="424"/>
      <c r="QXC733" s="424"/>
      <c r="QXD733" s="424"/>
      <c r="QXE733" s="423" t="s">
        <v>2795</v>
      </c>
      <c r="QXF733" s="424"/>
      <c r="QXG733" s="424"/>
      <c r="QXH733" s="424"/>
      <c r="QXI733" s="423" t="s">
        <v>2795</v>
      </c>
      <c r="QXJ733" s="424"/>
      <c r="QXK733" s="424"/>
      <c r="QXL733" s="424"/>
      <c r="QXM733" s="423" t="s">
        <v>2795</v>
      </c>
      <c r="QXN733" s="424"/>
      <c r="QXO733" s="424"/>
      <c r="QXP733" s="424"/>
      <c r="QXQ733" s="423" t="s">
        <v>2795</v>
      </c>
      <c r="QXR733" s="424"/>
      <c r="QXS733" s="424"/>
      <c r="QXT733" s="424"/>
      <c r="QXU733" s="423" t="s">
        <v>2795</v>
      </c>
      <c r="QXV733" s="424"/>
      <c r="QXW733" s="424"/>
      <c r="QXX733" s="424"/>
      <c r="QXY733" s="423" t="s">
        <v>2795</v>
      </c>
      <c r="QXZ733" s="424"/>
      <c r="QYA733" s="424"/>
      <c r="QYB733" s="424"/>
      <c r="QYC733" s="423" t="s">
        <v>2795</v>
      </c>
      <c r="QYD733" s="424"/>
      <c r="QYE733" s="424"/>
      <c r="QYF733" s="424"/>
      <c r="QYG733" s="423" t="s">
        <v>2795</v>
      </c>
      <c r="QYH733" s="424"/>
      <c r="QYI733" s="424"/>
      <c r="QYJ733" s="424"/>
      <c r="QYK733" s="423" t="s">
        <v>2795</v>
      </c>
      <c r="QYL733" s="424"/>
      <c r="QYM733" s="424"/>
      <c r="QYN733" s="424"/>
      <c r="QYO733" s="423" t="s">
        <v>2795</v>
      </c>
      <c r="QYP733" s="424"/>
      <c r="QYQ733" s="424"/>
      <c r="QYR733" s="424"/>
      <c r="QYS733" s="423" t="s">
        <v>2795</v>
      </c>
      <c r="QYT733" s="424"/>
      <c r="QYU733" s="424"/>
      <c r="QYV733" s="424"/>
      <c r="QYW733" s="423" t="s">
        <v>2795</v>
      </c>
      <c r="QYX733" s="424"/>
      <c r="QYY733" s="424"/>
      <c r="QYZ733" s="424"/>
      <c r="QZA733" s="423" t="s">
        <v>2795</v>
      </c>
      <c r="QZB733" s="424"/>
      <c r="QZC733" s="424"/>
      <c r="QZD733" s="424"/>
      <c r="QZE733" s="423" t="s">
        <v>2795</v>
      </c>
      <c r="QZF733" s="424"/>
      <c r="QZG733" s="424"/>
      <c r="QZH733" s="424"/>
      <c r="QZI733" s="423" t="s">
        <v>2795</v>
      </c>
      <c r="QZJ733" s="424"/>
      <c r="QZK733" s="424"/>
      <c r="QZL733" s="424"/>
      <c r="QZM733" s="423" t="s">
        <v>2795</v>
      </c>
      <c r="QZN733" s="424"/>
      <c r="QZO733" s="424"/>
      <c r="QZP733" s="424"/>
      <c r="QZQ733" s="423" t="s">
        <v>2795</v>
      </c>
      <c r="QZR733" s="424"/>
      <c r="QZS733" s="424"/>
      <c r="QZT733" s="424"/>
      <c r="QZU733" s="423" t="s">
        <v>2795</v>
      </c>
      <c r="QZV733" s="424"/>
      <c r="QZW733" s="424"/>
      <c r="QZX733" s="424"/>
      <c r="QZY733" s="423" t="s">
        <v>2795</v>
      </c>
      <c r="QZZ733" s="424"/>
      <c r="RAA733" s="424"/>
      <c r="RAB733" s="424"/>
      <c r="RAC733" s="423" t="s">
        <v>2795</v>
      </c>
      <c r="RAD733" s="424"/>
      <c r="RAE733" s="424"/>
      <c r="RAF733" s="424"/>
      <c r="RAG733" s="423" t="s">
        <v>2795</v>
      </c>
      <c r="RAH733" s="424"/>
      <c r="RAI733" s="424"/>
      <c r="RAJ733" s="424"/>
      <c r="RAK733" s="423" t="s">
        <v>2795</v>
      </c>
      <c r="RAL733" s="424"/>
      <c r="RAM733" s="424"/>
      <c r="RAN733" s="424"/>
      <c r="RAO733" s="423" t="s">
        <v>2795</v>
      </c>
      <c r="RAP733" s="424"/>
      <c r="RAQ733" s="424"/>
      <c r="RAR733" s="424"/>
      <c r="RAS733" s="423" t="s">
        <v>2795</v>
      </c>
      <c r="RAT733" s="424"/>
      <c r="RAU733" s="424"/>
      <c r="RAV733" s="424"/>
      <c r="RAW733" s="423" t="s">
        <v>2795</v>
      </c>
      <c r="RAX733" s="424"/>
      <c r="RAY733" s="424"/>
      <c r="RAZ733" s="424"/>
      <c r="RBA733" s="423" t="s">
        <v>2795</v>
      </c>
      <c r="RBB733" s="424"/>
      <c r="RBC733" s="424"/>
      <c r="RBD733" s="424"/>
      <c r="RBE733" s="423" t="s">
        <v>2795</v>
      </c>
      <c r="RBF733" s="424"/>
      <c r="RBG733" s="424"/>
      <c r="RBH733" s="424"/>
      <c r="RBI733" s="423" t="s">
        <v>2795</v>
      </c>
      <c r="RBJ733" s="424"/>
      <c r="RBK733" s="424"/>
      <c r="RBL733" s="424"/>
      <c r="RBM733" s="423" t="s">
        <v>2795</v>
      </c>
      <c r="RBN733" s="424"/>
      <c r="RBO733" s="424"/>
      <c r="RBP733" s="424"/>
      <c r="RBQ733" s="423" t="s">
        <v>2795</v>
      </c>
      <c r="RBR733" s="424"/>
      <c r="RBS733" s="424"/>
      <c r="RBT733" s="424"/>
      <c r="RBU733" s="423" t="s">
        <v>2795</v>
      </c>
      <c r="RBV733" s="424"/>
      <c r="RBW733" s="424"/>
      <c r="RBX733" s="424"/>
      <c r="RBY733" s="423" t="s">
        <v>2795</v>
      </c>
      <c r="RBZ733" s="424"/>
      <c r="RCA733" s="424"/>
      <c r="RCB733" s="424"/>
      <c r="RCC733" s="423" t="s">
        <v>2795</v>
      </c>
      <c r="RCD733" s="424"/>
      <c r="RCE733" s="424"/>
      <c r="RCF733" s="424"/>
      <c r="RCG733" s="423" t="s">
        <v>2795</v>
      </c>
      <c r="RCH733" s="424"/>
      <c r="RCI733" s="424"/>
      <c r="RCJ733" s="424"/>
      <c r="RCK733" s="423" t="s">
        <v>2795</v>
      </c>
      <c r="RCL733" s="424"/>
      <c r="RCM733" s="424"/>
      <c r="RCN733" s="424"/>
      <c r="RCO733" s="423" t="s">
        <v>2795</v>
      </c>
      <c r="RCP733" s="424"/>
      <c r="RCQ733" s="424"/>
      <c r="RCR733" s="424"/>
      <c r="RCS733" s="423" t="s">
        <v>2795</v>
      </c>
      <c r="RCT733" s="424"/>
      <c r="RCU733" s="424"/>
      <c r="RCV733" s="424"/>
      <c r="RCW733" s="423" t="s">
        <v>2795</v>
      </c>
      <c r="RCX733" s="424"/>
      <c r="RCY733" s="424"/>
      <c r="RCZ733" s="424"/>
      <c r="RDA733" s="423" t="s">
        <v>2795</v>
      </c>
      <c r="RDB733" s="424"/>
      <c r="RDC733" s="424"/>
      <c r="RDD733" s="424"/>
      <c r="RDE733" s="423" t="s">
        <v>2795</v>
      </c>
      <c r="RDF733" s="424"/>
      <c r="RDG733" s="424"/>
      <c r="RDH733" s="424"/>
      <c r="RDI733" s="423" t="s">
        <v>2795</v>
      </c>
      <c r="RDJ733" s="424"/>
      <c r="RDK733" s="424"/>
      <c r="RDL733" s="424"/>
      <c r="RDM733" s="423" t="s">
        <v>2795</v>
      </c>
      <c r="RDN733" s="424"/>
      <c r="RDO733" s="424"/>
      <c r="RDP733" s="424"/>
      <c r="RDQ733" s="423" t="s">
        <v>2795</v>
      </c>
      <c r="RDR733" s="424"/>
      <c r="RDS733" s="424"/>
      <c r="RDT733" s="424"/>
      <c r="RDU733" s="423" t="s">
        <v>2795</v>
      </c>
      <c r="RDV733" s="424"/>
      <c r="RDW733" s="424"/>
      <c r="RDX733" s="424"/>
      <c r="RDY733" s="423" t="s">
        <v>2795</v>
      </c>
      <c r="RDZ733" s="424"/>
      <c r="REA733" s="424"/>
      <c r="REB733" s="424"/>
      <c r="REC733" s="423" t="s">
        <v>2795</v>
      </c>
      <c r="RED733" s="424"/>
      <c r="REE733" s="424"/>
      <c r="REF733" s="424"/>
      <c r="REG733" s="423" t="s">
        <v>2795</v>
      </c>
      <c r="REH733" s="424"/>
      <c r="REI733" s="424"/>
      <c r="REJ733" s="424"/>
      <c r="REK733" s="423" t="s">
        <v>2795</v>
      </c>
      <c r="REL733" s="424"/>
      <c r="REM733" s="424"/>
      <c r="REN733" s="424"/>
      <c r="REO733" s="423" t="s">
        <v>2795</v>
      </c>
      <c r="REP733" s="424"/>
      <c r="REQ733" s="424"/>
      <c r="RER733" s="424"/>
      <c r="RES733" s="423" t="s">
        <v>2795</v>
      </c>
      <c r="RET733" s="424"/>
      <c r="REU733" s="424"/>
      <c r="REV733" s="424"/>
      <c r="REW733" s="423" t="s">
        <v>2795</v>
      </c>
      <c r="REX733" s="424"/>
      <c r="REY733" s="424"/>
      <c r="REZ733" s="424"/>
      <c r="RFA733" s="423" t="s">
        <v>2795</v>
      </c>
      <c r="RFB733" s="424"/>
      <c r="RFC733" s="424"/>
      <c r="RFD733" s="424"/>
      <c r="RFE733" s="423" t="s">
        <v>2795</v>
      </c>
      <c r="RFF733" s="424"/>
      <c r="RFG733" s="424"/>
      <c r="RFH733" s="424"/>
      <c r="RFI733" s="423" t="s">
        <v>2795</v>
      </c>
      <c r="RFJ733" s="424"/>
      <c r="RFK733" s="424"/>
      <c r="RFL733" s="424"/>
      <c r="RFM733" s="423" t="s">
        <v>2795</v>
      </c>
      <c r="RFN733" s="424"/>
      <c r="RFO733" s="424"/>
      <c r="RFP733" s="424"/>
      <c r="RFQ733" s="423" t="s">
        <v>2795</v>
      </c>
      <c r="RFR733" s="424"/>
      <c r="RFS733" s="424"/>
      <c r="RFT733" s="424"/>
      <c r="RFU733" s="423" t="s">
        <v>2795</v>
      </c>
      <c r="RFV733" s="424"/>
      <c r="RFW733" s="424"/>
      <c r="RFX733" s="424"/>
      <c r="RFY733" s="423" t="s">
        <v>2795</v>
      </c>
      <c r="RFZ733" s="424"/>
      <c r="RGA733" s="424"/>
      <c r="RGB733" s="424"/>
      <c r="RGC733" s="423" t="s">
        <v>2795</v>
      </c>
      <c r="RGD733" s="424"/>
      <c r="RGE733" s="424"/>
      <c r="RGF733" s="424"/>
      <c r="RGG733" s="423" t="s">
        <v>2795</v>
      </c>
      <c r="RGH733" s="424"/>
      <c r="RGI733" s="424"/>
      <c r="RGJ733" s="424"/>
      <c r="RGK733" s="423" t="s">
        <v>2795</v>
      </c>
      <c r="RGL733" s="424"/>
      <c r="RGM733" s="424"/>
      <c r="RGN733" s="424"/>
      <c r="RGO733" s="423" t="s">
        <v>2795</v>
      </c>
      <c r="RGP733" s="424"/>
      <c r="RGQ733" s="424"/>
      <c r="RGR733" s="424"/>
      <c r="RGS733" s="423" t="s">
        <v>2795</v>
      </c>
      <c r="RGT733" s="424"/>
      <c r="RGU733" s="424"/>
      <c r="RGV733" s="424"/>
      <c r="RGW733" s="423" t="s">
        <v>2795</v>
      </c>
      <c r="RGX733" s="424"/>
      <c r="RGY733" s="424"/>
      <c r="RGZ733" s="424"/>
      <c r="RHA733" s="423" t="s">
        <v>2795</v>
      </c>
      <c r="RHB733" s="424"/>
      <c r="RHC733" s="424"/>
      <c r="RHD733" s="424"/>
      <c r="RHE733" s="423" t="s">
        <v>2795</v>
      </c>
      <c r="RHF733" s="424"/>
      <c r="RHG733" s="424"/>
      <c r="RHH733" s="424"/>
      <c r="RHI733" s="423" t="s">
        <v>2795</v>
      </c>
      <c r="RHJ733" s="424"/>
      <c r="RHK733" s="424"/>
      <c r="RHL733" s="424"/>
      <c r="RHM733" s="423" t="s">
        <v>2795</v>
      </c>
      <c r="RHN733" s="424"/>
      <c r="RHO733" s="424"/>
      <c r="RHP733" s="424"/>
      <c r="RHQ733" s="423" t="s">
        <v>2795</v>
      </c>
      <c r="RHR733" s="424"/>
      <c r="RHS733" s="424"/>
      <c r="RHT733" s="424"/>
      <c r="RHU733" s="423" t="s">
        <v>2795</v>
      </c>
      <c r="RHV733" s="424"/>
      <c r="RHW733" s="424"/>
      <c r="RHX733" s="424"/>
      <c r="RHY733" s="423" t="s">
        <v>2795</v>
      </c>
      <c r="RHZ733" s="424"/>
      <c r="RIA733" s="424"/>
      <c r="RIB733" s="424"/>
      <c r="RIC733" s="423" t="s">
        <v>2795</v>
      </c>
      <c r="RID733" s="424"/>
      <c r="RIE733" s="424"/>
      <c r="RIF733" s="424"/>
      <c r="RIG733" s="423" t="s">
        <v>2795</v>
      </c>
      <c r="RIH733" s="424"/>
      <c r="RII733" s="424"/>
      <c r="RIJ733" s="424"/>
      <c r="RIK733" s="423" t="s">
        <v>2795</v>
      </c>
      <c r="RIL733" s="424"/>
      <c r="RIM733" s="424"/>
      <c r="RIN733" s="424"/>
      <c r="RIO733" s="423" t="s">
        <v>2795</v>
      </c>
      <c r="RIP733" s="424"/>
      <c r="RIQ733" s="424"/>
      <c r="RIR733" s="424"/>
      <c r="RIS733" s="423" t="s">
        <v>2795</v>
      </c>
      <c r="RIT733" s="424"/>
      <c r="RIU733" s="424"/>
      <c r="RIV733" s="424"/>
      <c r="RIW733" s="423" t="s">
        <v>2795</v>
      </c>
      <c r="RIX733" s="424"/>
      <c r="RIY733" s="424"/>
      <c r="RIZ733" s="424"/>
      <c r="RJA733" s="423" t="s">
        <v>2795</v>
      </c>
      <c r="RJB733" s="424"/>
      <c r="RJC733" s="424"/>
      <c r="RJD733" s="424"/>
      <c r="RJE733" s="423" t="s">
        <v>2795</v>
      </c>
      <c r="RJF733" s="424"/>
      <c r="RJG733" s="424"/>
      <c r="RJH733" s="424"/>
      <c r="RJI733" s="423" t="s">
        <v>2795</v>
      </c>
      <c r="RJJ733" s="424"/>
      <c r="RJK733" s="424"/>
      <c r="RJL733" s="424"/>
      <c r="RJM733" s="423" t="s">
        <v>2795</v>
      </c>
      <c r="RJN733" s="424"/>
      <c r="RJO733" s="424"/>
      <c r="RJP733" s="424"/>
      <c r="RJQ733" s="423" t="s">
        <v>2795</v>
      </c>
      <c r="RJR733" s="424"/>
      <c r="RJS733" s="424"/>
      <c r="RJT733" s="424"/>
      <c r="RJU733" s="423" t="s">
        <v>2795</v>
      </c>
      <c r="RJV733" s="424"/>
      <c r="RJW733" s="424"/>
      <c r="RJX733" s="424"/>
      <c r="RJY733" s="423" t="s">
        <v>2795</v>
      </c>
      <c r="RJZ733" s="424"/>
      <c r="RKA733" s="424"/>
      <c r="RKB733" s="424"/>
      <c r="RKC733" s="423" t="s">
        <v>2795</v>
      </c>
      <c r="RKD733" s="424"/>
      <c r="RKE733" s="424"/>
      <c r="RKF733" s="424"/>
      <c r="RKG733" s="423" t="s">
        <v>2795</v>
      </c>
      <c r="RKH733" s="424"/>
      <c r="RKI733" s="424"/>
      <c r="RKJ733" s="424"/>
      <c r="RKK733" s="423" t="s">
        <v>2795</v>
      </c>
      <c r="RKL733" s="424"/>
      <c r="RKM733" s="424"/>
      <c r="RKN733" s="424"/>
      <c r="RKO733" s="423" t="s">
        <v>2795</v>
      </c>
      <c r="RKP733" s="424"/>
      <c r="RKQ733" s="424"/>
      <c r="RKR733" s="424"/>
      <c r="RKS733" s="423" t="s">
        <v>2795</v>
      </c>
      <c r="RKT733" s="424"/>
      <c r="RKU733" s="424"/>
      <c r="RKV733" s="424"/>
      <c r="RKW733" s="423" t="s">
        <v>2795</v>
      </c>
      <c r="RKX733" s="424"/>
      <c r="RKY733" s="424"/>
      <c r="RKZ733" s="424"/>
      <c r="RLA733" s="423" t="s">
        <v>2795</v>
      </c>
      <c r="RLB733" s="424"/>
      <c r="RLC733" s="424"/>
      <c r="RLD733" s="424"/>
      <c r="RLE733" s="423" t="s">
        <v>2795</v>
      </c>
      <c r="RLF733" s="424"/>
      <c r="RLG733" s="424"/>
      <c r="RLH733" s="424"/>
      <c r="RLI733" s="423" t="s">
        <v>2795</v>
      </c>
      <c r="RLJ733" s="424"/>
      <c r="RLK733" s="424"/>
      <c r="RLL733" s="424"/>
      <c r="RLM733" s="423" t="s">
        <v>2795</v>
      </c>
      <c r="RLN733" s="424"/>
      <c r="RLO733" s="424"/>
      <c r="RLP733" s="424"/>
      <c r="RLQ733" s="423" t="s">
        <v>2795</v>
      </c>
      <c r="RLR733" s="424"/>
      <c r="RLS733" s="424"/>
      <c r="RLT733" s="424"/>
      <c r="RLU733" s="423" t="s">
        <v>2795</v>
      </c>
      <c r="RLV733" s="424"/>
      <c r="RLW733" s="424"/>
      <c r="RLX733" s="424"/>
      <c r="RLY733" s="423" t="s">
        <v>2795</v>
      </c>
      <c r="RLZ733" s="424"/>
      <c r="RMA733" s="424"/>
      <c r="RMB733" s="424"/>
      <c r="RMC733" s="423" t="s">
        <v>2795</v>
      </c>
      <c r="RMD733" s="424"/>
      <c r="RME733" s="424"/>
      <c r="RMF733" s="424"/>
      <c r="RMG733" s="423" t="s">
        <v>2795</v>
      </c>
      <c r="RMH733" s="424"/>
      <c r="RMI733" s="424"/>
      <c r="RMJ733" s="424"/>
      <c r="RMK733" s="423" t="s">
        <v>2795</v>
      </c>
      <c r="RML733" s="424"/>
      <c r="RMM733" s="424"/>
      <c r="RMN733" s="424"/>
      <c r="RMO733" s="423" t="s">
        <v>2795</v>
      </c>
      <c r="RMP733" s="424"/>
      <c r="RMQ733" s="424"/>
      <c r="RMR733" s="424"/>
      <c r="RMS733" s="423" t="s">
        <v>2795</v>
      </c>
      <c r="RMT733" s="424"/>
      <c r="RMU733" s="424"/>
      <c r="RMV733" s="424"/>
      <c r="RMW733" s="423" t="s">
        <v>2795</v>
      </c>
      <c r="RMX733" s="424"/>
      <c r="RMY733" s="424"/>
      <c r="RMZ733" s="424"/>
      <c r="RNA733" s="423" t="s">
        <v>2795</v>
      </c>
      <c r="RNB733" s="424"/>
      <c r="RNC733" s="424"/>
      <c r="RND733" s="424"/>
      <c r="RNE733" s="423" t="s">
        <v>2795</v>
      </c>
      <c r="RNF733" s="424"/>
      <c r="RNG733" s="424"/>
      <c r="RNH733" s="424"/>
      <c r="RNI733" s="423" t="s">
        <v>2795</v>
      </c>
      <c r="RNJ733" s="424"/>
      <c r="RNK733" s="424"/>
      <c r="RNL733" s="424"/>
      <c r="RNM733" s="423" t="s">
        <v>2795</v>
      </c>
      <c r="RNN733" s="424"/>
      <c r="RNO733" s="424"/>
      <c r="RNP733" s="424"/>
      <c r="RNQ733" s="423" t="s">
        <v>2795</v>
      </c>
      <c r="RNR733" s="424"/>
      <c r="RNS733" s="424"/>
      <c r="RNT733" s="424"/>
      <c r="RNU733" s="423" t="s">
        <v>2795</v>
      </c>
      <c r="RNV733" s="424"/>
      <c r="RNW733" s="424"/>
      <c r="RNX733" s="424"/>
      <c r="RNY733" s="423" t="s">
        <v>2795</v>
      </c>
      <c r="RNZ733" s="424"/>
      <c r="ROA733" s="424"/>
      <c r="ROB733" s="424"/>
      <c r="ROC733" s="423" t="s">
        <v>2795</v>
      </c>
      <c r="ROD733" s="424"/>
      <c r="ROE733" s="424"/>
      <c r="ROF733" s="424"/>
      <c r="ROG733" s="423" t="s">
        <v>2795</v>
      </c>
      <c r="ROH733" s="424"/>
      <c r="ROI733" s="424"/>
      <c r="ROJ733" s="424"/>
      <c r="ROK733" s="423" t="s">
        <v>2795</v>
      </c>
      <c r="ROL733" s="424"/>
      <c r="ROM733" s="424"/>
      <c r="RON733" s="424"/>
      <c r="ROO733" s="423" t="s">
        <v>2795</v>
      </c>
      <c r="ROP733" s="424"/>
      <c r="ROQ733" s="424"/>
      <c r="ROR733" s="424"/>
      <c r="ROS733" s="423" t="s">
        <v>2795</v>
      </c>
      <c r="ROT733" s="424"/>
      <c r="ROU733" s="424"/>
      <c r="ROV733" s="424"/>
      <c r="ROW733" s="423" t="s">
        <v>2795</v>
      </c>
      <c r="ROX733" s="424"/>
      <c r="ROY733" s="424"/>
      <c r="ROZ733" s="424"/>
      <c r="RPA733" s="423" t="s">
        <v>2795</v>
      </c>
      <c r="RPB733" s="424"/>
      <c r="RPC733" s="424"/>
      <c r="RPD733" s="424"/>
      <c r="RPE733" s="423" t="s">
        <v>2795</v>
      </c>
      <c r="RPF733" s="424"/>
      <c r="RPG733" s="424"/>
      <c r="RPH733" s="424"/>
      <c r="RPI733" s="423" t="s">
        <v>2795</v>
      </c>
      <c r="RPJ733" s="424"/>
      <c r="RPK733" s="424"/>
      <c r="RPL733" s="424"/>
      <c r="RPM733" s="423" t="s">
        <v>2795</v>
      </c>
      <c r="RPN733" s="424"/>
      <c r="RPO733" s="424"/>
      <c r="RPP733" s="424"/>
      <c r="RPQ733" s="423" t="s">
        <v>2795</v>
      </c>
      <c r="RPR733" s="424"/>
      <c r="RPS733" s="424"/>
      <c r="RPT733" s="424"/>
      <c r="RPU733" s="423" t="s">
        <v>2795</v>
      </c>
      <c r="RPV733" s="424"/>
      <c r="RPW733" s="424"/>
      <c r="RPX733" s="424"/>
      <c r="RPY733" s="423" t="s">
        <v>2795</v>
      </c>
      <c r="RPZ733" s="424"/>
      <c r="RQA733" s="424"/>
      <c r="RQB733" s="424"/>
      <c r="RQC733" s="423" t="s">
        <v>2795</v>
      </c>
      <c r="RQD733" s="424"/>
      <c r="RQE733" s="424"/>
      <c r="RQF733" s="424"/>
      <c r="RQG733" s="423" t="s">
        <v>2795</v>
      </c>
      <c r="RQH733" s="424"/>
      <c r="RQI733" s="424"/>
      <c r="RQJ733" s="424"/>
      <c r="RQK733" s="423" t="s">
        <v>2795</v>
      </c>
      <c r="RQL733" s="424"/>
      <c r="RQM733" s="424"/>
      <c r="RQN733" s="424"/>
      <c r="RQO733" s="423" t="s">
        <v>2795</v>
      </c>
      <c r="RQP733" s="424"/>
      <c r="RQQ733" s="424"/>
      <c r="RQR733" s="424"/>
      <c r="RQS733" s="423" t="s">
        <v>2795</v>
      </c>
      <c r="RQT733" s="424"/>
      <c r="RQU733" s="424"/>
      <c r="RQV733" s="424"/>
      <c r="RQW733" s="423" t="s">
        <v>2795</v>
      </c>
      <c r="RQX733" s="424"/>
      <c r="RQY733" s="424"/>
      <c r="RQZ733" s="424"/>
      <c r="RRA733" s="423" t="s">
        <v>2795</v>
      </c>
      <c r="RRB733" s="424"/>
      <c r="RRC733" s="424"/>
      <c r="RRD733" s="424"/>
      <c r="RRE733" s="423" t="s">
        <v>2795</v>
      </c>
      <c r="RRF733" s="424"/>
      <c r="RRG733" s="424"/>
      <c r="RRH733" s="424"/>
      <c r="RRI733" s="423" t="s">
        <v>2795</v>
      </c>
      <c r="RRJ733" s="424"/>
      <c r="RRK733" s="424"/>
      <c r="RRL733" s="424"/>
      <c r="RRM733" s="423" t="s">
        <v>2795</v>
      </c>
      <c r="RRN733" s="424"/>
      <c r="RRO733" s="424"/>
      <c r="RRP733" s="424"/>
      <c r="RRQ733" s="423" t="s">
        <v>2795</v>
      </c>
      <c r="RRR733" s="424"/>
      <c r="RRS733" s="424"/>
      <c r="RRT733" s="424"/>
      <c r="RRU733" s="423" t="s">
        <v>2795</v>
      </c>
      <c r="RRV733" s="424"/>
      <c r="RRW733" s="424"/>
      <c r="RRX733" s="424"/>
      <c r="RRY733" s="423" t="s">
        <v>2795</v>
      </c>
      <c r="RRZ733" s="424"/>
      <c r="RSA733" s="424"/>
      <c r="RSB733" s="424"/>
      <c r="RSC733" s="423" t="s">
        <v>2795</v>
      </c>
      <c r="RSD733" s="424"/>
      <c r="RSE733" s="424"/>
      <c r="RSF733" s="424"/>
      <c r="RSG733" s="423" t="s">
        <v>2795</v>
      </c>
      <c r="RSH733" s="424"/>
      <c r="RSI733" s="424"/>
      <c r="RSJ733" s="424"/>
      <c r="RSK733" s="423" t="s">
        <v>2795</v>
      </c>
      <c r="RSL733" s="424"/>
      <c r="RSM733" s="424"/>
      <c r="RSN733" s="424"/>
      <c r="RSO733" s="423" t="s">
        <v>2795</v>
      </c>
      <c r="RSP733" s="424"/>
      <c r="RSQ733" s="424"/>
      <c r="RSR733" s="424"/>
      <c r="RSS733" s="423" t="s">
        <v>2795</v>
      </c>
      <c r="RST733" s="424"/>
      <c r="RSU733" s="424"/>
      <c r="RSV733" s="424"/>
      <c r="RSW733" s="423" t="s">
        <v>2795</v>
      </c>
      <c r="RSX733" s="424"/>
      <c r="RSY733" s="424"/>
      <c r="RSZ733" s="424"/>
      <c r="RTA733" s="423" t="s">
        <v>2795</v>
      </c>
      <c r="RTB733" s="424"/>
      <c r="RTC733" s="424"/>
      <c r="RTD733" s="424"/>
      <c r="RTE733" s="423" t="s">
        <v>2795</v>
      </c>
      <c r="RTF733" s="424"/>
      <c r="RTG733" s="424"/>
      <c r="RTH733" s="424"/>
      <c r="RTI733" s="423" t="s">
        <v>2795</v>
      </c>
      <c r="RTJ733" s="424"/>
      <c r="RTK733" s="424"/>
      <c r="RTL733" s="424"/>
      <c r="RTM733" s="423" t="s">
        <v>2795</v>
      </c>
      <c r="RTN733" s="424"/>
      <c r="RTO733" s="424"/>
      <c r="RTP733" s="424"/>
      <c r="RTQ733" s="423" t="s">
        <v>2795</v>
      </c>
      <c r="RTR733" s="424"/>
      <c r="RTS733" s="424"/>
      <c r="RTT733" s="424"/>
      <c r="RTU733" s="423" t="s">
        <v>2795</v>
      </c>
      <c r="RTV733" s="424"/>
      <c r="RTW733" s="424"/>
      <c r="RTX733" s="424"/>
      <c r="RTY733" s="423" t="s">
        <v>2795</v>
      </c>
      <c r="RTZ733" s="424"/>
      <c r="RUA733" s="424"/>
      <c r="RUB733" s="424"/>
      <c r="RUC733" s="423" t="s">
        <v>2795</v>
      </c>
      <c r="RUD733" s="424"/>
      <c r="RUE733" s="424"/>
      <c r="RUF733" s="424"/>
      <c r="RUG733" s="423" t="s">
        <v>2795</v>
      </c>
      <c r="RUH733" s="424"/>
      <c r="RUI733" s="424"/>
      <c r="RUJ733" s="424"/>
      <c r="RUK733" s="423" t="s">
        <v>2795</v>
      </c>
      <c r="RUL733" s="424"/>
      <c r="RUM733" s="424"/>
      <c r="RUN733" s="424"/>
      <c r="RUO733" s="423" t="s">
        <v>2795</v>
      </c>
      <c r="RUP733" s="424"/>
      <c r="RUQ733" s="424"/>
      <c r="RUR733" s="424"/>
      <c r="RUS733" s="423" t="s">
        <v>2795</v>
      </c>
      <c r="RUT733" s="424"/>
      <c r="RUU733" s="424"/>
      <c r="RUV733" s="424"/>
      <c r="RUW733" s="423" t="s">
        <v>2795</v>
      </c>
      <c r="RUX733" s="424"/>
      <c r="RUY733" s="424"/>
      <c r="RUZ733" s="424"/>
      <c r="RVA733" s="423" t="s">
        <v>2795</v>
      </c>
      <c r="RVB733" s="424"/>
      <c r="RVC733" s="424"/>
      <c r="RVD733" s="424"/>
      <c r="RVE733" s="423" t="s">
        <v>2795</v>
      </c>
      <c r="RVF733" s="424"/>
      <c r="RVG733" s="424"/>
      <c r="RVH733" s="424"/>
      <c r="RVI733" s="423" t="s">
        <v>2795</v>
      </c>
      <c r="RVJ733" s="424"/>
      <c r="RVK733" s="424"/>
      <c r="RVL733" s="424"/>
      <c r="RVM733" s="423" t="s">
        <v>2795</v>
      </c>
      <c r="RVN733" s="424"/>
      <c r="RVO733" s="424"/>
      <c r="RVP733" s="424"/>
      <c r="RVQ733" s="423" t="s">
        <v>2795</v>
      </c>
      <c r="RVR733" s="424"/>
      <c r="RVS733" s="424"/>
      <c r="RVT733" s="424"/>
      <c r="RVU733" s="423" t="s">
        <v>2795</v>
      </c>
      <c r="RVV733" s="424"/>
      <c r="RVW733" s="424"/>
      <c r="RVX733" s="424"/>
      <c r="RVY733" s="423" t="s">
        <v>2795</v>
      </c>
      <c r="RVZ733" s="424"/>
      <c r="RWA733" s="424"/>
      <c r="RWB733" s="424"/>
      <c r="RWC733" s="423" t="s">
        <v>2795</v>
      </c>
      <c r="RWD733" s="424"/>
      <c r="RWE733" s="424"/>
      <c r="RWF733" s="424"/>
      <c r="RWG733" s="423" t="s">
        <v>2795</v>
      </c>
      <c r="RWH733" s="424"/>
      <c r="RWI733" s="424"/>
      <c r="RWJ733" s="424"/>
      <c r="RWK733" s="423" t="s">
        <v>2795</v>
      </c>
      <c r="RWL733" s="424"/>
      <c r="RWM733" s="424"/>
      <c r="RWN733" s="424"/>
      <c r="RWO733" s="423" t="s">
        <v>2795</v>
      </c>
      <c r="RWP733" s="424"/>
      <c r="RWQ733" s="424"/>
      <c r="RWR733" s="424"/>
      <c r="RWS733" s="423" t="s">
        <v>2795</v>
      </c>
      <c r="RWT733" s="424"/>
      <c r="RWU733" s="424"/>
      <c r="RWV733" s="424"/>
      <c r="RWW733" s="423" t="s">
        <v>2795</v>
      </c>
      <c r="RWX733" s="424"/>
      <c r="RWY733" s="424"/>
      <c r="RWZ733" s="424"/>
      <c r="RXA733" s="423" t="s">
        <v>2795</v>
      </c>
      <c r="RXB733" s="424"/>
      <c r="RXC733" s="424"/>
      <c r="RXD733" s="424"/>
      <c r="RXE733" s="423" t="s">
        <v>2795</v>
      </c>
      <c r="RXF733" s="424"/>
      <c r="RXG733" s="424"/>
      <c r="RXH733" s="424"/>
      <c r="RXI733" s="423" t="s">
        <v>2795</v>
      </c>
      <c r="RXJ733" s="424"/>
      <c r="RXK733" s="424"/>
      <c r="RXL733" s="424"/>
      <c r="RXM733" s="423" t="s">
        <v>2795</v>
      </c>
      <c r="RXN733" s="424"/>
      <c r="RXO733" s="424"/>
      <c r="RXP733" s="424"/>
      <c r="RXQ733" s="423" t="s">
        <v>2795</v>
      </c>
      <c r="RXR733" s="424"/>
      <c r="RXS733" s="424"/>
      <c r="RXT733" s="424"/>
      <c r="RXU733" s="423" t="s">
        <v>2795</v>
      </c>
      <c r="RXV733" s="424"/>
      <c r="RXW733" s="424"/>
      <c r="RXX733" s="424"/>
      <c r="RXY733" s="423" t="s">
        <v>2795</v>
      </c>
      <c r="RXZ733" s="424"/>
      <c r="RYA733" s="424"/>
      <c r="RYB733" s="424"/>
      <c r="RYC733" s="423" t="s">
        <v>2795</v>
      </c>
      <c r="RYD733" s="424"/>
      <c r="RYE733" s="424"/>
      <c r="RYF733" s="424"/>
      <c r="RYG733" s="423" t="s">
        <v>2795</v>
      </c>
      <c r="RYH733" s="424"/>
      <c r="RYI733" s="424"/>
      <c r="RYJ733" s="424"/>
      <c r="RYK733" s="423" t="s">
        <v>2795</v>
      </c>
      <c r="RYL733" s="424"/>
      <c r="RYM733" s="424"/>
      <c r="RYN733" s="424"/>
      <c r="RYO733" s="423" t="s">
        <v>2795</v>
      </c>
      <c r="RYP733" s="424"/>
      <c r="RYQ733" s="424"/>
      <c r="RYR733" s="424"/>
      <c r="RYS733" s="423" t="s">
        <v>2795</v>
      </c>
      <c r="RYT733" s="424"/>
      <c r="RYU733" s="424"/>
      <c r="RYV733" s="424"/>
      <c r="RYW733" s="423" t="s">
        <v>2795</v>
      </c>
      <c r="RYX733" s="424"/>
      <c r="RYY733" s="424"/>
      <c r="RYZ733" s="424"/>
      <c r="RZA733" s="423" t="s">
        <v>2795</v>
      </c>
      <c r="RZB733" s="424"/>
      <c r="RZC733" s="424"/>
      <c r="RZD733" s="424"/>
      <c r="RZE733" s="423" t="s">
        <v>2795</v>
      </c>
      <c r="RZF733" s="424"/>
      <c r="RZG733" s="424"/>
      <c r="RZH733" s="424"/>
      <c r="RZI733" s="423" t="s">
        <v>2795</v>
      </c>
      <c r="RZJ733" s="424"/>
      <c r="RZK733" s="424"/>
      <c r="RZL733" s="424"/>
      <c r="RZM733" s="423" t="s">
        <v>2795</v>
      </c>
      <c r="RZN733" s="424"/>
      <c r="RZO733" s="424"/>
      <c r="RZP733" s="424"/>
      <c r="RZQ733" s="423" t="s">
        <v>2795</v>
      </c>
      <c r="RZR733" s="424"/>
      <c r="RZS733" s="424"/>
      <c r="RZT733" s="424"/>
      <c r="RZU733" s="423" t="s">
        <v>2795</v>
      </c>
      <c r="RZV733" s="424"/>
      <c r="RZW733" s="424"/>
      <c r="RZX733" s="424"/>
      <c r="RZY733" s="423" t="s">
        <v>2795</v>
      </c>
      <c r="RZZ733" s="424"/>
      <c r="SAA733" s="424"/>
      <c r="SAB733" s="424"/>
      <c r="SAC733" s="423" t="s">
        <v>2795</v>
      </c>
      <c r="SAD733" s="424"/>
      <c r="SAE733" s="424"/>
      <c r="SAF733" s="424"/>
      <c r="SAG733" s="423" t="s">
        <v>2795</v>
      </c>
      <c r="SAH733" s="424"/>
      <c r="SAI733" s="424"/>
      <c r="SAJ733" s="424"/>
      <c r="SAK733" s="423" t="s">
        <v>2795</v>
      </c>
      <c r="SAL733" s="424"/>
      <c r="SAM733" s="424"/>
      <c r="SAN733" s="424"/>
      <c r="SAO733" s="423" t="s">
        <v>2795</v>
      </c>
      <c r="SAP733" s="424"/>
      <c r="SAQ733" s="424"/>
      <c r="SAR733" s="424"/>
      <c r="SAS733" s="423" t="s">
        <v>2795</v>
      </c>
      <c r="SAT733" s="424"/>
      <c r="SAU733" s="424"/>
      <c r="SAV733" s="424"/>
      <c r="SAW733" s="423" t="s">
        <v>2795</v>
      </c>
      <c r="SAX733" s="424"/>
      <c r="SAY733" s="424"/>
      <c r="SAZ733" s="424"/>
      <c r="SBA733" s="423" t="s">
        <v>2795</v>
      </c>
      <c r="SBB733" s="424"/>
      <c r="SBC733" s="424"/>
      <c r="SBD733" s="424"/>
      <c r="SBE733" s="423" t="s">
        <v>2795</v>
      </c>
      <c r="SBF733" s="424"/>
      <c r="SBG733" s="424"/>
      <c r="SBH733" s="424"/>
      <c r="SBI733" s="423" t="s">
        <v>2795</v>
      </c>
      <c r="SBJ733" s="424"/>
      <c r="SBK733" s="424"/>
      <c r="SBL733" s="424"/>
      <c r="SBM733" s="423" t="s">
        <v>2795</v>
      </c>
      <c r="SBN733" s="424"/>
      <c r="SBO733" s="424"/>
      <c r="SBP733" s="424"/>
      <c r="SBQ733" s="423" t="s">
        <v>2795</v>
      </c>
      <c r="SBR733" s="424"/>
      <c r="SBS733" s="424"/>
      <c r="SBT733" s="424"/>
      <c r="SBU733" s="423" t="s">
        <v>2795</v>
      </c>
      <c r="SBV733" s="424"/>
      <c r="SBW733" s="424"/>
      <c r="SBX733" s="424"/>
      <c r="SBY733" s="423" t="s">
        <v>2795</v>
      </c>
      <c r="SBZ733" s="424"/>
      <c r="SCA733" s="424"/>
      <c r="SCB733" s="424"/>
      <c r="SCC733" s="423" t="s">
        <v>2795</v>
      </c>
      <c r="SCD733" s="424"/>
      <c r="SCE733" s="424"/>
      <c r="SCF733" s="424"/>
      <c r="SCG733" s="423" t="s">
        <v>2795</v>
      </c>
      <c r="SCH733" s="424"/>
      <c r="SCI733" s="424"/>
      <c r="SCJ733" s="424"/>
      <c r="SCK733" s="423" t="s">
        <v>2795</v>
      </c>
      <c r="SCL733" s="424"/>
      <c r="SCM733" s="424"/>
      <c r="SCN733" s="424"/>
      <c r="SCO733" s="423" t="s">
        <v>2795</v>
      </c>
      <c r="SCP733" s="424"/>
      <c r="SCQ733" s="424"/>
      <c r="SCR733" s="424"/>
      <c r="SCS733" s="423" t="s">
        <v>2795</v>
      </c>
      <c r="SCT733" s="424"/>
      <c r="SCU733" s="424"/>
      <c r="SCV733" s="424"/>
      <c r="SCW733" s="423" t="s">
        <v>2795</v>
      </c>
      <c r="SCX733" s="424"/>
      <c r="SCY733" s="424"/>
      <c r="SCZ733" s="424"/>
      <c r="SDA733" s="423" t="s">
        <v>2795</v>
      </c>
      <c r="SDB733" s="424"/>
      <c r="SDC733" s="424"/>
      <c r="SDD733" s="424"/>
      <c r="SDE733" s="423" t="s">
        <v>2795</v>
      </c>
      <c r="SDF733" s="424"/>
      <c r="SDG733" s="424"/>
      <c r="SDH733" s="424"/>
      <c r="SDI733" s="423" t="s">
        <v>2795</v>
      </c>
      <c r="SDJ733" s="424"/>
      <c r="SDK733" s="424"/>
      <c r="SDL733" s="424"/>
      <c r="SDM733" s="423" t="s">
        <v>2795</v>
      </c>
      <c r="SDN733" s="424"/>
      <c r="SDO733" s="424"/>
      <c r="SDP733" s="424"/>
      <c r="SDQ733" s="423" t="s">
        <v>2795</v>
      </c>
      <c r="SDR733" s="424"/>
      <c r="SDS733" s="424"/>
      <c r="SDT733" s="424"/>
      <c r="SDU733" s="423" t="s">
        <v>2795</v>
      </c>
      <c r="SDV733" s="424"/>
      <c r="SDW733" s="424"/>
      <c r="SDX733" s="424"/>
      <c r="SDY733" s="423" t="s">
        <v>2795</v>
      </c>
      <c r="SDZ733" s="424"/>
      <c r="SEA733" s="424"/>
      <c r="SEB733" s="424"/>
      <c r="SEC733" s="423" t="s">
        <v>2795</v>
      </c>
      <c r="SED733" s="424"/>
      <c r="SEE733" s="424"/>
      <c r="SEF733" s="424"/>
      <c r="SEG733" s="423" t="s">
        <v>2795</v>
      </c>
      <c r="SEH733" s="424"/>
      <c r="SEI733" s="424"/>
      <c r="SEJ733" s="424"/>
      <c r="SEK733" s="423" t="s">
        <v>2795</v>
      </c>
      <c r="SEL733" s="424"/>
      <c r="SEM733" s="424"/>
      <c r="SEN733" s="424"/>
      <c r="SEO733" s="423" t="s">
        <v>2795</v>
      </c>
      <c r="SEP733" s="424"/>
      <c r="SEQ733" s="424"/>
      <c r="SER733" s="424"/>
      <c r="SES733" s="423" t="s">
        <v>2795</v>
      </c>
      <c r="SET733" s="424"/>
      <c r="SEU733" s="424"/>
      <c r="SEV733" s="424"/>
      <c r="SEW733" s="423" t="s">
        <v>2795</v>
      </c>
      <c r="SEX733" s="424"/>
      <c r="SEY733" s="424"/>
      <c r="SEZ733" s="424"/>
      <c r="SFA733" s="423" t="s">
        <v>2795</v>
      </c>
      <c r="SFB733" s="424"/>
      <c r="SFC733" s="424"/>
      <c r="SFD733" s="424"/>
      <c r="SFE733" s="423" t="s">
        <v>2795</v>
      </c>
      <c r="SFF733" s="424"/>
      <c r="SFG733" s="424"/>
      <c r="SFH733" s="424"/>
      <c r="SFI733" s="423" t="s">
        <v>2795</v>
      </c>
      <c r="SFJ733" s="424"/>
      <c r="SFK733" s="424"/>
      <c r="SFL733" s="424"/>
      <c r="SFM733" s="423" t="s">
        <v>2795</v>
      </c>
      <c r="SFN733" s="424"/>
      <c r="SFO733" s="424"/>
      <c r="SFP733" s="424"/>
      <c r="SFQ733" s="423" t="s">
        <v>2795</v>
      </c>
      <c r="SFR733" s="424"/>
      <c r="SFS733" s="424"/>
      <c r="SFT733" s="424"/>
      <c r="SFU733" s="423" t="s">
        <v>2795</v>
      </c>
      <c r="SFV733" s="424"/>
      <c r="SFW733" s="424"/>
      <c r="SFX733" s="424"/>
      <c r="SFY733" s="423" t="s">
        <v>2795</v>
      </c>
      <c r="SFZ733" s="424"/>
      <c r="SGA733" s="424"/>
      <c r="SGB733" s="424"/>
      <c r="SGC733" s="423" t="s">
        <v>2795</v>
      </c>
      <c r="SGD733" s="424"/>
      <c r="SGE733" s="424"/>
      <c r="SGF733" s="424"/>
      <c r="SGG733" s="423" t="s">
        <v>2795</v>
      </c>
      <c r="SGH733" s="424"/>
      <c r="SGI733" s="424"/>
      <c r="SGJ733" s="424"/>
      <c r="SGK733" s="423" t="s">
        <v>2795</v>
      </c>
      <c r="SGL733" s="424"/>
      <c r="SGM733" s="424"/>
      <c r="SGN733" s="424"/>
      <c r="SGO733" s="423" t="s">
        <v>2795</v>
      </c>
      <c r="SGP733" s="424"/>
      <c r="SGQ733" s="424"/>
      <c r="SGR733" s="424"/>
      <c r="SGS733" s="423" t="s">
        <v>2795</v>
      </c>
      <c r="SGT733" s="424"/>
      <c r="SGU733" s="424"/>
      <c r="SGV733" s="424"/>
      <c r="SGW733" s="423" t="s">
        <v>2795</v>
      </c>
      <c r="SGX733" s="424"/>
      <c r="SGY733" s="424"/>
      <c r="SGZ733" s="424"/>
      <c r="SHA733" s="423" t="s">
        <v>2795</v>
      </c>
      <c r="SHB733" s="424"/>
      <c r="SHC733" s="424"/>
      <c r="SHD733" s="424"/>
      <c r="SHE733" s="423" t="s">
        <v>2795</v>
      </c>
      <c r="SHF733" s="424"/>
      <c r="SHG733" s="424"/>
      <c r="SHH733" s="424"/>
      <c r="SHI733" s="423" t="s">
        <v>2795</v>
      </c>
      <c r="SHJ733" s="424"/>
      <c r="SHK733" s="424"/>
      <c r="SHL733" s="424"/>
      <c r="SHM733" s="423" t="s">
        <v>2795</v>
      </c>
      <c r="SHN733" s="424"/>
      <c r="SHO733" s="424"/>
      <c r="SHP733" s="424"/>
      <c r="SHQ733" s="423" t="s">
        <v>2795</v>
      </c>
      <c r="SHR733" s="424"/>
      <c r="SHS733" s="424"/>
      <c r="SHT733" s="424"/>
      <c r="SHU733" s="423" t="s">
        <v>2795</v>
      </c>
      <c r="SHV733" s="424"/>
      <c r="SHW733" s="424"/>
      <c r="SHX733" s="424"/>
      <c r="SHY733" s="423" t="s">
        <v>2795</v>
      </c>
      <c r="SHZ733" s="424"/>
      <c r="SIA733" s="424"/>
      <c r="SIB733" s="424"/>
      <c r="SIC733" s="423" t="s">
        <v>2795</v>
      </c>
      <c r="SID733" s="424"/>
      <c r="SIE733" s="424"/>
      <c r="SIF733" s="424"/>
      <c r="SIG733" s="423" t="s">
        <v>2795</v>
      </c>
      <c r="SIH733" s="424"/>
      <c r="SII733" s="424"/>
      <c r="SIJ733" s="424"/>
      <c r="SIK733" s="423" t="s">
        <v>2795</v>
      </c>
      <c r="SIL733" s="424"/>
      <c r="SIM733" s="424"/>
      <c r="SIN733" s="424"/>
      <c r="SIO733" s="423" t="s">
        <v>2795</v>
      </c>
      <c r="SIP733" s="424"/>
      <c r="SIQ733" s="424"/>
      <c r="SIR733" s="424"/>
      <c r="SIS733" s="423" t="s">
        <v>2795</v>
      </c>
      <c r="SIT733" s="424"/>
      <c r="SIU733" s="424"/>
      <c r="SIV733" s="424"/>
      <c r="SIW733" s="423" t="s">
        <v>2795</v>
      </c>
      <c r="SIX733" s="424"/>
      <c r="SIY733" s="424"/>
      <c r="SIZ733" s="424"/>
      <c r="SJA733" s="423" t="s">
        <v>2795</v>
      </c>
      <c r="SJB733" s="424"/>
      <c r="SJC733" s="424"/>
      <c r="SJD733" s="424"/>
      <c r="SJE733" s="423" t="s">
        <v>2795</v>
      </c>
      <c r="SJF733" s="424"/>
      <c r="SJG733" s="424"/>
      <c r="SJH733" s="424"/>
      <c r="SJI733" s="423" t="s">
        <v>2795</v>
      </c>
      <c r="SJJ733" s="424"/>
      <c r="SJK733" s="424"/>
      <c r="SJL733" s="424"/>
      <c r="SJM733" s="423" t="s">
        <v>2795</v>
      </c>
      <c r="SJN733" s="424"/>
      <c r="SJO733" s="424"/>
      <c r="SJP733" s="424"/>
      <c r="SJQ733" s="423" t="s">
        <v>2795</v>
      </c>
      <c r="SJR733" s="424"/>
      <c r="SJS733" s="424"/>
      <c r="SJT733" s="424"/>
      <c r="SJU733" s="423" t="s">
        <v>2795</v>
      </c>
      <c r="SJV733" s="424"/>
      <c r="SJW733" s="424"/>
      <c r="SJX733" s="424"/>
      <c r="SJY733" s="423" t="s">
        <v>2795</v>
      </c>
      <c r="SJZ733" s="424"/>
      <c r="SKA733" s="424"/>
      <c r="SKB733" s="424"/>
      <c r="SKC733" s="423" t="s">
        <v>2795</v>
      </c>
      <c r="SKD733" s="424"/>
      <c r="SKE733" s="424"/>
      <c r="SKF733" s="424"/>
      <c r="SKG733" s="423" t="s">
        <v>2795</v>
      </c>
      <c r="SKH733" s="424"/>
      <c r="SKI733" s="424"/>
      <c r="SKJ733" s="424"/>
      <c r="SKK733" s="423" t="s">
        <v>2795</v>
      </c>
      <c r="SKL733" s="424"/>
      <c r="SKM733" s="424"/>
      <c r="SKN733" s="424"/>
      <c r="SKO733" s="423" t="s">
        <v>2795</v>
      </c>
      <c r="SKP733" s="424"/>
      <c r="SKQ733" s="424"/>
      <c r="SKR733" s="424"/>
      <c r="SKS733" s="423" t="s">
        <v>2795</v>
      </c>
      <c r="SKT733" s="424"/>
      <c r="SKU733" s="424"/>
      <c r="SKV733" s="424"/>
      <c r="SKW733" s="423" t="s">
        <v>2795</v>
      </c>
      <c r="SKX733" s="424"/>
      <c r="SKY733" s="424"/>
      <c r="SKZ733" s="424"/>
      <c r="SLA733" s="423" t="s">
        <v>2795</v>
      </c>
      <c r="SLB733" s="424"/>
      <c r="SLC733" s="424"/>
      <c r="SLD733" s="424"/>
      <c r="SLE733" s="423" t="s">
        <v>2795</v>
      </c>
      <c r="SLF733" s="424"/>
      <c r="SLG733" s="424"/>
      <c r="SLH733" s="424"/>
      <c r="SLI733" s="423" t="s">
        <v>2795</v>
      </c>
      <c r="SLJ733" s="424"/>
      <c r="SLK733" s="424"/>
      <c r="SLL733" s="424"/>
      <c r="SLM733" s="423" t="s">
        <v>2795</v>
      </c>
      <c r="SLN733" s="424"/>
      <c r="SLO733" s="424"/>
      <c r="SLP733" s="424"/>
      <c r="SLQ733" s="423" t="s">
        <v>2795</v>
      </c>
      <c r="SLR733" s="424"/>
      <c r="SLS733" s="424"/>
      <c r="SLT733" s="424"/>
      <c r="SLU733" s="423" t="s">
        <v>2795</v>
      </c>
      <c r="SLV733" s="424"/>
      <c r="SLW733" s="424"/>
      <c r="SLX733" s="424"/>
      <c r="SLY733" s="423" t="s">
        <v>2795</v>
      </c>
      <c r="SLZ733" s="424"/>
      <c r="SMA733" s="424"/>
      <c r="SMB733" s="424"/>
      <c r="SMC733" s="423" t="s">
        <v>2795</v>
      </c>
      <c r="SMD733" s="424"/>
      <c r="SME733" s="424"/>
      <c r="SMF733" s="424"/>
      <c r="SMG733" s="423" t="s">
        <v>2795</v>
      </c>
      <c r="SMH733" s="424"/>
      <c r="SMI733" s="424"/>
      <c r="SMJ733" s="424"/>
      <c r="SMK733" s="423" t="s">
        <v>2795</v>
      </c>
      <c r="SML733" s="424"/>
      <c r="SMM733" s="424"/>
      <c r="SMN733" s="424"/>
      <c r="SMO733" s="423" t="s">
        <v>2795</v>
      </c>
      <c r="SMP733" s="424"/>
      <c r="SMQ733" s="424"/>
      <c r="SMR733" s="424"/>
      <c r="SMS733" s="423" t="s">
        <v>2795</v>
      </c>
      <c r="SMT733" s="424"/>
      <c r="SMU733" s="424"/>
      <c r="SMV733" s="424"/>
      <c r="SMW733" s="423" t="s">
        <v>2795</v>
      </c>
      <c r="SMX733" s="424"/>
      <c r="SMY733" s="424"/>
      <c r="SMZ733" s="424"/>
      <c r="SNA733" s="423" t="s">
        <v>2795</v>
      </c>
      <c r="SNB733" s="424"/>
      <c r="SNC733" s="424"/>
      <c r="SND733" s="424"/>
      <c r="SNE733" s="423" t="s">
        <v>2795</v>
      </c>
      <c r="SNF733" s="424"/>
      <c r="SNG733" s="424"/>
      <c r="SNH733" s="424"/>
      <c r="SNI733" s="423" t="s">
        <v>2795</v>
      </c>
      <c r="SNJ733" s="424"/>
      <c r="SNK733" s="424"/>
      <c r="SNL733" s="424"/>
      <c r="SNM733" s="423" t="s">
        <v>2795</v>
      </c>
      <c r="SNN733" s="424"/>
      <c r="SNO733" s="424"/>
      <c r="SNP733" s="424"/>
      <c r="SNQ733" s="423" t="s">
        <v>2795</v>
      </c>
      <c r="SNR733" s="424"/>
      <c r="SNS733" s="424"/>
      <c r="SNT733" s="424"/>
      <c r="SNU733" s="423" t="s">
        <v>2795</v>
      </c>
      <c r="SNV733" s="424"/>
      <c r="SNW733" s="424"/>
      <c r="SNX733" s="424"/>
      <c r="SNY733" s="423" t="s">
        <v>2795</v>
      </c>
      <c r="SNZ733" s="424"/>
      <c r="SOA733" s="424"/>
      <c r="SOB733" s="424"/>
      <c r="SOC733" s="423" t="s">
        <v>2795</v>
      </c>
      <c r="SOD733" s="424"/>
      <c r="SOE733" s="424"/>
      <c r="SOF733" s="424"/>
      <c r="SOG733" s="423" t="s">
        <v>2795</v>
      </c>
      <c r="SOH733" s="424"/>
      <c r="SOI733" s="424"/>
      <c r="SOJ733" s="424"/>
      <c r="SOK733" s="423" t="s">
        <v>2795</v>
      </c>
      <c r="SOL733" s="424"/>
      <c r="SOM733" s="424"/>
      <c r="SON733" s="424"/>
      <c r="SOO733" s="423" t="s">
        <v>2795</v>
      </c>
      <c r="SOP733" s="424"/>
      <c r="SOQ733" s="424"/>
      <c r="SOR733" s="424"/>
      <c r="SOS733" s="423" t="s">
        <v>2795</v>
      </c>
      <c r="SOT733" s="424"/>
      <c r="SOU733" s="424"/>
      <c r="SOV733" s="424"/>
      <c r="SOW733" s="423" t="s">
        <v>2795</v>
      </c>
      <c r="SOX733" s="424"/>
      <c r="SOY733" s="424"/>
      <c r="SOZ733" s="424"/>
      <c r="SPA733" s="423" t="s">
        <v>2795</v>
      </c>
      <c r="SPB733" s="424"/>
      <c r="SPC733" s="424"/>
      <c r="SPD733" s="424"/>
      <c r="SPE733" s="423" t="s">
        <v>2795</v>
      </c>
      <c r="SPF733" s="424"/>
      <c r="SPG733" s="424"/>
      <c r="SPH733" s="424"/>
      <c r="SPI733" s="423" t="s">
        <v>2795</v>
      </c>
      <c r="SPJ733" s="424"/>
      <c r="SPK733" s="424"/>
      <c r="SPL733" s="424"/>
      <c r="SPM733" s="423" t="s">
        <v>2795</v>
      </c>
      <c r="SPN733" s="424"/>
      <c r="SPO733" s="424"/>
      <c r="SPP733" s="424"/>
      <c r="SPQ733" s="423" t="s">
        <v>2795</v>
      </c>
      <c r="SPR733" s="424"/>
      <c r="SPS733" s="424"/>
      <c r="SPT733" s="424"/>
      <c r="SPU733" s="423" t="s">
        <v>2795</v>
      </c>
      <c r="SPV733" s="424"/>
      <c r="SPW733" s="424"/>
      <c r="SPX733" s="424"/>
      <c r="SPY733" s="423" t="s">
        <v>2795</v>
      </c>
      <c r="SPZ733" s="424"/>
      <c r="SQA733" s="424"/>
      <c r="SQB733" s="424"/>
      <c r="SQC733" s="423" t="s">
        <v>2795</v>
      </c>
      <c r="SQD733" s="424"/>
      <c r="SQE733" s="424"/>
      <c r="SQF733" s="424"/>
      <c r="SQG733" s="423" t="s">
        <v>2795</v>
      </c>
      <c r="SQH733" s="424"/>
      <c r="SQI733" s="424"/>
      <c r="SQJ733" s="424"/>
      <c r="SQK733" s="423" t="s">
        <v>2795</v>
      </c>
      <c r="SQL733" s="424"/>
      <c r="SQM733" s="424"/>
      <c r="SQN733" s="424"/>
      <c r="SQO733" s="423" t="s">
        <v>2795</v>
      </c>
      <c r="SQP733" s="424"/>
      <c r="SQQ733" s="424"/>
      <c r="SQR733" s="424"/>
      <c r="SQS733" s="423" t="s">
        <v>2795</v>
      </c>
      <c r="SQT733" s="424"/>
      <c r="SQU733" s="424"/>
      <c r="SQV733" s="424"/>
      <c r="SQW733" s="423" t="s">
        <v>2795</v>
      </c>
      <c r="SQX733" s="424"/>
      <c r="SQY733" s="424"/>
      <c r="SQZ733" s="424"/>
      <c r="SRA733" s="423" t="s">
        <v>2795</v>
      </c>
      <c r="SRB733" s="424"/>
      <c r="SRC733" s="424"/>
      <c r="SRD733" s="424"/>
      <c r="SRE733" s="423" t="s">
        <v>2795</v>
      </c>
      <c r="SRF733" s="424"/>
      <c r="SRG733" s="424"/>
      <c r="SRH733" s="424"/>
      <c r="SRI733" s="423" t="s">
        <v>2795</v>
      </c>
      <c r="SRJ733" s="424"/>
      <c r="SRK733" s="424"/>
      <c r="SRL733" s="424"/>
      <c r="SRM733" s="423" t="s">
        <v>2795</v>
      </c>
      <c r="SRN733" s="424"/>
      <c r="SRO733" s="424"/>
      <c r="SRP733" s="424"/>
      <c r="SRQ733" s="423" t="s">
        <v>2795</v>
      </c>
      <c r="SRR733" s="424"/>
      <c r="SRS733" s="424"/>
      <c r="SRT733" s="424"/>
      <c r="SRU733" s="423" t="s">
        <v>2795</v>
      </c>
      <c r="SRV733" s="424"/>
      <c r="SRW733" s="424"/>
      <c r="SRX733" s="424"/>
      <c r="SRY733" s="423" t="s">
        <v>2795</v>
      </c>
      <c r="SRZ733" s="424"/>
      <c r="SSA733" s="424"/>
      <c r="SSB733" s="424"/>
      <c r="SSC733" s="423" t="s">
        <v>2795</v>
      </c>
      <c r="SSD733" s="424"/>
      <c r="SSE733" s="424"/>
      <c r="SSF733" s="424"/>
      <c r="SSG733" s="423" t="s">
        <v>2795</v>
      </c>
      <c r="SSH733" s="424"/>
      <c r="SSI733" s="424"/>
      <c r="SSJ733" s="424"/>
      <c r="SSK733" s="423" t="s">
        <v>2795</v>
      </c>
      <c r="SSL733" s="424"/>
      <c r="SSM733" s="424"/>
      <c r="SSN733" s="424"/>
      <c r="SSO733" s="423" t="s">
        <v>2795</v>
      </c>
      <c r="SSP733" s="424"/>
      <c r="SSQ733" s="424"/>
      <c r="SSR733" s="424"/>
      <c r="SSS733" s="423" t="s">
        <v>2795</v>
      </c>
      <c r="SST733" s="424"/>
      <c r="SSU733" s="424"/>
      <c r="SSV733" s="424"/>
      <c r="SSW733" s="423" t="s">
        <v>2795</v>
      </c>
      <c r="SSX733" s="424"/>
      <c r="SSY733" s="424"/>
      <c r="SSZ733" s="424"/>
      <c r="STA733" s="423" t="s">
        <v>2795</v>
      </c>
      <c r="STB733" s="424"/>
      <c r="STC733" s="424"/>
      <c r="STD733" s="424"/>
      <c r="STE733" s="423" t="s">
        <v>2795</v>
      </c>
      <c r="STF733" s="424"/>
      <c r="STG733" s="424"/>
      <c r="STH733" s="424"/>
      <c r="STI733" s="423" t="s">
        <v>2795</v>
      </c>
      <c r="STJ733" s="424"/>
      <c r="STK733" s="424"/>
      <c r="STL733" s="424"/>
      <c r="STM733" s="423" t="s">
        <v>2795</v>
      </c>
      <c r="STN733" s="424"/>
      <c r="STO733" s="424"/>
      <c r="STP733" s="424"/>
      <c r="STQ733" s="423" t="s">
        <v>2795</v>
      </c>
      <c r="STR733" s="424"/>
      <c r="STS733" s="424"/>
      <c r="STT733" s="424"/>
      <c r="STU733" s="423" t="s">
        <v>2795</v>
      </c>
      <c r="STV733" s="424"/>
      <c r="STW733" s="424"/>
      <c r="STX733" s="424"/>
      <c r="STY733" s="423" t="s">
        <v>2795</v>
      </c>
      <c r="STZ733" s="424"/>
      <c r="SUA733" s="424"/>
      <c r="SUB733" s="424"/>
      <c r="SUC733" s="423" t="s">
        <v>2795</v>
      </c>
      <c r="SUD733" s="424"/>
      <c r="SUE733" s="424"/>
      <c r="SUF733" s="424"/>
      <c r="SUG733" s="423" t="s">
        <v>2795</v>
      </c>
      <c r="SUH733" s="424"/>
      <c r="SUI733" s="424"/>
      <c r="SUJ733" s="424"/>
      <c r="SUK733" s="423" t="s">
        <v>2795</v>
      </c>
      <c r="SUL733" s="424"/>
      <c r="SUM733" s="424"/>
      <c r="SUN733" s="424"/>
      <c r="SUO733" s="423" t="s">
        <v>2795</v>
      </c>
      <c r="SUP733" s="424"/>
      <c r="SUQ733" s="424"/>
      <c r="SUR733" s="424"/>
      <c r="SUS733" s="423" t="s">
        <v>2795</v>
      </c>
      <c r="SUT733" s="424"/>
      <c r="SUU733" s="424"/>
      <c r="SUV733" s="424"/>
      <c r="SUW733" s="423" t="s">
        <v>2795</v>
      </c>
      <c r="SUX733" s="424"/>
      <c r="SUY733" s="424"/>
      <c r="SUZ733" s="424"/>
      <c r="SVA733" s="423" t="s">
        <v>2795</v>
      </c>
      <c r="SVB733" s="424"/>
      <c r="SVC733" s="424"/>
      <c r="SVD733" s="424"/>
      <c r="SVE733" s="423" t="s">
        <v>2795</v>
      </c>
      <c r="SVF733" s="424"/>
      <c r="SVG733" s="424"/>
      <c r="SVH733" s="424"/>
      <c r="SVI733" s="423" t="s">
        <v>2795</v>
      </c>
      <c r="SVJ733" s="424"/>
      <c r="SVK733" s="424"/>
      <c r="SVL733" s="424"/>
      <c r="SVM733" s="423" t="s">
        <v>2795</v>
      </c>
      <c r="SVN733" s="424"/>
      <c r="SVO733" s="424"/>
      <c r="SVP733" s="424"/>
      <c r="SVQ733" s="423" t="s">
        <v>2795</v>
      </c>
      <c r="SVR733" s="424"/>
      <c r="SVS733" s="424"/>
      <c r="SVT733" s="424"/>
      <c r="SVU733" s="423" t="s">
        <v>2795</v>
      </c>
      <c r="SVV733" s="424"/>
      <c r="SVW733" s="424"/>
      <c r="SVX733" s="424"/>
      <c r="SVY733" s="423" t="s">
        <v>2795</v>
      </c>
      <c r="SVZ733" s="424"/>
      <c r="SWA733" s="424"/>
      <c r="SWB733" s="424"/>
      <c r="SWC733" s="423" t="s">
        <v>2795</v>
      </c>
      <c r="SWD733" s="424"/>
      <c r="SWE733" s="424"/>
      <c r="SWF733" s="424"/>
      <c r="SWG733" s="423" t="s">
        <v>2795</v>
      </c>
      <c r="SWH733" s="424"/>
      <c r="SWI733" s="424"/>
      <c r="SWJ733" s="424"/>
      <c r="SWK733" s="423" t="s">
        <v>2795</v>
      </c>
      <c r="SWL733" s="424"/>
      <c r="SWM733" s="424"/>
      <c r="SWN733" s="424"/>
      <c r="SWO733" s="423" t="s">
        <v>2795</v>
      </c>
      <c r="SWP733" s="424"/>
      <c r="SWQ733" s="424"/>
      <c r="SWR733" s="424"/>
      <c r="SWS733" s="423" t="s">
        <v>2795</v>
      </c>
      <c r="SWT733" s="424"/>
      <c r="SWU733" s="424"/>
      <c r="SWV733" s="424"/>
      <c r="SWW733" s="423" t="s">
        <v>2795</v>
      </c>
      <c r="SWX733" s="424"/>
      <c r="SWY733" s="424"/>
      <c r="SWZ733" s="424"/>
      <c r="SXA733" s="423" t="s">
        <v>2795</v>
      </c>
      <c r="SXB733" s="424"/>
      <c r="SXC733" s="424"/>
      <c r="SXD733" s="424"/>
      <c r="SXE733" s="423" t="s">
        <v>2795</v>
      </c>
      <c r="SXF733" s="424"/>
      <c r="SXG733" s="424"/>
      <c r="SXH733" s="424"/>
      <c r="SXI733" s="423" t="s">
        <v>2795</v>
      </c>
      <c r="SXJ733" s="424"/>
      <c r="SXK733" s="424"/>
      <c r="SXL733" s="424"/>
      <c r="SXM733" s="423" t="s">
        <v>2795</v>
      </c>
      <c r="SXN733" s="424"/>
      <c r="SXO733" s="424"/>
      <c r="SXP733" s="424"/>
      <c r="SXQ733" s="423" t="s">
        <v>2795</v>
      </c>
      <c r="SXR733" s="424"/>
      <c r="SXS733" s="424"/>
      <c r="SXT733" s="424"/>
      <c r="SXU733" s="423" t="s">
        <v>2795</v>
      </c>
      <c r="SXV733" s="424"/>
      <c r="SXW733" s="424"/>
      <c r="SXX733" s="424"/>
      <c r="SXY733" s="423" t="s">
        <v>2795</v>
      </c>
      <c r="SXZ733" s="424"/>
      <c r="SYA733" s="424"/>
      <c r="SYB733" s="424"/>
      <c r="SYC733" s="423" t="s">
        <v>2795</v>
      </c>
      <c r="SYD733" s="424"/>
      <c r="SYE733" s="424"/>
      <c r="SYF733" s="424"/>
      <c r="SYG733" s="423" t="s">
        <v>2795</v>
      </c>
      <c r="SYH733" s="424"/>
      <c r="SYI733" s="424"/>
      <c r="SYJ733" s="424"/>
      <c r="SYK733" s="423" t="s">
        <v>2795</v>
      </c>
      <c r="SYL733" s="424"/>
      <c r="SYM733" s="424"/>
      <c r="SYN733" s="424"/>
      <c r="SYO733" s="423" t="s">
        <v>2795</v>
      </c>
      <c r="SYP733" s="424"/>
      <c r="SYQ733" s="424"/>
      <c r="SYR733" s="424"/>
      <c r="SYS733" s="423" t="s">
        <v>2795</v>
      </c>
      <c r="SYT733" s="424"/>
      <c r="SYU733" s="424"/>
      <c r="SYV733" s="424"/>
      <c r="SYW733" s="423" t="s">
        <v>2795</v>
      </c>
      <c r="SYX733" s="424"/>
      <c r="SYY733" s="424"/>
      <c r="SYZ733" s="424"/>
      <c r="SZA733" s="423" t="s">
        <v>2795</v>
      </c>
      <c r="SZB733" s="424"/>
      <c r="SZC733" s="424"/>
      <c r="SZD733" s="424"/>
      <c r="SZE733" s="423" t="s">
        <v>2795</v>
      </c>
      <c r="SZF733" s="424"/>
      <c r="SZG733" s="424"/>
      <c r="SZH733" s="424"/>
      <c r="SZI733" s="423" t="s">
        <v>2795</v>
      </c>
      <c r="SZJ733" s="424"/>
      <c r="SZK733" s="424"/>
      <c r="SZL733" s="424"/>
      <c r="SZM733" s="423" t="s">
        <v>2795</v>
      </c>
      <c r="SZN733" s="424"/>
      <c r="SZO733" s="424"/>
      <c r="SZP733" s="424"/>
      <c r="SZQ733" s="423" t="s">
        <v>2795</v>
      </c>
      <c r="SZR733" s="424"/>
      <c r="SZS733" s="424"/>
      <c r="SZT733" s="424"/>
      <c r="SZU733" s="423" t="s">
        <v>2795</v>
      </c>
      <c r="SZV733" s="424"/>
      <c r="SZW733" s="424"/>
      <c r="SZX733" s="424"/>
      <c r="SZY733" s="423" t="s">
        <v>2795</v>
      </c>
      <c r="SZZ733" s="424"/>
      <c r="TAA733" s="424"/>
      <c r="TAB733" s="424"/>
      <c r="TAC733" s="423" t="s">
        <v>2795</v>
      </c>
      <c r="TAD733" s="424"/>
      <c r="TAE733" s="424"/>
      <c r="TAF733" s="424"/>
      <c r="TAG733" s="423" t="s">
        <v>2795</v>
      </c>
      <c r="TAH733" s="424"/>
      <c r="TAI733" s="424"/>
      <c r="TAJ733" s="424"/>
      <c r="TAK733" s="423" t="s">
        <v>2795</v>
      </c>
      <c r="TAL733" s="424"/>
      <c r="TAM733" s="424"/>
      <c r="TAN733" s="424"/>
      <c r="TAO733" s="423" t="s">
        <v>2795</v>
      </c>
      <c r="TAP733" s="424"/>
      <c r="TAQ733" s="424"/>
      <c r="TAR733" s="424"/>
      <c r="TAS733" s="423" t="s">
        <v>2795</v>
      </c>
      <c r="TAT733" s="424"/>
      <c r="TAU733" s="424"/>
      <c r="TAV733" s="424"/>
      <c r="TAW733" s="423" t="s">
        <v>2795</v>
      </c>
      <c r="TAX733" s="424"/>
      <c r="TAY733" s="424"/>
      <c r="TAZ733" s="424"/>
      <c r="TBA733" s="423" t="s">
        <v>2795</v>
      </c>
      <c r="TBB733" s="424"/>
      <c r="TBC733" s="424"/>
      <c r="TBD733" s="424"/>
      <c r="TBE733" s="423" t="s">
        <v>2795</v>
      </c>
      <c r="TBF733" s="424"/>
      <c r="TBG733" s="424"/>
      <c r="TBH733" s="424"/>
      <c r="TBI733" s="423" t="s">
        <v>2795</v>
      </c>
      <c r="TBJ733" s="424"/>
      <c r="TBK733" s="424"/>
      <c r="TBL733" s="424"/>
      <c r="TBM733" s="423" t="s">
        <v>2795</v>
      </c>
      <c r="TBN733" s="424"/>
      <c r="TBO733" s="424"/>
      <c r="TBP733" s="424"/>
      <c r="TBQ733" s="423" t="s">
        <v>2795</v>
      </c>
      <c r="TBR733" s="424"/>
      <c r="TBS733" s="424"/>
      <c r="TBT733" s="424"/>
      <c r="TBU733" s="423" t="s">
        <v>2795</v>
      </c>
      <c r="TBV733" s="424"/>
      <c r="TBW733" s="424"/>
      <c r="TBX733" s="424"/>
      <c r="TBY733" s="423" t="s">
        <v>2795</v>
      </c>
      <c r="TBZ733" s="424"/>
      <c r="TCA733" s="424"/>
      <c r="TCB733" s="424"/>
      <c r="TCC733" s="423" t="s">
        <v>2795</v>
      </c>
      <c r="TCD733" s="424"/>
      <c r="TCE733" s="424"/>
      <c r="TCF733" s="424"/>
      <c r="TCG733" s="423" t="s">
        <v>2795</v>
      </c>
      <c r="TCH733" s="424"/>
      <c r="TCI733" s="424"/>
      <c r="TCJ733" s="424"/>
      <c r="TCK733" s="423" t="s">
        <v>2795</v>
      </c>
      <c r="TCL733" s="424"/>
      <c r="TCM733" s="424"/>
      <c r="TCN733" s="424"/>
      <c r="TCO733" s="423" t="s">
        <v>2795</v>
      </c>
      <c r="TCP733" s="424"/>
      <c r="TCQ733" s="424"/>
      <c r="TCR733" s="424"/>
      <c r="TCS733" s="423" t="s">
        <v>2795</v>
      </c>
      <c r="TCT733" s="424"/>
      <c r="TCU733" s="424"/>
      <c r="TCV733" s="424"/>
      <c r="TCW733" s="423" t="s">
        <v>2795</v>
      </c>
      <c r="TCX733" s="424"/>
      <c r="TCY733" s="424"/>
      <c r="TCZ733" s="424"/>
      <c r="TDA733" s="423" t="s">
        <v>2795</v>
      </c>
      <c r="TDB733" s="424"/>
      <c r="TDC733" s="424"/>
      <c r="TDD733" s="424"/>
      <c r="TDE733" s="423" t="s">
        <v>2795</v>
      </c>
      <c r="TDF733" s="424"/>
      <c r="TDG733" s="424"/>
      <c r="TDH733" s="424"/>
      <c r="TDI733" s="423" t="s">
        <v>2795</v>
      </c>
      <c r="TDJ733" s="424"/>
      <c r="TDK733" s="424"/>
      <c r="TDL733" s="424"/>
      <c r="TDM733" s="423" t="s">
        <v>2795</v>
      </c>
      <c r="TDN733" s="424"/>
      <c r="TDO733" s="424"/>
      <c r="TDP733" s="424"/>
      <c r="TDQ733" s="423" t="s">
        <v>2795</v>
      </c>
      <c r="TDR733" s="424"/>
      <c r="TDS733" s="424"/>
      <c r="TDT733" s="424"/>
      <c r="TDU733" s="423" t="s">
        <v>2795</v>
      </c>
      <c r="TDV733" s="424"/>
      <c r="TDW733" s="424"/>
      <c r="TDX733" s="424"/>
      <c r="TDY733" s="423" t="s">
        <v>2795</v>
      </c>
      <c r="TDZ733" s="424"/>
      <c r="TEA733" s="424"/>
      <c r="TEB733" s="424"/>
      <c r="TEC733" s="423" t="s">
        <v>2795</v>
      </c>
      <c r="TED733" s="424"/>
      <c r="TEE733" s="424"/>
      <c r="TEF733" s="424"/>
      <c r="TEG733" s="423" t="s">
        <v>2795</v>
      </c>
      <c r="TEH733" s="424"/>
      <c r="TEI733" s="424"/>
      <c r="TEJ733" s="424"/>
      <c r="TEK733" s="423" t="s">
        <v>2795</v>
      </c>
      <c r="TEL733" s="424"/>
      <c r="TEM733" s="424"/>
      <c r="TEN733" s="424"/>
      <c r="TEO733" s="423" t="s">
        <v>2795</v>
      </c>
      <c r="TEP733" s="424"/>
      <c r="TEQ733" s="424"/>
      <c r="TER733" s="424"/>
      <c r="TES733" s="423" t="s">
        <v>2795</v>
      </c>
      <c r="TET733" s="424"/>
      <c r="TEU733" s="424"/>
      <c r="TEV733" s="424"/>
      <c r="TEW733" s="423" t="s">
        <v>2795</v>
      </c>
      <c r="TEX733" s="424"/>
      <c r="TEY733" s="424"/>
      <c r="TEZ733" s="424"/>
      <c r="TFA733" s="423" t="s">
        <v>2795</v>
      </c>
      <c r="TFB733" s="424"/>
      <c r="TFC733" s="424"/>
      <c r="TFD733" s="424"/>
      <c r="TFE733" s="423" t="s">
        <v>2795</v>
      </c>
      <c r="TFF733" s="424"/>
      <c r="TFG733" s="424"/>
      <c r="TFH733" s="424"/>
      <c r="TFI733" s="423" t="s">
        <v>2795</v>
      </c>
      <c r="TFJ733" s="424"/>
      <c r="TFK733" s="424"/>
      <c r="TFL733" s="424"/>
      <c r="TFM733" s="423" t="s">
        <v>2795</v>
      </c>
      <c r="TFN733" s="424"/>
      <c r="TFO733" s="424"/>
      <c r="TFP733" s="424"/>
      <c r="TFQ733" s="423" t="s">
        <v>2795</v>
      </c>
      <c r="TFR733" s="424"/>
      <c r="TFS733" s="424"/>
      <c r="TFT733" s="424"/>
      <c r="TFU733" s="423" t="s">
        <v>2795</v>
      </c>
      <c r="TFV733" s="424"/>
      <c r="TFW733" s="424"/>
      <c r="TFX733" s="424"/>
      <c r="TFY733" s="423" t="s">
        <v>2795</v>
      </c>
      <c r="TFZ733" s="424"/>
      <c r="TGA733" s="424"/>
      <c r="TGB733" s="424"/>
      <c r="TGC733" s="423" t="s">
        <v>2795</v>
      </c>
      <c r="TGD733" s="424"/>
      <c r="TGE733" s="424"/>
      <c r="TGF733" s="424"/>
      <c r="TGG733" s="423" t="s">
        <v>2795</v>
      </c>
      <c r="TGH733" s="424"/>
      <c r="TGI733" s="424"/>
      <c r="TGJ733" s="424"/>
      <c r="TGK733" s="423" t="s">
        <v>2795</v>
      </c>
      <c r="TGL733" s="424"/>
      <c r="TGM733" s="424"/>
      <c r="TGN733" s="424"/>
      <c r="TGO733" s="423" t="s">
        <v>2795</v>
      </c>
      <c r="TGP733" s="424"/>
      <c r="TGQ733" s="424"/>
      <c r="TGR733" s="424"/>
      <c r="TGS733" s="423" t="s">
        <v>2795</v>
      </c>
      <c r="TGT733" s="424"/>
      <c r="TGU733" s="424"/>
      <c r="TGV733" s="424"/>
      <c r="TGW733" s="423" t="s">
        <v>2795</v>
      </c>
      <c r="TGX733" s="424"/>
      <c r="TGY733" s="424"/>
      <c r="TGZ733" s="424"/>
      <c r="THA733" s="423" t="s">
        <v>2795</v>
      </c>
      <c r="THB733" s="424"/>
      <c r="THC733" s="424"/>
      <c r="THD733" s="424"/>
      <c r="THE733" s="423" t="s">
        <v>2795</v>
      </c>
      <c r="THF733" s="424"/>
      <c r="THG733" s="424"/>
      <c r="THH733" s="424"/>
      <c r="THI733" s="423" t="s">
        <v>2795</v>
      </c>
      <c r="THJ733" s="424"/>
      <c r="THK733" s="424"/>
      <c r="THL733" s="424"/>
      <c r="THM733" s="423" t="s">
        <v>2795</v>
      </c>
      <c r="THN733" s="424"/>
      <c r="THO733" s="424"/>
      <c r="THP733" s="424"/>
      <c r="THQ733" s="423" t="s">
        <v>2795</v>
      </c>
      <c r="THR733" s="424"/>
      <c r="THS733" s="424"/>
      <c r="THT733" s="424"/>
      <c r="THU733" s="423" t="s">
        <v>2795</v>
      </c>
      <c r="THV733" s="424"/>
      <c r="THW733" s="424"/>
      <c r="THX733" s="424"/>
      <c r="THY733" s="423" t="s">
        <v>2795</v>
      </c>
      <c r="THZ733" s="424"/>
      <c r="TIA733" s="424"/>
      <c r="TIB733" s="424"/>
      <c r="TIC733" s="423" t="s">
        <v>2795</v>
      </c>
      <c r="TID733" s="424"/>
      <c r="TIE733" s="424"/>
      <c r="TIF733" s="424"/>
      <c r="TIG733" s="423" t="s">
        <v>2795</v>
      </c>
      <c r="TIH733" s="424"/>
      <c r="TII733" s="424"/>
      <c r="TIJ733" s="424"/>
      <c r="TIK733" s="423" t="s">
        <v>2795</v>
      </c>
      <c r="TIL733" s="424"/>
      <c r="TIM733" s="424"/>
      <c r="TIN733" s="424"/>
      <c r="TIO733" s="423" t="s">
        <v>2795</v>
      </c>
      <c r="TIP733" s="424"/>
      <c r="TIQ733" s="424"/>
      <c r="TIR733" s="424"/>
      <c r="TIS733" s="423" t="s">
        <v>2795</v>
      </c>
      <c r="TIT733" s="424"/>
      <c r="TIU733" s="424"/>
      <c r="TIV733" s="424"/>
      <c r="TIW733" s="423" t="s">
        <v>2795</v>
      </c>
      <c r="TIX733" s="424"/>
      <c r="TIY733" s="424"/>
      <c r="TIZ733" s="424"/>
      <c r="TJA733" s="423" t="s">
        <v>2795</v>
      </c>
      <c r="TJB733" s="424"/>
      <c r="TJC733" s="424"/>
      <c r="TJD733" s="424"/>
      <c r="TJE733" s="423" t="s">
        <v>2795</v>
      </c>
      <c r="TJF733" s="424"/>
      <c r="TJG733" s="424"/>
      <c r="TJH733" s="424"/>
      <c r="TJI733" s="423" t="s">
        <v>2795</v>
      </c>
      <c r="TJJ733" s="424"/>
      <c r="TJK733" s="424"/>
      <c r="TJL733" s="424"/>
      <c r="TJM733" s="423" t="s">
        <v>2795</v>
      </c>
      <c r="TJN733" s="424"/>
      <c r="TJO733" s="424"/>
      <c r="TJP733" s="424"/>
      <c r="TJQ733" s="423" t="s">
        <v>2795</v>
      </c>
      <c r="TJR733" s="424"/>
      <c r="TJS733" s="424"/>
      <c r="TJT733" s="424"/>
      <c r="TJU733" s="423" t="s">
        <v>2795</v>
      </c>
      <c r="TJV733" s="424"/>
      <c r="TJW733" s="424"/>
      <c r="TJX733" s="424"/>
      <c r="TJY733" s="423" t="s">
        <v>2795</v>
      </c>
      <c r="TJZ733" s="424"/>
      <c r="TKA733" s="424"/>
      <c r="TKB733" s="424"/>
      <c r="TKC733" s="423" t="s">
        <v>2795</v>
      </c>
      <c r="TKD733" s="424"/>
      <c r="TKE733" s="424"/>
      <c r="TKF733" s="424"/>
      <c r="TKG733" s="423" t="s">
        <v>2795</v>
      </c>
      <c r="TKH733" s="424"/>
      <c r="TKI733" s="424"/>
      <c r="TKJ733" s="424"/>
      <c r="TKK733" s="423" t="s">
        <v>2795</v>
      </c>
      <c r="TKL733" s="424"/>
      <c r="TKM733" s="424"/>
      <c r="TKN733" s="424"/>
      <c r="TKO733" s="423" t="s">
        <v>2795</v>
      </c>
      <c r="TKP733" s="424"/>
      <c r="TKQ733" s="424"/>
      <c r="TKR733" s="424"/>
      <c r="TKS733" s="423" t="s">
        <v>2795</v>
      </c>
      <c r="TKT733" s="424"/>
      <c r="TKU733" s="424"/>
      <c r="TKV733" s="424"/>
      <c r="TKW733" s="423" t="s">
        <v>2795</v>
      </c>
      <c r="TKX733" s="424"/>
      <c r="TKY733" s="424"/>
      <c r="TKZ733" s="424"/>
      <c r="TLA733" s="423" t="s">
        <v>2795</v>
      </c>
      <c r="TLB733" s="424"/>
      <c r="TLC733" s="424"/>
      <c r="TLD733" s="424"/>
      <c r="TLE733" s="423" t="s">
        <v>2795</v>
      </c>
      <c r="TLF733" s="424"/>
      <c r="TLG733" s="424"/>
      <c r="TLH733" s="424"/>
      <c r="TLI733" s="423" t="s">
        <v>2795</v>
      </c>
      <c r="TLJ733" s="424"/>
      <c r="TLK733" s="424"/>
      <c r="TLL733" s="424"/>
      <c r="TLM733" s="423" t="s">
        <v>2795</v>
      </c>
      <c r="TLN733" s="424"/>
      <c r="TLO733" s="424"/>
      <c r="TLP733" s="424"/>
      <c r="TLQ733" s="423" t="s">
        <v>2795</v>
      </c>
      <c r="TLR733" s="424"/>
      <c r="TLS733" s="424"/>
      <c r="TLT733" s="424"/>
      <c r="TLU733" s="423" t="s">
        <v>2795</v>
      </c>
      <c r="TLV733" s="424"/>
      <c r="TLW733" s="424"/>
      <c r="TLX733" s="424"/>
      <c r="TLY733" s="423" t="s">
        <v>2795</v>
      </c>
      <c r="TLZ733" s="424"/>
      <c r="TMA733" s="424"/>
      <c r="TMB733" s="424"/>
      <c r="TMC733" s="423" t="s">
        <v>2795</v>
      </c>
      <c r="TMD733" s="424"/>
      <c r="TME733" s="424"/>
      <c r="TMF733" s="424"/>
      <c r="TMG733" s="423" t="s">
        <v>2795</v>
      </c>
      <c r="TMH733" s="424"/>
      <c r="TMI733" s="424"/>
      <c r="TMJ733" s="424"/>
      <c r="TMK733" s="423" t="s">
        <v>2795</v>
      </c>
      <c r="TML733" s="424"/>
      <c r="TMM733" s="424"/>
      <c r="TMN733" s="424"/>
      <c r="TMO733" s="423" t="s">
        <v>2795</v>
      </c>
      <c r="TMP733" s="424"/>
      <c r="TMQ733" s="424"/>
      <c r="TMR733" s="424"/>
      <c r="TMS733" s="423" t="s">
        <v>2795</v>
      </c>
      <c r="TMT733" s="424"/>
      <c r="TMU733" s="424"/>
      <c r="TMV733" s="424"/>
      <c r="TMW733" s="423" t="s">
        <v>2795</v>
      </c>
      <c r="TMX733" s="424"/>
      <c r="TMY733" s="424"/>
      <c r="TMZ733" s="424"/>
      <c r="TNA733" s="423" t="s">
        <v>2795</v>
      </c>
      <c r="TNB733" s="424"/>
      <c r="TNC733" s="424"/>
      <c r="TND733" s="424"/>
      <c r="TNE733" s="423" t="s">
        <v>2795</v>
      </c>
      <c r="TNF733" s="424"/>
      <c r="TNG733" s="424"/>
      <c r="TNH733" s="424"/>
      <c r="TNI733" s="423" t="s">
        <v>2795</v>
      </c>
      <c r="TNJ733" s="424"/>
      <c r="TNK733" s="424"/>
      <c r="TNL733" s="424"/>
      <c r="TNM733" s="423" t="s">
        <v>2795</v>
      </c>
      <c r="TNN733" s="424"/>
      <c r="TNO733" s="424"/>
      <c r="TNP733" s="424"/>
      <c r="TNQ733" s="423" t="s">
        <v>2795</v>
      </c>
      <c r="TNR733" s="424"/>
      <c r="TNS733" s="424"/>
      <c r="TNT733" s="424"/>
      <c r="TNU733" s="423" t="s">
        <v>2795</v>
      </c>
      <c r="TNV733" s="424"/>
      <c r="TNW733" s="424"/>
      <c r="TNX733" s="424"/>
      <c r="TNY733" s="423" t="s">
        <v>2795</v>
      </c>
      <c r="TNZ733" s="424"/>
      <c r="TOA733" s="424"/>
      <c r="TOB733" s="424"/>
      <c r="TOC733" s="423" t="s">
        <v>2795</v>
      </c>
      <c r="TOD733" s="424"/>
      <c r="TOE733" s="424"/>
      <c r="TOF733" s="424"/>
      <c r="TOG733" s="423" t="s">
        <v>2795</v>
      </c>
      <c r="TOH733" s="424"/>
      <c r="TOI733" s="424"/>
      <c r="TOJ733" s="424"/>
      <c r="TOK733" s="423" t="s">
        <v>2795</v>
      </c>
      <c r="TOL733" s="424"/>
      <c r="TOM733" s="424"/>
      <c r="TON733" s="424"/>
      <c r="TOO733" s="423" t="s">
        <v>2795</v>
      </c>
      <c r="TOP733" s="424"/>
      <c r="TOQ733" s="424"/>
      <c r="TOR733" s="424"/>
      <c r="TOS733" s="423" t="s">
        <v>2795</v>
      </c>
      <c r="TOT733" s="424"/>
      <c r="TOU733" s="424"/>
      <c r="TOV733" s="424"/>
      <c r="TOW733" s="423" t="s">
        <v>2795</v>
      </c>
      <c r="TOX733" s="424"/>
      <c r="TOY733" s="424"/>
      <c r="TOZ733" s="424"/>
      <c r="TPA733" s="423" t="s">
        <v>2795</v>
      </c>
      <c r="TPB733" s="424"/>
      <c r="TPC733" s="424"/>
      <c r="TPD733" s="424"/>
      <c r="TPE733" s="423" t="s">
        <v>2795</v>
      </c>
      <c r="TPF733" s="424"/>
      <c r="TPG733" s="424"/>
      <c r="TPH733" s="424"/>
      <c r="TPI733" s="423" t="s">
        <v>2795</v>
      </c>
      <c r="TPJ733" s="424"/>
      <c r="TPK733" s="424"/>
      <c r="TPL733" s="424"/>
      <c r="TPM733" s="423" t="s">
        <v>2795</v>
      </c>
      <c r="TPN733" s="424"/>
      <c r="TPO733" s="424"/>
      <c r="TPP733" s="424"/>
      <c r="TPQ733" s="423" t="s">
        <v>2795</v>
      </c>
      <c r="TPR733" s="424"/>
      <c r="TPS733" s="424"/>
      <c r="TPT733" s="424"/>
      <c r="TPU733" s="423" t="s">
        <v>2795</v>
      </c>
      <c r="TPV733" s="424"/>
      <c r="TPW733" s="424"/>
      <c r="TPX733" s="424"/>
      <c r="TPY733" s="423" t="s">
        <v>2795</v>
      </c>
      <c r="TPZ733" s="424"/>
      <c r="TQA733" s="424"/>
      <c r="TQB733" s="424"/>
      <c r="TQC733" s="423" t="s">
        <v>2795</v>
      </c>
      <c r="TQD733" s="424"/>
      <c r="TQE733" s="424"/>
      <c r="TQF733" s="424"/>
      <c r="TQG733" s="423" t="s">
        <v>2795</v>
      </c>
      <c r="TQH733" s="424"/>
      <c r="TQI733" s="424"/>
      <c r="TQJ733" s="424"/>
      <c r="TQK733" s="423" t="s">
        <v>2795</v>
      </c>
      <c r="TQL733" s="424"/>
      <c r="TQM733" s="424"/>
      <c r="TQN733" s="424"/>
      <c r="TQO733" s="423" t="s">
        <v>2795</v>
      </c>
      <c r="TQP733" s="424"/>
      <c r="TQQ733" s="424"/>
      <c r="TQR733" s="424"/>
      <c r="TQS733" s="423" t="s">
        <v>2795</v>
      </c>
      <c r="TQT733" s="424"/>
      <c r="TQU733" s="424"/>
      <c r="TQV733" s="424"/>
      <c r="TQW733" s="423" t="s">
        <v>2795</v>
      </c>
      <c r="TQX733" s="424"/>
      <c r="TQY733" s="424"/>
      <c r="TQZ733" s="424"/>
      <c r="TRA733" s="423" t="s">
        <v>2795</v>
      </c>
      <c r="TRB733" s="424"/>
      <c r="TRC733" s="424"/>
      <c r="TRD733" s="424"/>
      <c r="TRE733" s="423" t="s">
        <v>2795</v>
      </c>
      <c r="TRF733" s="424"/>
      <c r="TRG733" s="424"/>
      <c r="TRH733" s="424"/>
      <c r="TRI733" s="423" t="s">
        <v>2795</v>
      </c>
      <c r="TRJ733" s="424"/>
      <c r="TRK733" s="424"/>
      <c r="TRL733" s="424"/>
      <c r="TRM733" s="423" t="s">
        <v>2795</v>
      </c>
      <c r="TRN733" s="424"/>
      <c r="TRO733" s="424"/>
      <c r="TRP733" s="424"/>
      <c r="TRQ733" s="423" t="s">
        <v>2795</v>
      </c>
      <c r="TRR733" s="424"/>
      <c r="TRS733" s="424"/>
      <c r="TRT733" s="424"/>
      <c r="TRU733" s="423" t="s">
        <v>2795</v>
      </c>
      <c r="TRV733" s="424"/>
      <c r="TRW733" s="424"/>
      <c r="TRX733" s="424"/>
      <c r="TRY733" s="423" t="s">
        <v>2795</v>
      </c>
      <c r="TRZ733" s="424"/>
      <c r="TSA733" s="424"/>
      <c r="TSB733" s="424"/>
      <c r="TSC733" s="423" t="s">
        <v>2795</v>
      </c>
      <c r="TSD733" s="424"/>
      <c r="TSE733" s="424"/>
      <c r="TSF733" s="424"/>
      <c r="TSG733" s="423" t="s">
        <v>2795</v>
      </c>
      <c r="TSH733" s="424"/>
      <c r="TSI733" s="424"/>
      <c r="TSJ733" s="424"/>
      <c r="TSK733" s="423" t="s">
        <v>2795</v>
      </c>
      <c r="TSL733" s="424"/>
      <c r="TSM733" s="424"/>
      <c r="TSN733" s="424"/>
      <c r="TSO733" s="423" t="s">
        <v>2795</v>
      </c>
      <c r="TSP733" s="424"/>
      <c r="TSQ733" s="424"/>
      <c r="TSR733" s="424"/>
      <c r="TSS733" s="423" t="s">
        <v>2795</v>
      </c>
      <c r="TST733" s="424"/>
      <c r="TSU733" s="424"/>
      <c r="TSV733" s="424"/>
      <c r="TSW733" s="423" t="s">
        <v>2795</v>
      </c>
      <c r="TSX733" s="424"/>
      <c r="TSY733" s="424"/>
      <c r="TSZ733" s="424"/>
      <c r="TTA733" s="423" t="s">
        <v>2795</v>
      </c>
      <c r="TTB733" s="424"/>
      <c r="TTC733" s="424"/>
      <c r="TTD733" s="424"/>
      <c r="TTE733" s="423" t="s">
        <v>2795</v>
      </c>
      <c r="TTF733" s="424"/>
      <c r="TTG733" s="424"/>
      <c r="TTH733" s="424"/>
      <c r="TTI733" s="423" t="s">
        <v>2795</v>
      </c>
      <c r="TTJ733" s="424"/>
      <c r="TTK733" s="424"/>
      <c r="TTL733" s="424"/>
      <c r="TTM733" s="423" t="s">
        <v>2795</v>
      </c>
      <c r="TTN733" s="424"/>
      <c r="TTO733" s="424"/>
      <c r="TTP733" s="424"/>
      <c r="TTQ733" s="423" t="s">
        <v>2795</v>
      </c>
      <c r="TTR733" s="424"/>
      <c r="TTS733" s="424"/>
      <c r="TTT733" s="424"/>
      <c r="TTU733" s="423" t="s">
        <v>2795</v>
      </c>
      <c r="TTV733" s="424"/>
      <c r="TTW733" s="424"/>
      <c r="TTX733" s="424"/>
      <c r="TTY733" s="423" t="s">
        <v>2795</v>
      </c>
      <c r="TTZ733" s="424"/>
      <c r="TUA733" s="424"/>
      <c r="TUB733" s="424"/>
      <c r="TUC733" s="423" t="s">
        <v>2795</v>
      </c>
      <c r="TUD733" s="424"/>
      <c r="TUE733" s="424"/>
      <c r="TUF733" s="424"/>
      <c r="TUG733" s="423" t="s">
        <v>2795</v>
      </c>
      <c r="TUH733" s="424"/>
      <c r="TUI733" s="424"/>
      <c r="TUJ733" s="424"/>
      <c r="TUK733" s="423" t="s">
        <v>2795</v>
      </c>
      <c r="TUL733" s="424"/>
      <c r="TUM733" s="424"/>
      <c r="TUN733" s="424"/>
      <c r="TUO733" s="423" t="s">
        <v>2795</v>
      </c>
      <c r="TUP733" s="424"/>
      <c r="TUQ733" s="424"/>
      <c r="TUR733" s="424"/>
      <c r="TUS733" s="423" t="s">
        <v>2795</v>
      </c>
      <c r="TUT733" s="424"/>
      <c r="TUU733" s="424"/>
      <c r="TUV733" s="424"/>
      <c r="TUW733" s="423" t="s">
        <v>2795</v>
      </c>
      <c r="TUX733" s="424"/>
      <c r="TUY733" s="424"/>
      <c r="TUZ733" s="424"/>
      <c r="TVA733" s="423" t="s">
        <v>2795</v>
      </c>
      <c r="TVB733" s="424"/>
      <c r="TVC733" s="424"/>
      <c r="TVD733" s="424"/>
      <c r="TVE733" s="423" t="s">
        <v>2795</v>
      </c>
      <c r="TVF733" s="424"/>
      <c r="TVG733" s="424"/>
      <c r="TVH733" s="424"/>
      <c r="TVI733" s="423" t="s">
        <v>2795</v>
      </c>
      <c r="TVJ733" s="424"/>
      <c r="TVK733" s="424"/>
      <c r="TVL733" s="424"/>
      <c r="TVM733" s="423" t="s">
        <v>2795</v>
      </c>
      <c r="TVN733" s="424"/>
      <c r="TVO733" s="424"/>
      <c r="TVP733" s="424"/>
      <c r="TVQ733" s="423" t="s">
        <v>2795</v>
      </c>
      <c r="TVR733" s="424"/>
      <c r="TVS733" s="424"/>
      <c r="TVT733" s="424"/>
      <c r="TVU733" s="423" t="s">
        <v>2795</v>
      </c>
      <c r="TVV733" s="424"/>
      <c r="TVW733" s="424"/>
      <c r="TVX733" s="424"/>
      <c r="TVY733" s="423" t="s">
        <v>2795</v>
      </c>
      <c r="TVZ733" s="424"/>
      <c r="TWA733" s="424"/>
      <c r="TWB733" s="424"/>
      <c r="TWC733" s="423" t="s">
        <v>2795</v>
      </c>
      <c r="TWD733" s="424"/>
      <c r="TWE733" s="424"/>
      <c r="TWF733" s="424"/>
      <c r="TWG733" s="423" t="s">
        <v>2795</v>
      </c>
      <c r="TWH733" s="424"/>
      <c r="TWI733" s="424"/>
      <c r="TWJ733" s="424"/>
      <c r="TWK733" s="423" t="s">
        <v>2795</v>
      </c>
      <c r="TWL733" s="424"/>
      <c r="TWM733" s="424"/>
      <c r="TWN733" s="424"/>
      <c r="TWO733" s="423" t="s">
        <v>2795</v>
      </c>
      <c r="TWP733" s="424"/>
      <c r="TWQ733" s="424"/>
      <c r="TWR733" s="424"/>
      <c r="TWS733" s="423" t="s">
        <v>2795</v>
      </c>
      <c r="TWT733" s="424"/>
      <c r="TWU733" s="424"/>
      <c r="TWV733" s="424"/>
      <c r="TWW733" s="423" t="s">
        <v>2795</v>
      </c>
      <c r="TWX733" s="424"/>
      <c r="TWY733" s="424"/>
      <c r="TWZ733" s="424"/>
      <c r="TXA733" s="423" t="s">
        <v>2795</v>
      </c>
      <c r="TXB733" s="424"/>
      <c r="TXC733" s="424"/>
      <c r="TXD733" s="424"/>
      <c r="TXE733" s="423" t="s">
        <v>2795</v>
      </c>
      <c r="TXF733" s="424"/>
      <c r="TXG733" s="424"/>
      <c r="TXH733" s="424"/>
      <c r="TXI733" s="423" t="s">
        <v>2795</v>
      </c>
      <c r="TXJ733" s="424"/>
      <c r="TXK733" s="424"/>
      <c r="TXL733" s="424"/>
      <c r="TXM733" s="423" t="s">
        <v>2795</v>
      </c>
      <c r="TXN733" s="424"/>
      <c r="TXO733" s="424"/>
      <c r="TXP733" s="424"/>
      <c r="TXQ733" s="423" t="s">
        <v>2795</v>
      </c>
      <c r="TXR733" s="424"/>
      <c r="TXS733" s="424"/>
      <c r="TXT733" s="424"/>
      <c r="TXU733" s="423" t="s">
        <v>2795</v>
      </c>
      <c r="TXV733" s="424"/>
      <c r="TXW733" s="424"/>
      <c r="TXX733" s="424"/>
      <c r="TXY733" s="423" t="s">
        <v>2795</v>
      </c>
      <c r="TXZ733" s="424"/>
      <c r="TYA733" s="424"/>
      <c r="TYB733" s="424"/>
      <c r="TYC733" s="423" t="s">
        <v>2795</v>
      </c>
      <c r="TYD733" s="424"/>
      <c r="TYE733" s="424"/>
      <c r="TYF733" s="424"/>
      <c r="TYG733" s="423" t="s">
        <v>2795</v>
      </c>
      <c r="TYH733" s="424"/>
      <c r="TYI733" s="424"/>
      <c r="TYJ733" s="424"/>
      <c r="TYK733" s="423" t="s">
        <v>2795</v>
      </c>
      <c r="TYL733" s="424"/>
      <c r="TYM733" s="424"/>
      <c r="TYN733" s="424"/>
      <c r="TYO733" s="423" t="s">
        <v>2795</v>
      </c>
      <c r="TYP733" s="424"/>
      <c r="TYQ733" s="424"/>
      <c r="TYR733" s="424"/>
      <c r="TYS733" s="423" t="s">
        <v>2795</v>
      </c>
      <c r="TYT733" s="424"/>
      <c r="TYU733" s="424"/>
      <c r="TYV733" s="424"/>
      <c r="TYW733" s="423" t="s">
        <v>2795</v>
      </c>
      <c r="TYX733" s="424"/>
      <c r="TYY733" s="424"/>
      <c r="TYZ733" s="424"/>
      <c r="TZA733" s="423" t="s">
        <v>2795</v>
      </c>
      <c r="TZB733" s="424"/>
      <c r="TZC733" s="424"/>
      <c r="TZD733" s="424"/>
      <c r="TZE733" s="423" t="s">
        <v>2795</v>
      </c>
      <c r="TZF733" s="424"/>
      <c r="TZG733" s="424"/>
      <c r="TZH733" s="424"/>
      <c r="TZI733" s="423" t="s">
        <v>2795</v>
      </c>
      <c r="TZJ733" s="424"/>
      <c r="TZK733" s="424"/>
      <c r="TZL733" s="424"/>
      <c r="TZM733" s="423" t="s">
        <v>2795</v>
      </c>
      <c r="TZN733" s="424"/>
      <c r="TZO733" s="424"/>
      <c r="TZP733" s="424"/>
      <c r="TZQ733" s="423" t="s">
        <v>2795</v>
      </c>
      <c r="TZR733" s="424"/>
      <c r="TZS733" s="424"/>
      <c r="TZT733" s="424"/>
      <c r="TZU733" s="423" t="s">
        <v>2795</v>
      </c>
      <c r="TZV733" s="424"/>
      <c r="TZW733" s="424"/>
      <c r="TZX733" s="424"/>
      <c r="TZY733" s="423" t="s">
        <v>2795</v>
      </c>
      <c r="TZZ733" s="424"/>
      <c r="UAA733" s="424"/>
      <c r="UAB733" s="424"/>
      <c r="UAC733" s="423" t="s">
        <v>2795</v>
      </c>
      <c r="UAD733" s="424"/>
      <c r="UAE733" s="424"/>
      <c r="UAF733" s="424"/>
      <c r="UAG733" s="423" t="s">
        <v>2795</v>
      </c>
      <c r="UAH733" s="424"/>
      <c r="UAI733" s="424"/>
      <c r="UAJ733" s="424"/>
      <c r="UAK733" s="423" t="s">
        <v>2795</v>
      </c>
      <c r="UAL733" s="424"/>
      <c r="UAM733" s="424"/>
      <c r="UAN733" s="424"/>
      <c r="UAO733" s="423" t="s">
        <v>2795</v>
      </c>
      <c r="UAP733" s="424"/>
      <c r="UAQ733" s="424"/>
      <c r="UAR733" s="424"/>
      <c r="UAS733" s="423" t="s">
        <v>2795</v>
      </c>
      <c r="UAT733" s="424"/>
      <c r="UAU733" s="424"/>
      <c r="UAV733" s="424"/>
      <c r="UAW733" s="423" t="s">
        <v>2795</v>
      </c>
      <c r="UAX733" s="424"/>
      <c r="UAY733" s="424"/>
      <c r="UAZ733" s="424"/>
      <c r="UBA733" s="423" t="s">
        <v>2795</v>
      </c>
      <c r="UBB733" s="424"/>
      <c r="UBC733" s="424"/>
      <c r="UBD733" s="424"/>
      <c r="UBE733" s="423" t="s">
        <v>2795</v>
      </c>
      <c r="UBF733" s="424"/>
      <c r="UBG733" s="424"/>
      <c r="UBH733" s="424"/>
      <c r="UBI733" s="423" t="s">
        <v>2795</v>
      </c>
      <c r="UBJ733" s="424"/>
      <c r="UBK733" s="424"/>
      <c r="UBL733" s="424"/>
      <c r="UBM733" s="423" t="s">
        <v>2795</v>
      </c>
      <c r="UBN733" s="424"/>
      <c r="UBO733" s="424"/>
      <c r="UBP733" s="424"/>
      <c r="UBQ733" s="423" t="s">
        <v>2795</v>
      </c>
      <c r="UBR733" s="424"/>
      <c r="UBS733" s="424"/>
      <c r="UBT733" s="424"/>
      <c r="UBU733" s="423" t="s">
        <v>2795</v>
      </c>
      <c r="UBV733" s="424"/>
      <c r="UBW733" s="424"/>
      <c r="UBX733" s="424"/>
      <c r="UBY733" s="423" t="s">
        <v>2795</v>
      </c>
      <c r="UBZ733" s="424"/>
      <c r="UCA733" s="424"/>
      <c r="UCB733" s="424"/>
      <c r="UCC733" s="423" t="s">
        <v>2795</v>
      </c>
      <c r="UCD733" s="424"/>
      <c r="UCE733" s="424"/>
      <c r="UCF733" s="424"/>
      <c r="UCG733" s="423" t="s">
        <v>2795</v>
      </c>
      <c r="UCH733" s="424"/>
      <c r="UCI733" s="424"/>
      <c r="UCJ733" s="424"/>
      <c r="UCK733" s="423" t="s">
        <v>2795</v>
      </c>
      <c r="UCL733" s="424"/>
      <c r="UCM733" s="424"/>
      <c r="UCN733" s="424"/>
      <c r="UCO733" s="423" t="s">
        <v>2795</v>
      </c>
      <c r="UCP733" s="424"/>
      <c r="UCQ733" s="424"/>
      <c r="UCR733" s="424"/>
      <c r="UCS733" s="423" t="s">
        <v>2795</v>
      </c>
      <c r="UCT733" s="424"/>
      <c r="UCU733" s="424"/>
      <c r="UCV733" s="424"/>
      <c r="UCW733" s="423" t="s">
        <v>2795</v>
      </c>
      <c r="UCX733" s="424"/>
      <c r="UCY733" s="424"/>
      <c r="UCZ733" s="424"/>
      <c r="UDA733" s="423" t="s">
        <v>2795</v>
      </c>
      <c r="UDB733" s="424"/>
      <c r="UDC733" s="424"/>
      <c r="UDD733" s="424"/>
      <c r="UDE733" s="423" t="s">
        <v>2795</v>
      </c>
      <c r="UDF733" s="424"/>
      <c r="UDG733" s="424"/>
      <c r="UDH733" s="424"/>
      <c r="UDI733" s="423" t="s">
        <v>2795</v>
      </c>
      <c r="UDJ733" s="424"/>
      <c r="UDK733" s="424"/>
      <c r="UDL733" s="424"/>
      <c r="UDM733" s="423" t="s">
        <v>2795</v>
      </c>
      <c r="UDN733" s="424"/>
      <c r="UDO733" s="424"/>
      <c r="UDP733" s="424"/>
      <c r="UDQ733" s="423" t="s">
        <v>2795</v>
      </c>
      <c r="UDR733" s="424"/>
      <c r="UDS733" s="424"/>
      <c r="UDT733" s="424"/>
      <c r="UDU733" s="423" t="s">
        <v>2795</v>
      </c>
      <c r="UDV733" s="424"/>
      <c r="UDW733" s="424"/>
      <c r="UDX733" s="424"/>
      <c r="UDY733" s="423" t="s">
        <v>2795</v>
      </c>
      <c r="UDZ733" s="424"/>
      <c r="UEA733" s="424"/>
      <c r="UEB733" s="424"/>
      <c r="UEC733" s="423" t="s">
        <v>2795</v>
      </c>
      <c r="UED733" s="424"/>
      <c r="UEE733" s="424"/>
      <c r="UEF733" s="424"/>
      <c r="UEG733" s="423" t="s">
        <v>2795</v>
      </c>
      <c r="UEH733" s="424"/>
      <c r="UEI733" s="424"/>
      <c r="UEJ733" s="424"/>
      <c r="UEK733" s="423" t="s">
        <v>2795</v>
      </c>
      <c r="UEL733" s="424"/>
      <c r="UEM733" s="424"/>
      <c r="UEN733" s="424"/>
      <c r="UEO733" s="423" t="s">
        <v>2795</v>
      </c>
      <c r="UEP733" s="424"/>
      <c r="UEQ733" s="424"/>
      <c r="UER733" s="424"/>
      <c r="UES733" s="423" t="s">
        <v>2795</v>
      </c>
      <c r="UET733" s="424"/>
      <c r="UEU733" s="424"/>
      <c r="UEV733" s="424"/>
      <c r="UEW733" s="423" t="s">
        <v>2795</v>
      </c>
      <c r="UEX733" s="424"/>
      <c r="UEY733" s="424"/>
      <c r="UEZ733" s="424"/>
      <c r="UFA733" s="423" t="s">
        <v>2795</v>
      </c>
      <c r="UFB733" s="424"/>
      <c r="UFC733" s="424"/>
      <c r="UFD733" s="424"/>
      <c r="UFE733" s="423" t="s">
        <v>2795</v>
      </c>
      <c r="UFF733" s="424"/>
      <c r="UFG733" s="424"/>
      <c r="UFH733" s="424"/>
      <c r="UFI733" s="423" t="s">
        <v>2795</v>
      </c>
      <c r="UFJ733" s="424"/>
      <c r="UFK733" s="424"/>
      <c r="UFL733" s="424"/>
      <c r="UFM733" s="423" t="s">
        <v>2795</v>
      </c>
      <c r="UFN733" s="424"/>
      <c r="UFO733" s="424"/>
      <c r="UFP733" s="424"/>
      <c r="UFQ733" s="423" t="s">
        <v>2795</v>
      </c>
      <c r="UFR733" s="424"/>
      <c r="UFS733" s="424"/>
      <c r="UFT733" s="424"/>
      <c r="UFU733" s="423" t="s">
        <v>2795</v>
      </c>
      <c r="UFV733" s="424"/>
      <c r="UFW733" s="424"/>
      <c r="UFX733" s="424"/>
      <c r="UFY733" s="423" t="s">
        <v>2795</v>
      </c>
      <c r="UFZ733" s="424"/>
      <c r="UGA733" s="424"/>
      <c r="UGB733" s="424"/>
      <c r="UGC733" s="423" t="s">
        <v>2795</v>
      </c>
      <c r="UGD733" s="424"/>
      <c r="UGE733" s="424"/>
      <c r="UGF733" s="424"/>
      <c r="UGG733" s="423" t="s">
        <v>2795</v>
      </c>
      <c r="UGH733" s="424"/>
      <c r="UGI733" s="424"/>
      <c r="UGJ733" s="424"/>
      <c r="UGK733" s="423" t="s">
        <v>2795</v>
      </c>
      <c r="UGL733" s="424"/>
      <c r="UGM733" s="424"/>
      <c r="UGN733" s="424"/>
      <c r="UGO733" s="423" t="s">
        <v>2795</v>
      </c>
      <c r="UGP733" s="424"/>
      <c r="UGQ733" s="424"/>
      <c r="UGR733" s="424"/>
      <c r="UGS733" s="423" t="s">
        <v>2795</v>
      </c>
      <c r="UGT733" s="424"/>
      <c r="UGU733" s="424"/>
      <c r="UGV733" s="424"/>
      <c r="UGW733" s="423" t="s">
        <v>2795</v>
      </c>
      <c r="UGX733" s="424"/>
      <c r="UGY733" s="424"/>
      <c r="UGZ733" s="424"/>
      <c r="UHA733" s="423" t="s">
        <v>2795</v>
      </c>
      <c r="UHB733" s="424"/>
      <c r="UHC733" s="424"/>
      <c r="UHD733" s="424"/>
      <c r="UHE733" s="423" t="s">
        <v>2795</v>
      </c>
      <c r="UHF733" s="424"/>
      <c r="UHG733" s="424"/>
      <c r="UHH733" s="424"/>
      <c r="UHI733" s="423" t="s">
        <v>2795</v>
      </c>
      <c r="UHJ733" s="424"/>
      <c r="UHK733" s="424"/>
      <c r="UHL733" s="424"/>
      <c r="UHM733" s="423" t="s">
        <v>2795</v>
      </c>
      <c r="UHN733" s="424"/>
      <c r="UHO733" s="424"/>
      <c r="UHP733" s="424"/>
      <c r="UHQ733" s="423" t="s">
        <v>2795</v>
      </c>
      <c r="UHR733" s="424"/>
      <c r="UHS733" s="424"/>
      <c r="UHT733" s="424"/>
      <c r="UHU733" s="423" t="s">
        <v>2795</v>
      </c>
      <c r="UHV733" s="424"/>
      <c r="UHW733" s="424"/>
      <c r="UHX733" s="424"/>
      <c r="UHY733" s="423" t="s">
        <v>2795</v>
      </c>
      <c r="UHZ733" s="424"/>
      <c r="UIA733" s="424"/>
      <c r="UIB733" s="424"/>
      <c r="UIC733" s="423" t="s">
        <v>2795</v>
      </c>
      <c r="UID733" s="424"/>
      <c r="UIE733" s="424"/>
      <c r="UIF733" s="424"/>
      <c r="UIG733" s="423" t="s">
        <v>2795</v>
      </c>
      <c r="UIH733" s="424"/>
      <c r="UII733" s="424"/>
      <c r="UIJ733" s="424"/>
      <c r="UIK733" s="423" t="s">
        <v>2795</v>
      </c>
      <c r="UIL733" s="424"/>
      <c r="UIM733" s="424"/>
      <c r="UIN733" s="424"/>
      <c r="UIO733" s="423" t="s">
        <v>2795</v>
      </c>
      <c r="UIP733" s="424"/>
      <c r="UIQ733" s="424"/>
      <c r="UIR733" s="424"/>
      <c r="UIS733" s="423" t="s">
        <v>2795</v>
      </c>
      <c r="UIT733" s="424"/>
      <c r="UIU733" s="424"/>
      <c r="UIV733" s="424"/>
      <c r="UIW733" s="423" t="s">
        <v>2795</v>
      </c>
      <c r="UIX733" s="424"/>
      <c r="UIY733" s="424"/>
      <c r="UIZ733" s="424"/>
      <c r="UJA733" s="423" t="s">
        <v>2795</v>
      </c>
      <c r="UJB733" s="424"/>
      <c r="UJC733" s="424"/>
      <c r="UJD733" s="424"/>
      <c r="UJE733" s="423" t="s">
        <v>2795</v>
      </c>
      <c r="UJF733" s="424"/>
      <c r="UJG733" s="424"/>
      <c r="UJH733" s="424"/>
      <c r="UJI733" s="423" t="s">
        <v>2795</v>
      </c>
      <c r="UJJ733" s="424"/>
      <c r="UJK733" s="424"/>
      <c r="UJL733" s="424"/>
      <c r="UJM733" s="423" t="s">
        <v>2795</v>
      </c>
      <c r="UJN733" s="424"/>
      <c r="UJO733" s="424"/>
      <c r="UJP733" s="424"/>
      <c r="UJQ733" s="423" t="s">
        <v>2795</v>
      </c>
      <c r="UJR733" s="424"/>
      <c r="UJS733" s="424"/>
      <c r="UJT733" s="424"/>
      <c r="UJU733" s="423" t="s">
        <v>2795</v>
      </c>
      <c r="UJV733" s="424"/>
      <c r="UJW733" s="424"/>
      <c r="UJX733" s="424"/>
      <c r="UJY733" s="423" t="s">
        <v>2795</v>
      </c>
      <c r="UJZ733" s="424"/>
      <c r="UKA733" s="424"/>
      <c r="UKB733" s="424"/>
      <c r="UKC733" s="423" t="s">
        <v>2795</v>
      </c>
      <c r="UKD733" s="424"/>
      <c r="UKE733" s="424"/>
      <c r="UKF733" s="424"/>
      <c r="UKG733" s="423" t="s">
        <v>2795</v>
      </c>
      <c r="UKH733" s="424"/>
      <c r="UKI733" s="424"/>
      <c r="UKJ733" s="424"/>
      <c r="UKK733" s="423" t="s">
        <v>2795</v>
      </c>
      <c r="UKL733" s="424"/>
      <c r="UKM733" s="424"/>
      <c r="UKN733" s="424"/>
      <c r="UKO733" s="423" t="s">
        <v>2795</v>
      </c>
      <c r="UKP733" s="424"/>
      <c r="UKQ733" s="424"/>
      <c r="UKR733" s="424"/>
      <c r="UKS733" s="423" t="s">
        <v>2795</v>
      </c>
      <c r="UKT733" s="424"/>
      <c r="UKU733" s="424"/>
      <c r="UKV733" s="424"/>
      <c r="UKW733" s="423" t="s">
        <v>2795</v>
      </c>
      <c r="UKX733" s="424"/>
      <c r="UKY733" s="424"/>
      <c r="UKZ733" s="424"/>
      <c r="ULA733" s="423" t="s">
        <v>2795</v>
      </c>
      <c r="ULB733" s="424"/>
      <c r="ULC733" s="424"/>
      <c r="ULD733" s="424"/>
      <c r="ULE733" s="423" t="s">
        <v>2795</v>
      </c>
      <c r="ULF733" s="424"/>
      <c r="ULG733" s="424"/>
      <c r="ULH733" s="424"/>
      <c r="ULI733" s="423" t="s">
        <v>2795</v>
      </c>
      <c r="ULJ733" s="424"/>
      <c r="ULK733" s="424"/>
      <c r="ULL733" s="424"/>
      <c r="ULM733" s="423" t="s">
        <v>2795</v>
      </c>
      <c r="ULN733" s="424"/>
      <c r="ULO733" s="424"/>
      <c r="ULP733" s="424"/>
      <c r="ULQ733" s="423" t="s">
        <v>2795</v>
      </c>
      <c r="ULR733" s="424"/>
      <c r="ULS733" s="424"/>
      <c r="ULT733" s="424"/>
      <c r="ULU733" s="423" t="s">
        <v>2795</v>
      </c>
      <c r="ULV733" s="424"/>
      <c r="ULW733" s="424"/>
      <c r="ULX733" s="424"/>
      <c r="ULY733" s="423" t="s">
        <v>2795</v>
      </c>
      <c r="ULZ733" s="424"/>
      <c r="UMA733" s="424"/>
      <c r="UMB733" s="424"/>
      <c r="UMC733" s="423" t="s">
        <v>2795</v>
      </c>
      <c r="UMD733" s="424"/>
      <c r="UME733" s="424"/>
      <c r="UMF733" s="424"/>
      <c r="UMG733" s="423" t="s">
        <v>2795</v>
      </c>
      <c r="UMH733" s="424"/>
      <c r="UMI733" s="424"/>
      <c r="UMJ733" s="424"/>
      <c r="UMK733" s="423" t="s">
        <v>2795</v>
      </c>
      <c r="UML733" s="424"/>
      <c r="UMM733" s="424"/>
      <c r="UMN733" s="424"/>
      <c r="UMO733" s="423" t="s">
        <v>2795</v>
      </c>
      <c r="UMP733" s="424"/>
      <c r="UMQ733" s="424"/>
      <c r="UMR733" s="424"/>
      <c r="UMS733" s="423" t="s">
        <v>2795</v>
      </c>
      <c r="UMT733" s="424"/>
      <c r="UMU733" s="424"/>
      <c r="UMV733" s="424"/>
      <c r="UMW733" s="423" t="s">
        <v>2795</v>
      </c>
      <c r="UMX733" s="424"/>
      <c r="UMY733" s="424"/>
      <c r="UMZ733" s="424"/>
      <c r="UNA733" s="423" t="s">
        <v>2795</v>
      </c>
      <c r="UNB733" s="424"/>
      <c r="UNC733" s="424"/>
      <c r="UND733" s="424"/>
      <c r="UNE733" s="423" t="s">
        <v>2795</v>
      </c>
      <c r="UNF733" s="424"/>
      <c r="UNG733" s="424"/>
      <c r="UNH733" s="424"/>
      <c r="UNI733" s="423" t="s">
        <v>2795</v>
      </c>
      <c r="UNJ733" s="424"/>
      <c r="UNK733" s="424"/>
      <c r="UNL733" s="424"/>
      <c r="UNM733" s="423" t="s">
        <v>2795</v>
      </c>
      <c r="UNN733" s="424"/>
      <c r="UNO733" s="424"/>
      <c r="UNP733" s="424"/>
      <c r="UNQ733" s="423" t="s">
        <v>2795</v>
      </c>
      <c r="UNR733" s="424"/>
      <c r="UNS733" s="424"/>
      <c r="UNT733" s="424"/>
      <c r="UNU733" s="423" t="s">
        <v>2795</v>
      </c>
      <c r="UNV733" s="424"/>
      <c r="UNW733" s="424"/>
      <c r="UNX733" s="424"/>
      <c r="UNY733" s="423" t="s">
        <v>2795</v>
      </c>
      <c r="UNZ733" s="424"/>
      <c r="UOA733" s="424"/>
      <c r="UOB733" s="424"/>
      <c r="UOC733" s="423" t="s">
        <v>2795</v>
      </c>
      <c r="UOD733" s="424"/>
      <c r="UOE733" s="424"/>
      <c r="UOF733" s="424"/>
      <c r="UOG733" s="423" t="s">
        <v>2795</v>
      </c>
      <c r="UOH733" s="424"/>
      <c r="UOI733" s="424"/>
      <c r="UOJ733" s="424"/>
      <c r="UOK733" s="423" t="s">
        <v>2795</v>
      </c>
      <c r="UOL733" s="424"/>
      <c r="UOM733" s="424"/>
      <c r="UON733" s="424"/>
      <c r="UOO733" s="423" t="s">
        <v>2795</v>
      </c>
      <c r="UOP733" s="424"/>
      <c r="UOQ733" s="424"/>
      <c r="UOR733" s="424"/>
      <c r="UOS733" s="423" t="s">
        <v>2795</v>
      </c>
      <c r="UOT733" s="424"/>
      <c r="UOU733" s="424"/>
      <c r="UOV733" s="424"/>
      <c r="UOW733" s="423" t="s">
        <v>2795</v>
      </c>
      <c r="UOX733" s="424"/>
      <c r="UOY733" s="424"/>
      <c r="UOZ733" s="424"/>
      <c r="UPA733" s="423" t="s">
        <v>2795</v>
      </c>
      <c r="UPB733" s="424"/>
      <c r="UPC733" s="424"/>
      <c r="UPD733" s="424"/>
      <c r="UPE733" s="423" t="s">
        <v>2795</v>
      </c>
      <c r="UPF733" s="424"/>
      <c r="UPG733" s="424"/>
      <c r="UPH733" s="424"/>
      <c r="UPI733" s="423" t="s">
        <v>2795</v>
      </c>
      <c r="UPJ733" s="424"/>
      <c r="UPK733" s="424"/>
      <c r="UPL733" s="424"/>
      <c r="UPM733" s="423" t="s">
        <v>2795</v>
      </c>
      <c r="UPN733" s="424"/>
      <c r="UPO733" s="424"/>
      <c r="UPP733" s="424"/>
      <c r="UPQ733" s="423" t="s">
        <v>2795</v>
      </c>
      <c r="UPR733" s="424"/>
      <c r="UPS733" s="424"/>
      <c r="UPT733" s="424"/>
      <c r="UPU733" s="423" t="s">
        <v>2795</v>
      </c>
      <c r="UPV733" s="424"/>
      <c r="UPW733" s="424"/>
      <c r="UPX733" s="424"/>
      <c r="UPY733" s="423" t="s">
        <v>2795</v>
      </c>
      <c r="UPZ733" s="424"/>
      <c r="UQA733" s="424"/>
      <c r="UQB733" s="424"/>
      <c r="UQC733" s="423" t="s">
        <v>2795</v>
      </c>
      <c r="UQD733" s="424"/>
      <c r="UQE733" s="424"/>
      <c r="UQF733" s="424"/>
      <c r="UQG733" s="423" t="s">
        <v>2795</v>
      </c>
      <c r="UQH733" s="424"/>
      <c r="UQI733" s="424"/>
      <c r="UQJ733" s="424"/>
      <c r="UQK733" s="423" t="s">
        <v>2795</v>
      </c>
      <c r="UQL733" s="424"/>
      <c r="UQM733" s="424"/>
      <c r="UQN733" s="424"/>
      <c r="UQO733" s="423" t="s">
        <v>2795</v>
      </c>
      <c r="UQP733" s="424"/>
      <c r="UQQ733" s="424"/>
      <c r="UQR733" s="424"/>
      <c r="UQS733" s="423" t="s">
        <v>2795</v>
      </c>
      <c r="UQT733" s="424"/>
      <c r="UQU733" s="424"/>
      <c r="UQV733" s="424"/>
      <c r="UQW733" s="423" t="s">
        <v>2795</v>
      </c>
      <c r="UQX733" s="424"/>
      <c r="UQY733" s="424"/>
      <c r="UQZ733" s="424"/>
      <c r="URA733" s="423" t="s">
        <v>2795</v>
      </c>
      <c r="URB733" s="424"/>
      <c r="URC733" s="424"/>
      <c r="URD733" s="424"/>
      <c r="URE733" s="423" t="s">
        <v>2795</v>
      </c>
      <c r="URF733" s="424"/>
      <c r="URG733" s="424"/>
      <c r="URH733" s="424"/>
      <c r="URI733" s="423" t="s">
        <v>2795</v>
      </c>
      <c r="URJ733" s="424"/>
      <c r="URK733" s="424"/>
      <c r="URL733" s="424"/>
      <c r="URM733" s="423" t="s">
        <v>2795</v>
      </c>
      <c r="URN733" s="424"/>
      <c r="URO733" s="424"/>
      <c r="URP733" s="424"/>
      <c r="URQ733" s="423" t="s">
        <v>2795</v>
      </c>
      <c r="URR733" s="424"/>
      <c r="URS733" s="424"/>
      <c r="URT733" s="424"/>
      <c r="URU733" s="423" t="s">
        <v>2795</v>
      </c>
      <c r="URV733" s="424"/>
      <c r="URW733" s="424"/>
      <c r="URX733" s="424"/>
      <c r="URY733" s="423" t="s">
        <v>2795</v>
      </c>
      <c r="URZ733" s="424"/>
      <c r="USA733" s="424"/>
      <c r="USB733" s="424"/>
      <c r="USC733" s="423" t="s">
        <v>2795</v>
      </c>
      <c r="USD733" s="424"/>
      <c r="USE733" s="424"/>
      <c r="USF733" s="424"/>
      <c r="USG733" s="423" t="s">
        <v>2795</v>
      </c>
      <c r="USH733" s="424"/>
      <c r="USI733" s="424"/>
      <c r="USJ733" s="424"/>
      <c r="USK733" s="423" t="s">
        <v>2795</v>
      </c>
      <c r="USL733" s="424"/>
      <c r="USM733" s="424"/>
      <c r="USN733" s="424"/>
      <c r="USO733" s="423" t="s">
        <v>2795</v>
      </c>
      <c r="USP733" s="424"/>
      <c r="USQ733" s="424"/>
      <c r="USR733" s="424"/>
      <c r="USS733" s="423" t="s">
        <v>2795</v>
      </c>
      <c r="UST733" s="424"/>
      <c r="USU733" s="424"/>
      <c r="USV733" s="424"/>
      <c r="USW733" s="423" t="s">
        <v>2795</v>
      </c>
      <c r="USX733" s="424"/>
      <c r="USY733" s="424"/>
      <c r="USZ733" s="424"/>
      <c r="UTA733" s="423" t="s">
        <v>2795</v>
      </c>
      <c r="UTB733" s="424"/>
      <c r="UTC733" s="424"/>
      <c r="UTD733" s="424"/>
      <c r="UTE733" s="423" t="s">
        <v>2795</v>
      </c>
      <c r="UTF733" s="424"/>
      <c r="UTG733" s="424"/>
      <c r="UTH733" s="424"/>
      <c r="UTI733" s="423" t="s">
        <v>2795</v>
      </c>
      <c r="UTJ733" s="424"/>
      <c r="UTK733" s="424"/>
      <c r="UTL733" s="424"/>
      <c r="UTM733" s="423" t="s">
        <v>2795</v>
      </c>
      <c r="UTN733" s="424"/>
      <c r="UTO733" s="424"/>
      <c r="UTP733" s="424"/>
      <c r="UTQ733" s="423" t="s">
        <v>2795</v>
      </c>
      <c r="UTR733" s="424"/>
      <c r="UTS733" s="424"/>
      <c r="UTT733" s="424"/>
      <c r="UTU733" s="423" t="s">
        <v>2795</v>
      </c>
      <c r="UTV733" s="424"/>
      <c r="UTW733" s="424"/>
      <c r="UTX733" s="424"/>
      <c r="UTY733" s="423" t="s">
        <v>2795</v>
      </c>
      <c r="UTZ733" s="424"/>
      <c r="UUA733" s="424"/>
      <c r="UUB733" s="424"/>
      <c r="UUC733" s="423" t="s">
        <v>2795</v>
      </c>
      <c r="UUD733" s="424"/>
      <c r="UUE733" s="424"/>
      <c r="UUF733" s="424"/>
      <c r="UUG733" s="423" t="s">
        <v>2795</v>
      </c>
      <c r="UUH733" s="424"/>
      <c r="UUI733" s="424"/>
      <c r="UUJ733" s="424"/>
      <c r="UUK733" s="423" t="s">
        <v>2795</v>
      </c>
      <c r="UUL733" s="424"/>
      <c r="UUM733" s="424"/>
      <c r="UUN733" s="424"/>
      <c r="UUO733" s="423" t="s">
        <v>2795</v>
      </c>
      <c r="UUP733" s="424"/>
      <c r="UUQ733" s="424"/>
      <c r="UUR733" s="424"/>
      <c r="UUS733" s="423" t="s">
        <v>2795</v>
      </c>
      <c r="UUT733" s="424"/>
      <c r="UUU733" s="424"/>
      <c r="UUV733" s="424"/>
      <c r="UUW733" s="423" t="s">
        <v>2795</v>
      </c>
      <c r="UUX733" s="424"/>
      <c r="UUY733" s="424"/>
      <c r="UUZ733" s="424"/>
      <c r="UVA733" s="423" t="s">
        <v>2795</v>
      </c>
      <c r="UVB733" s="424"/>
      <c r="UVC733" s="424"/>
      <c r="UVD733" s="424"/>
      <c r="UVE733" s="423" t="s">
        <v>2795</v>
      </c>
      <c r="UVF733" s="424"/>
      <c r="UVG733" s="424"/>
      <c r="UVH733" s="424"/>
      <c r="UVI733" s="423" t="s">
        <v>2795</v>
      </c>
      <c r="UVJ733" s="424"/>
      <c r="UVK733" s="424"/>
      <c r="UVL733" s="424"/>
      <c r="UVM733" s="423" t="s">
        <v>2795</v>
      </c>
      <c r="UVN733" s="424"/>
      <c r="UVO733" s="424"/>
      <c r="UVP733" s="424"/>
      <c r="UVQ733" s="423" t="s">
        <v>2795</v>
      </c>
      <c r="UVR733" s="424"/>
      <c r="UVS733" s="424"/>
      <c r="UVT733" s="424"/>
      <c r="UVU733" s="423" t="s">
        <v>2795</v>
      </c>
      <c r="UVV733" s="424"/>
      <c r="UVW733" s="424"/>
      <c r="UVX733" s="424"/>
      <c r="UVY733" s="423" t="s">
        <v>2795</v>
      </c>
      <c r="UVZ733" s="424"/>
      <c r="UWA733" s="424"/>
      <c r="UWB733" s="424"/>
      <c r="UWC733" s="423" t="s">
        <v>2795</v>
      </c>
      <c r="UWD733" s="424"/>
      <c r="UWE733" s="424"/>
      <c r="UWF733" s="424"/>
      <c r="UWG733" s="423" t="s">
        <v>2795</v>
      </c>
      <c r="UWH733" s="424"/>
      <c r="UWI733" s="424"/>
      <c r="UWJ733" s="424"/>
      <c r="UWK733" s="423" t="s">
        <v>2795</v>
      </c>
      <c r="UWL733" s="424"/>
      <c r="UWM733" s="424"/>
      <c r="UWN733" s="424"/>
      <c r="UWO733" s="423" t="s">
        <v>2795</v>
      </c>
      <c r="UWP733" s="424"/>
      <c r="UWQ733" s="424"/>
      <c r="UWR733" s="424"/>
      <c r="UWS733" s="423" t="s">
        <v>2795</v>
      </c>
      <c r="UWT733" s="424"/>
      <c r="UWU733" s="424"/>
      <c r="UWV733" s="424"/>
      <c r="UWW733" s="423" t="s">
        <v>2795</v>
      </c>
      <c r="UWX733" s="424"/>
      <c r="UWY733" s="424"/>
      <c r="UWZ733" s="424"/>
      <c r="UXA733" s="423" t="s">
        <v>2795</v>
      </c>
      <c r="UXB733" s="424"/>
      <c r="UXC733" s="424"/>
      <c r="UXD733" s="424"/>
      <c r="UXE733" s="423" t="s">
        <v>2795</v>
      </c>
      <c r="UXF733" s="424"/>
      <c r="UXG733" s="424"/>
      <c r="UXH733" s="424"/>
      <c r="UXI733" s="423" t="s">
        <v>2795</v>
      </c>
      <c r="UXJ733" s="424"/>
      <c r="UXK733" s="424"/>
      <c r="UXL733" s="424"/>
      <c r="UXM733" s="423" t="s">
        <v>2795</v>
      </c>
      <c r="UXN733" s="424"/>
      <c r="UXO733" s="424"/>
      <c r="UXP733" s="424"/>
      <c r="UXQ733" s="423" t="s">
        <v>2795</v>
      </c>
      <c r="UXR733" s="424"/>
      <c r="UXS733" s="424"/>
      <c r="UXT733" s="424"/>
      <c r="UXU733" s="423" t="s">
        <v>2795</v>
      </c>
      <c r="UXV733" s="424"/>
      <c r="UXW733" s="424"/>
      <c r="UXX733" s="424"/>
      <c r="UXY733" s="423" t="s">
        <v>2795</v>
      </c>
      <c r="UXZ733" s="424"/>
      <c r="UYA733" s="424"/>
      <c r="UYB733" s="424"/>
      <c r="UYC733" s="423" t="s">
        <v>2795</v>
      </c>
      <c r="UYD733" s="424"/>
      <c r="UYE733" s="424"/>
      <c r="UYF733" s="424"/>
      <c r="UYG733" s="423" t="s">
        <v>2795</v>
      </c>
      <c r="UYH733" s="424"/>
      <c r="UYI733" s="424"/>
      <c r="UYJ733" s="424"/>
      <c r="UYK733" s="423" t="s">
        <v>2795</v>
      </c>
      <c r="UYL733" s="424"/>
      <c r="UYM733" s="424"/>
      <c r="UYN733" s="424"/>
      <c r="UYO733" s="423" t="s">
        <v>2795</v>
      </c>
      <c r="UYP733" s="424"/>
      <c r="UYQ733" s="424"/>
      <c r="UYR733" s="424"/>
      <c r="UYS733" s="423" t="s">
        <v>2795</v>
      </c>
      <c r="UYT733" s="424"/>
      <c r="UYU733" s="424"/>
      <c r="UYV733" s="424"/>
      <c r="UYW733" s="423" t="s">
        <v>2795</v>
      </c>
      <c r="UYX733" s="424"/>
      <c r="UYY733" s="424"/>
      <c r="UYZ733" s="424"/>
      <c r="UZA733" s="423" t="s">
        <v>2795</v>
      </c>
      <c r="UZB733" s="424"/>
      <c r="UZC733" s="424"/>
      <c r="UZD733" s="424"/>
      <c r="UZE733" s="423" t="s">
        <v>2795</v>
      </c>
      <c r="UZF733" s="424"/>
      <c r="UZG733" s="424"/>
      <c r="UZH733" s="424"/>
      <c r="UZI733" s="423" t="s">
        <v>2795</v>
      </c>
      <c r="UZJ733" s="424"/>
      <c r="UZK733" s="424"/>
      <c r="UZL733" s="424"/>
      <c r="UZM733" s="423" t="s">
        <v>2795</v>
      </c>
      <c r="UZN733" s="424"/>
      <c r="UZO733" s="424"/>
      <c r="UZP733" s="424"/>
      <c r="UZQ733" s="423" t="s">
        <v>2795</v>
      </c>
      <c r="UZR733" s="424"/>
      <c r="UZS733" s="424"/>
      <c r="UZT733" s="424"/>
      <c r="UZU733" s="423" t="s">
        <v>2795</v>
      </c>
      <c r="UZV733" s="424"/>
      <c r="UZW733" s="424"/>
      <c r="UZX733" s="424"/>
      <c r="UZY733" s="423" t="s">
        <v>2795</v>
      </c>
      <c r="UZZ733" s="424"/>
      <c r="VAA733" s="424"/>
      <c r="VAB733" s="424"/>
      <c r="VAC733" s="423" t="s">
        <v>2795</v>
      </c>
      <c r="VAD733" s="424"/>
      <c r="VAE733" s="424"/>
      <c r="VAF733" s="424"/>
      <c r="VAG733" s="423" t="s">
        <v>2795</v>
      </c>
      <c r="VAH733" s="424"/>
      <c r="VAI733" s="424"/>
      <c r="VAJ733" s="424"/>
      <c r="VAK733" s="423" t="s">
        <v>2795</v>
      </c>
      <c r="VAL733" s="424"/>
      <c r="VAM733" s="424"/>
      <c r="VAN733" s="424"/>
      <c r="VAO733" s="423" t="s">
        <v>2795</v>
      </c>
      <c r="VAP733" s="424"/>
      <c r="VAQ733" s="424"/>
      <c r="VAR733" s="424"/>
      <c r="VAS733" s="423" t="s">
        <v>2795</v>
      </c>
      <c r="VAT733" s="424"/>
      <c r="VAU733" s="424"/>
      <c r="VAV733" s="424"/>
      <c r="VAW733" s="423" t="s">
        <v>2795</v>
      </c>
      <c r="VAX733" s="424"/>
      <c r="VAY733" s="424"/>
      <c r="VAZ733" s="424"/>
      <c r="VBA733" s="423" t="s">
        <v>2795</v>
      </c>
      <c r="VBB733" s="424"/>
      <c r="VBC733" s="424"/>
      <c r="VBD733" s="424"/>
      <c r="VBE733" s="423" t="s">
        <v>2795</v>
      </c>
      <c r="VBF733" s="424"/>
      <c r="VBG733" s="424"/>
      <c r="VBH733" s="424"/>
      <c r="VBI733" s="423" t="s">
        <v>2795</v>
      </c>
      <c r="VBJ733" s="424"/>
      <c r="VBK733" s="424"/>
      <c r="VBL733" s="424"/>
      <c r="VBM733" s="423" t="s">
        <v>2795</v>
      </c>
      <c r="VBN733" s="424"/>
      <c r="VBO733" s="424"/>
      <c r="VBP733" s="424"/>
      <c r="VBQ733" s="423" t="s">
        <v>2795</v>
      </c>
      <c r="VBR733" s="424"/>
      <c r="VBS733" s="424"/>
      <c r="VBT733" s="424"/>
      <c r="VBU733" s="423" t="s">
        <v>2795</v>
      </c>
      <c r="VBV733" s="424"/>
      <c r="VBW733" s="424"/>
      <c r="VBX733" s="424"/>
      <c r="VBY733" s="423" t="s">
        <v>2795</v>
      </c>
      <c r="VBZ733" s="424"/>
      <c r="VCA733" s="424"/>
      <c r="VCB733" s="424"/>
      <c r="VCC733" s="423" t="s">
        <v>2795</v>
      </c>
      <c r="VCD733" s="424"/>
      <c r="VCE733" s="424"/>
      <c r="VCF733" s="424"/>
      <c r="VCG733" s="423" t="s">
        <v>2795</v>
      </c>
      <c r="VCH733" s="424"/>
      <c r="VCI733" s="424"/>
      <c r="VCJ733" s="424"/>
      <c r="VCK733" s="423" t="s">
        <v>2795</v>
      </c>
      <c r="VCL733" s="424"/>
      <c r="VCM733" s="424"/>
      <c r="VCN733" s="424"/>
      <c r="VCO733" s="423" t="s">
        <v>2795</v>
      </c>
      <c r="VCP733" s="424"/>
      <c r="VCQ733" s="424"/>
      <c r="VCR733" s="424"/>
      <c r="VCS733" s="423" t="s">
        <v>2795</v>
      </c>
      <c r="VCT733" s="424"/>
      <c r="VCU733" s="424"/>
      <c r="VCV733" s="424"/>
      <c r="VCW733" s="423" t="s">
        <v>2795</v>
      </c>
      <c r="VCX733" s="424"/>
      <c r="VCY733" s="424"/>
      <c r="VCZ733" s="424"/>
      <c r="VDA733" s="423" t="s">
        <v>2795</v>
      </c>
      <c r="VDB733" s="424"/>
      <c r="VDC733" s="424"/>
      <c r="VDD733" s="424"/>
      <c r="VDE733" s="423" t="s">
        <v>2795</v>
      </c>
      <c r="VDF733" s="424"/>
      <c r="VDG733" s="424"/>
      <c r="VDH733" s="424"/>
      <c r="VDI733" s="423" t="s">
        <v>2795</v>
      </c>
      <c r="VDJ733" s="424"/>
      <c r="VDK733" s="424"/>
      <c r="VDL733" s="424"/>
      <c r="VDM733" s="423" t="s">
        <v>2795</v>
      </c>
      <c r="VDN733" s="424"/>
      <c r="VDO733" s="424"/>
      <c r="VDP733" s="424"/>
      <c r="VDQ733" s="423" t="s">
        <v>2795</v>
      </c>
      <c r="VDR733" s="424"/>
      <c r="VDS733" s="424"/>
      <c r="VDT733" s="424"/>
      <c r="VDU733" s="423" t="s">
        <v>2795</v>
      </c>
      <c r="VDV733" s="424"/>
      <c r="VDW733" s="424"/>
      <c r="VDX733" s="424"/>
      <c r="VDY733" s="423" t="s">
        <v>2795</v>
      </c>
      <c r="VDZ733" s="424"/>
      <c r="VEA733" s="424"/>
      <c r="VEB733" s="424"/>
      <c r="VEC733" s="423" t="s">
        <v>2795</v>
      </c>
      <c r="VED733" s="424"/>
      <c r="VEE733" s="424"/>
      <c r="VEF733" s="424"/>
      <c r="VEG733" s="423" t="s">
        <v>2795</v>
      </c>
      <c r="VEH733" s="424"/>
      <c r="VEI733" s="424"/>
      <c r="VEJ733" s="424"/>
      <c r="VEK733" s="423" t="s">
        <v>2795</v>
      </c>
      <c r="VEL733" s="424"/>
      <c r="VEM733" s="424"/>
      <c r="VEN733" s="424"/>
      <c r="VEO733" s="423" t="s">
        <v>2795</v>
      </c>
      <c r="VEP733" s="424"/>
      <c r="VEQ733" s="424"/>
      <c r="VER733" s="424"/>
      <c r="VES733" s="423" t="s">
        <v>2795</v>
      </c>
      <c r="VET733" s="424"/>
      <c r="VEU733" s="424"/>
      <c r="VEV733" s="424"/>
      <c r="VEW733" s="423" t="s">
        <v>2795</v>
      </c>
      <c r="VEX733" s="424"/>
      <c r="VEY733" s="424"/>
      <c r="VEZ733" s="424"/>
      <c r="VFA733" s="423" t="s">
        <v>2795</v>
      </c>
      <c r="VFB733" s="424"/>
      <c r="VFC733" s="424"/>
      <c r="VFD733" s="424"/>
      <c r="VFE733" s="423" t="s">
        <v>2795</v>
      </c>
      <c r="VFF733" s="424"/>
      <c r="VFG733" s="424"/>
      <c r="VFH733" s="424"/>
      <c r="VFI733" s="423" t="s">
        <v>2795</v>
      </c>
      <c r="VFJ733" s="424"/>
      <c r="VFK733" s="424"/>
      <c r="VFL733" s="424"/>
      <c r="VFM733" s="423" t="s">
        <v>2795</v>
      </c>
      <c r="VFN733" s="424"/>
      <c r="VFO733" s="424"/>
      <c r="VFP733" s="424"/>
      <c r="VFQ733" s="423" t="s">
        <v>2795</v>
      </c>
      <c r="VFR733" s="424"/>
      <c r="VFS733" s="424"/>
      <c r="VFT733" s="424"/>
      <c r="VFU733" s="423" t="s">
        <v>2795</v>
      </c>
      <c r="VFV733" s="424"/>
      <c r="VFW733" s="424"/>
      <c r="VFX733" s="424"/>
      <c r="VFY733" s="423" t="s">
        <v>2795</v>
      </c>
      <c r="VFZ733" s="424"/>
      <c r="VGA733" s="424"/>
      <c r="VGB733" s="424"/>
      <c r="VGC733" s="423" t="s">
        <v>2795</v>
      </c>
      <c r="VGD733" s="424"/>
      <c r="VGE733" s="424"/>
      <c r="VGF733" s="424"/>
      <c r="VGG733" s="423" t="s">
        <v>2795</v>
      </c>
      <c r="VGH733" s="424"/>
      <c r="VGI733" s="424"/>
      <c r="VGJ733" s="424"/>
      <c r="VGK733" s="423" t="s">
        <v>2795</v>
      </c>
      <c r="VGL733" s="424"/>
      <c r="VGM733" s="424"/>
      <c r="VGN733" s="424"/>
      <c r="VGO733" s="423" t="s">
        <v>2795</v>
      </c>
      <c r="VGP733" s="424"/>
      <c r="VGQ733" s="424"/>
      <c r="VGR733" s="424"/>
      <c r="VGS733" s="423" t="s">
        <v>2795</v>
      </c>
      <c r="VGT733" s="424"/>
      <c r="VGU733" s="424"/>
      <c r="VGV733" s="424"/>
      <c r="VGW733" s="423" t="s">
        <v>2795</v>
      </c>
      <c r="VGX733" s="424"/>
      <c r="VGY733" s="424"/>
      <c r="VGZ733" s="424"/>
      <c r="VHA733" s="423" t="s">
        <v>2795</v>
      </c>
      <c r="VHB733" s="424"/>
      <c r="VHC733" s="424"/>
      <c r="VHD733" s="424"/>
      <c r="VHE733" s="423" t="s">
        <v>2795</v>
      </c>
      <c r="VHF733" s="424"/>
      <c r="VHG733" s="424"/>
      <c r="VHH733" s="424"/>
      <c r="VHI733" s="423" t="s">
        <v>2795</v>
      </c>
      <c r="VHJ733" s="424"/>
      <c r="VHK733" s="424"/>
      <c r="VHL733" s="424"/>
      <c r="VHM733" s="423" t="s">
        <v>2795</v>
      </c>
      <c r="VHN733" s="424"/>
      <c r="VHO733" s="424"/>
      <c r="VHP733" s="424"/>
      <c r="VHQ733" s="423" t="s">
        <v>2795</v>
      </c>
      <c r="VHR733" s="424"/>
      <c r="VHS733" s="424"/>
      <c r="VHT733" s="424"/>
      <c r="VHU733" s="423" t="s">
        <v>2795</v>
      </c>
      <c r="VHV733" s="424"/>
      <c r="VHW733" s="424"/>
      <c r="VHX733" s="424"/>
      <c r="VHY733" s="423" t="s">
        <v>2795</v>
      </c>
      <c r="VHZ733" s="424"/>
      <c r="VIA733" s="424"/>
      <c r="VIB733" s="424"/>
      <c r="VIC733" s="423" t="s">
        <v>2795</v>
      </c>
      <c r="VID733" s="424"/>
      <c r="VIE733" s="424"/>
      <c r="VIF733" s="424"/>
      <c r="VIG733" s="423" t="s">
        <v>2795</v>
      </c>
      <c r="VIH733" s="424"/>
      <c r="VII733" s="424"/>
      <c r="VIJ733" s="424"/>
      <c r="VIK733" s="423" t="s">
        <v>2795</v>
      </c>
      <c r="VIL733" s="424"/>
      <c r="VIM733" s="424"/>
      <c r="VIN733" s="424"/>
      <c r="VIO733" s="423" t="s">
        <v>2795</v>
      </c>
      <c r="VIP733" s="424"/>
      <c r="VIQ733" s="424"/>
      <c r="VIR733" s="424"/>
      <c r="VIS733" s="423" t="s">
        <v>2795</v>
      </c>
      <c r="VIT733" s="424"/>
      <c r="VIU733" s="424"/>
      <c r="VIV733" s="424"/>
      <c r="VIW733" s="423" t="s">
        <v>2795</v>
      </c>
      <c r="VIX733" s="424"/>
      <c r="VIY733" s="424"/>
      <c r="VIZ733" s="424"/>
      <c r="VJA733" s="423" t="s">
        <v>2795</v>
      </c>
      <c r="VJB733" s="424"/>
      <c r="VJC733" s="424"/>
      <c r="VJD733" s="424"/>
      <c r="VJE733" s="423" t="s">
        <v>2795</v>
      </c>
      <c r="VJF733" s="424"/>
      <c r="VJG733" s="424"/>
      <c r="VJH733" s="424"/>
      <c r="VJI733" s="423" t="s">
        <v>2795</v>
      </c>
      <c r="VJJ733" s="424"/>
      <c r="VJK733" s="424"/>
      <c r="VJL733" s="424"/>
      <c r="VJM733" s="423" t="s">
        <v>2795</v>
      </c>
      <c r="VJN733" s="424"/>
      <c r="VJO733" s="424"/>
      <c r="VJP733" s="424"/>
      <c r="VJQ733" s="423" t="s">
        <v>2795</v>
      </c>
      <c r="VJR733" s="424"/>
      <c r="VJS733" s="424"/>
      <c r="VJT733" s="424"/>
      <c r="VJU733" s="423" t="s">
        <v>2795</v>
      </c>
      <c r="VJV733" s="424"/>
      <c r="VJW733" s="424"/>
      <c r="VJX733" s="424"/>
      <c r="VJY733" s="423" t="s">
        <v>2795</v>
      </c>
      <c r="VJZ733" s="424"/>
      <c r="VKA733" s="424"/>
      <c r="VKB733" s="424"/>
      <c r="VKC733" s="423" t="s">
        <v>2795</v>
      </c>
      <c r="VKD733" s="424"/>
      <c r="VKE733" s="424"/>
      <c r="VKF733" s="424"/>
      <c r="VKG733" s="423" t="s">
        <v>2795</v>
      </c>
      <c r="VKH733" s="424"/>
      <c r="VKI733" s="424"/>
      <c r="VKJ733" s="424"/>
      <c r="VKK733" s="423" t="s">
        <v>2795</v>
      </c>
      <c r="VKL733" s="424"/>
      <c r="VKM733" s="424"/>
      <c r="VKN733" s="424"/>
      <c r="VKO733" s="423" t="s">
        <v>2795</v>
      </c>
      <c r="VKP733" s="424"/>
      <c r="VKQ733" s="424"/>
      <c r="VKR733" s="424"/>
      <c r="VKS733" s="423" t="s">
        <v>2795</v>
      </c>
      <c r="VKT733" s="424"/>
      <c r="VKU733" s="424"/>
      <c r="VKV733" s="424"/>
      <c r="VKW733" s="423" t="s">
        <v>2795</v>
      </c>
      <c r="VKX733" s="424"/>
      <c r="VKY733" s="424"/>
      <c r="VKZ733" s="424"/>
      <c r="VLA733" s="423" t="s">
        <v>2795</v>
      </c>
      <c r="VLB733" s="424"/>
      <c r="VLC733" s="424"/>
      <c r="VLD733" s="424"/>
      <c r="VLE733" s="423" t="s">
        <v>2795</v>
      </c>
      <c r="VLF733" s="424"/>
      <c r="VLG733" s="424"/>
      <c r="VLH733" s="424"/>
      <c r="VLI733" s="423" t="s">
        <v>2795</v>
      </c>
      <c r="VLJ733" s="424"/>
      <c r="VLK733" s="424"/>
      <c r="VLL733" s="424"/>
      <c r="VLM733" s="423" t="s">
        <v>2795</v>
      </c>
      <c r="VLN733" s="424"/>
      <c r="VLO733" s="424"/>
      <c r="VLP733" s="424"/>
      <c r="VLQ733" s="423" t="s">
        <v>2795</v>
      </c>
      <c r="VLR733" s="424"/>
      <c r="VLS733" s="424"/>
      <c r="VLT733" s="424"/>
      <c r="VLU733" s="423" t="s">
        <v>2795</v>
      </c>
      <c r="VLV733" s="424"/>
      <c r="VLW733" s="424"/>
      <c r="VLX733" s="424"/>
      <c r="VLY733" s="423" t="s">
        <v>2795</v>
      </c>
      <c r="VLZ733" s="424"/>
      <c r="VMA733" s="424"/>
      <c r="VMB733" s="424"/>
      <c r="VMC733" s="423" t="s">
        <v>2795</v>
      </c>
      <c r="VMD733" s="424"/>
      <c r="VME733" s="424"/>
      <c r="VMF733" s="424"/>
      <c r="VMG733" s="423" t="s">
        <v>2795</v>
      </c>
      <c r="VMH733" s="424"/>
      <c r="VMI733" s="424"/>
      <c r="VMJ733" s="424"/>
      <c r="VMK733" s="423" t="s">
        <v>2795</v>
      </c>
      <c r="VML733" s="424"/>
      <c r="VMM733" s="424"/>
      <c r="VMN733" s="424"/>
      <c r="VMO733" s="423" t="s">
        <v>2795</v>
      </c>
      <c r="VMP733" s="424"/>
      <c r="VMQ733" s="424"/>
      <c r="VMR733" s="424"/>
      <c r="VMS733" s="423" t="s">
        <v>2795</v>
      </c>
      <c r="VMT733" s="424"/>
      <c r="VMU733" s="424"/>
      <c r="VMV733" s="424"/>
      <c r="VMW733" s="423" t="s">
        <v>2795</v>
      </c>
      <c r="VMX733" s="424"/>
      <c r="VMY733" s="424"/>
      <c r="VMZ733" s="424"/>
      <c r="VNA733" s="423" t="s">
        <v>2795</v>
      </c>
      <c r="VNB733" s="424"/>
      <c r="VNC733" s="424"/>
      <c r="VND733" s="424"/>
      <c r="VNE733" s="423" t="s">
        <v>2795</v>
      </c>
      <c r="VNF733" s="424"/>
      <c r="VNG733" s="424"/>
      <c r="VNH733" s="424"/>
      <c r="VNI733" s="423" t="s">
        <v>2795</v>
      </c>
      <c r="VNJ733" s="424"/>
      <c r="VNK733" s="424"/>
      <c r="VNL733" s="424"/>
      <c r="VNM733" s="423" t="s">
        <v>2795</v>
      </c>
      <c r="VNN733" s="424"/>
      <c r="VNO733" s="424"/>
      <c r="VNP733" s="424"/>
      <c r="VNQ733" s="423" t="s">
        <v>2795</v>
      </c>
      <c r="VNR733" s="424"/>
      <c r="VNS733" s="424"/>
      <c r="VNT733" s="424"/>
      <c r="VNU733" s="423" t="s">
        <v>2795</v>
      </c>
      <c r="VNV733" s="424"/>
      <c r="VNW733" s="424"/>
      <c r="VNX733" s="424"/>
      <c r="VNY733" s="423" t="s">
        <v>2795</v>
      </c>
      <c r="VNZ733" s="424"/>
      <c r="VOA733" s="424"/>
      <c r="VOB733" s="424"/>
      <c r="VOC733" s="423" t="s">
        <v>2795</v>
      </c>
      <c r="VOD733" s="424"/>
      <c r="VOE733" s="424"/>
      <c r="VOF733" s="424"/>
      <c r="VOG733" s="423" t="s">
        <v>2795</v>
      </c>
      <c r="VOH733" s="424"/>
      <c r="VOI733" s="424"/>
      <c r="VOJ733" s="424"/>
      <c r="VOK733" s="423" t="s">
        <v>2795</v>
      </c>
      <c r="VOL733" s="424"/>
      <c r="VOM733" s="424"/>
      <c r="VON733" s="424"/>
      <c r="VOO733" s="423" t="s">
        <v>2795</v>
      </c>
      <c r="VOP733" s="424"/>
      <c r="VOQ733" s="424"/>
      <c r="VOR733" s="424"/>
      <c r="VOS733" s="423" t="s">
        <v>2795</v>
      </c>
      <c r="VOT733" s="424"/>
      <c r="VOU733" s="424"/>
      <c r="VOV733" s="424"/>
      <c r="VOW733" s="423" t="s">
        <v>2795</v>
      </c>
      <c r="VOX733" s="424"/>
      <c r="VOY733" s="424"/>
      <c r="VOZ733" s="424"/>
      <c r="VPA733" s="423" t="s">
        <v>2795</v>
      </c>
      <c r="VPB733" s="424"/>
      <c r="VPC733" s="424"/>
      <c r="VPD733" s="424"/>
      <c r="VPE733" s="423" t="s">
        <v>2795</v>
      </c>
      <c r="VPF733" s="424"/>
      <c r="VPG733" s="424"/>
      <c r="VPH733" s="424"/>
      <c r="VPI733" s="423" t="s">
        <v>2795</v>
      </c>
      <c r="VPJ733" s="424"/>
      <c r="VPK733" s="424"/>
      <c r="VPL733" s="424"/>
      <c r="VPM733" s="423" t="s">
        <v>2795</v>
      </c>
      <c r="VPN733" s="424"/>
      <c r="VPO733" s="424"/>
      <c r="VPP733" s="424"/>
      <c r="VPQ733" s="423" t="s">
        <v>2795</v>
      </c>
      <c r="VPR733" s="424"/>
      <c r="VPS733" s="424"/>
      <c r="VPT733" s="424"/>
      <c r="VPU733" s="423" t="s">
        <v>2795</v>
      </c>
      <c r="VPV733" s="424"/>
      <c r="VPW733" s="424"/>
      <c r="VPX733" s="424"/>
      <c r="VPY733" s="423" t="s">
        <v>2795</v>
      </c>
      <c r="VPZ733" s="424"/>
      <c r="VQA733" s="424"/>
      <c r="VQB733" s="424"/>
      <c r="VQC733" s="423" t="s">
        <v>2795</v>
      </c>
      <c r="VQD733" s="424"/>
      <c r="VQE733" s="424"/>
      <c r="VQF733" s="424"/>
      <c r="VQG733" s="423" t="s">
        <v>2795</v>
      </c>
      <c r="VQH733" s="424"/>
      <c r="VQI733" s="424"/>
      <c r="VQJ733" s="424"/>
      <c r="VQK733" s="423" t="s">
        <v>2795</v>
      </c>
      <c r="VQL733" s="424"/>
      <c r="VQM733" s="424"/>
      <c r="VQN733" s="424"/>
      <c r="VQO733" s="423" t="s">
        <v>2795</v>
      </c>
      <c r="VQP733" s="424"/>
      <c r="VQQ733" s="424"/>
      <c r="VQR733" s="424"/>
      <c r="VQS733" s="423" t="s">
        <v>2795</v>
      </c>
      <c r="VQT733" s="424"/>
      <c r="VQU733" s="424"/>
      <c r="VQV733" s="424"/>
      <c r="VQW733" s="423" t="s">
        <v>2795</v>
      </c>
      <c r="VQX733" s="424"/>
      <c r="VQY733" s="424"/>
      <c r="VQZ733" s="424"/>
      <c r="VRA733" s="423" t="s">
        <v>2795</v>
      </c>
      <c r="VRB733" s="424"/>
      <c r="VRC733" s="424"/>
      <c r="VRD733" s="424"/>
      <c r="VRE733" s="423" t="s">
        <v>2795</v>
      </c>
      <c r="VRF733" s="424"/>
      <c r="VRG733" s="424"/>
      <c r="VRH733" s="424"/>
      <c r="VRI733" s="423" t="s">
        <v>2795</v>
      </c>
      <c r="VRJ733" s="424"/>
      <c r="VRK733" s="424"/>
      <c r="VRL733" s="424"/>
      <c r="VRM733" s="423" t="s">
        <v>2795</v>
      </c>
      <c r="VRN733" s="424"/>
      <c r="VRO733" s="424"/>
      <c r="VRP733" s="424"/>
      <c r="VRQ733" s="423" t="s">
        <v>2795</v>
      </c>
      <c r="VRR733" s="424"/>
      <c r="VRS733" s="424"/>
      <c r="VRT733" s="424"/>
      <c r="VRU733" s="423" t="s">
        <v>2795</v>
      </c>
      <c r="VRV733" s="424"/>
      <c r="VRW733" s="424"/>
      <c r="VRX733" s="424"/>
      <c r="VRY733" s="423" t="s">
        <v>2795</v>
      </c>
      <c r="VRZ733" s="424"/>
      <c r="VSA733" s="424"/>
      <c r="VSB733" s="424"/>
      <c r="VSC733" s="423" t="s">
        <v>2795</v>
      </c>
      <c r="VSD733" s="424"/>
      <c r="VSE733" s="424"/>
      <c r="VSF733" s="424"/>
      <c r="VSG733" s="423" t="s">
        <v>2795</v>
      </c>
      <c r="VSH733" s="424"/>
      <c r="VSI733" s="424"/>
      <c r="VSJ733" s="424"/>
      <c r="VSK733" s="423" t="s">
        <v>2795</v>
      </c>
      <c r="VSL733" s="424"/>
      <c r="VSM733" s="424"/>
      <c r="VSN733" s="424"/>
      <c r="VSO733" s="423" t="s">
        <v>2795</v>
      </c>
      <c r="VSP733" s="424"/>
      <c r="VSQ733" s="424"/>
      <c r="VSR733" s="424"/>
      <c r="VSS733" s="423" t="s">
        <v>2795</v>
      </c>
      <c r="VST733" s="424"/>
      <c r="VSU733" s="424"/>
      <c r="VSV733" s="424"/>
      <c r="VSW733" s="423" t="s">
        <v>2795</v>
      </c>
      <c r="VSX733" s="424"/>
      <c r="VSY733" s="424"/>
      <c r="VSZ733" s="424"/>
      <c r="VTA733" s="423" t="s">
        <v>2795</v>
      </c>
      <c r="VTB733" s="424"/>
      <c r="VTC733" s="424"/>
      <c r="VTD733" s="424"/>
      <c r="VTE733" s="423" t="s">
        <v>2795</v>
      </c>
      <c r="VTF733" s="424"/>
      <c r="VTG733" s="424"/>
      <c r="VTH733" s="424"/>
      <c r="VTI733" s="423" t="s">
        <v>2795</v>
      </c>
      <c r="VTJ733" s="424"/>
      <c r="VTK733" s="424"/>
      <c r="VTL733" s="424"/>
      <c r="VTM733" s="423" t="s">
        <v>2795</v>
      </c>
      <c r="VTN733" s="424"/>
      <c r="VTO733" s="424"/>
      <c r="VTP733" s="424"/>
      <c r="VTQ733" s="423" t="s">
        <v>2795</v>
      </c>
      <c r="VTR733" s="424"/>
      <c r="VTS733" s="424"/>
      <c r="VTT733" s="424"/>
      <c r="VTU733" s="423" t="s">
        <v>2795</v>
      </c>
      <c r="VTV733" s="424"/>
      <c r="VTW733" s="424"/>
      <c r="VTX733" s="424"/>
      <c r="VTY733" s="423" t="s">
        <v>2795</v>
      </c>
      <c r="VTZ733" s="424"/>
      <c r="VUA733" s="424"/>
      <c r="VUB733" s="424"/>
      <c r="VUC733" s="423" t="s">
        <v>2795</v>
      </c>
      <c r="VUD733" s="424"/>
      <c r="VUE733" s="424"/>
      <c r="VUF733" s="424"/>
      <c r="VUG733" s="423" t="s">
        <v>2795</v>
      </c>
      <c r="VUH733" s="424"/>
      <c r="VUI733" s="424"/>
      <c r="VUJ733" s="424"/>
      <c r="VUK733" s="423" t="s">
        <v>2795</v>
      </c>
      <c r="VUL733" s="424"/>
      <c r="VUM733" s="424"/>
      <c r="VUN733" s="424"/>
      <c r="VUO733" s="423" t="s">
        <v>2795</v>
      </c>
      <c r="VUP733" s="424"/>
      <c r="VUQ733" s="424"/>
      <c r="VUR733" s="424"/>
      <c r="VUS733" s="423" t="s">
        <v>2795</v>
      </c>
      <c r="VUT733" s="424"/>
      <c r="VUU733" s="424"/>
      <c r="VUV733" s="424"/>
      <c r="VUW733" s="423" t="s">
        <v>2795</v>
      </c>
      <c r="VUX733" s="424"/>
      <c r="VUY733" s="424"/>
      <c r="VUZ733" s="424"/>
      <c r="VVA733" s="423" t="s">
        <v>2795</v>
      </c>
      <c r="VVB733" s="424"/>
      <c r="VVC733" s="424"/>
      <c r="VVD733" s="424"/>
      <c r="VVE733" s="423" t="s">
        <v>2795</v>
      </c>
      <c r="VVF733" s="424"/>
      <c r="VVG733" s="424"/>
      <c r="VVH733" s="424"/>
      <c r="VVI733" s="423" t="s">
        <v>2795</v>
      </c>
      <c r="VVJ733" s="424"/>
      <c r="VVK733" s="424"/>
      <c r="VVL733" s="424"/>
      <c r="VVM733" s="423" t="s">
        <v>2795</v>
      </c>
      <c r="VVN733" s="424"/>
      <c r="VVO733" s="424"/>
      <c r="VVP733" s="424"/>
      <c r="VVQ733" s="423" t="s">
        <v>2795</v>
      </c>
      <c r="VVR733" s="424"/>
      <c r="VVS733" s="424"/>
      <c r="VVT733" s="424"/>
      <c r="VVU733" s="423" t="s">
        <v>2795</v>
      </c>
      <c r="VVV733" s="424"/>
      <c r="VVW733" s="424"/>
      <c r="VVX733" s="424"/>
      <c r="VVY733" s="423" t="s">
        <v>2795</v>
      </c>
      <c r="VVZ733" s="424"/>
      <c r="VWA733" s="424"/>
      <c r="VWB733" s="424"/>
      <c r="VWC733" s="423" t="s">
        <v>2795</v>
      </c>
      <c r="VWD733" s="424"/>
      <c r="VWE733" s="424"/>
      <c r="VWF733" s="424"/>
      <c r="VWG733" s="423" t="s">
        <v>2795</v>
      </c>
      <c r="VWH733" s="424"/>
      <c r="VWI733" s="424"/>
      <c r="VWJ733" s="424"/>
      <c r="VWK733" s="423" t="s">
        <v>2795</v>
      </c>
      <c r="VWL733" s="424"/>
      <c r="VWM733" s="424"/>
      <c r="VWN733" s="424"/>
      <c r="VWO733" s="423" t="s">
        <v>2795</v>
      </c>
      <c r="VWP733" s="424"/>
      <c r="VWQ733" s="424"/>
      <c r="VWR733" s="424"/>
      <c r="VWS733" s="423" t="s">
        <v>2795</v>
      </c>
      <c r="VWT733" s="424"/>
      <c r="VWU733" s="424"/>
      <c r="VWV733" s="424"/>
      <c r="VWW733" s="423" t="s">
        <v>2795</v>
      </c>
      <c r="VWX733" s="424"/>
      <c r="VWY733" s="424"/>
      <c r="VWZ733" s="424"/>
      <c r="VXA733" s="423" t="s">
        <v>2795</v>
      </c>
      <c r="VXB733" s="424"/>
      <c r="VXC733" s="424"/>
      <c r="VXD733" s="424"/>
      <c r="VXE733" s="423" t="s">
        <v>2795</v>
      </c>
      <c r="VXF733" s="424"/>
      <c r="VXG733" s="424"/>
      <c r="VXH733" s="424"/>
      <c r="VXI733" s="423" t="s">
        <v>2795</v>
      </c>
      <c r="VXJ733" s="424"/>
      <c r="VXK733" s="424"/>
      <c r="VXL733" s="424"/>
      <c r="VXM733" s="423" t="s">
        <v>2795</v>
      </c>
      <c r="VXN733" s="424"/>
      <c r="VXO733" s="424"/>
      <c r="VXP733" s="424"/>
      <c r="VXQ733" s="423" t="s">
        <v>2795</v>
      </c>
      <c r="VXR733" s="424"/>
      <c r="VXS733" s="424"/>
      <c r="VXT733" s="424"/>
      <c r="VXU733" s="423" t="s">
        <v>2795</v>
      </c>
      <c r="VXV733" s="424"/>
      <c r="VXW733" s="424"/>
      <c r="VXX733" s="424"/>
      <c r="VXY733" s="423" t="s">
        <v>2795</v>
      </c>
      <c r="VXZ733" s="424"/>
      <c r="VYA733" s="424"/>
      <c r="VYB733" s="424"/>
      <c r="VYC733" s="423" t="s">
        <v>2795</v>
      </c>
      <c r="VYD733" s="424"/>
      <c r="VYE733" s="424"/>
      <c r="VYF733" s="424"/>
      <c r="VYG733" s="423" t="s">
        <v>2795</v>
      </c>
      <c r="VYH733" s="424"/>
      <c r="VYI733" s="424"/>
      <c r="VYJ733" s="424"/>
      <c r="VYK733" s="423" t="s">
        <v>2795</v>
      </c>
      <c r="VYL733" s="424"/>
      <c r="VYM733" s="424"/>
      <c r="VYN733" s="424"/>
      <c r="VYO733" s="423" t="s">
        <v>2795</v>
      </c>
      <c r="VYP733" s="424"/>
      <c r="VYQ733" s="424"/>
      <c r="VYR733" s="424"/>
      <c r="VYS733" s="423" t="s">
        <v>2795</v>
      </c>
      <c r="VYT733" s="424"/>
      <c r="VYU733" s="424"/>
      <c r="VYV733" s="424"/>
      <c r="VYW733" s="423" t="s">
        <v>2795</v>
      </c>
      <c r="VYX733" s="424"/>
      <c r="VYY733" s="424"/>
      <c r="VYZ733" s="424"/>
      <c r="VZA733" s="423" t="s">
        <v>2795</v>
      </c>
      <c r="VZB733" s="424"/>
      <c r="VZC733" s="424"/>
      <c r="VZD733" s="424"/>
      <c r="VZE733" s="423" t="s">
        <v>2795</v>
      </c>
      <c r="VZF733" s="424"/>
      <c r="VZG733" s="424"/>
      <c r="VZH733" s="424"/>
      <c r="VZI733" s="423" t="s">
        <v>2795</v>
      </c>
      <c r="VZJ733" s="424"/>
      <c r="VZK733" s="424"/>
      <c r="VZL733" s="424"/>
      <c r="VZM733" s="423" t="s">
        <v>2795</v>
      </c>
      <c r="VZN733" s="424"/>
      <c r="VZO733" s="424"/>
      <c r="VZP733" s="424"/>
      <c r="VZQ733" s="423" t="s">
        <v>2795</v>
      </c>
      <c r="VZR733" s="424"/>
      <c r="VZS733" s="424"/>
      <c r="VZT733" s="424"/>
      <c r="VZU733" s="423" t="s">
        <v>2795</v>
      </c>
      <c r="VZV733" s="424"/>
      <c r="VZW733" s="424"/>
      <c r="VZX733" s="424"/>
      <c r="VZY733" s="423" t="s">
        <v>2795</v>
      </c>
      <c r="VZZ733" s="424"/>
      <c r="WAA733" s="424"/>
      <c r="WAB733" s="424"/>
      <c r="WAC733" s="423" t="s">
        <v>2795</v>
      </c>
      <c r="WAD733" s="424"/>
      <c r="WAE733" s="424"/>
      <c r="WAF733" s="424"/>
      <c r="WAG733" s="423" t="s">
        <v>2795</v>
      </c>
      <c r="WAH733" s="424"/>
      <c r="WAI733" s="424"/>
      <c r="WAJ733" s="424"/>
      <c r="WAK733" s="423" t="s">
        <v>2795</v>
      </c>
      <c r="WAL733" s="424"/>
      <c r="WAM733" s="424"/>
      <c r="WAN733" s="424"/>
      <c r="WAO733" s="423" t="s">
        <v>2795</v>
      </c>
      <c r="WAP733" s="424"/>
      <c r="WAQ733" s="424"/>
      <c r="WAR733" s="424"/>
      <c r="WAS733" s="423" t="s">
        <v>2795</v>
      </c>
      <c r="WAT733" s="424"/>
      <c r="WAU733" s="424"/>
      <c r="WAV733" s="424"/>
      <c r="WAW733" s="423" t="s">
        <v>2795</v>
      </c>
      <c r="WAX733" s="424"/>
      <c r="WAY733" s="424"/>
      <c r="WAZ733" s="424"/>
      <c r="WBA733" s="423" t="s">
        <v>2795</v>
      </c>
      <c r="WBB733" s="424"/>
      <c r="WBC733" s="424"/>
      <c r="WBD733" s="424"/>
      <c r="WBE733" s="423" t="s">
        <v>2795</v>
      </c>
      <c r="WBF733" s="424"/>
      <c r="WBG733" s="424"/>
      <c r="WBH733" s="424"/>
      <c r="WBI733" s="423" t="s">
        <v>2795</v>
      </c>
      <c r="WBJ733" s="424"/>
      <c r="WBK733" s="424"/>
      <c r="WBL733" s="424"/>
      <c r="WBM733" s="423" t="s">
        <v>2795</v>
      </c>
      <c r="WBN733" s="424"/>
      <c r="WBO733" s="424"/>
      <c r="WBP733" s="424"/>
      <c r="WBQ733" s="423" t="s">
        <v>2795</v>
      </c>
      <c r="WBR733" s="424"/>
      <c r="WBS733" s="424"/>
      <c r="WBT733" s="424"/>
      <c r="WBU733" s="423" t="s">
        <v>2795</v>
      </c>
      <c r="WBV733" s="424"/>
      <c r="WBW733" s="424"/>
      <c r="WBX733" s="424"/>
      <c r="WBY733" s="423" t="s">
        <v>2795</v>
      </c>
      <c r="WBZ733" s="424"/>
      <c r="WCA733" s="424"/>
      <c r="WCB733" s="424"/>
      <c r="WCC733" s="423" t="s">
        <v>2795</v>
      </c>
      <c r="WCD733" s="424"/>
      <c r="WCE733" s="424"/>
      <c r="WCF733" s="424"/>
      <c r="WCG733" s="423" t="s">
        <v>2795</v>
      </c>
      <c r="WCH733" s="424"/>
      <c r="WCI733" s="424"/>
      <c r="WCJ733" s="424"/>
      <c r="WCK733" s="423" t="s">
        <v>2795</v>
      </c>
      <c r="WCL733" s="424"/>
      <c r="WCM733" s="424"/>
      <c r="WCN733" s="424"/>
      <c r="WCO733" s="423" t="s">
        <v>2795</v>
      </c>
      <c r="WCP733" s="424"/>
      <c r="WCQ733" s="424"/>
      <c r="WCR733" s="424"/>
      <c r="WCS733" s="423" t="s">
        <v>2795</v>
      </c>
      <c r="WCT733" s="424"/>
      <c r="WCU733" s="424"/>
      <c r="WCV733" s="424"/>
      <c r="WCW733" s="423" t="s">
        <v>2795</v>
      </c>
      <c r="WCX733" s="424"/>
      <c r="WCY733" s="424"/>
      <c r="WCZ733" s="424"/>
      <c r="WDA733" s="423" t="s">
        <v>2795</v>
      </c>
      <c r="WDB733" s="424"/>
      <c r="WDC733" s="424"/>
      <c r="WDD733" s="424"/>
      <c r="WDE733" s="423" t="s">
        <v>2795</v>
      </c>
      <c r="WDF733" s="424"/>
      <c r="WDG733" s="424"/>
      <c r="WDH733" s="424"/>
      <c r="WDI733" s="423" t="s">
        <v>2795</v>
      </c>
      <c r="WDJ733" s="424"/>
      <c r="WDK733" s="424"/>
      <c r="WDL733" s="424"/>
      <c r="WDM733" s="423" t="s">
        <v>2795</v>
      </c>
      <c r="WDN733" s="424"/>
      <c r="WDO733" s="424"/>
      <c r="WDP733" s="424"/>
      <c r="WDQ733" s="423" t="s">
        <v>2795</v>
      </c>
      <c r="WDR733" s="424"/>
      <c r="WDS733" s="424"/>
      <c r="WDT733" s="424"/>
      <c r="WDU733" s="423" t="s">
        <v>2795</v>
      </c>
      <c r="WDV733" s="424"/>
      <c r="WDW733" s="424"/>
      <c r="WDX733" s="424"/>
      <c r="WDY733" s="423" t="s">
        <v>2795</v>
      </c>
      <c r="WDZ733" s="424"/>
      <c r="WEA733" s="424"/>
      <c r="WEB733" s="424"/>
      <c r="WEC733" s="423" t="s">
        <v>2795</v>
      </c>
      <c r="WED733" s="424"/>
      <c r="WEE733" s="424"/>
      <c r="WEF733" s="424"/>
      <c r="WEG733" s="423" t="s">
        <v>2795</v>
      </c>
      <c r="WEH733" s="424"/>
      <c r="WEI733" s="424"/>
      <c r="WEJ733" s="424"/>
      <c r="WEK733" s="423" t="s">
        <v>2795</v>
      </c>
      <c r="WEL733" s="424"/>
      <c r="WEM733" s="424"/>
      <c r="WEN733" s="424"/>
      <c r="WEO733" s="423" t="s">
        <v>2795</v>
      </c>
      <c r="WEP733" s="424"/>
      <c r="WEQ733" s="424"/>
      <c r="WER733" s="424"/>
      <c r="WES733" s="423" t="s">
        <v>2795</v>
      </c>
      <c r="WET733" s="424"/>
      <c r="WEU733" s="424"/>
      <c r="WEV733" s="424"/>
      <c r="WEW733" s="423" t="s">
        <v>2795</v>
      </c>
      <c r="WEX733" s="424"/>
      <c r="WEY733" s="424"/>
      <c r="WEZ733" s="424"/>
      <c r="WFA733" s="423" t="s">
        <v>2795</v>
      </c>
      <c r="WFB733" s="424"/>
      <c r="WFC733" s="424"/>
      <c r="WFD733" s="424"/>
      <c r="WFE733" s="423" t="s">
        <v>2795</v>
      </c>
      <c r="WFF733" s="424"/>
      <c r="WFG733" s="424"/>
      <c r="WFH733" s="424"/>
      <c r="WFI733" s="423" t="s">
        <v>2795</v>
      </c>
      <c r="WFJ733" s="424"/>
      <c r="WFK733" s="424"/>
      <c r="WFL733" s="424"/>
      <c r="WFM733" s="423" t="s">
        <v>2795</v>
      </c>
      <c r="WFN733" s="424"/>
      <c r="WFO733" s="424"/>
      <c r="WFP733" s="424"/>
      <c r="WFQ733" s="423" t="s">
        <v>2795</v>
      </c>
      <c r="WFR733" s="424"/>
      <c r="WFS733" s="424"/>
      <c r="WFT733" s="424"/>
      <c r="WFU733" s="423" t="s">
        <v>2795</v>
      </c>
      <c r="WFV733" s="424"/>
      <c r="WFW733" s="424"/>
      <c r="WFX733" s="424"/>
      <c r="WFY733" s="423" t="s">
        <v>2795</v>
      </c>
      <c r="WFZ733" s="424"/>
      <c r="WGA733" s="424"/>
      <c r="WGB733" s="424"/>
      <c r="WGC733" s="423" t="s">
        <v>2795</v>
      </c>
      <c r="WGD733" s="424"/>
      <c r="WGE733" s="424"/>
      <c r="WGF733" s="424"/>
      <c r="WGG733" s="423" t="s">
        <v>2795</v>
      </c>
      <c r="WGH733" s="424"/>
      <c r="WGI733" s="424"/>
      <c r="WGJ733" s="424"/>
      <c r="WGK733" s="423" t="s">
        <v>2795</v>
      </c>
      <c r="WGL733" s="424"/>
      <c r="WGM733" s="424"/>
      <c r="WGN733" s="424"/>
      <c r="WGO733" s="423" t="s">
        <v>2795</v>
      </c>
      <c r="WGP733" s="424"/>
      <c r="WGQ733" s="424"/>
      <c r="WGR733" s="424"/>
      <c r="WGS733" s="423" t="s">
        <v>2795</v>
      </c>
      <c r="WGT733" s="424"/>
      <c r="WGU733" s="424"/>
      <c r="WGV733" s="424"/>
      <c r="WGW733" s="423" t="s">
        <v>2795</v>
      </c>
      <c r="WGX733" s="424"/>
      <c r="WGY733" s="424"/>
      <c r="WGZ733" s="424"/>
      <c r="WHA733" s="423" t="s">
        <v>2795</v>
      </c>
      <c r="WHB733" s="424"/>
      <c r="WHC733" s="424"/>
      <c r="WHD733" s="424"/>
      <c r="WHE733" s="423" t="s">
        <v>2795</v>
      </c>
      <c r="WHF733" s="424"/>
      <c r="WHG733" s="424"/>
      <c r="WHH733" s="424"/>
      <c r="WHI733" s="423" t="s">
        <v>2795</v>
      </c>
      <c r="WHJ733" s="424"/>
      <c r="WHK733" s="424"/>
      <c r="WHL733" s="424"/>
      <c r="WHM733" s="423" t="s">
        <v>2795</v>
      </c>
      <c r="WHN733" s="424"/>
      <c r="WHO733" s="424"/>
      <c r="WHP733" s="424"/>
      <c r="WHQ733" s="423" t="s">
        <v>2795</v>
      </c>
      <c r="WHR733" s="424"/>
      <c r="WHS733" s="424"/>
      <c r="WHT733" s="424"/>
      <c r="WHU733" s="423" t="s">
        <v>2795</v>
      </c>
      <c r="WHV733" s="424"/>
      <c r="WHW733" s="424"/>
      <c r="WHX733" s="424"/>
      <c r="WHY733" s="423" t="s">
        <v>2795</v>
      </c>
      <c r="WHZ733" s="424"/>
      <c r="WIA733" s="424"/>
      <c r="WIB733" s="424"/>
      <c r="WIC733" s="423" t="s">
        <v>2795</v>
      </c>
      <c r="WID733" s="424"/>
      <c r="WIE733" s="424"/>
      <c r="WIF733" s="424"/>
      <c r="WIG733" s="423" t="s">
        <v>2795</v>
      </c>
      <c r="WIH733" s="424"/>
      <c r="WII733" s="424"/>
      <c r="WIJ733" s="424"/>
      <c r="WIK733" s="423" t="s">
        <v>2795</v>
      </c>
      <c r="WIL733" s="424"/>
      <c r="WIM733" s="424"/>
      <c r="WIN733" s="424"/>
      <c r="WIO733" s="423" t="s">
        <v>2795</v>
      </c>
      <c r="WIP733" s="424"/>
      <c r="WIQ733" s="424"/>
      <c r="WIR733" s="424"/>
      <c r="WIS733" s="423" t="s">
        <v>2795</v>
      </c>
      <c r="WIT733" s="424"/>
      <c r="WIU733" s="424"/>
      <c r="WIV733" s="424"/>
      <c r="WIW733" s="423" t="s">
        <v>2795</v>
      </c>
      <c r="WIX733" s="424"/>
      <c r="WIY733" s="424"/>
      <c r="WIZ733" s="424"/>
      <c r="WJA733" s="423" t="s">
        <v>2795</v>
      </c>
      <c r="WJB733" s="424"/>
      <c r="WJC733" s="424"/>
      <c r="WJD733" s="424"/>
      <c r="WJE733" s="423" t="s">
        <v>2795</v>
      </c>
      <c r="WJF733" s="424"/>
      <c r="WJG733" s="424"/>
      <c r="WJH733" s="424"/>
      <c r="WJI733" s="423" t="s">
        <v>2795</v>
      </c>
      <c r="WJJ733" s="424"/>
      <c r="WJK733" s="424"/>
      <c r="WJL733" s="424"/>
      <c r="WJM733" s="423" t="s">
        <v>2795</v>
      </c>
      <c r="WJN733" s="424"/>
      <c r="WJO733" s="424"/>
      <c r="WJP733" s="424"/>
      <c r="WJQ733" s="423" t="s">
        <v>2795</v>
      </c>
      <c r="WJR733" s="424"/>
      <c r="WJS733" s="424"/>
      <c r="WJT733" s="424"/>
      <c r="WJU733" s="423" t="s">
        <v>2795</v>
      </c>
      <c r="WJV733" s="424"/>
      <c r="WJW733" s="424"/>
      <c r="WJX733" s="424"/>
      <c r="WJY733" s="423" t="s">
        <v>2795</v>
      </c>
      <c r="WJZ733" s="424"/>
      <c r="WKA733" s="424"/>
      <c r="WKB733" s="424"/>
      <c r="WKC733" s="423" t="s">
        <v>2795</v>
      </c>
      <c r="WKD733" s="424"/>
      <c r="WKE733" s="424"/>
      <c r="WKF733" s="424"/>
      <c r="WKG733" s="423" t="s">
        <v>2795</v>
      </c>
      <c r="WKH733" s="424"/>
      <c r="WKI733" s="424"/>
      <c r="WKJ733" s="424"/>
      <c r="WKK733" s="423" t="s">
        <v>2795</v>
      </c>
      <c r="WKL733" s="424"/>
      <c r="WKM733" s="424"/>
      <c r="WKN733" s="424"/>
      <c r="WKO733" s="423" t="s">
        <v>2795</v>
      </c>
      <c r="WKP733" s="424"/>
      <c r="WKQ733" s="424"/>
      <c r="WKR733" s="424"/>
      <c r="WKS733" s="423" t="s">
        <v>2795</v>
      </c>
      <c r="WKT733" s="424"/>
      <c r="WKU733" s="424"/>
      <c r="WKV733" s="424"/>
      <c r="WKW733" s="423" t="s">
        <v>2795</v>
      </c>
      <c r="WKX733" s="424"/>
      <c r="WKY733" s="424"/>
      <c r="WKZ733" s="424"/>
      <c r="WLA733" s="423" t="s">
        <v>2795</v>
      </c>
      <c r="WLB733" s="424"/>
      <c r="WLC733" s="424"/>
      <c r="WLD733" s="424"/>
      <c r="WLE733" s="423" t="s">
        <v>2795</v>
      </c>
      <c r="WLF733" s="424"/>
      <c r="WLG733" s="424"/>
      <c r="WLH733" s="424"/>
      <c r="WLI733" s="423" t="s">
        <v>2795</v>
      </c>
      <c r="WLJ733" s="424"/>
      <c r="WLK733" s="424"/>
      <c r="WLL733" s="424"/>
      <c r="WLM733" s="423" t="s">
        <v>2795</v>
      </c>
      <c r="WLN733" s="424"/>
      <c r="WLO733" s="424"/>
      <c r="WLP733" s="424"/>
      <c r="WLQ733" s="423" t="s">
        <v>2795</v>
      </c>
      <c r="WLR733" s="424"/>
      <c r="WLS733" s="424"/>
      <c r="WLT733" s="424"/>
      <c r="WLU733" s="423" t="s">
        <v>2795</v>
      </c>
      <c r="WLV733" s="424"/>
      <c r="WLW733" s="424"/>
      <c r="WLX733" s="424"/>
      <c r="WLY733" s="423" t="s">
        <v>2795</v>
      </c>
      <c r="WLZ733" s="424"/>
      <c r="WMA733" s="424"/>
      <c r="WMB733" s="424"/>
      <c r="WMC733" s="423" t="s">
        <v>2795</v>
      </c>
      <c r="WMD733" s="424"/>
      <c r="WME733" s="424"/>
      <c r="WMF733" s="424"/>
      <c r="WMG733" s="423" t="s">
        <v>2795</v>
      </c>
      <c r="WMH733" s="424"/>
      <c r="WMI733" s="424"/>
      <c r="WMJ733" s="424"/>
      <c r="WMK733" s="423" t="s">
        <v>2795</v>
      </c>
      <c r="WML733" s="424"/>
      <c r="WMM733" s="424"/>
      <c r="WMN733" s="424"/>
      <c r="WMO733" s="423" t="s">
        <v>2795</v>
      </c>
      <c r="WMP733" s="424"/>
      <c r="WMQ733" s="424"/>
      <c r="WMR733" s="424"/>
      <c r="WMS733" s="423" t="s">
        <v>2795</v>
      </c>
      <c r="WMT733" s="424"/>
      <c r="WMU733" s="424"/>
      <c r="WMV733" s="424"/>
      <c r="WMW733" s="423" t="s">
        <v>2795</v>
      </c>
      <c r="WMX733" s="424"/>
      <c r="WMY733" s="424"/>
      <c r="WMZ733" s="424"/>
      <c r="WNA733" s="423" t="s">
        <v>2795</v>
      </c>
      <c r="WNB733" s="424"/>
      <c r="WNC733" s="424"/>
      <c r="WND733" s="424"/>
      <c r="WNE733" s="423" t="s">
        <v>2795</v>
      </c>
      <c r="WNF733" s="424"/>
      <c r="WNG733" s="424"/>
      <c r="WNH733" s="424"/>
      <c r="WNI733" s="423" t="s">
        <v>2795</v>
      </c>
      <c r="WNJ733" s="424"/>
      <c r="WNK733" s="424"/>
      <c r="WNL733" s="424"/>
      <c r="WNM733" s="423" t="s">
        <v>2795</v>
      </c>
      <c r="WNN733" s="424"/>
      <c r="WNO733" s="424"/>
      <c r="WNP733" s="424"/>
      <c r="WNQ733" s="423" t="s">
        <v>2795</v>
      </c>
      <c r="WNR733" s="424"/>
      <c r="WNS733" s="424"/>
      <c r="WNT733" s="424"/>
      <c r="WNU733" s="423" t="s">
        <v>2795</v>
      </c>
      <c r="WNV733" s="424"/>
      <c r="WNW733" s="424"/>
      <c r="WNX733" s="424"/>
      <c r="WNY733" s="423" t="s">
        <v>2795</v>
      </c>
      <c r="WNZ733" s="424"/>
      <c r="WOA733" s="424"/>
      <c r="WOB733" s="424"/>
      <c r="WOC733" s="423" t="s">
        <v>2795</v>
      </c>
      <c r="WOD733" s="424"/>
      <c r="WOE733" s="424"/>
      <c r="WOF733" s="424"/>
      <c r="WOG733" s="423" t="s">
        <v>2795</v>
      </c>
      <c r="WOH733" s="424"/>
      <c r="WOI733" s="424"/>
      <c r="WOJ733" s="424"/>
      <c r="WOK733" s="423" t="s">
        <v>2795</v>
      </c>
      <c r="WOL733" s="424"/>
      <c r="WOM733" s="424"/>
      <c r="WON733" s="424"/>
      <c r="WOO733" s="423" t="s">
        <v>2795</v>
      </c>
      <c r="WOP733" s="424"/>
      <c r="WOQ733" s="424"/>
      <c r="WOR733" s="424"/>
      <c r="WOS733" s="423" t="s">
        <v>2795</v>
      </c>
      <c r="WOT733" s="424"/>
      <c r="WOU733" s="424"/>
      <c r="WOV733" s="424"/>
      <c r="WOW733" s="423" t="s">
        <v>2795</v>
      </c>
      <c r="WOX733" s="424"/>
      <c r="WOY733" s="424"/>
      <c r="WOZ733" s="424"/>
      <c r="WPA733" s="423" t="s">
        <v>2795</v>
      </c>
      <c r="WPB733" s="424"/>
      <c r="WPC733" s="424"/>
      <c r="WPD733" s="424"/>
      <c r="WPE733" s="423" t="s">
        <v>2795</v>
      </c>
      <c r="WPF733" s="424"/>
      <c r="WPG733" s="424"/>
      <c r="WPH733" s="424"/>
      <c r="WPI733" s="423" t="s">
        <v>2795</v>
      </c>
      <c r="WPJ733" s="424"/>
      <c r="WPK733" s="424"/>
      <c r="WPL733" s="424"/>
      <c r="WPM733" s="423" t="s">
        <v>2795</v>
      </c>
      <c r="WPN733" s="424"/>
      <c r="WPO733" s="424"/>
      <c r="WPP733" s="424"/>
      <c r="WPQ733" s="423" t="s">
        <v>2795</v>
      </c>
      <c r="WPR733" s="424"/>
      <c r="WPS733" s="424"/>
      <c r="WPT733" s="424"/>
      <c r="WPU733" s="423" t="s">
        <v>2795</v>
      </c>
      <c r="WPV733" s="424"/>
      <c r="WPW733" s="424"/>
      <c r="WPX733" s="424"/>
      <c r="WPY733" s="423" t="s">
        <v>2795</v>
      </c>
      <c r="WPZ733" s="424"/>
      <c r="WQA733" s="424"/>
      <c r="WQB733" s="424"/>
      <c r="WQC733" s="423" t="s">
        <v>2795</v>
      </c>
      <c r="WQD733" s="424"/>
      <c r="WQE733" s="424"/>
      <c r="WQF733" s="424"/>
      <c r="WQG733" s="423" t="s">
        <v>2795</v>
      </c>
      <c r="WQH733" s="424"/>
      <c r="WQI733" s="424"/>
      <c r="WQJ733" s="424"/>
      <c r="WQK733" s="423" t="s">
        <v>2795</v>
      </c>
      <c r="WQL733" s="424"/>
      <c r="WQM733" s="424"/>
      <c r="WQN733" s="424"/>
      <c r="WQO733" s="423" t="s">
        <v>2795</v>
      </c>
      <c r="WQP733" s="424"/>
      <c r="WQQ733" s="424"/>
      <c r="WQR733" s="424"/>
      <c r="WQS733" s="423" t="s">
        <v>2795</v>
      </c>
      <c r="WQT733" s="424"/>
      <c r="WQU733" s="424"/>
      <c r="WQV733" s="424"/>
      <c r="WQW733" s="423" t="s">
        <v>2795</v>
      </c>
      <c r="WQX733" s="424"/>
      <c r="WQY733" s="424"/>
      <c r="WQZ733" s="424"/>
      <c r="WRA733" s="423" t="s">
        <v>2795</v>
      </c>
      <c r="WRB733" s="424"/>
      <c r="WRC733" s="424"/>
      <c r="WRD733" s="424"/>
      <c r="WRE733" s="423" t="s">
        <v>2795</v>
      </c>
      <c r="WRF733" s="424"/>
      <c r="WRG733" s="424"/>
      <c r="WRH733" s="424"/>
      <c r="WRI733" s="423" t="s">
        <v>2795</v>
      </c>
      <c r="WRJ733" s="424"/>
      <c r="WRK733" s="424"/>
      <c r="WRL733" s="424"/>
      <c r="WRM733" s="423" t="s">
        <v>2795</v>
      </c>
      <c r="WRN733" s="424"/>
      <c r="WRO733" s="424"/>
      <c r="WRP733" s="424"/>
      <c r="WRQ733" s="423" t="s">
        <v>2795</v>
      </c>
      <c r="WRR733" s="424"/>
      <c r="WRS733" s="424"/>
      <c r="WRT733" s="424"/>
      <c r="WRU733" s="423" t="s">
        <v>2795</v>
      </c>
      <c r="WRV733" s="424"/>
      <c r="WRW733" s="424"/>
      <c r="WRX733" s="424"/>
      <c r="WRY733" s="423" t="s">
        <v>2795</v>
      </c>
      <c r="WRZ733" s="424"/>
      <c r="WSA733" s="424"/>
      <c r="WSB733" s="424"/>
      <c r="WSC733" s="423" t="s">
        <v>2795</v>
      </c>
      <c r="WSD733" s="424"/>
      <c r="WSE733" s="424"/>
      <c r="WSF733" s="424"/>
      <c r="WSG733" s="423" t="s">
        <v>2795</v>
      </c>
      <c r="WSH733" s="424"/>
      <c r="WSI733" s="424"/>
      <c r="WSJ733" s="424"/>
      <c r="WSK733" s="423" t="s">
        <v>2795</v>
      </c>
      <c r="WSL733" s="424"/>
      <c r="WSM733" s="424"/>
      <c r="WSN733" s="424"/>
      <c r="WSO733" s="423" t="s">
        <v>2795</v>
      </c>
      <c r="WSP733" s="424"/>
      <c r="WSQ733" s="424"/>
      <c r="WSR733" s="424"/>
      <c r="WSS733" s="423" t="s">
        <v>2795</v>
      </c>
      <c r="WST733" s="424"/>
      <c r="WSU733" s="424"/>
      <c r="WSV733" s="424"/>
      <c r="WSW733" s="423" t="s">
        <v>2795</v>
      </c>
      <c r="WSX733" s="424"/>
      <c r="WSY733" s="424"/>
      <c r="WSZ733" s="424"/>
      <c r="WTA733" s="423" t="s">
        <v>2795</v>
      </c>
      <c r="WTB733" s="424"/>
      <c r="WTC733" s="424"/>
      <c r="WTD733" s="424"/>
      <c r="WTE733" s="423" t="s">
        <v>2795</v>
      </c>
      <c r="WTF733" s="424"/>
      <c r="WTG733" s="424"/>
      <c r="WTH733" s="424"/>
      <c r="WTI733" s="423" t="s">
        <v>2795</v>
      </c>
      <c r="WTJ733" s="424"/>
      <c r="WTK733" s="424"/>
      <c r="WTL733" s="424"/>
      <c r="WTM733" s="423" t="s">
        <v>2795</v>
      </c>
      <c r="WTN733" s="424"/>
      <c r="WTO733" s="424"/>
      <c r="WTP733" s="424"/>
      <c r="WTQ733" s="423" t="s">
        <v>2795</v>
      </c>
      <c r="WTR733" s="424"/>
      <c r="WTS733" s="424"/>
      <c r="WTT733" s="424"/>
      <c r="WTU733" s="423" t="s">
        <v>2795</v>
      </c>
      <c r="WTV733" s="424"/>
      <c r="WTW733" s="424"/>
      <c r="WTX733" s="424"/>
      <c r="WTY733" s="423" t="s">
        <v>2795</v>
      </c>
      <c r="WTZ733" s="424"/>
      <c r="WUA733" s="424"/>
      <c r="WUB733" s="424"/>
      <c r="WUC733" s="423" t="s">
        <v>2795</v>
      </c>
      <c r="WUD733" s="424"/>
      <c r="WUE733" s="424"/>
      <c r="WUF733" s="424"/>
      <c r="WUG733" s="423" t="s">
        <v>2795</v>
      </c>
      <c r="WUH733" s="424"/>
      <c r="WUI733" s="424"/>
      <c r="WUJ733" s="424"/>
      <c r="WUK733" s="423" t="s">
        <v>2795</v>
      </c>
      <c r="WUL733" s="424"/>
      <c r="WUM733" s="424"/>
      <c r="WUN733" s="424"/>
      <c r="WUO733" s="423" t="s">
        <v>2795</v>
      </c>
      <c r="WUP733" s="424"/>
      <c r="WUQ733" s="424"/>
      <c r="WUR733" s="424"/>
      <c r="WUS733" s="423" t="s">
        <v>2795</v>
      </c>
      <c r="WUT733" s="424"/>
      <c r="WUU733" s="424"/>
      <c r="WUV733" s="424"/>
      <c r="WUW733" s="423" t="s">
        <v>2795</v>
      </c>
      <c r="WUX733" s="424"/>
      <c r="WUY733" s="424"/>
      <c r="WUZ733" s="424"/>
      <c r="WVA733" s="423" t="s">
        <v>2795</v>
      </c>
      <c r="WVB733" s="424"/>
      <c r="WVC733" s="424"/>
      <c r="WVD733" s="424"/>
      <c r="WVE733" s="423" t="s">
        <v>2795</v>
      </c>
      <c r="WVF733" s="424"/>
      <c r="WVG733" s="424"/>
      <c r="WVH733" s="424"/>
      <c r="WVI733" s="423" t="s">
        <v>2795</v>
      </c>
      <c r="WVJ733" s="424"/>
      <c r="WVK733" s="424"/>
      <c r="WVL733" s="424"/>
      <c r="WVM733" s="423" t="s">
        <v>2795</v>
      </c>
      <c r="WVN733" s="424"/>
      <c r="WVO733" s="424"/>
      <c r="WVP733" s="424"/>
      <c r="WVQ733" s="423" t="s">
        <v>2795</v>
      </c>
      <c r="WVR733" s="424"/>
      <c r="WVS733" s="424"/>
      <c r="WVT733" s="424"/>
      <c r="WVU733" s="423" t="s">
        <v>2795</v>
      </c>
      <c r="WVV733" s="424"/>
      <c r="WVW733" s="424"/>
      <c r="WVX733" s="424"/>
      <c r="WVY733" s="423" t="s">
        <v>2795</v>
      </c>
      <c r="WVZ733" s="424"/>
      <c r="WWA733" s="424"/>
      <c r="WWB733" s="424"/>
      <c r="WWC733" s="423" t="s">
        <v>2795</v>
      </c>
      <c r="WWD733" s="424"/>
      <c r="WWE733" s="424"/>
      <c r="WWF733" s="424"/>
      <c r="WWG733" s="423" t="s">
        <v>2795</v>
      </c>
      <c r="WWH733" s="424"/>
      <c r="WWI733" s="424"/>
      <c r="WWJ733" s="424"/>
      <c r="WWK733" s="423" t="s">
        <v>2795</v>
      </c>
      <c r="WWL733" s="424"/>
      <c r="WWM733" s="424"/>
      <c r="WWN733" s="424"/>
      <c r="WWO733" s="423" t="s">
        <v>2795</v>
      </c>
      <c r="WWP733" s="424"/>
      <c r="WWQ733" s="424"/>
      <c r="WWR733" s="424"/>
      <c r="WWS733" s="423" t="s">
        <v>2795</v>
      </c>
      <c r="WWT733" s="424"/>
      <c r="WWU733" s="424"/>
      <c r="WWV733" s="424"/>
      <c r="WWW733" s="423" t="s">
        <v>2795</v>
      </c>
      <c r="WWX733" s="424"/>
      <c r="WWY733" s="424"/>
      <c r="WWZ733" s="424"/>
      <c r="WXA733" s="423" t="s">
        <v>2795</v>
      </c>
      <c r="WXB733" s="424"/>
      <c r="WXC733" s="424"/>
      <c r="WXD733" s="424"/>
      <c r="WXE733" s="423" t="s">
        <v>2795</v>
      </c>
      <c r="WXF733" s="424"/>
      <c r="WXG733" s="424"/>
      <c r="WXH733" s="424"/>
      <c r="WXI733" s="423" t="s">
        <v>2795</v>
      </c>
      <c r="WXJ733" s="424"/>
      <c r="WXK733" s="424"/>
      <c r="WXL733" s="424"/>
      <c r="WXM733" s="423" t="s">
        <v>2795</v>
      </c>
      <c r="WXN733" s="424"/>
      <c r="WXO733" s="424"/>
      <c r="WXP733" s="424"/>
      <c r="WXQ733" s="423" t="s">
        <v>2795</v>
      </c>
      <c r="WXR733" s="424"/>
      <c r="WXS733" s="424"/>
      <c r="WXT733" s="424"/>
      <c r="WXU733" s="423" t="s">
        <v>2795</v>
      </c>
      <c r="WXV733" s="424"/>
      <c r="WXW733" s="424"/>
      <c r="WXX733" s="424"/>
      <c r="WXY733" s="423" t="s">
        <v>2795</v>
      </c>
      <c r="WXZ733" s="424"/>
      <c r="WYA733" s="424"/>
      <c r="WYB733" s="424"/>
      <c r="WYC733" s="423" t="s">
        <v>2795</v>
      </c>
      <c r="WYD733" s="424"/>
      <c r="WYE733" s="424"/>
      <c r="WYF733" s="424"/>
      <c r="WYG733" s="423" t="s">
        <v>2795</v>
      </c>
      <c r="WYH733" s="424"/>
      <c r="WYI733" s="424"/>
      <c r="WYJ733" s="424"/>
      <c r="WYK733" s="423" t="s">
        <v>2795</v>
      </c>
      <c r="WYL733" s="424"/>
      <c r="WYM733" s="424"/>
      <c r="WYN733" s="424"/>
      <c r="WYO733" s="423" t="s">
        <v>2795</v>
      </c>
      <c r="WYP733" s="424"/>
      <c r="WYQ733" s="424"/>
      <c r="WYR733" s="424"/>
      <c r="WYS733" s="423" t="s">
        <v>2795</v>
      </c>
      <c r="WYT733" s="424"/>
      <c r="WYU733" s="424"/>
      <c r="WYV733" s="424"/>
      <c r="WYW733" s="423" t="s">
        <v>2795</v>
      </c>
      <c r="WYX733" s="424"/>
      <c r="WYY733" s="424"/>
      <c r="WYZ733" s="424"/>
      <c r="WZA733" s="423" t="s">
        <v>2795</v>
      </c>
      <c r="WZB733" s="424"/>
      <c r="WZC733" s="424"/>
      <c r="WZD733" s="424"/>
      <c r="WZE733" s="423" t="s">
        <v>2795</v>
      </c>
      <c r="WZF733" s="424"/>
      <c r="WZG733" s="424"/>
      <c r="WZH733" s="424"/>
      <c r="WZI733" s="423" t="s">
        <v>2795</v>
      </c>
      <c r="WZJ733" s="424"/>
      <c r="WZK733" s="424"/>
      <c r="WZL733" s="424"/>
      <c r="WZM733" s="423" t="s">
        <v>2795</v>
      </c>
      <c r="WZN733" s="424"/>
      <c r="WZO733" s="424"/>
      <c r="WZP733" s="424"/>
      <c r="WZQ733" s="423" t="s">
        <v>2795</v>
      </c>
      <c r="WZR733" s="424"/>
      <c r="WZS733" s="424"/>
      <c r="WZT733" s="424"/>
      <c r="WZU733" s="423" t="s">
        <v>2795</v>
      </c>
      <c r="WZV733" s="424"/>
      <c r="WZW733" s="424"/>
      <c r="WZX733" s="424"/>
      <c r="WZY733" s="423" t="s">
        <v>2795</v>
      </c>
      <c r="WZZ733" s="424"/>
      <c r="XAA733" s="424"/>
      <c r="XAB733" s="424"/>
      <c r="XAC733" s="423" t="s">
        <v>2795</v>
      </c>
      <c r="XAD733" s="424"/>
      <c r="XAE733" s="424"/>
      <c r="XAF733" s="424"/>
      <c r="XAG733" s="423" t="s">
        <v>2795</v>
      </c>
      <c r="XAH733" s="424"/>
      <c r="XAI733" s="424"/>
      <c r="XAJ733" s="424"/>
      <c r="XAK733" s="423" t="s">
        <v>2795</v>
      </c>
      <c r="XAL733" s="424"/>
      <c r="XAM733" s="424"/>
      <c r="XAN733" s="424"/>
      <c r="XAO733" s="423" t="s">
        <v>2795</v>
      </c>
      <c r="XAP733" s="424"/>
      <c r="XAQ733" s="424"/>
      <c r="XAR733" s="424"/>
      <c r="XAS733" s="423" t="s">
        <v>2795</v>
      </c>
      <c r="XAT733" s="424"/>
      <c r="XAU733" s="424"/>
      <c r="XAV733" s="424"/>
      <c r="XAW733" s="423" t="s">
        <v>2795</v>
      </c>
      <c r="XAX733" s="424"/>
      <c r="XAY733" s="424"/>
      <c r="XAZ733" s="424"/>
      <c r="XBA733" s="423" t="s">
        <v>2795</v>
      </c>
      <c r="XBB733" s="424"/>
      <c r="XBC733" s="424"/>
      <c r="XBD733" s="424"/>
      <c r="XBE733" s="423" t="s">
        <v>2795</v>
      </c>
      <c r="XBF733" s="424"/>
      <c r="XBG733" s="424"/>
      <c r="XBH733" s="424"/>
      <c r="XBI733" s="423" t="s">
        <v>2795</v>
      </c>
      <c r="XBJ733" s="424"/>
      <c r="XBK733" s="424"/>
      <c r="XBL733" s="424"/>
      <c r="XBM733" s="423" t="s">
        <v>2795</v>
      </c>
      <c r="XBN733" s="424"/>
      <c r="XBO733" s="424"/>
      <c r="XBP733" s="424"/>
      <c r="XBQ733" s="423" t="s">
        <v>2795</v>
      </c>
      <c r="XBR733" s="424"/>
      <c r="XBS733" s="424"/>
      <c r="XBT733" s="424"/>
      <c r="XBU733" s="423" t="s">
        <v>2795</v>
      </c>
      <c r="XBV733" s="424"/>
      <c r="XBW733" s="424"/>
      <c r="XBX733" s="424"/>
      <c r="XBY733" s="423" t="s">
        <v>2795</v>
      </c>
      <c r="XBZ733" s="424"/>
      <c r="XCA733" s="424"/>
      <c r="XCB733" s="424"/>
      <c r="XCC733" s="423" t="s">
        <v>2795</v>
      </c>
      <c r="XCD733" s="424"/>
      <c r="XCE733" s="424"/>
      <c r="XCF733" s="424"/>
      <c r="XCG733" s="423" t="s">
        <v>2795</v>
      </c>
      <c r="XCH733" s="424"/>
      <c r="XCI733" s="424"/>
      <c r="XCJ733" s="424"/>
      <c r="XCK733" s="423" t="s">
        <v>2795</v>
      </c>
      <c r="XCL733" s="424"/>
      <c r="XCM733" s="424"/>
      <c r="XCN733" s="424"/>
      <c r="XCO733" s="423" t="s">
        <v>2795</v>
      </c>
      <c r="XCP733" s="424"/>
      <c r="XCQ733" s="424"/>
      <c r="XCR733" s="424"/>
      <c r="XCS733" s="423" t="s">
        <v>2795</v>
      </c>
      <c r="XCT733" s="424"/>
      <c r="XCU733" s="424"/>
      <c r="XCV733" s="424"/>
      <c r="XCW733" s="423" t="s">
        <v>2795</v>
      </c>
      <c r="XCX733" s="424"/>
      <c r="XCY733" s="424"/>
      <c r="XCZ733" s="424"/>
      <c r="XDA733" s="423" t="s">
        <v>2795</v>
      </c>
      <c r="XDB733" s="424"/>
      <c r="XDC733" s="424"/>
      <c r="XDD733" s="424"/>
      <c r="XDE733" s="423" t="s">
        <v>2795</v>
      </c>
      <c r="XDF733" s="424"/>
      <c r="XDG733" s="424"/>
      <c r="XDH733" s="424"/>
      <c r="XDI733" s="423" t="s">
        <v>2795</v>
      </c>
      <c r="XDJ733" s="424"/>
      <c r="XDK733" s="424"/>
      <c r="XDL733" s="424"/>
      <c r="XDM733" s="423" t="s">
        <v>2795</v>
      </c>
      <c r="XDN733" s="424"/>
      <c r="XDO733" s="424"/>
      <c r="XDP733" s="424"/>
      <c r="XDQ733" s="423" t="s">
        <v>2795</v>
      </c>
      <c r="XDR733" s="424"/>
      <c r="XDS733" s="424"/>
      <c r="XDT733" s="424"/>
      <c r="XDU733" s="423" t="s">
        <v>2795</v>
      </c>
      <c r="XDV733" s="424"/>
      <c r="XDW733" s="424"/>
      <c r="XDX733" s="424"/>
      <c r="XDY733" s="423" t="s">
        <v>2795</v>
      </c>
      <c r="XDZ733" s="424"/>
      <c r="XEA733" s="424"/>
      <c r="XEB733" s="424"/>
      <c r="XEC733" s="423" t="s">
        <v>2795</v>
      </c>
      <c r="XED733" s="424"/>
      <c r="XEE733" s="424"/>
      <c r="XEF733" s="424"/>
      <c r="XEG733" s="423" t="s">
        <v>2795</v>
      </c>
      <c r="XEH733" s="424"/>
      <c r="XEI733" s="424"/>
      <c r="XEJ733" s="424"/>
      <c r="XEK733" s="423" t="s">
        <v>2795</v>
      </c>
      <c r="XEL733" s="424"/>
      <c r="XEM733" s="424"/>
      <c r="XEN733" s="424"/>
      <c r="XEO733" s="423" t="s">
        <v>2795</v>
      </c>
      <c r="XEP733" s="424"/>
      <c r="XEQ733" s="424"/>
      <c r="XER733" s="424"/>
      <c r="XES733" s="423" t="s">
        <v>2795</v>
      </c>
      <c r="XET733" s="424"/>
      <c r="XEU733" s="424"/>
      <c r="XEV733" s="424"/>
      <c r="XEW733" s="423" t="s">
        <v>2795</v>
      </c>
      <c r="XEX733" s="424"/>
      <c r="XEY733" s="424"/>
      <c r="XEZ733" s="424"/>
      <c r="XFA733" s="423" t="s">
        <v>2795</v>
      </c>
      <c r="XFB733" s="424"/>
      <c r="XFC733" s="424"/>
      <c r="XFD733" s="424"/>
    </row>
    <row r="734" spans="1:16384" s="8" customFormat="1" ht="20" hidden="1">
      <c r="A734" s="423" t="s">
        <v>2795</v>
      </c>
      <c r="B734" s="424"/>
      <c r="C734" s="424"/>
      <c r="D734" s="424"/>
      <c r="E734" s="423" t="s">
        <v>2795</v>
      </c>
      <c r="F734" s="424"/>
      <c r="G734" s="424"/>
      <c r="H734" s="424"/>
      <c r="I734" s="423" t="s">
        <v>2795</v>
      </c>
      <c r="J734" s="424"/>
      <c r="K734" s="424"/>
      <c r="L734" s="424"/>
      <c r="M734" s="423" t="s">
        <v>2795</v>
      </c>
      <c r="N734" s="424"/>
      <c r="O734" s="424"/>
      <c r="P734" s="424"/>
      <c r="Q734" s="426" t="s">
        <v>2795</v>
      </c>
      <c r="R734" s="427"/>
      <c r="S734" s="427"/>
      <c r="T734" s="427"/>
      <c r="U734" s="423" t="s">
        <v>2795</v>
      </c>
      <c r="V734" s="424"/>
      <c r="W734" s="424"/>
      <c r="X734" s="424"/>
      <c r="Y734" s="423" t="s">
        <v>2795</v>
      </c>
      <c r="Z734" s="424"/>
      <c r="AA734" s="424"/>
      <c r="AB734" s="424"/>
      <c r="AC734" s="423" t="s">
        <v>2795</v>
      </c>
      <c r="AD734" s="424"/>
      <c r="AE734" s="424"/>
      <c r="AF734" s="424"/>
      <c r="AG734" s="423" t="s">
        <v>2795</v>
      </c>
      <c r="AH734" s="424"/>
      <c r="AI734" s="424"/>
      <c r="AJ734" s="424"/>
      <c r="AK734" s="423" t="s">
        <v>2795</v>
      </c>
      <c r="AL734" s="424"/>
      <c r="AM734" s="424"/>
      <c r="AN734" s="424"/>
      <c r="AO734" s="423" t="s">
        <v>2795</v>
      </c>
      <c r="AP734" s="424"/>
      <c r="AQ734" s="424"/>
      <c r="AR734" s="424"/>
      <c r="AS734" s="423" t="s">
        <v>2795</v>
      </c>
      <c r="AT734" s="424"/>
      <c r="AU734" s="424"/>
      <c r="AV734" s="424"/>
      <c r="AW734" s="423" t="s">
        <v>2795</v>
      </c>
      <c r="AX734" s="424"/>
      <c r="AY734" s="424"/>
      <c r="AZ734" s="424"/>
      <c r="BA734" s="423" t="s">
        <v>2795</v>
      </c>
      <c r="BB734" s="424"/>
      <c r="BC734" s="424"/>
      <c r="BD734" s="424"/>
      <c r="BE734" s="423" t="s">
        <v>2795</v>
      </c>
      <c r="BF734" s="424"/>
      <c r="BG734" s="424"/>
      <c r="BH734" s="424"/>
      <c r="BI734" s="423" t="s">
        <v>2795</v>
      </c>
      <c r="BJ734" s="424"/>
      <c r="BK734" s="424"/>
      <c r="BL734" s="424"/>
      <c r="BM734" s="423" t="s">
        <v>2795</v>
      </c>
      <c r="BN734" s="424"/>
      <c r="BO734" s="424"/>
      <c r="BP734" s="424"/>
      <c r="BQ734" s="423" t="s">
        <v>2795</v>
      </c>
      <c r="BR734" s="424"/>
      <c r="BS734" s="424"/>
      <c r="BT734" s="424"/>
      <c r="BU734" s="423" t="s">
        <v>2795</v>
      </c>
      <c r="BV734" s="424"/>
      <c r="BW734" s="424"/>
      <c r="BX734" s="424"/>
      <c r="BY734" s="423" t="s">
        <v>2795</v>
      </c>
      <c r="BZ734" s="424"/>
      <c r="CA734" s="424"/>
      <c r="CB734" s="424"/>
      <c r="CC734" s="423" t="s">
        <v>2795</v>
      </c>
      <c r="CD734" s="424"/>
      <c r="CE734" s="424"/>
      <c r="CF734" s="424"/>
      <c r="CG734" s="423" t="s">
        <v>2795</v>
      </c>
      <c r="CH734" s="424"/>
      <c r="CI734" s="424"/>
      <c r="CJ734" s="424"/>
      <c r="CK734" s="423" t="s">
        <v>2795</v>
      </c>
      <c r="CL734" s="424"/>
      <c r="CM734" s="424"/>
      <c r="CN734" s="424"/>
      <c r="CO734" s="423" t="s">
        <v>2795</v>
      </c>
      <c r="CP734" s="424"/>
      <c r="CQ734" s="424"/>
      <c r="CR734" s="424"/>
      <c r="CS734" s="423" t="s">
        <v>2795</v>
      </c>
      <c r="CT734" s="424"/>
      <c r="CU734" s="424"/>
      <c r="CV734" s="424"/>
      <c r="CW734" s="423" t="s">
        <v>2795</v>
      </c>
      <c r="CX734" s="424"/>
      <c r="CY734" s="424"/>
      <c r="CZ734" s="424"/>
      <c r="DA734" s="423" t="s">
        <v>2795</v>
      </c>
      <c r="DB734" s="424"/>
      <c r="DC734" s="424"/>
      <c r="DD734" s="424"/>
      <c r="DE734" s="423" t="s">
        <v>2795</v>
      </c>
      <c r="DF734" s="424"/>
      <c r="DG734" s="424"/>
      <c r="DH734" s="424"/>
      <c r="DI734" s="423" t="s">
        <v>2795</v>
      </c>
      <c r="DJ734" s="424"/>
      <c r="DK734" s="424"/>
      <c r="DL734" s="424"/>
      <c r="DM734" s="423" t="s">
        <v>2795</v>
      </c>
      <c r="DN734" s="424"/>
      <c r="DO734" s="424"/>
      <c r="DP734" s="424"/>
      <c r="DQ734" s="423" t="s">
        <v>2795</v>
      </c>
      <c r="DR734" s="424"/>
      <c r="DS734" s="424"/>
      <c r="DT734" s="424"/>
      <c r="DU734" s="423" t="s">
        <v>2795</v>
      </c>
      <c r="DV734" s="424"/>
      <c r="DW734" s="424"/>
      <c r="DX734" s="424"/>
      <c r="DY734" s="423" t="s">
        <v>2795</v>
      </c>
      <c r="DZ734" s="424"/>
      <c r="EA734" s="424"/>
      <c r="EB734" s="424"/>
      <c r="EC734" s="423" t="s">
        <v>2795</v>
      </c>
      <c r="ED734" s="424"/>
      <c r="EE734" s="424"/>
      <c r="EF734" s="424"/>
      <c r="EG734" s="423" t="s">
        <v>2795</v>
      </c>
      <c r="EH734" s="424"/>
      <c r="EI734" s="424"/>
      <c r="EJ734" s="424"/>
      <c r="EK734" s="423" t="s">
        <v>2795</v>
      </c>
      <c r="EL734" s="424"/>
      <c r="EM734" s="424"/>
      <c r="EN734" s="424"/>
      <c r="EO734" s="423" t="s">
        <v>2795</v>
      </c>
      <c r="EP734" s="424"/>
      <c r="EQ734" s="424"/>
      <c r="ER734" s="424"/>
      <c r="ES734" s="423" t="s">
        <v>2795</v>
      </c>
      <c r="ET734" s="424"/>
      <c r="EU734" s="424"/>
      <c r="EV734" s="424"/>
      <c r="EW734" s="423" t="s">
        <v>2795</v>
      </c>
      <c r="EX734" s="424"/>
      <c r="EY734" s="424"/>
      <c r="EZ734" s="424"/>
      <c r="FA734" s="423" t="s">
        <v>2795</v>
      </c>
      <c r="FB734" s="424"/>
      <c r="FC734" s="424"/>
      <c r="FD734" s="424"/>
      <c r="FE734" s="423" t="s">
        <v>2795</v>
      </c>
      <c r="FF734" s="424"/>
      <c r="FG734" s="424"/>
      <c r="FH734" s="424"/>
      <c r="FI734" s="423" t="s">
        <v>2795</v>
      </c>
      <c r="FJ734" s="424"/>
      <c r="FK734" s="424"/>
      <c r="FL734" s="424"/>
      <c r="FM734" s="423" t="s">
        <v>2795</v>
      </c>
      <c r="FN734" s="424"/>
      <c r="FO734" s="424"/>
      <c r="FP734" s="424"/>
      <c r="FQ734" s="423" t="s">
        <v>2795</v>
      </c>
      <c r="FR734" s="424"/>
      <c r="FS734" s="424"/>
      <c r="FT734" s="424"/>
      <c r="FU734" s="423" t="s">
        <v>2795</v>
      </c>
      <c r="FV734" s="424"/>
      <c r="FW734" s="424"/>
      <c r="FX734" s="424"/>
      <c r="FY734" s="423" t="s">
        <v>2795</v>
      </c>
      <c r="FZ734" s="424"/>
      <c r="GA734" s="424"/>
      <c r="GB734" s="424"/>
      <c r="GC734" s="423" t="s">
        <v>2795</v>
      </c>
      <c r="GD734" s="424"/>
      <c r="GE734" s="424"/>
      <c r="GF734" s="424"/>
      <c r="GG734" s="423" t="s">
        <v>2795</v>
      </c>
      <c r="GH734" s="424"/>
      <c r="GI734" s="424"/>
      <c r="GJ734" s="424"/>
      <c r="GK734" s="423" t="s">
        <v>2795</v>
      </c>
      <c r="GL734" s="424"/>
      <c r="GM734" s="424"/>
      <c r="GN734" s="424"/>
      <c r="GO734" s="423" t="s">
        <v>2795</v>
      </c>
      <c r="GP734" s="424"/>
      <c r="GQ734" s="424"/>
      <c r="GR734" s="424"/>
      <c r="GS734" s="423" t="s">
        <v>2795</v>
      </c>
      <c r="GT734" s="424"/>
      <c r="GU734" s="424"/>
      <c r="GV734" s="424"/>
      <c r="GW734" s="423" t="s">
        <v>2795</v>
      </c>
      <c r="GX734" s="424"/>
      <c r="GY734" s="424"/>
      <c r="GZ734" s="424"/>
      <c r="HA734" s="423" t="s">
        <v>2795</v>
      </c>
      <c r="HB734" s="424"/>
      <c r="HC734" s="424"/>
      <c r="HD734" s="424"/>
      <c r="HE734" s="423" t="s">
        <v>2795</v>
      </c>
      <c r="HF734" s="424"/>
      <c r="HG734" s="424"/>
      <c r="HH734" s="424"/>
      <c r="HI734" s="423" t="s">
        <v>2795</v>
      </c>
      <c r="HJ734" s="424"/>
      <c r="HK734" s="424"/>
      <c r="HL734" s="424"/>
      <c r="HM734" s="423" t="s">
        <v>2795</v>
      </c>
      <c r="HN734" s="424"/>
      <c r="HO734" s="424"/>
      <c r="HP734" s="424"/>
      <c r="HQ734" s="423" t="s">
        <v>2795</v>
      </c>
      <c r="HR734" s="424"/>
      <c r="HS734" s="424"/>
      <c r="HT734" s="424"/>
      <c r="HU734" s="423" t="s">
        <v>2795</v>
      </c>
      <c r="HV734" s="424"/>
      <c r="HW734" s="424"/>
      <c r="HX734" s="424"/>
      <c r="HY734" s="423" t="s">
        <v>2795</v>
      </c>
      <c r="HZ734" s="424"/>
      <c r="IA734" s="424"/>
      <c r="IB734" s="424"/>
      <c r="IC734" s="423" t="s">
        <v>2795</v>
      </c>
      <c r="ID734" s="424"/>
      <c r="IE734" s="424"/>
      <c r="IF734" s="424"/>
      <c r="IG734" s="423" t="s">
        <v>2795</v>
      </c>
      <c r="IH734" s="424"/>
      <c r="II734" s="424"/>
      <c r="IJ734" s="424"/>
      <c r="IK734" s="423" t="s">
        <v>2795</v>
      </c>
      <c r="IL734" s="424"/>
      <c r="IM734" s="424"/>
      <c r="IN734" s="424"/>
      <c r="IO734" s="423" t="s">
        <v>2795</v>
      </c>
      <c r="IP734" s="424"/>
      <c r="IQ734" s="424"/>
      <c r="IR734" s="424"/>
      <c r="IS734" s="423" t="s">
        <v>2795</v>
      </c>
      <c r="IT734" s="424"/>
      <c r="IU734" s="424"/>
      <c r="IV734" s="424"/>
      <c r="IW734" s="423" t="s">
        <v>2795</v>
      </c>
      <c r="IX734" s="424"/>
      <c r="IY734" s="424"/>
      <c r="IZ734" s="424"/>
      <c r="JA734" s="423" t="s">
        <v>2795</v>
      </c>
      <c r="JB734" s="424"/>
      <c r="JC734" s="424"/>
      <c r="JD734" s="424"/>
      <c r="JE734" s="423" t="s">
        <v>2795</v>
      </c>
      <c r="JF734" s="424"/>
      <c r="JG734" s="424"/>
      <c r="JH734" s="424"/>
      <c r="JI734" s="423" t="s">
        <v>2795</v>
      </c>
      <c r="JJ734" s="424"/>
      <c r="JK734" s="424"/>
      <c r="JL734" s="424"/>
      <c r="JM734" s="423" t="s">
        <v>2795</v>
      </c>
      <c r="JN734" s="424"/>
      <c r="JO734" s="424"/>
      <c r="JP734" s="424"/>
      <c r="JQ734" s="423" t="s">
        <v>2795</v>
      </c>
      <c r="JR734" s="424"/>
      <c r="JS734" s="424"/>
      <c r="JT734" s="424"/>
      <c r="JU734" s="423" t="s">
        <v>2795</v>
      </c>
      <c r="JV734" s="424"/>
      <c r="JW734" s="424"/>
      <c r="JX734" s="424"/>
      <c r="JY734" s="423" t="s">
        <v>2795</v>
      </c>
      <c r="JZ734" s="424"/>
      <c r="KA734" s="424"/>
      <c r="KB734" s="424"/>
      <c r="KC734" s="423" t="s">
        <v>2795</v>
      </c>
      <c r="KD734" s="424"/>
      <c r="KE734" s="424"/>
      <c r="KF734" s="424"/>
      <c r="KG734" s="423" t="s">
        <v>2795</v>
      </c>
      <c r="KH734" s="424"/>
      <c r="KI734" s="424"/>
      <c r="KJ734" s="424"/>
      <c r="KK734" s="423" t="s">
        <v>2795</v>
      </c>
      <c r="KL734" s="424"/>
      <c r="KM734" s="424"/>
      <c r="KN734" s="424"/>
      <c r="KO734" s="423" t="s">
        <v>2795</v>
      </c>
      <c r="KP734" s="424"/>
      <c r="KQ734" s="424"/>
      <c r="KR734" s="424"/>
      <c r="KS734" s="423" t="s">
        <v>2795</v>
      </c>
      <c r="KT734" s="424"/>
      <c r="KU734" s="424"/>
      <c r="KV734" s="424"/>
      <c r="KW734" s="423" t="s">
        <v>2795</v>
      </c>
      <c r="KX734" s="424"/>
      <c r="KY734" s="424"/>
      <c r="KZ734" s="424"/>
      <c r="LA734" s="423" t="s">
        <v>2795</v>
      </c>
      <c r="LB734" s="424"/>
      <c r="LC734" s="424"/>
      <c r="LD734" s="424"/>
      <c r="LE734" s="423" t="s">
        <v>2795</v>
      </c>
      <c r="LF734" s="424"/>
      <c r="LG734" s="424"/>
      <c r="LH734" s="424"/>
      <c r="LI734" s="423" t="s">
        <v>2795</v>
      </c>
      <c r="LJ734" s="424"/>
      <c r="LK734" s="424"/>
      <c r="LL734" s="424"/>
      <c r="LM734" s="423" t="s">
        <v>2795</v>
      </c>
      <c r="LN734" s="424"/>
      <c r="LO734" s="424"/>
      <c r="LP734" s="424"/>
      <c r="LQ734" s="423" t="s">
        <v>2795</v>
      </c>
      <c r="LR734" s="424"/>
      <c r="LS734" s="424"/>
      <c r="LT734" s="424"/>
      <c r="LU734" s="423" t="s">
        <v>2795</v>
      </c>
      <c r="LV734" s="424"/>
      <c r="LW734" s="424"/>
      <c r="LX734" s="424"/>
      <c r="LY734" s="423" t="s">
        <v>2795</v>
      </c>
      <c r="LZ734" s="424"/>
      <c r="MA734" s="424"/>
      <c r="MB734" s="424"/>
      <c r="MC734" s="423" t="s">
        <v>2795</v>
      </c>
      <c r="MD734" s="424"/>
      <c r="ME734" s="424"/>
      <c r="MF734" s="424"/>
      <c r="MG734" s="423" t="s">
        <v>2795</v>
      </c>
      <c r="MH734" s="424"/>
      <c r="MI734" s="424"/>
      <c r="MJ734" s="424"/>
      <c r="MK734" s="423" t="s">
        <v>2795</v>
      </c>
      <c r="ML734" s="424"/>
      <c r="MM734" s="424"/>
      <c r="MN734" s="424"/>
      <c r="MO734" s="423" t="s">
        <v>2795</v>
      </c>
      <c r="MP734" s="424"/>
      <c r="MQ734" s="424"/>
      <c r="MR734" s="424"/>
      <c r="MS734" s="423" t="s">
        <v>2795</v>
      </c>
      <c r="MT734" s="424"/>
      <c r="MU734" s="424"/>
      <c r="MV734" s="424"/>
      <c r="MW734" s="423" t="s">
        <v>2795</v>
      </c>
      <c r="MX734" s="424"/>
      <c r="MY734" s="424"/>
      <c r="MZ734" s="424"/>
      <c r="NA734" s="423" t="s">
        <v>2795</v>
      </c>
      <c r="NB734" s="424"/>
      <c r="NC734" s="424"/>
      <c r="ND734" s="424"/>
      <c r="NE734" s="423" t="s">
        <v>2795</v>
      </c>
      <c r="NF734" s="424"/>
      <c r="NG734" s="424"/>
      <c r="NH734" s="424"/>
      <c r="NI734" s="423" t="s">
        <v>2795</v>
      </c>
      <c r="NJ734" s="424"/>
      <c r="NK734" s="424"/>
      <c r="NL734" s="424"/>
      <c r="NM734" s="423" t="s">
        <v>2795</v>
      </c>
      <c r="NN734" s="424"/>
      <c r="NO734" s="424"/>
      <c r="NP734" s="424"/>
      <c r="NQ734" s="423" t="s">
        <v>2795</v>
      </c>
      <c r="NR734" s="424"/>
      <c r="NS734" s="424"/>
      <c r="NT734" s="424"/>
      <c r="NU734" s="423" t="s">
        <v>2795</v>
      </c>
      <c r="NV734" s="424"/>
      <c r="NW734" s="424"/>
      <c r="NX734" s="424"/>
      <c r="NY734" s="423" t="s">
        <v>2795</v>
      </c>
      <c r="NZ734" s="424"/>
      <c r="OA734" s="424"/>
      <c r="OB734" s="424"/>
      <c r="OC734" s="423" t="s">
        <v>2795</v>
      </c>
      <c r="OD734" s="424"/>
      <c r="OE734" s="424"/>
      <c r="OF734" s="424"/>
      <c r="OG734" s="423" t="s">
        <v>2795</v>
      </c>
      <c r="OH734" s="424"/>
      <c r="OI734" s="424"/>
      <c r="OJ734" s="424"/>
      <c r="OK734" s="423" t="s">
        <v>2795</v>
      </c>
      <c r="OL734" s="424"/>
      <c r="OM734" s="424"/>
      <c r="ON734" s="424"/>
      <c r="OO734" s="423" t="s">
        <v>2795</v>
      </c>
      <c r="OP734" s="424"/>
      <c r="OQ734" s="424"/>
      <c r="OR734" s="424"/>
      <c r="OS734" s="423" t="s">
        <v>2795</v>
      </c>
      <c r="OT734" s="424"/>
      <c r="OU734" s="424"/>
      <c r="OV734" s="424"/>
      <c r="OW734" s="423" t="s">
        <v>2795</v>
      </c>
      <c r="OX734" s="424"/>
      <c r="OY734" s="424"/>
      <c r="OZ734" s="424"/>
      <c r="PA734" s="423" t="s">
        <v>2795</v>
      </c>
      <c r="PB734" s="424"/>
      <c r="PC734" s="424"/>
      <c r="PD734" s="424"/>
      <c r="PE734" s="423" t="s">
        <v>2795</v>
      </c>
      <c r="PF734" s="424"/>
      <c r="PG734" s="424"/>
      <c r="PH734" s="424"/>
      <c r="PI734" s="423" t="s">
        <v>2795</v>
      </c>
      <c r="PJ734" s="424"/>
      <c r="PK734" s="424"/>
      <c r="PL734" s="424"/>
      <c r="PM734" s="423" t="s">
        <v>2795</v>
      </c>
      <c r="PN734" s="424"/>
      <c r="PO734" s="424"/>
      <c r="PP734" s="424"/>
      <c r="PQ734" s="423" t="s">
        <v>2795</v>
      </c>
      <c r="PR734" s="424"/>
      <c r="PS734" s="424"/>
      <c r="PT734" s="424"/>
      <c r="PU734" s="423" t="s">
        <v>2795</v>
      </c>
      <c r="PV734" s="424"/>
      <c r="PW734" s="424"/>
      <c r="PX734" s="424"/>
      <c r="PY734" s="423" t="s">
        <v>2795</v>
      </c>
      <c r="PZ734" s="424"/>
      <c r="QA734" s="424"/>
      <c r="QB734" s="424"/>
      <c r="QC734" s="423" t="s">
        <v>2795</v>
      </c>
      <c r="QD734" s="424"/>
      <c r="QE734" s="424"/>
      <c r="QF734" s="424"/>
      <c r="QG734" s="423" t="s">
        <v>2795</v>
      </c>
      <c r="QH734" s="424"/>
      <c r="QI734" s="424"/>
      <c r="QJ734" s="424"/>
      <c r="QK734" s="423" t="s">
        <v>2795</v>
      </c>
      <c r="QL734" s="424"/>
      <c r="QM734" s="424"/>
      <c r="QN734" s="424"/>
      <c r="QO734" s="423" t="s">
        <v>2795</v>
      </c>
      <c r="QP734" s="424"/>
      <c r="QQ734" s="424"/>
      <c r="QR734" s="424"/>
      <c r="QS734" s="423" t="s">
        <v>2795</v>
      </c>
      <c r="QT734" s="424"/>
      <c r="QU734" s="424"/>
      <c r="QV734" s="424"/>
      <c r="QW734" s="423" t="s">
        <v>2795</v>
      </c>
      <c r="QX734" s="424"/>
      <c r="QY734" s="424"/>
      <c r="QZ734" s="424"/>
      <c r="RA734" s="423" t="s">
        <v>2795</v>
      </c>
      <c r="RB734" s="424"/>
      <c r="RC734" s="424"/>
      <c r="RD734" s="424"/>
      <c r="RE734" s="423" t="s">
        <v>2795</v>
      </c>
      <c r="RF734" s="424"/>
      <c r="RG734" s="424"/>
      <c r="RH734" s="424"/>
      <c r="RI734" s="423" t="s">
        <v>2795</v>
      </c>
      <c r="RJ734" s="424"/>
      <c r="RK734" s="424"/>
      <c r="RL734" s="424"/>
      <c r="RM734" s="423" t="s">
        <v>2795</v>
      </c>
      <c r="RN734" s="424"/>
      <c r="RO734" s="424"/>
      <c r="RP734" s="424"/>
      <c r="RQ734" s="423" t="s">
        <v>2795</v>
      </c>
      <c r="RR734" s="424"/>
      <c r="RS734" s="424"/>
      <c r="RT734" s="424"/>
      <c r="RU734" s="423" t="s">
        <v>2795</v>
      </c>
      <c r="RV734" s="424"/>
      <c r="RW734" s="424"/>
      <c r="RX734" s="424"/>
      <c r="RY734" s="423" t="s">
        <v>2795</v>
      </c>
      <c r="RZ734" s="424"/>
      <c r="SA734" s="424"/>
      <c r="SB734" s="424"/>
      <c r="SC734" s="423" t="s">
        <v>2795</v>
      </c>
      <c r="SD734" s="424"/>
      <c r="SE734" s="424"/>
      <c r="SF734" s="424"/>
      <c r="SG734" s="423" t="s">
        <v>2795</v>
      </c>
      <c r="SH734" s="424"/>
      <c r="SI734" s="424"/>
      <c r="SJ734" s="424"/>
      <c r="SK734" s="423" t="s">
        <v>2795</v>
      </c>
      <c r="SL734" s="424"/>
      <c r="SM734" s="424"/>
      <c r="SN734" s="424"/>
      <c r="SO734" s="423" t="s">
        <v>2795</v>
      </c>
      <c r="SP734" s="424"/>
      <c r="SQ734" s="424"/>
      <c r="SR734" s="424"/>
      <c r="SS734" s="423" t="s">
        <v>2795</v>
      </c>
      <c r="ST734" s="424"/>
      <c r="SU734" s="424"/>
      <c r="SV734" s="424"/>
      <c r="SW734" s="423" t="s">
        <v>2795</v>
      </c>
      <c r="SX734" s="424"/>
      <c r="SY734" s="424"/>
      <c r="SZ734" s="424"/>
      <c r="TA734" s="423" t="s">
        <v>2795</v>
      </c>
      <c r="TB734" s="424"/>
      <c r="TC734" s="424"/>
      <c r="TD734" s="424"/>
      <c r="TE734" s="423" t="s">
        <v>2795</v>
      </c>
      <c r="TF734" s="424"/>
      <c r="TG734" s="424"/>
      <c r="TH734" s="424"/>
      <c r="TI734" s="423" t="s">
        <v>2795</v>
      </c>
      <c r="TJ734" s="424"/>
      <c r="TK734" s="424"/>
      <c r="TL734" s="424"/>
      <c r="TM734" s="423" t="s">
        <v>2795</v>
      </c>
      <c r="TN734" s="424"/>
      <c r="TO734" s="424"/>
      <c r="TP734" s="424"/>
      <c r="TQ734" s="423" t="s">
        <v>2795</v>
      </c>
      <c r="TR734" s="424"/>
      <c r="TS734" s="424"/>
      <c r="TT734" s="424"/>
      <c r="TU734" s="423" t="s">
        <v>2795</v>
      </c>
      <c r="TV734" s="424"/>
      <c r="TW734" s="424"/>
      <c r="TX734" s="424"/>
      <c r="TY734" s="423" t="s">
        <v>2795</v>
      </c>
      <c r="TZ734" s="424"/>
      <c r="UA734" s="424"/>
      <c r="UB734" s="424"/>
      <c r="UC734" s="423" t="s">
        <v>2795</v>
      </c>
      <c r="UD734" s="424"/>
      <c r="UE734" s="424"/>
      <c r="UF734" s="424"/>
      <c r="UG734" s="423" t="s">
        <v>2795</v>
      </c>
      <c r="UH734" s="424"/>
      <c r="UI734" s="424"/>
      <c r="UJ734" s="424"/>
      <c r="UK734" s="423" t="s">
        <v>2795</v>
      </c>
      <c r="UL734" s="424"/>
      <c r="UM734" s="424"/>
      <c r="UN734" s="424"/>
      <c r="UO734" s="423" t="s">
        <v>2795</v>
      </c>
      <c r="UP734" s="424"/>
      <c r="UQ734" s="424"/>
      <c r="UR734" s="424"/>
      <c r="US734" s="423" t="s">
        <v>2795</v>
      </c>
      <c r="UT734" s="424"/>
      <c r="UU734" s="424"/>
      <c r="UV734" s="424"/>
      <c r="UW734" s="423" t="s">
        <v>2795</v>
      </c>
      <c r="UX734" s="424"/>
      <c r="UY734" s="424"/>
      <c r="UZ734" s="424"/>
      <c r="VA734" s="423" t="s">
        <v>2795</v>
      </c>
      <c r="VB734" s="424"/>
      <c r="VC734" s="424"/>
      <c r="VD734" s="424"/>
      <c r="VE734" s="423" t="s">
        <v>2795</v>
      </c>
      <c r="VF734" s="424"/>
      <c r="VG734" s="424"/>
      <c r="VH734" s="424"/>
      <c r="VI734" s="423" t="s">
        <v>2795</v>
      </c>
      <c r="VJ734" s="424"/>
      <c r="VK734" s="424"/>
      <c r="VL734" s="424"/>
      <c r="VM734" s="423" t="s">
        <v>2795</v>
      </c>
      <c r="VN734" s="424"/>
      <c r="VO734" s="424"/>
      <c r="VP734" s="424"/>
      <c r="VQ734" s="423" t="s">
        <v>2795</v>
      </c>
      <c r="VR734" s="424"/>
      <c r="VS734" s="424"/>
      <c r="VT734" s="424"/>
      <c r="VU734" s="423" t="s">
        <v>2795</v>
      </c>
      <c r="VV734" s="424"/>
      <c r="VW734" s="424"/>
      <c r="VX734" s="424"/>
      <c r="VY734" s="423" t="s">
        <v>2795</v>
      </c>
      <c r="VZ734" s="424"/>
      <c r="WA734" s="424"/>
      <c r="WB734" s="424"/>
      <c r="WC734" s="423" t="s">
        <v>2795</v>
      </c>
      <c r="WD734" s="424"/>
      <c r="WE734" s="424"/>
      <c r="WF734" s="424"/>
      <c r="WG734" s="423" t="s">
        <v>2795</v>
      </c>
      <c r="WH734" s="424"/>
      <c r="WI734" s="424"/>
      <c r="WJ734" s="424"/>
      <c r="WK734" s="423" t="s">
        <v>2795</v>
      </c>
      <c r="WL734" s="424"/>
      <c r="WM734" s="424"/>
      <c r="WN734" s="424"/>
      <c r="WO734" s="423" t="s">
        <v>2795</v>
      </c>
      <c r="WP734" s="424"/>
      <c r="WQ734" s="424"/>
      <c r="WR734" s="424"/>
      <c r="WS734" s="423" t="s">
        <v>2795</v>
      </c>
      <c r="WT734" s="424"/>
      <c r="WU734" s="424"/>
      <c r="WV734" s="424"/>
      <c r="WW734" s="423" t="s">
        <v>2795</v>
      </c>
      <c r="WX734" s="424"/>
      <c r="WY734" s="424"/>
      <c r="WZ734" s="424"/>
      <c r="XA734" s="423" t="s">
        <v>2795</v>
      </c>
      <c r="XB734" s="424"/>
      <c r="XC734" s="424"/>
      <c r="XD734" s="424"/>
      <c r="XE734" s="423" t="s">
        <v>2795</v>
      </c>
      <c r="XF734" s="424"/>
      <c r="XG734" s="424"/>
      <c r="XH734" s="424"/>
      <c r="XI734" s="423" t="s">
        <v>2795</v>
      </c>
      <c r="XJ734" s="424"/>
      <c r="XK734" s="424"/>
      <c r="XL734" s="424"/>
      <c r="XM734" s="423" t="s">
        <v>2795</v>
      </c>
      <c r="XN734" s="424"/>
      <c r="XO734" s="424"/>
      <c r="XP734" s="424"/>
      <c r="XQ734" s="423" t="s">
        <v>2795</v>
      </c>
      <c r="XR734" s="424"/>
      <c r="XS734" s="424"/>
      <c r="XT734" s="424"/>
      <c r="XU734" s="423" t="s">
        <v>2795</v>
      </c>
      <c r="XV734" s="424"/>
      <c r="XW734" s="424"/>
      <c r="XX734" s="424"/>
      <c r="XY734" s="423" t="s">
        <v>2795</v>
      </c>
      <c r="XZ734" s="424"/>
      <c r="YA734" s="424"/>
      <c r="YB734" s="424"/>
      <c r="YC734" s="423" t="s">
        <v>2795</v>
      </c>
      <c r="YD734" s="424"/>
      <c r="YE734" s="424"/>
      <c r="YF734" s="424"/>
      <c r="YG734" s="423" t="s">
        <v>2795</v>
      </c>
      <c r="YH734" s="424"/>
      <c r="YI734" s="424"/>
      <c r="YJ734" s="424"/>
      <c r="YK734" s="423" t="s">
        <v>2795</v>
      </c>
      <c r="YL734" s="424"/>
      <c r="YM734" s="424"/>
      <c r="YN734" s="424"/>
      <c r="YO734" s="423" t="s">
        <v>2795</v>
      </c>
      <c r="YP734" s="424"/>
      <c r="YQ734" s="424"/>
      <c r="YR734" s="424"/>
      <c r="YS734" s="423" t="s">
        <v>2795</v>
      </c>
      <c r="YT734" s="424"/>
      <c r="YU734" s="424"/>
      <c r="YV734" s="424"/>
      <c r="YW734" s="423" t="s">
        <v>2795</v>
      </c>
      <c r="YX734" s="424"/>
      <c r="YY734" s="424"/>
      <c r="YZ734" s="424"/>
      <c r="ZA734" s="423" t="s">
        <v>2795</v>
      </c>
      <c r="ZB734" s="424"/>
      <c r="ZC734" s="424"/>
      <c r="ZD734" s="424"/>
      <c r="ZE734" s="423" t="s">
        <v>2795</v>
      </c>
      <c r="ZF734" s="424"/>
      <c r="ZG734" s="424"/>
      <c r="ZH734" s="424"/>
      <c r="ZI734" s="423" t="s">
        <v>2795</v>
      </c>
      <c r="ZJ734" s="424"/>
      <c r="ZK734" s="424"/>
      <c r="ZL734" s="424"/>
      <c r="ZM734" s="423" t="s">
        <v>2795</v>
      </c>
      <c r="ZN734" s="424"/>
      <c r="ZO734" s="424"/>
      <c r="ZP734" s="424"/>
      <c r="ZQ734" s="423" t="s">
        <v>2795</v>
      </c>
      <c r="ZR734" s="424"/>
      <c r="ZS734" s="424"/>
      <c r="ZT734" s="424"/>
      <c r="ZU734" s="423" t="s">
        <v>2795</v>
      </c>
      <c r="ZV734" s="424"/>
      <c r="ZW734" s="424"/>
      <c r="ZX734" s="424"/>
      <c r="ZY734" s="423" t="s">
        <v>2795</v>
      </c>
      <c r="ZZ734" s="424"/>
      <c r="AAA734" s="424"/>
      <c r="AAB734" s="424"/>
      <c r="AAC734" s="423" t="s">
        <v>2795</v>
      </c>
      <c r="AAD734" s="424"/>
      <c r="AAE734" s="424"/>
      <c r="AAF734" s="424"/>
      <c r="AAG734" s="423" t="s">
        <v>2795</v>
      </c>
      <c r="AAH734" s="424"/>
      <c r="AAI734" s="424"/>
      <c r="AAJ734" s="424"/>
      <c r="AAK734" s="423" t="s">
        <v>2795</v>
      </c>
      <c r="AAL734" s="424"/>
      <c r="AAM734" s="424"/>
      <c r="AAN734" s="424"/>
      <c r="AAO734" s="423" t="s">
        <v>2795</v>
      </c>
      <c r="AAP734" s="424"/>
      <c r="AAQ734" s="424"/>
      <c r="AAR734" s="424"/>
      <c r="AAS734" s="423" t="s">
        <v>2795</v>
      </c>
      <c r="AAT734" s="424"/>
      <c r="AAU734" s="424"/>
      <c r="AAV734" s="424"/>
      <c r="AAW734" s="423" t="s">
        <v>2795</v>
      </c>
      <c r="AAX734" s="424"/>
      <c r="AAY734" s="424"/>
      <c r="AAZ734" s="424"/>
      <c r="ABA734" s="423" t="s">
        <v>2795</v>
      </c>
      <c r="ABB734" s="424"/>
      <c r="ABC734" s="424"/>
      <c r="ABD734" s="424"/>
      <c r="ABE734" s="423" t="s">
        <v>2795</v>
      </c>
      <c r="ABF734" s="424"/>
      <c r="ABG734" s="424"/>
      <c r="ABH734" s="424"/>
      <c r="ABI734" s="423" t="s">
        <v>2795</v>
      </c>
      <c r="ABJ734" s="424"/>
      <c r="ABK734" s="424"/>
      <c r="ABL734" s="424"/>
      <c r="ABM734" s="423" t="s">
        <v>2795</v>
      </c>
      <c r="ABN734" s="424"/>
      <c r="ABO734" s="424"/>
      <c r="ABP734" s="424"/>
      <c r="ABQ734" s="423" t="s">
        <v>2795</v>
      </c>
      <c r="ABR734" s="424"/>
      <c r="ABS734" s="424"/>
      <c r="ABT734" s="424"/>
      <c r="ABU734" s="423" t="s">
        <v>2795</v>
      </c>
      <c r="ABV734" s="424"/>
      <c r="ABW734" s="424"/>
      <c r="ABX734" s="424"/>
      <c r="ABY734" s="423" t="s">
        <v>2795</v>
      </c>
      <c r="ABZ734" s="424"/>
      <c r="ACA734" s="424"/>
      <c r="ACB734" s="424"/>
      <c r="ACC734" s="423" t="s">
        <v>2795</v>
      </c>
      <c r="ACD734" s="424"/>
      <c r="ACE734" s="424"/>
      <c r="ACF734" s="424"/>
      <c r="ACG734" s="423" t="s">
        <v>2795</v>
      </c>
      <c r="ACH734" s="424"/>
      <c r="ACI734" s="424"/>
      <c r="ACJ734" s="424"/>
      <c r="ACK734" s="423" t="s">
        <v>2795</v>
      </c>
      <c r="ACL734" s="424"/>
      <c r="ACM734" s="424"/>
      <c r="ACN734" s="424"/>
      <c r="ACO734" s="423" t="s">
        <v>2795</v>
      </c>
      <c r="ACP734" s="424"/>
      <c r="ACQ734" s="424"/>
      <c r="ACR734" s="424"/>
      <c r="ACS734" s="423" t="s">
        <v>2795</v>
      </c>
      <c r="ACT734" s="424"/>
      <c r="ACU734" s="424"/>
      <c r="ACV734" s="424"/>
      <c r="ACW734" s="423" t="s">
        <v>2795</v>
      </c>
      <c r="ACX734" s="424"/>
      <c r="ACY734" s="424"/>
      <c r="ACZ734" s="424"/>
      <c r="ADA734" s="423" t="s">
        <v>2795</v>
      </c>
      <c r="ADB734" s="424"/>
      <c r="ADC734" s="424"/>
      <c r="ADD734" s="424"/>
      <c r="ADE734" s="423" t="s">
        <v>2795</v>
      </c>
      <c r="ADF734" s="424"/>
      <c r="ADG734" s="424"/>
      <c r="ADH734" s="424"/>
      <c r="ADI734" s="423" t="s">
        <v>2795</v>
      </c>
      <c r="ADJ734" s="424"/>
      <c r="ADK734" s="424"/>
      <c r="ADL734" s="424"/>
      <c r="ADM734" s="423" t="s">
        <v>2795</v>
      </c>
      <c r="ADN734" s="424"/>
      <c r="ADO734" s="424"/>
      <c r="ADP734" s="424"/>
      <c r="ADQ734" s="423" t="s">
        <v>2795</v>
      </c>
      <c r="ADR734" s="424"/>
      <c r="ADS734" s="424"/>
      <c r="ADT734" s="424"/>
      <c r="ADU734" s="423" t="s">
        <v>2795</v>
      </c>
      <c r="ADV734" s="424"/>
      <c r="ADW734" s="424"/>
      <c r="ADX734" s="424"/>
      <c r="ADY734" s="423" t="s">
        <v>2795</v>
      </c>
      <c r="ADZ734" s="424"/>
      <c r="AEA734" s="424"/>
      <c r="AEB734" s="424"/>
      <c r="AEC734" s="423" t="s">
        <v>2795</v>
      </c>
      <c r="AED734" s="424"/>
      <c r="AEE734" s="424"/>
      <c r="AEF734" s="424"/>
      <c r="AEG734" s="423" t="s">
        <v>2795</v>
      </c>
      <c r="AEH734" s="424"/>
      <c r="AEI734" s="424"/>
      <c r="AEJ734" s="424"/>
      <c r="AEK734" s="423" t="s">
        <v>2795</v>
      </c>
      <c r="AEL734" s="424"/>
      <c r="AEM734" s="424"/>
      <c r="AEN734" s="424"/>
      <c r="AEO734" s="423" t="s">
        <v>2795</v>
      </c>
      <c r="AEP734" s="424"/>
      <c r="AEQ734" s="424"/>
      <c r="AER734" s="424"/>
      <c r="AES734" s="423" t="s">
        <v>2795</v>
      </c>
      <c r="AET734" s="424"/>
      <c r="AEU734" s="424"/>
      <c r="AEV734" s="424"/>
      <c r="AEW734" s="423" t="s">
        <v>2795</v>
      </c>
      <c r="AEX734" s="424"/>
      <c r="AEY734" s="424"/>
      <c r="AEZ734" s="424"/>
      <c r="AFA734" s="423" t="s">
        <v>2795</v>
      </c>
      <c r="AFB734" s="424"/>
      <c r="AFC734" s="424"/>
      <c r="AFD734" s="424"/>
      <c r="AFE734" s="423" t="s">
        <v>2795</v>
      </c>
      <c r="AFF734" s="424"/>
      <c r="AFG734" s="424"/>
      <c r="AFH734" s="424"/>
      <c r="AFI734" s="423" t="s">
        <v>2795</v>
      </c>
      <c r="AFJ734" s="424"/>
      <c r="AFK734" s="424"/>
      <c r="AFL734" s="424"/>
      <c r="AFM734" s="423" t="s">
        <v>2795</v>
      </c>
      <c r="AFN734" s="424"/>
      <c r="AFO734" s="424"/>
      <c r="AFP734" s="424"/>
      <c r="AFQ734" s="423" t="s">
        <v>2795</v>
      </c>
      <c r="AFR734" s="424"/>
      <c r="AFS734" s="424"/>
      <c r="AFT734" s="424"/>
      <c r="AFU734" s="423" t="s">
        <v>2795</v>
      </c>
      <c r="AFV734" s="424"/>
      <c r="AFW734" s="424"/>
      <c r="AFX734" s="424"/>
      <c r="AFY734" s="423" t="s">
        <v>2795</v>
      </c>
      <c r="AFZ734" s="424"/>
      <c r="AGA734" s="424"/>
      <c r="AGB734" s="424"/>
      <c r="AGC734" s="423" t="s">
        <v>2795</v>
      </c>
      <c r="AGD734" s="424"/>
      <c r="AGE734" s="424"/>
      <c r="AGF734" s="424"/>
      <c r="AGG734" s="423" t="s">
        <v>2795</v>
      </c>
      <c r="AGH734" s="424"/>
      <c r="AGI734" s="424"/>
      <c r="AGJ734" s="424"/>
      <c r="AGK734" s="423" t="s">
        <v>2795</v>
      </c>
      <c r="AGL734" s="424"/>
      <c r="AGM734" s="424"/>
      <c r="AGN734" s="424"/>
      <c r="AGO734" s="423" t="s">
        <v>2795</v>
      </c>
      <c r="AGP734" s="424"/>
      <c r="AGQ734" s="424"/>
      <c r="AGR734" s="424"/>
      <c r="AGS734" s="423" t="s">
        <v>2795</v>
      </c>
      <c r="AGT734" s="424"/>
      <c r="AGU734" s="424"/>
      <c r="AGV734" s="424"/>
      <c r="AGW734" s="423" t="s">
        <v>2795</v>
      </c>
      <c r="AGX734" s="424"/>
      <c r="AGY734" s="424"/>
      <c r="AGZ734" s="424"/>
      <c r="AHA734" s="423" t="s">
        <v>2795</v>
      </c>
      <c r="AHB734" s="424"/>
      <c r="AHC734" s="424"/>
      <c r="AHD734" s="424"/>
      <c r="AHE734" s="423" t="s">
        <v>2795</v>
      </c>
      <c r="AHF734" s="424"/>
      <c r="AHG734" s="424"/>
      <c r="AHH734" s="424"/>
      <c r="AHI734" s="423" t="s">
        <v>2795</v>
      </c>
      <c r="AHJ734" s="424"/>
      <c r="AHK734" s="424"/>
      <c r="AHL734" s="424"/>
      <c r="AHM734" s="423" t="s">
        <v>2795</v>
      </c>
      <c r="AHN734" s="424"/>
      <c r="AHO734" s="424"/>
      <c r="AHP734" s="424"/>
      <c r="AHQ734" s="423" t="s">
        <v>2795</v>
      </c>
      <c r="AHR734" s="424"/>
      <c r="AHS734" s="424"/>
      <c r="AHT734" s="424"/>
      <c r="AHU734" s="423" t="s">
        <v>2795</v>
      </c>
      <c r="AHV734" s="424"/>
      <c r="AHW734" s="424"/>
      <c r="AHX734" s="424"/>
      <c r="AHY734" s="423" t="s">
        <v>2795</v>
      </c>
      <c r="AHZ734" s="424"/>
      <c r="AIA734" s="424"/>
      <c r="AIB734" s="424"/>
      <c r="AIC734" s="423" t="s">
        <v>2795</v>
      </c>
      <c r="AID734" s="424"/>
      <c r="AIE734" s="424"/>
      <c r="AIF734" s="424"/>
      <c r="AIG734" s="423" t="s">
        <v>2795</v>
      </c>
      <c r="AIH734" s="424"/>
      <c r="AII734" s="424"/>
      <c r="AIJ734" s="424"/>
      <c r="AIK734" s="423" t="s">
        <v>2795</v>
      </c>
      <c r="AIL734" s="424"/>
      <c r="AIM734" s="424"/>
      <c r="AIN734" s="424"/>
      <c r="AIO734" s="423" t="s">
        <v>2795</v>
      </c>
      <c r="AIP734" s="424"/>
      <c r="AIQ734" s="424"/>
      <c r="AIR734" s="424"/>
      <c r="AIS734" s="423" t="s">
        <v>2795</v>
      </c>
      <c r="AIT734" s="424"/>
      <c r="AIU734" s="424"/>
      <c r="AIV734" s="424"/>
      <c r="AIW734" s="423" t="s">
        <v>2795</v>
      </c>
      <c r="AIX734" s="424"/>
      <c r="AIY734" s="424"/>
      <c r="AIZ734" s="424"/>
      <c r="AJA734" s="423" t="s">
        <v>2795</v>
      </c>
      <c r="AJB734" s="424"/>
      <c r="AJC734" s="424"/>
      <c r="AJD734" s="424"/>
      <c r="AJE734" s="423" t="s">
        <v>2795</v>
      </c>
      <c r="AJF734" s="424"/>
      <c r="AJG734" s="424"/>
      <c r="AJH734" s="424"/>
      <c r="AJI734" s="423" t="s">
        <v>2795</v>
      </c>
      <c r="AJJ734" s="424"/>
      <c r="AJK734" s="424"/>
      <c r="AJL734" s="424"/>
      <c r="AJM734" s="423" t="s">
        <v>2795</v>
      </c>
      <c r="AJN734" s="424"/>
      <c r="AJO734" s="424"/>
      <c r="AJP734" s="424"/>
      <c r="AJQ734" s="423" t="s">
        <v>2795</v>
      </c>
      <c r="AJR734" s="424"/>
      <c r="AJS734" s="424"/>
      <c r="AJT734" s="424"/>
      <c r="AJU734" s="423" t="s">
        <v>2795</v>
      </c>
      <c r="AJV734" s="424"/>
      <c r="AJW734" s="424"/>
      <c r="AJX734" s="424"/>
      <c r="AJY734" s="423" t="s">
        <v>2795</v>
      </c>
      <c r="AJZ734" s="424"/>
      <c r="AKA734" s="424"/>
      <c r="AKB734" s="424"/>
      <c r="AKC734" s="423" t="s">
        <v>2795</v>
      </c>
      <c r="AKD734" s="424"/>
      <c r="AKE734" s="424"/>
      <c r="AKF734" s="424"/>
      <c r="AKG734" s="423" t="s">
        <v>2795</v>
      </c>
      <c r="AKH734" s="424"/>
      <c r="AKI734" s="424"/>
      <c r="AKJ734" s="424"/>
      <c r="AKK734" s="423" t="s">
        <v>2795</v>
      </c>
      <c r="AKL734" s="424"/>
      <c r="AKM734" s="424"/>
      <c r="AKN734" s="424"/>
      <c r="AKO734" s="423" t="s">
        <v>2795</v>
      </c>
      <c r="AKP734" s="424"/>
      <c r="AKQ734" s="424"/>
      <c r="AKR734" s="424"/>
      <c r="AKS734" s="423" t="s">
        <v>2795</v>
      </c>
      <c r="AKT734" s="424"/>
      <c r="AKU734" s="424"/>
      <c r="AKV734" s="424"/>
      <c r="AKW734" s="423" t="s">
        <v>2795</v>
      </c>
      <c r="AKX734" s="424"/>
      <c r="AKY734" s="424"/>
      <c r="AKZ734" s="424"/>
      <c r="ALA734" s="423" t="s">
        <v>2795</v>
      </c>
      <c r="ALB734" s="424"/>
      <c r="ALC734" s="424"/>
      <c r="ALD734" s="424"/>
      <c r="ALE734" s="423" t="s">
        <v>2795</v>
      </c>
      <c r="ALF734" s="424"/>
      <c r="ALG734" s="424"/>
      <c r="ALH734" s="424"/>
      <c r="ALI734" s="423" t="s">
        <v>2795</v>
      </c>
      <c r="ALJ734" s="424"/>
      <c r="ALK734" s="424"/>
      <c r="ALL734" s="424"/>
      <c r="ALM734" s="423" t="s">
        <v>2795</v>
      </c>
      <c r="ALN734" s="424"/>
      <c r="ALO734" s="424"/>
      <c r="ALP734" s="424"/>
      <c r="ALQ734" s="423" t="s">
        <v>2795</v>
      </c>
      <c r="ALR734" s="424"/>
      <c r="ALS734" s="424"/>
      <c r="ALT734" s="424"/>
      <c r="ALU734" s="423" t="s">
        <v>2795</v>
      </c>
      <c r="ALV734" s="424"/>
      <c r="ALW734" s="424"/>
      <c r="ALX734" s="424"/>
      <c r="ALY734" s="423" t="s">
        <v>2795</v>
      </c>
      <c r="ALZ734" s="424"/>
      <c r="AMA734" s="424"/>
      <c r="AMB734" s="424"/>
      <c r="AMC734" s="423" t="s">
        <v>2795</v>
      </c>
      <c r="AMD734" s="424"/>
      <c r="AME734" s="424"/>
      <c r="AMF734" s="424"/>
      <c r="AMG734" s="423" t="s">
        <v>2795</v>
      </c>
      <c r="AMH734" s="424"/>
      <c r="AMI734" s="424"/>
      <c r="AMJ734" s="424"/>
      <c r="AMK734" s="423" t="s">
        <v>2795</v>
      </c>
      <c r="AML734" s="424"/>
      <c r="AMM734" s="424"/>
      <c r="AMN734" s="424"/>
      <c r="AMO734" s="423" t="s">
        <v>2795</v>
      </c>
      <c r="AMP734" s="424"/>
      <c r="AMQ734" s="424"/>
      <c r="AMR734" s="424"/>
      <c r="AMS734" s="423" t="s">
        <v>2795</v>
      </c>
      <c r="AMT734" s="424"/>
      <c r="AMU734" s="424"/>
      <c r="AMV734" s="424"/>
      <c r="AMW734" s="423" t="s">
        <v>2795</v>
      </c>
      <c r="AMX734" s="424"/>
      <c r="AMY734" s="424"/>
      <c r="AMZ734" s="424"/>
      <c r="ANA734" s="423" t="s">
        <v>2795</v>
      </c>
      <c r="ANB734" s="424"/>
      <c r="ANC734" s="424"/>
      <c r="AND734" s="424"/>
      <c r="ANE734" s="423" t="s">
        <v>2795</v>
      </c>
      <c r="ANF734" s="424"/>
      <c r="ANG734" s="424"/>
      <c r="ANH734" s="424"/>
      <c r="ANI734" s="423" t="s">
        <v>2795</v>
      </c>
      <c r="ANJ734" s="424"/>
      <c r="ANK734" s="424"/>
      <c r="ANL734" s="424"/>
      <c r="ANM734" s="423" t="s">
        <v>2795</v>
      </c>
      <c r="ANN734" s="424"/>
      <c r="ANO734" s="424"/>
      <c r="ANP734" s="424"/>
      <c r="ANQ734" s="423" t="s">
        <v>2795</v>
      </c>
      <c r="ANR734" s="424"/>
      <c r="ANS734" s="424"/>
      <c r="ANT734" s="424"/>
      <c r="ANU734" s="423" t="s">
        <v>2795</v>
      </c>
      <c r="ANV734" s="424"/>
      <c r="ANW734" s="424"/>
      <c r="ANX734" s="424"/>
      <c r="ANY734" s="423" t="s">
        <v>2795</v>
      </c>
      <c r="ANZ734" s="424"/>
      <c r="AOA734" s="424"/>
      <c r="AOB734" s="424"/>
      <c r="AOC734" s="423" t="s">
        <v>2795</v>
      </c>
      <c r="AOD734" s="424"/>
      <c r="AOE734" s="424"/>
      <c r="AOF734" s="424"/>
      <c r="AOG734" s="423" t="s">
        <v>2795</v>
      </c>
      <c r="AOH734" s="424"/>
      <c r="AOI734" s="424"/>
      <c r="AOJ734" s="424"/>
      <c r="AOK734" s="423" t="s">
        <v>2795</v>
      </c>
      <c r="AOL734" s="424"/>
      <c r="AOM734" s="424"/>
      <c r="AON734" s="424"/>
      <c r="AOO734" s="423" t="s">
        <v>2795</v>
      </c>
      <c r="AOP734" s="424"/>
      <c r="AOQ734" s="424"/>
      <c r="AOR734" s="424"/>
      <c r="AOS734" s="423" t="s">
        <v>2795</v>
      </c>
      <c r="AOT734" s="424"/>
      <c r="AOU734" s="424"/>
      <c r="AOV734" s="424"/>
      <c r="AOW734" s="423" t="s">
        <v>2795</v>
      </c>
      <c r="AOX734" s="424"/>
      <c r="AOY734" s="424"/>
      <c r="AOZ734" s="424"/>
      <c r="APA734" s="423" t="s">
        <v>2795</v>
      </c>
      <c r="APB734" s="424"/>
      <c r="APC734" s="424"/>
      <c r="APD734" s="424"/>
      <c r="APE734" s="423" t="s">
        <v>2795</v>
      </c>
      <c r="APF734" s="424"/>
      <c r="APG734" s="424"/>
      <c r="APH734" s="424"/>
      <c r="API734" s="423" t="s">
        <v>2795</v>
      </c>
      <c r="APJ734" s="424"/>
      <c r="APK734" s="424"/>
      <c r="APL734" s="424"/>
      <c r="APM734" s="423" t="s">
        <v>2795</v>
      </c>
      <c r="APN734" s="424"/>
      <c r="APO734" s="424"/>
      <c r="APP734" s="424"/>
      <c r="APQ734" s="423" t="s">
        <v>2795</v>
      </c>
      <c r="APR734" s="424"/>
      <c r="APS734" s="424"/>
      <c r="APT734" s="424"/>
      <c r="APU734" s="423" t="s">
        <v>2795</v>
      </c>
      <c r="APV734" s="424"/>
      <c r="APW734" s="424"/>
      <c r="APX734" s="424"/>
      <c r="APY734" s="423" t="s">
        <v>2795</v>
      </c>
      <c r="APZ734" s="424"/>
      <c r="AQA734" s="424"/>
      <c r="AQB734" s="424"/>
      <c r="AQC734" s="423" t="s">
        <v>2795</v>
      </c>
      <c r="AQD734" s="424"/>
      <c r="AQE734" s="424"/>
      <c r="AQF734" s="424"/>
      <c r="AQG734" s="423" t="s">
        <v>2795</v>
      </c>
      <c r="AQH734" s="424"/>
      <c r="AQI734" s="424"/>
      <c r="AQJ734" s="424"/>
      <c r="AQK734" s="423" t="s">
        <v>2795</v>
      </c>
      <c r="AQL734" s="424"/>
      <c r="AQM734" s="424"/>
      <c r="AQN734" s="424"/>
      <c r="AQO734" s="423" t="s">
        <v>2795</v>
      </c>
      <c r="AQP734" s="424"/>
      <c r="AQQ734" s="424"/>
      <c r="AQR734" s="424"/>
      <c r="AQS734" s="423" t="s">
        <v>2795</v>
      </c>
      <c r="AQT734" s="424"/>
      <c r="AQU734" s="424"/>
      <c r="AQV734" s="424"/>
      <c r="AQW734" s="423" t="s">
        <v>2795</v>
      </c>
      <c r="AQX734" s="424"/>
      <c r="AQY734" s="424"/>
      <c r="AQZ734" s="424"/>
      <c r="ARA734" s="423" t="s">
        <v>2795</v>
      </c>
      <c r="ARB734" s="424"/>
      <c r="ARC734" s="424"/>
      <c r="ARD734" s="424"/>
      <c r="ARE734" s="423" t="s">
        <v>2795</v>
      </c>
      <c r="ARF734" s="424"/>
      <c r="ARG734" s="424"/>
      <c r="ARH734" s="424"/>
      <c r="ARI734" s="423" t="s">
        <v>2795</v>
      </c>
      <c r="ARJ734" s="424"/>
      <c r="ARK734" s="424"/>
      <c r="ARL734" s="424"/>
      <c r="ARM734" s="423" t="s">
        <v>2795</v>
      </c>
      <c r="ARN734" s="424"/>
      <c r="ARO734" s="424"/>
      <c r="ARP734" s="424"/>
      <c r="ARQ734" s="423" t="s">
        <v>2795</v>
      </c>
      <c r="ARR734" s="424"/>
      <c r="ARS734" s="424"/>
      <c r="ART734" s="424"/>
      <c r="ARU734" s="423" t="s">
        <v>2795</v>
      </c>
      <c r="ARV734" s="424"/>
      <c r="ARW734" s="424"/>
      <c r="ARX734" s="424"/>
      <c r="ARY734" s="423" t="s">
        <v>2795</v>
      </c>
      <c r="ARZ734" s="424"/>
      <c r="ASA734" s="424"/>
      <c r="ASB734" s="424"/>
      <c r="ASC734" s="423" t="s">
        <v>2795</v>
      </c>
      <c r="ASD734" s="424"/>
      <c r="ASE734" s="424"/>
      <c r="ASF734" s="424"/>
      <c r="ASG734" s="423" t="s">
        <v>2795</v>
      </c>
      <c r="ASH734" s="424"/>
      <c r="ASI734" s="424"/>
      <c r="ASJ734" s="424"/>
      <c r="ASK734" s="423" t="s">
        <v>2795</v>
      </c>
      <c r="ASL734" s="424"/>
      <c r="ASM734" s="424"/>
      <c r="ASN734" s="424"/>
      <c r="ASO734" s="423" t="s">
        <v>2795</v>
      </c>
      <c r="ASP734" s="424"/>
      <c r="ASQ734" s="424"/>
      <c r="ASR734" s="424"/>
      <c r="ASS734" s="423" t="s">
        <v>2795</v>
      </c>
      <c r="AST734" s="424"/>
      <c r="ASU734" s="424"/>
      <c r="ASV734" s="424"/>
      <c r="ASW734" s="423" t="s">
        <v>2795</v>
      </c>
      <c r="ASX734" s="424"/>
      <c r="ASY734" s="424"/>
      <c r="ASZ734" s="424"/>
      <c r="ATA734" s="423" t="s">
        <v>2795</v>
      </c>
      <c r="ATB734" s="424"/>
      <c r="ATC734" s="424"/>
      <c r="ATD734" s="424"/>
      <c r="ATE734" s="423" t="s">
        <v>2795</v>
      </c>
      <c r="ATF734" s="424"/>
      <c r="ATG734" s="424"/>
      <c r="ATH734" s="424"/>
      <c r="ATI734" s="423" t="s">
        <v>2795</v>
      </c>
      <c r="ATJ734" s="424"/>
      <c r="ATK734" s="424"/>
      <c r="ATL734" s="424"/>
      <c r="ATM734" s="423" t="s">
        <v>2795</v>
      </c>
      <c r="ATN734" s="424"/>
      <c r="ATO734" s="424"/>
      <c r="ATP734" s="424"/>
      <c r="ATQ734" s="423" t="s">
        <v>2795</v>
      </c>
      <c r="ATR734" s="424"/>
      <c r="ATS734" s="424"/>
      <c r="ATT734" s="424"/>
      <c r="ATU734" s="423" t="s">
        <v>2795</v>
      </c>
      <c r="ATV734" s="424"/>
      <c r="ATW734" s="424"/>
      <c r="ATX734" s="424"/>
      <c r="ATY734" s="423" t="s">
        <v>2795</v>
      </c>
      <c r="ATZ734" s="424"/>
      <c r="AUA734" s="424"/>
      <c r="AUB734" s="424"/>
      <c r="AUC734" s="423" t="s">
        <v>2795</v>
      </c>
      <c r="AUD734" s="424"/>
      <c r="AUE734" s="424"/>
      <c r="AUF734" s="424"/>
      <c r="AUG734" s="423" t="s">
        <v>2795</v>
      </c>
      <c r="AUH734" s="424"/>
      <c r="AUI734" s="424"/>
      <c r="AUJ734" s="424"/>
      <c r="AUK734" s="423" t="s">
        <v>2795</v>
      </c>
      <c r="AUL734" s="424"/>
      <c r="AUM734" s="424"/>
      <c r="AUN734" s="424"/>
      <c r="AUO734" s="423" t="s">
        <v>2795</v>
      </c>
      <c r="AUP734" s="424"/>
      <c r="AUQ734" s="424"/>
      <c r="AUR734" s="424"/>
      <c r="AUS734" s="423" t="s">
        <v>2795</v>
      </c>
      <c r="AUT734" s="424"/>
      <c r="AUU734" s="424"/>
      <c r="AUV734" s="424"/>
      <c r="AUW734" s="423" t="s">
        <v>2795</v>
      </c>
      <c r="AUX734" s="424"/>
      <c r="AUY734" s="424"/>
      <c r="AUZ734" s="424"/>
      <c r="AVA734" s="423" t="s">
        <v>2795</v>
      </c>
      <c r="AVB734" s="424"/>
      <c r="AVC734" s="424"/>
      <c r="AVD734" s="424"/>
      <c r="AVE734" s="423" t="s">
        <v>2795</v>
      </c>
      <c r="AVF734" s="424"/>
      <c r="AVG734" s="424"/>
      <c r="AVH734" s="424"/>
      <c r="AVI734" s="423" t="s">
        <v>2795</v>
      </c>
      <c r="AVJ734" s="424"/>
      <c r="AVK734" s="424"/>
      <c r="AVL734" s="424"/>
      <c r="AVM734" s="423" t="s">
        <v>2795</v>
      </c>
      <c r="AVN734" s="424"/>
      <c r="AVO734" s="424"/>
      <c r="AVP734" s="424"/>
      <c r="AVQ734" s="423" t="s">
        <v>2795</v>
      </c>
      <c r="AVR734" s="424"/>
      <c r="AVS734" s="424"/>
      <c r="AVT734" s="424"/>
      <c r="AVU734" s="423" t="s">
        <v>2795</v>
      </c>
      <c r="AVV734" s="424"/>
      <c r="AVW734" s="424"/>
      <c r="AVX734" s="424"/>
      <c r="AVY734" s="423" t="s">
        <v>2795</v>
      </c>
      <c r="AVZ734" s="424"/>
      <c r="AWA734" s="424"/>
      <c r="AWB734" s="424"/>
      <c r="AWC734" s="423" t="s">
        <v>2795</v>
      </c>
      <c r="AWD734" s="424"/>
      <c r="AWE734" s="424"/>
      <c r="AWF734" s="424"/>
      <c r="AWG734" s="423" t="s">
        <v>2795</v>
      </c>
      <c r="AWH734" s="424"/>
      <c r="AWI734" s="424"/>
      <c r="AWJ734" s="424"/>
      <c r="AWK734" s="423" t="s">
        <v>2795</v>
      </c>
      <c r="AWL734" s="424"/>
      <c r="AWM734" s="424"/>
      <c r="AWN734" s="424"/>
      <c r="AWO734" s="423" t="s">
        <v>2795</v>
      </c>
      <c r="AWP734" s="424"/>
      <c r="AWQ734" s="424"/>
      <c r="AWR734" s="424"/>
      <c r="AWS734" s="423" t="s">
        <v>2795</v>
      </c>
      <c r="AWT734" s="424"/>
      <c r="AWU734" s="424"/>
      <c r="AWV734" s="424"/>
      <c r="AWW734" s="423" t="s">
        <v>2795</v>
      </c>
      <c r="AWX734" s="424"/>
      <c r="AWY734" s="424"/>
      <c r="AWZ734" s="424"/>
      <c r="AXA734" s="423" t="s">
        <v>2795</v>
      </c>
      <c r="AXB734" s="424"/>
      <c r="AXC734" s="424"/>
      <c r="AXD734" s="424"/>
      <c r="AXE734" s="423" t="s">
        <v>2795</v>
      </c>
      <c r="AXF734" s="424"/>
      <c r="AXG734" s="424"/>
      <c r="AXH734" s="424"/>
      <c r="AXI734" s="423" t="s">
        <v>2795</v>
      </c>
      <c r="AXJ734" s="424"/>
      <c r="AXK734" s="424"/>
      <c r="AXL734" s="424"/>
      <c r="AXM734" s="423" t="s">
        <v>2795</v>
      </c>
      <c r="AXN734" s="424"/>
      <c r="AXO734" s="424"/>
      <c r="AXP734" s="424"/>
      <c r="AXQ734" s="423" t="s">
        <v>2795</v>
      </c>
      <c r="AXR734" s="424"/>
      <c r="AXS734" s="424"/>
      <c r="AXT734" s="424"/>
      <c r="AXU734" s="423" t="s">
        <v>2795</v>
      </c>
      <c r="AXV734" s="424"/>
      <c r="AXW734" s="424"/>
      <c r="AXX734" s="424"/>
      <c r="AXY734" s="423" t="s">
        <v>2795</v>
      </c>
      <c r="AXZ734" s="424"/>
      <c r="AYA734" s="424"/>
      <c r="AYB734" s="424"/>
      <c r="AYC734" s="423" t="s">
        <v>2795</v>
      </c>
      <c r="AYD734" s="424"/>
      <c r="AYE734" s="424"/>
      <c r="AYF734" s="424"/>
      <c r="AYG734" s="423" t="s">
        <v>2795</v>
      </c>
      <c r="AYH734" s="424"/>
      <c r="AYI734" s="424"/>
      <c r="AYJ734" s="424"/>
      <c r="AYK734" s="423" t="s">
        <v>2795</v>
      </c>
      <c r="AYL734" s="424"/>
      <c r="AYM734" s="424"/>
      <c r="AYN734" s="424"/>
      <c r="AYO734" s="423" t="s">
        <v>2795</v>
      </c>
      <c r="AYP734" s="424"/>
      <c r="AYQ734" s="424"/>
      <c r="AYR734" s="424"/>
      <c r="AYS734" s="423" t="s">
        <v>2795</v>
      </c>
      <c r="AYT734" s="424"/>
      <c r="AYU734" s="424"/>
      <c r="AYV734" s="424"/>
      <c r="AYW734" s="423" t="s">
        <v>2795</v>
      </c>
      <c r="AYX734" s="424"/>
      <c r="AYY734" s="424"/>
      <c r="AYZ734" s="424"/>
      <c r="AZA734" s="423" t="s">
        <v>2795</v>
      </c>
      <c r="AZB734" s="424"/>
      <c r="AZC734" s="424"/>
      <c r="AZD734" s="424"/>
      <c r="AZE734" s="423" t="s">
        <v>2795</v>
      </c>
      <c r="AZF734" s="424"/>
      <c r="AZG734" s="424"/>
      <c r="AZH734" s="424"/>
      <c r="AZI734" s="423" t="s">
        <v>2795</v>
      </c>
      <c r="AZJ734" s="424"/>
      <c r="AZK734" s="424"/>
      <c r="AZL734" s="424"/>
      <c r="AZM734" s="423" t="s">
        <v>2795</v>
      </c>
      <c r="AZN734" s="424"/>
      <c r="AZO734" s="424"/>
      <c r="AZP734" s="424"/>
      <c r="AZQ734" s="423" t="s">
        <v>2795</v>
      </c>
      <c r="AZR734" s="424"/>
      <c r="AZS734" s="424"/>
      <c r="AZT734" s="424"/>
      <c r="AZU734" s="423" t="s">
        <v>2795</v>
      </c>
      <c r="AZV734" s="424"/>
      <c r="AZW734" s="424"/>
      <c r="AZX734" s="424"/>
      <c r="AZY734" s="423" t="s">
        <v>2795</v>
      </c>
      <c r="AZZ734" s="424"/>
      <c r="BAA734" s="424"/>
      <c r="BAB734" s="424"/>
      <c r="BAC734" s="423" t="s">
        <v>2795</v>
      </c>
      <c r="BAD734" s="424"/>
      <c r="BAE734" s="424"/>
      <c r="BAF734" s="424"/>
      <c r="BAG734" s="423" t="s">
        <v>2795</v>
      </c>
      <c r="BAH734" s="424"/>
      <c r="BAI734" s="424"/>
      <c r="BAJ734" s="424"/>
      <c r="BAK734" s="423" t="s">
        <v>2795</v>
      </c>
      <c r="BAL734" s="424"/>
      <c r="BAM734" s="424"/>
      <c r="BAN734" s="424"/>
      <c r="BAO734" s="423" t="s">
        <v>2795</v>
      </c>
      <c r="BAP734" s="424"/>
      <c r="BAQ734" s="424"/>
      <c r="BAR734" s="424"/>
      <c r="BAS734" s="423" t="s">
        <v>2795</v>
      </c>
      <c r="BAT734" s="424"/>
      <c r="BAU734" s="424"/>
      <c r="BAV734" s="424"/>
      <c r="BAW734" s="423" t="s">
        <v>2795</v>
      </c>
      <c r="BAX734" s="424"/>
      <c r="BAY734" s="424"/>
      <c r="BAZ734" s="424"/>
      <c r="BBA734" s="423" t="s">
        <v>2795</v>
      </c>
      <c r="BBB734" s="424"/>
      <c r="BBC734" s="424"/>
      <c r="BBD734" s="424"/>
      <c r="BBE734" s="423" t="s">
        <v>2795</v>
      </c>
      <c r="BBF734" s="424"/>
      <c r="BBG734" s="424"/>
      <c r="BBH734" s="424"/>
      <c r="BBI734" s="423" t="s">
        <v>2795</v>
      </c>
      <c r="BBJ734" s="424"/>
      <c r="BBK734" s="424"/>
      <c r="BBL734" s="424"/>
      <c r="BBM734" s="423" t="s">
        <v>2795</v>
      </c>
      <c r="BBN734" s="424"/>
      <c r="BBO734" s="424"/>
      <c r="BBP734" s="424"/>
      <c r="BBQ734" s="423" t="s">
        <v>2795</v>
      </c>
      <c r="BBR734" s="424"/>
      <c r="BBS734" s="424"/>
      <c r="BBT734" s="424"/>
      <c r="BBU734" s="423" t="s">
        <v>2795</v>
      </c>
      <c r="BBV734" s="424"/>
      <c r="BBW734" s="424"/>
      <c r="BBX734" s="424"/>
      <c r="BBY734" s="423" t="s">
        <v>2795</v>
      </c>
      <c r="BBZ734" s="424"/>
      <c r="BCA734" s="424"/>
      <c r="BCB734" s="424"/>
      <c r="BCC734" s="423" t="s">
        <v>2795</v>
      </c>
      <c r="BCD734" s="424"/>
      <c r="BCE734" s="424"/>
      <c r="BCF734" s="424"/>
      <c r="BCG734" s="423" t="s">
        <v>2795</v>
      </c>
      <c r="BCH734" s="424"/>
      <c r="BCI734" s="424"/>
      <c r="BCJ734" s="424"/>
      <c r="BCK734" s="423" t="s">
        <v>2795</v>
      </c>
      <c r="BCL734" s="424"/>
      <c r="BCM734" s="424"/>
      <c r="BCN734" s="424"/>
      <c r="BCO734" s="423" t="s">
        <v>2795</v>
      </c>
      <c r="BCP734" s="424"/>
      <c r="BCQ734" s="424"/>
      <c r="BCR734" s="424"/>
      <c r="BCS734" s="423" t="s">
        <v>2795</v>
      </c>
      <c r="BCT734" s="424"/>
      <c r="BCU734" s="424"/>
      <c r="BCV734" s="424"/>
      <c r="BCW734" s="423" t="s">
        <v>2795</v>
      </c>
      <c r="BCX734" s="424"/>
      <c r="BCY734" s="424"/>
      <c r="BCZ734" s="424"/>
      <c r="BDA734" s="423" t="s">
        <v>2795</v>
      </c>
      <c r="BDB734" s="424"/>
      <c r="BDC734" s="424"/>
      <c r="BDD734" s="424"/>
      <c r="BDE734" s="423" t="s">
        <v>2795</v>
      </c>
      <c r="BDF734" s="424"/>
      <c r="BDG734" s="424"/>
      <c r="BDH734" s="424"/>
      <c r="BDI734" s="423" t="s">
        <v>2795</v>
      </c>
      <c r="BDJ734" s="424"/>
      <c r="BDK734" s="424"/>
      <c r="BDL734" s="424"/>
      <c r="BDM734" s="423" t="s">
        <v>2795</v>
      </c>
      <c r="BDN734" s="424"/>
      <c r="BDO734" s="424"/>
      <c r="BDP734" s="424"/>
      <c r="BDQ734" s="423" t="s">
        <v>2795</v>
      </c>
      <c r="BDR734" s="424"/>
      <c r="BDS734" s="424"/>
      <c r="BDT734" s="424"/>
      <c r="BDU734" s="423" t="s">
        <v>2795</v>
      </c>
      <c r="BDV734" s="424"/>
      <c r="BDW734" s="424"/>
      <c r="BDX734" s="424"/>
      <c r="BDY734" s="423" t="s">
        <v>2795</v>
      </c>
      <c r="BDZ734" s="424"/>
      <c r="BEA734" s="424"/>
      <c r="BEB734" s="424"/>
      <c r="BEC734" s="423" t="s">
        <v>2795</v>
      </c>
      <c r="BED734" s="424"/>
      <c r="BEE734" s="424"/>
      <c r="BEF734" s="424"/>
      <c r="BEG734" s="423" t="s">
        <v>2795</v>
      </c>
      <c r="BEH734" s="424"/>
      <c r="BEI734" s="424"/>
      <c r="BEJ734" s="424"/>
      <c r="BEK734" s="423" t="s">
        <v>2795</v>
      </c>
      <c r="BEL734" s="424"/>
      <c r="BEM734" s="424"/>
      <c r="BEN734" s="424"/>
      <c r="BEO734" s="423" t="s">
        <v>2795</v>
      </c>
      <c r="BEP734" s="424"/>
      <c r="BEQ734" s="424"/>
      <c r="BER734" s="424"/>
      <c r="BES734" s="423" t="s">
        <v>2795</v>
      </c>
      <c r="BET734" s="424"/>
      <c r="BEU734" s="424"/>
      <c r="BEV734" s="424"/>
      <c r="BEW734" s="423" t="s">
        <v>2795</v>
      </c>
      <c r="BEX734" s="424"/>
      <c r="BEY734" s="424"/>
      <c r="BEZ734" s="424"/>
      <c r="BFA734" s="423" t="s">
        <v>2795</v>
      </c>
      <c r="BFB734" s="424"/>
      <c r="BFC734" s="424"/>
      <c r="BFD734" s="424"/>
      <c r="BFE734" s="423" t="s">
        <v>2795</v>
      </c>
      <c r="BFF734" s="424"/>
      <c r="BFG734" s="424"/>
      <c r="BFH734" s="424"/>
      <c r="BFI734" s="423" t="s">
        <v>2795</v>
      </c>
      <c r="BFJ734" s="424"/>
      <c r="BFK734" s="424"/>
      <c r="BFL734" s="424"/>
      <c r="BFM734" s="423" t="s">
        <v>2795</v>
      </c>
      <c r="BFN734" s="424"/>
      <c r="BFO734" s="424"/>
      <c r="BFP734" s="424"/>
      <c r="BFQ734" s="423" t="s">
        <v>2795</v>
      </c>
      <c r="BFR734" s="424"/>
      <c r="BFS734" s="424"/>
      <c r="BFT734" s="424"/>
      <c r="BFU734" s="423" t="s">
        <v>2795</v>
      </c>
      <c r="BFV734" s="424"/>
      <c r="BFW734" s="424"/>
      <c r="BFX734" s="424"/>
      <c r="BFY734" s="423" t="s">
        <v>2795</v>
      </c>
      <c r="BFZ734" s="424"/>
      <c r="BGA734" s="424"/>
      <c r="BGB734" s="424"/>
      <c r="BGC734" s="423" t="s">
        <v>2795</v>
      </c>
      <c r="BGD734" s="424"/>
      <c r="BGE734" s="424"/>
      <c r="BGF734" s="424"/>
      <c r="BGG734" s="423" t="s">
        <v>2795</v>
      </c>
      <c r="BGH734" s="424"/>
      <c r="BGI734" s="424"/>
      <c r="BGJ734" s="424"/>
      <c r="BGK734" s="423" t="s">
        <v>2795</v>
      </c>
      <c r="BGL734" s="424"/>
      <c r="BGM734" s="424"/>
      <c r="BGN734" s="424"/>
      <c r="BGO734" s="423" t="s">
        <v>2795</v>
      </c>
      <c r="BGP734" s="424"/>
      <c r="BGQ734" s="424"/>
      <c r="BGR734" s="424"/>
      <c r="BGS734" s="423" t="s">
        <v>2795</v>
      </c>
      <c r="BGT734" s="424"/>
      <c r="BGU734" s="424"/>
      <c r="BGV734" s="424"/>
      <c r="BGW734" s="423" t="s">
        <v>2795</v>
      </c>
      <c r="BGX734" s="424"/>
      <c r="BGY734" s="424"/>
      <c r="BGZ734" s="424"/>
      <c r="BHA734" s="423" t="s">
        <v>2795</v>
      </c>
      <c r="BHB734" s="424"/>
      <c r="BHC734" s="424"/>
      <c r="BHD734" s="424"/>
      <c r="BHE734" s="423" t="s">
        <v>2795</v>
      </c>
      <c r="BHF734" s="424"/>
      <c r="BHG734" s="424"/>
      <c r="BHH734" s="424"/>
      <c r="BHI734" s="423" t="s">
        <v>2795</v>
      </c>
      <c r="BHJ734" s="424"/>
      <c r="BHK734" s="424"/>
      <c r="BHL734" s="424"/>
      <c r="BHM734" s="423" t="s">
        <v>2795</v>
      </c>
      <c r="BHN734" s="424"/>
      <c r="BHO734" s="424"/>
      <c r="BHP734" s="424"/>
      <c r="BHQ734" s="423" t="s">
        <v>2795</v>
      </c>
      <c r="BHR734" s="424"/>
      <c r="BHS734" s="424"/>
      <c r="BHT734" s="424"/>
      <c r="BHU734" s="423" t="s">
        <v>2795</v>
      </c>
      <c r="BHV734" s="424"/>
      <c r="BHW734" s="424"/>
      <c r="BHX734" s="424"/>
      <c r="BHY734" s="423" t="s">
        <v>2795</v>
      </c>
      <c r="BHZ734" s="424"/>
      <c r="BIA734" s="424"/>
      <c r="BIB734" s="424"/>
      <c r="BIC734" s="423" t="s">
        <v>2795</v>
      </c>
      <c r="BID734" s="424"/>
      <c r="BIE734" s="424"/>
      <c r="BIF734" s="424"/>
      <c r="BIG734" s="423" t="s">
        <v>2795</v>
      </c>
      <c r="BIH734" s="424"/>
      <c r="BII734" s="424"/>
      <c r="BIJ734" s="424"/>
      <c r="BIK734" s="423" t="s">
        <v>2795</v>
      </c>
      <c r="BIL734" s="424"/>
      <c r="BIM734" s="424"/>
      <c r="BIN734" s="424"/>
      <c r="BIO734" s="423" t="s">
        <v>2795</v>
      </c>
      <c r="BIP734" s="424"/>
      <c r="BIQ734" s="424"/>
      <c r="BIR734" s="424"/>
      <c r="BIS734" s="423" t="s">
        <v>2795</v>
      </c>
      <c r="BIT734" s="424"/>
      <c r="BIU734" s="424"/>
      <c r="BIV734" s="424"/>
      <c r="BIW734" s="423" t="s">
        <v>2795</v>
      </c>
      <c r="BIX734" s="424"/>
      <c r="BIY734" s="424"/>
      <c r="BIZ734" s="424"/>
      <c r="BJA734" s="423" t="s">
        <v>2795</v>
      </c>
      <c r="BJB734" s="424"/>
      <c r="BJC734" s="424"/>
      <c r="BJD734" s="424"/>
      <c r="BJE734" s="423" t="s">
        <v>2795</v>
      </c>
      <c r="BJF734" s="424"/>
      <c r="BJG734" s="424"/>
      <c r="BJH734" s="424"/>
      <c r="BJI734" s="423" t="s">
        <v>2795</v>
      </c>
      <c r="BJJ734" s="424"/>
      <c r="BJK734" s="424"/>
      <c r="BJL734" s="424"/>
      <c r="BJM734" s="423" t="s">
        <v>2795</v>
      </c>
      <c r="BJN734" s="424"/>
      <c r="BJO734" s="424"/>
      <c r="BJP734" s="424"/>
      <c r="BJQ734" s="423" t="s">
        <v>2795</v>
      </c>
      <c r="BJR734" s="424"/>
      <c r="BJS734" s="424"/>
      <c r="BJT734" s="424"/>
      <c r="BJU734" s="423" t="s">
        <v>2795</v>
      </c>
      <c r="BJV734" s="424"/>
      <c r="BJW734" s="424"/>
      <c r="BJX734" s="424"/>
      <c r="BJY734" s="423" t="s">
        <v>2795</v>
      </c>
      <c r="BJZ734" s="424"/>
      <c r="BKA734" s="424"/>
      <c r="BKB734" s="424"/>
      <c r="BKC734" s="423" t="s">
        <v>2795</v>
      </c>
      <c r="BKD734" s="424"/>
      <c r="BKE734" s="424"/>
      <c r="BKF734" s="424"/>
      <c r="BKG734" s="423" t="s">
        <v>2795</v>
      </c>
      <c r="BKH734" s="424"/>
      <c r="BKI734" s="424"/>
      <c r="BKJ734" s="424"/>
      <c r="BKK734" s="423" t="s">
        <v>2795</v>
      </c>
      <c r="BKL734" s="424"/>
      <c r="BKM734" s="424"/>
      <c r="BKN734" s="424"/>
      <c r="BKO734" s="423" t="s">
        <v>2795</v>
      </c>
      <c r="BKP734" s="424"/>
      <c r="BKQ734" s="424"/>
      <c r="BKR734" s="424"/>
      <c r="BKS734" s="423" t="s">
        <v>2795</v>
      </c>
      <c r="BKT734" s="424"/>
      <c r="BKU734" s="424"/>
      <c r="BKV734" s="424"/>
      <c r="BKW734" s="423" t="s">
        <v>2795</v>
      </c>
      <c r="BKX734" s="424"/>
      <c r="BKY734" s="424"/>
      <c r="BKZ734" s="424"/>
      <c r="BLA734" s="423" t="s">
        <v>2795</v>
      </c>
      <c r="BLB734" s="424"/>
      <c r="BLC734" s="424"/>
      <c r="BLD734" s="424"/>
      <c r="BLE734" s="423" t="s">
        <v>2795</v>
      </c>
      <c r="BLF734" s="424"/>
      <c r="BLG734" s="424"/>
      <c r="BLH734" s="424"/>
      <c r="BLI734" s="423" t="s">
        <v>2795</v>
      </c>
      <c r="BLJ734" s="424"/>
      <c r="BLK734" s="424"/>
      <c r="BLL734" s="424"/>
      <c r="BLM734" s="423" t="s">
        <v>2795</v>
      </c>
      <c r="BLN734" s="424"/>
      <c r="BLO734" s="424"/>
      <c r="BLP734" s="424"/>
      <c r="BLQ734" s="423" t="s">
        <v>2795</v>
      </c>
      <c r="BLR734" s="424"/>
      <c r="BLS734" s="424"/>
      <c r="BLT734" s="424"/>
      <c r="BLU734" s="423" t="s">
        <v>2795</v>
      </c>
      <c r="BLV734" s="424"/>
      <c r="BLW734" s="424"/>
      <c r="BLX734" s="424"/>
      <c r="BLY734" s="423" t="s">
        <v>2795</v>
      </c>
      <c r="BLZ734" s="424"/>
      <c r="BMA734" s="424"/>
      <c r="BMB734" s="424"/>
      <c r="BMC734" s="423" t="s">
        <v>2795</v>
      </c>
      <c r="BMD734" s="424"/>
      <c r="BME734" s="424"/>
      <c r="BMF734" s="424"/>
      <c r="BMG734" s="423" t="s">
        <v>2795</v>
      </c>
      <c r="BMH734" s="424"/>
      <c r="BMI734" s="424"/>
      <c r="BMJ734" s="424"/>
      <c r="BMK734" s="423" t="s">
        <v>2795</v>
      </c>
      <c r="BML734" s="424"/>
      <c r="BMM734" s="424"/>
      <c r="BMN734" s="424"/>
      <c r="BMO734" s="423" t="s">
        <v>2795</v>
      </c>
      <c r="BMP734" s="424"/>
      <c r="BMQ734" s="424"/>
      <c r="BMR734" s="424"/>
      <c r="BMS734" s="423" t="s">
        <v>2795</v>
      </c>
      <c r="BMT734" s="424"/>
      <c r="BMU734" s="424"/>
      <c r="BMV734" s="424"/>
      <c r="BMW734" s="423" t="s">
        <v>2795</v>
      </c>
      <c r="BMX734" s="424"/>
      <c r="BMY734" s="424"/>
      <c r="BMZ734" s="424"/>
      <c r="BNA734" s="423" t="s">
        <v>2795</v>
      </c>
      <c r="BNB734" s="424"/>
      <c r="BNC734" s="424"/>
      <c r="BND734" s="424"/>
      <c r="BNE734" s="423" t="s">
        <v>2795</v>
      </c>
      <c r="BNF734" s="424"/>
      <c r="BNG734" s="424"/>
      <c r="BNH734" s="424"/>
      <c r="BNI734" s="423" t="s">
        <v>2795</v>
      </c>
      <c r="BNJ734" s="424"/>
      <c r="BNK734" s="424"/>
      <c r="BNL734" s="424"/>
      <c r="BNM734" s="423" t="s">
        <v>2795</v>
      </c>
      <c r="BNN734" s="424"/>
      <c r="BNO734" s="424"/>
      <c r="BNP734" s="424"/>
      <c r="BNQ734" s="423" t="s">
        <v>2795</v>
      </c>
      <c r="BNR734" s="424"/>
      <c r="BNS734" s="424"/>
      <c r="BNT734" s="424"/>
      <c r="BNU734" s="423" t="s">
        <v>2795</v>
      </c>
      <c r="BNV734" s="424"/>
      <c r="BNW734" s="424"/>
      <c r="BNX734" s="424"/>
      <c r="BNY734" s="423" t="s">
        <v>2795</v>
      </c>
      <c r="BNZ734" s="424"/>
      <c r="BOA734" s="424"/>
      <c r="BOB734" s="424"/>
      <c r="BOC734" s="423" t="s">
        <v>2795</v>
      </c>
      <c r="BOD734" s="424"/>
      <c r="BOE734" s="424"/>
      <c r="BOF734" s="424"/>
      <c r="BOG734" s="423" t="s">
        <v>2795</v>
      </c>
      <c r="BOH734" s="424"/>
      <c r="BOI734" s="424"/>
      <c r="BOJ734" s="424"/>
      <c r="BOK734" s="423" t="s">
        <v>2795</v>
      </c>
      <c r="BOL734" s="424"/>
      <c r="BOM734" s="424"/>
      <c r="BON734" s="424"/>
      <c r="BOO734" s="423" t="s">
        <v>2795</v>
      </c>
      <c r="BOP734" s="424"/>
      <c r="BOQ734" s="424"/>
      <c r="BOR734" s="424"/>
      <c r="BOS734" s="423" t="s">
        <v>2795</v>
      </c>
      <c r="BOT734" s="424"/>
      <c r="BOU734" s="424"/>
      <c r="BOV734" s="424"/>
      <c r="BOW734" s="423" t="s">
        <v>2795</v>
      </c>
      <c r="BOX734" s="424"/>
      <c r="BOY734" s="424"/>
      <c r="BOZ734" s="424"/>
      <c r="BPA734" s="423" t="s">
        <v>2795</v>
      </c>
      <c r="BPB734" s="424"/>
      <c r="BPC734" s="424"/>
      <c r="BPD734" s="424"/>
      <c r="BPE734" s="423" t="s">
        <v>2795</v>
      </c>
      <c r="BPF734" s="424"/>
      <c r="BPG734" s="424"/>
      <c r="BPH734" s="424"/>
      <c r="BPI734" s="423" t="s">
        <v>2795</v>
      </c>
      <c r="BPJ734" s="424"/>
      <c r="BPK734" s="424"/>
      <c r="BPL734" s="424"/>
      <c r="BPM734" s="423" t="s">
        <v>2795</v>
      </c>
      <c r="BPN734" s="424"/>
      <c r="BPO734" s="424"/>
      <c r="BPP734" s="424"/>
      <c r="BPQ734" s="423" t="s">
        <v>2795</v>
      </c>
      <c r="BPR734" s="424"/>
      <c r="BPS734" s="424"/>
      <c r="BPT734" s="424"/>
      <c r="BPU734" s="423" t="s">
        <v>2795</v>
      </c>
      <c r="BPV734" s="424"/>
      <c r="BPW734" s="424"/>
      <c r="BPX734" s="424"/>
      <c r="BPY734" s="423" t="s">
        <v>2795</v>
      </c>
      <c r="BPZ734" s="424"/>
      <c r="BQA734" s="424"/>
      <c r="BQB734" s="424"/>
      <c r="BQC734" s="423" t="s">
        <v>2795</v>
      </c>
      <c r="BQD734" s="424"/>
      <c r="BQE734" s="424"/>
      <c r="BQF734" s="424"/>
      <c r="BQG734" s="423" t="s">
        <v>2795</v>
      </c>
      <c r="BQH734" s="424"/>
      <c r="BQI734" s="424"/>
      <c r="BQJ734" s="424"/>
      <c r="BQK734" s="423" t="s">
        <v>2795</v>
      </c>
      <c r="BQL734" s="424"/>
      <c r="BQM734" s="424"/>
      <c r="BQN734" s="424"/>
      <c r="BQO734" s="423" t="s">
        <v>2795</v>
      </c>
      <c r="BQP734" s="424"/>
      <c r="BQQ734" s="424"/>
      <c r="BQR734" s="424"/>
      <c r="BQS734" s="423" t="s">
        <v>2795</v>
      </c>
      <c r="BQT734" s="424"/>
      <c r="BQU734" s="424"/>
      <c r="BQV734" s="424"/>
      <c r="BQW734" s="423" t="s">
        <v>2795</v>
      </c>
      <c r="BQX734" s="424"/>
      <c r="BQY734" s="424"/>
      <c r="BQZ734" s="424"/>
      <c r="BRA734" s="423" t="s">
        <v>2795</v>
      </c>
      <c r="BRB734" s="424"/>
      <c r="BRC734" s="424"/>
      <c r="BRD734" s="424"/>
      <c r="BRE734" s="423" t="s">
        <v>2795</v>
      </c>
      <c r="BRF734" s="424"/>
      <c r="BRG734" s="424"/>
      <c r="BRH734" s="424"/>
      <c r="BRI734" s="423" t="s">
        <v>2795</v>
      </c>
      <c r="BRJ734" s="424"/>
      <c r="BRK734" s="424"/>
      <c r="BRL734" s="424"/>
      <c r="BRM734" s="423" t="s">
        <v>2795</v>
      </c>
      <c r="BRN734" s="424"/>
      <c r="BRO734" s="424"/>
      <c r="BRP734" s="424"/>
      <c r="BRQ734" s="423" t="s">
        <v>2795</v>
      </c>
      <c r="BRR734" s="424"/>
      <c r="BRS734" s="424"/>
      <c r="BRT734" s="424"/>
      <c r="BRU734" s="423" t="s">
        <v>2795</v>
      </c>
      <c r="BRV734" s="424"/>
      <c r="BRW734" s="424"/>
      <c r="BRX734" s="424"/>
      <c r="BRY734" s="423" t="s">
        <v>2795</v>
      </c>
      <c r="BRZ734" s="424"/>
      <c r="BSA734" s="424"/>
      <c r="BSB734" s="424"/>
      <c r="BSC734" s="423" t="s">
        <v>2795</v>
      </c>
      <c r="BSD734" s="424"/>
      <c r="BSE734" s="424"/>
      <c r="BSF734" s="424"/>
      <c r="BSG734" s="423" t="s">
        <v>2795</v>
      </c>
      <c r="BSH734" s="424"/>
      <c r="BSI734" s="424"/>
      <c r="BSJ734" s="424"/>
      <c r="BSK734" s="423" t="s">
        <v>2795</v>
      </c>
      <c r="BSL734" s="424"/>
      <c r="BSM734" s="424"/>
      <c r="BSN734" s="424"/>
      <c r="BSO734" s="423" t="s">
        <v>2795</v>
      </c>
      <c r="BSP734" s="424"/>
      <c r="BSQ734" s="424"/>
      <c r="BSR734" s="424"/>
      <c r="BSS734" s="423" t="s">
        <v>2795</v>
      </c>
      <c r="BST734" s="424"/>
      <c r="BSU734" s="424"/>
      <c r="BSV734" s="424"/>
      <c r="BSW734" s="423" t="s">
        <v>2795</v>
      </c>
      <c r="BSX734" s="424"/>
      <c r="BSY734" s="424"/>
      <c r="BSZ734" s="424"/>
      <c r="BTA734" s="423" t="s">
        <v>2795</v>
      </c>
      <c r="BTB734" s="424"/>
      <c r="BTC734" s="424"/>
      <c r="BTD734" s="424"/>
      <c r="BTE734" s="423" t="s">
        <v>2795</v>
      </c>
      <c r="BTF734" s="424"/>
      <c r="BTG734" s="424"/>
      <c r="BTH734" s="424"/>
      <c r="BTI734" s="423" t="s">
        <v>2795</v>
      </c>
      <c r="BTJ734" s="424"/>
      <c r="BTK734" s="424"/>
      <c r="BTL734" s="424"/>
      <c r="BTM734" s="423" t="s">
        <v>2795</v>
      </c>
      <c r="BTN734" s="424"/>
      <c r="BTO734" s="424"/>
      <c r="BTP734" s="424"/>
      <c r="BTQ734" s="423" t="s">
        <v>2795</v>
      </c>
      <c r="BTR734" s="424"/>
      <c r="BTS734" s="424"/>
      <c r="BTT734" s="424"/>
      <c r="BTU734" s="423" t="s">
        <v>2795</v>
      </c>
      <c r="BTV734" s="424"/>
      <c r="BTW734" s="424"/>
      <c r="BTX734" s="424"/>
      <c r="BTY734" s="423" t="s">
        <v>2795</v>
      </c>
      <c r="BTZ734" s="424"/>
      <c r="BUA734" s="424"/>
      <c r="BUB734" s="424"/>
      <c r="BUC734" s="423" t="s">
        <v>2795</v>
      </c>
      <c r="BUD734" s="424"/>
      <c r="BUE734" s="424"/>
      <c r="BUF734" s="424"/>
      <c r="BUG734" s="423" t="s">
        <v>2795</v>
      </c>
      <c r="BUH734" s="424"/>
      <c r="BUI734" s="424"/>
      <c r="BUJ734" s="424"/>
      <c r="BUK734" s="423" t="s">
        <v>2795</v>
      </c>
      <c r="BUL734" s="424"/>
      <c r="BUM734" s="424"/>
      <c r="BUN734" s="424"/>
      <c r="BUO734" s="423" t="s">
        <v>2795</v>
      </c>
      <c r="BUP734" s="424"/>
      <c r="BUQ734" s="424"/>
      <c r="BUR734" s="424"/>
      <c r="BUS734" s="423" t="s">
        <v>2795</v>
      </c>
      <c r="BUT734" s="424"/>
      <c r="BUU734" s="424"/>
      <c r="BUV734" s="424"/>
      <c r="BUW734" s="423" t="s">
        <v>2795</v>
      </c>
      <c r="BUX734" s="424"/>
      <c r="BUY734" s="424"/>
      <c r="BUZ734" s="424"/>
      <c r="BVA734" s="423" t="s">
        <v>2795</v>
      </c>
      <c r="BVB734" s="424"/>
      <c r="BVC734" s="424"/>
      <c r="BVD734" s="424"/>
      <c r="BVE734" s="423" t="s">
        <v>2795</v>
      </c>
      <c r="BVF734" s="424"/>
      <c r="BVG734" s="424"/>
      <c r="BVH734" s="424"/>
      <c r="BVI734" s="423" t="s">
        <v>2795</v>
      </c>
      <c r="BVJ734" s="424"/>
      <c r="BVK734" s="424"/>
      <c r="BVL734" s="424"/>
      <c r="BVM734" s="423" t="s">
        <v>2795</v>
      </c>
      <c r="BVN734" s="424"/>
      <c r="BVO734" s="424"/>
      <c r="BVP734" s="424"/>
      <c r="BVQ734" s="423" t="s">
        <v>2795</v>
      </c>
      <c r="BVR734" s="424"/>
      <c r="BVS734" s="424"/>
      <c r="BVT734" s="424"/>
      <c r="BVU734" s="423" t="s">
        <v>2795</v>
      </c>
      <c r="BVV734" s="424"/>
      <c r="BVW734" s="424"/>
      <c r="BVX734" s="424"/>
      <c r="BVY734" s="423" t="s">
        <v>2795</v>
      </c>
      <c r="BVZ734" s="424"/>
      <c r="BWA734" s="424"/>
      <c r="BWB734" s="424"/>
      <c r="BWC734" s="423" t="s">
        <v>2795</v>
      </c>
      <c r="BWD734" s="424"/>
      <c r="BWE734" s="424"/>
      <c r="BWF734" s="424"/>
      <c r="BWG734" s="423" t="s">
        <v>2795</v>
      </c>
      <c r="BWH734" s="424"/>
      <c r="BWI734" s="424"/>
      <c r="BWJ734" s="424"/>
      <c r="BWK734" s="423" t="s">
        <v>2795</v>
      </c>
      <c r="BWL734" s="424"/>
      <c r="BWM734" s="424"/>
      <c r="BWN734" s="424"/>
      <c r="BWO734" s="423" t="s">
        <v>2795</v>
      </c>
      <c r="BWP734" s="424"/>
      <c r="BWQ734" s="424"/>
      <c r="BWR734" s="424"/>
      <c r="BWS734" s="423" t="s">
        <v>2795</v>
      </c>
      <c r="BWT734" s="424"/>
      <c r="BWU734" s="424"/>
      <c r="BWV734" s="424"/>
      <c r="BWW734" s="423" t="s">
        <v>2795</v>
      </c>
      <c r="BWX734" s="424"/>
      <c r="BWY734" s="424"/>
      <c r="BWZ734" s="424"/>
      <c r="BXA734" s="423" t="s">
        <v>2795</v>
      </c>
      <c r="BXB734" s="424"/>
      <c r="BXC734" s="424"/>
      <c r="BXD734" s="424"/>
      <c r="BXE734" s="423" t="s">
        <v>2795</v>
      </c>
      <c r="BXF734" s="424"/>
      <c r="BXG734" s="424"/>
      <c r="BXH734" s="424"/>
      <c r="BXI734" s="423" t="s">
        <v>2795</v>
      </c>
      <c r="BXJ734" s="424"/>
      <c r="BXK734" s="424"/>
      <c r="BXL734" s="424"/>
      <c r="BXM734" s="423" t="s">
        <v>2795</v>
      </c>
      <c r="BXN734" s="424"/>
      <c r="BXO734" s="424"/>
      <c r="BXP734" s="424"/>
      <c r="BXQ734" s="423" t="s">
        <v>2795</v>
      </c>
      <c r="BXR734" s="424"/>
      <c r="BXS734" s="424"/>
      <c r="BXT734" s="424"/>
      <c r="BXU734" s="423" t="s">
        <v>2795</v>
      </c>
      <c r="BXV734" s="424"/>
      <c r="BXW734" s="424"/>
      <c r="BXX734" s="424"/>
      <c r="BXY734" s="423" t="s">
        <v>2795</v>
      </c>
      <c r="BXZ734" s="424"/>
      <c r="BYA734" s="424"/>
      <c r="BYB734" s="424"/>
      <c r="BYC734" s="423" t="s">
        <v>2795</v>
      </c>
      <c r="BYD734" s="424"/>
      <c r="BYE734" s="424"/>
      <c r="BYF734" s="424"/>
      <c r="BYG734" s="423" t="s">
        <v>2795</v>
      </c>
      <c r="BYH734" s="424"/>
      <c r="BYI734" s="424"/>
      <c r="BYJ734" s="424"/>
      <c r="BYK734" s="423" t="s">
        <v>2795</v>
      </c>
      <c r="BYL734" s="424"/>
      <c r="BYM734" s="424"/>
      <c r="BYN734" s="424"/>
      <c r="BYO734" s="423" t="s">
        <v>2795</v>
      </c>
      <c r="BYP734" s="424"/>
      <c r="BYQ734" s="424"/>
      <c r="BYR734" s="424"/>
      <c r="BYS734" s="423" t="s">
        <v>2795</v>
      </c>
      <c r="BYT734" s="424"/>
      <c r="BYU734" s="424"/>
      <c r="BYV734" s="424"/>
      <c r="BYW734" s="423" t="s">
        <v>2795</v>
      </c>
      <c r="BYX734" s="424"/>
      <c r="BYY734" s="424"/>
      <c r="BYZ734" s="424"/>
      <c r="BZA734" s="423" t="s">
        <v>2795</v>
      </c>
      <c r="BZB734" s="424"/>
      <c r="BZC734" s="424"/>
      <c r="BZD734" s="424"/>
      <c r="BZE734" s="423" t="s">
        <v>2795</v>
      </c>
      <c r="BZF734" s="424"/>
      <c r="BZG734" s="424"/>
      <c r="BZH734" s="424"/>
      <c r="BZI734" s="423" t="s">
        <v>2795</v>
      </c>
      <c r="BZJ734" s="424"/>
      <c r="BZK734" s="424"/>
      <c r="BZL734" s="424"/>
      <c r="BZM734" s="423" t="s">
        <v>2795</v>
      </c>
      <c r="BZN734" s="424"/>
      <c r="BZO734" s="424"/>
      <c r="BZP734" s="424"/>
      <c r="BZQ734" s="423" t="s">
        <v>2795</v>
      </c>
      <c r="BZR734" s="424"/>
      <c r="BZS734" s="424"/>
      <c r="BZT734" s="424"/>
      <c r="BZU734" s="423" t="s">
        <v>2795</v>
      </c>
      <c r="BZV734" s="424"/>
      <c r="BZW734" s="424"/>
      <c r="BZX734" s="424"/>
      <c r="BZY734" s="423" t="s">
        <v>2795</v>
      </c>
      <c r="BZZ734" s="424"/>
      <c r="CAA734" s="424"/>
      <c r="CAB734" s="424"/>
      <c r="CAC734" s="423" t="s">
        <v>2795</v>
      </c>
      <c r="CAD734" s="424"/>
      <c r="CAE734" s="424"/>
      <c r="CAF734" s="424"/>
      <c r="CAG734" s="423" t="s">
        <v>2795</v>
      </c>
      <c r="CAH734" s="424"/>
      <c r="CAI734" s="424"/>
      <c r="CAJ734" s="424"/>
      <c r="CAK734" s="423" t="s">
        <v>2795</v>
      </c>
      <c r="CAL734" s="424"/>
      <c r="CAM734" s="424"/>
      <c r="CAN734" s="424"/>
      <c r="CAO734" s="423" t="s">
        <v>2795</v>
      </c>
      <c r="CAP734" s="424"/>
      <c r="CAQ734" s="424"/>
      <c r="CAR734" s="424"/>
      <c r="CAS734" s="423" t="s">
        <v>2795</v>
      </c>
      <c r="CAT734" s="424"/>
      <c r="CAU734" s="424"/>
      <c r="CAV734" s="424"/>
      <c r="CAW734" s="423" t="s">
        <v>2795</v>
      </c>
      <c r="CAX734" s="424"/>
      <c r="CAY734" s="424"/>
      <c r="CAZ734" s="424"/>
      <c r="CBA734" s="423" t="s">
        <v>2795</v>
      </c>
      <c r="CBB734" s="424"/>
      <c r="CBC734" s="424"/>
      <c r="CBD734" s="424"/>
      <c r="CBE734" s="423" t="s">
        <v>2795</v>
      </c>
      <c r="CBF734" s="424"/>
      <c r="CBG734" s="424"/>
      <c r="CBH734" s="424"/>
      <c r="CBI734" s="423" t="s">
        <v>2795</v>
      </c>
      <c r="CBJ734" s="424"/>
      <c r="CBK734" s="424"/>
      <c r="CBL734" s="424"/>
      <c r="CBM734" s="423" t="s">
        <v>2795</v>
      </c>
      <c r="CBN734" s="424"/>
      <c r="CBO734" s="424"/>
      <c r="CBP734" s="424"/>
      <c r="CBQ734" s="423" t="s">
        <v>2795</v>
      </c>
      <c r="CBR734" s="424"/>
      <c r="CBS734" s="424"/>
      <c r="CBT734" s="424"/>
      <c r="CBU734" s="423" t="s">
        <v>2795</v>
      </c>
      <c r="CBV734" s="424"/>
      <c r="CBW734" s="424"/>
      <c r="CBX734" s="424"/>
      <c r="CBY734" s="423" t="s">
        <v>2795</v>
      </c>
      <c r="CBZ734" s="424"/>
      <c r="CCA734" s="424"/>
      <c r="CCB734" s="424"/>
      <c r="CCC734" s="423" t="s">
        <v>2795</v>
      </c>
      <c r="CCD734" s="424"/>
      <c r="CCE734" s="424"/>
      <c r="CCF734" s="424"/>
      <c r="CCG734" s="423" t="s">
        <v>2795</v>
      </c>
      <c r="CCH734" s="424"/>
      <c r="CCI734" s="424"/>
      <c r="CCJ734" s="424"/>
      <c r="CCK734" s="423" t="s">
        <v>2795</v>
      </c>
      <c r="CCL734" s="424"/>
      <c r="CCM734" s="424"/>
      <c r="CCN734" s="424"/>
      <c r="CCO734" s="423" t="s">
        <v>2795</v>
      </c>
      <c r="CCP734" s="424"/>
      <c r="CCQ734" s="424"/>
      <c r="CCR734" s="424"/>
      <c r="CCS734" s="423" t="s">
        <v>2795</v>
      </c>
      <c r="CCT734" s="424"/>
      <c r="CCU734" s="424"/>
      <c r="CCV734" s="424"/>
      <c r="CCW734" s="423" t="s">
        <v>2795</v>
      </c>
      <c r="CCX734" s="424"/>
      <c r="CCY734" s="424"/>
      <c r="CCZ734" s="424"/>
      <c r="CDA734" s="423" t="s">
        <v>2795</v>
      </c>
      <c r="CDB734" s="424"/>
      <c r="CDC734" s="424"/>
      <c r="CDD734" s="424"/>
      <c r="CDE734" s="423" t="s">
        <v>2795</v>
      </c>
      <c r="CDF734" s="424"/>
      <c r="CDG734" s="424"/>
      <c r="CDH734" s="424"/>
      <c r="CDI734" s="423" t="s">
        <v>2795</v>
      </c>
      <c r="CDJ734" s="424"/>
      <c r="CDK734" s="424"/>
      <c r="CDL734" s="424"/>
      <c r="CDM734" s="423" t="s">
        <v>2795</v>
      </c>
      <c r="CDN734" s="424"/>
      <c r="CDO734" s="424"/>
      <c r="CDP734" s="424"/>
      <c r="CDQ734" s="423" t="s">
        <v>2795</v>
      </c>
      <c r="CDR734" s="424"/>
      <c r="CDS734" s="424"/>
      <c r="CDT734" s="424"/>
      <c r="CDU734" s="423" t="s">
        <v>2795</v>
      </c>
      <c r="CDV734" s="424"/>
      <c r="CDW734" s="424"/>
      <c r="CDX734" s="424"/>
      <c r="CDY734" s="423" t="s">
        <v>2795</v>
      </c>
      <c r="CDZ734" s="424"/>
      <c r="CEA734" s="424"/>
      <c r="CEB734" s="424"/>
      <c r="CEC734" s="423" t="s">
        <v>2795</v>
      </c>
      <c r="CED734" s="424"/>
      <c r="CEE734" s="424"/>
      <c r="CEF734" s="424"/>
      <c r="CEG734" s="423" t="s">
        <v>2795</v>
      </c>
      <c r="CEH734" s="424"/>
      <c r="CEI734" s="424"/>
      <c r="CEJ734" s="424"/>
      <c r="CEK734" s="423" t="s">
        <v>2795</v>
      </c>
      <c r="CEL734" s="424"/>
      <c r="CEM734" s="424"/>
      <c r="CEN734" s="424"/>
      <c r="CEO734" s="423" t="s">
        <v>2795</v>
      </c>
      <c r="CEP734" s="424"/>
      <c r="CEQ734" s="424"/>
      <c r="CER734" s="424"/>
      <c r="CES734" s="423" t="s">
        <v>2795</v>
      </c>
      <c r="CET734" s="424"/>
      <c r="CEU734" s="424"/>
      <c r="CEV734" s="424"/>
      <c r="CEW734" s="423" t="s">
        <v>2795</v>
      </c>
      <c r="CEX734" s="424"/>
      <c r="CEY734" s="424"/>
      <c r="CEZ734" s="424"/>
      <c r="CFA734" s="423" t="s">
        <v>2795</v>
      </c>
      <c r="CFB734" s="424"/>
      <c r="CFC734" s="424"/>
      <c r="CFD734" s="424"/>
      <c r="CFE734" s="423" t="s">
        <v>2795</v>
      </c>
      <c r="CFF734" s="424"/>
      <c r="CFG734" s="424"/>
      <c r="CFH734" s="424"/>
      <c r="CFI734" s="423" t="s">
        <v>2795</v>
      </c>
      <c r="CFJ734" s="424"/>
      <c r="CFK734" s="424"/>
      <c r="CFL734" s="424"/>
      <c r="CFM734" s="423" t="s">
        <v>2795</v>
      </c>
      <c r="CFN734" s="424"/>
      <c r="CFO734" s="424"/>
      <c r="CFP734" s="424"/>
      <c r="CFQ734" s="423" t="s">
        <v>2795</v>
      </c>
      <c r="CFR734" s="424"/>
      <c r="CFS734" s="424"/>
      <c r="CFT734" s="424"/>
      <c r="CFU734" s="423" t="s">
        <v>2795</v>
      </c>
      <c r="CFV734" s="424"/>
      <c r="CFW734" s="424"/>
      <c r="CFX734" s="424"/>
      <c r="CFY734" s="423" t="s">
        <v>2795</v>
      </c>
      <c r="CFZ734" s="424"/>
      <c r="CGA734" s="424"/>
      <c r="CGB734" s="424"/>
      <c r="CGC734" s="423" t="s">
        <v>2795</v>
      </c>
      <c r="CGD734" s="424"/>
      <c r="CGE734" s="424"/>
      <c r="CGF734" s="424"/>
      <c r="CGG734" s="423" t="s">
        <v>2795</v>
      </c>
      <c r="CGH734" s="424"/>
      <c r="CGI734" s="424"/>
      <c r="CGJ734" s="424"/>
      <c r="CGK734" s="423" t="s">
        <v>2795</v>
      </c>
      <c r="CGL734" s="424"/>
      <c r="CGM734" s="424"/>
      <c r="CGN734" s="424"/>
      <c r="CGO734" s="423" t="s">
        <v>2795</v>
      </c>
      <c r="CGP734" s="424"/>
      <c r="CGQ734" s="424"/>
      <c r="CGR734" s="424"/>
      <c r="CGS734" s="423" t="s">
        <v>2795</v>
      </c>
      <c r="CGT734" s="424"/>
      <c r="CGU734" s="424"/>
      <c r="CGV734" s="424"/>
      <c r="CGW734" s="423" t="s">
        <v>2795</v>
      </c>
      <c r="CGX734" s="424"/>
      <c r="CGY734" s="424"/>
      <c r="CGZ734" s="424"/>
      <c r="CHA734" s="423" t="s">
        <v>2795</v>
      </c>
      <c r="CHB734" s="424"/>
      <c r="CHC734" s="424"/>
      <c r="CHD734" s="424"/>
      <c r="CHE734" s="423" t="s">
        <v>2795</v>
      </c>
      <c r="CHF734" s="424"/>
      <c r="CHG734" s="424"/>
      <c r="CHH734" s="424"/>
      <c r="CHI734" s="423" t="s">
        <v>2795</v>
      </c>
      <c r="CHJ734" s="424"/>
      <c r="CHK734" s="424"/>
      <c r="CHL734" s="424"/>
      <c r="CHM734" s="423" t="s">
        <v>2795</v>
      </c>
      <c r="CHN734" s="424"/>
      <c r="CHO734" s="424"/>
      <c r="CHP734" s="424"/>
      <c r="CHQ734" s="423" t="s">
        <v>2795</v>
      </c>
      <c r="CHR734" s="424"/>
      <c r="CHS734" s="424"/>
      <c r="CHT734" s="424"/>
      <c r="CHU734" s="423" t="s">
        <v>2795</v>
      </c>
      <c r="CHV734" s="424"/>
      <c r="CHW734" s="424"/>
      <c r="CHX734" s="424"/>
      <c r="CHY734" s="423" t="s">
        <v>2795</v>
      </c>
      <c r="CHZ734" s="424"/>
      <c r="CIA734" s="424"/>
      <c r="CIB734" s="424"/>
      <c r="CIC734" s="423" t="s">
        <v>2795</v>
      </c>
      <c r="CID734" s="424"/>
      <c r="CIE734" s="424"/>
      <c r="CIF734" s="424"/>
      <c r="CIG734" s="423" t="s">
        <v>2795</v>
      </c>
      <c r="CIH734" s="424"/>
      <c r="CII734" s="424"/>
      <c r="CIJ734" s="424"/>
      <c r="CIK734" s="423" t="s">
        <v>2795</v>
      </c>
      <c r="CIL734" s="424"/>
      <c r="CIM734" s="424"/>
      <c r="CIN734" s="424"/>
      <c r="CIO734" s="423" t="s">
        <v>2795</v>
      </c>
      <c r="CIP734" s="424"/>
      <c r="CIQ734" s="424"/>
      <c r="CIR734" s="424"/>
      <c r="CIS734" s="423" t="s">
        <v>2795</v>
      </c>
      <c r="CIT734" s="424"/>
      <c r="CIU734" s="424"/>
      <c r="CIV734" s="424"/>
      <c r="CIW734" s="423" t="s">
        <v>2795</v>
      </c>
      <c r="CIX734" s="424"/>
      <c r="CIY734" s="424"/>
      <c r="CIZ734" s="424"/>
      <c r="CJA734" s="423" t="s">
        <v>2795</v>
      </c>
      <c r="CJB734" s="424"/>
      <c r="CJC734" s="424"/>
      <c r="CJD734" s="424"/>
      <c r="CJE734" s="423" t="s">
        <v>2795</v>
      </c>
      <c r="CJF734" s="424"/>
      <c r="CJG734" s="424"/>
      <c r="CJH734" s="424"/>
      <c r="CJI734" s="423" t="s">
        <v>2795</v>
      </c>
      <c r="CJJ734" s="424"/>
      <c r="CJK734" s="424"/>
      <c r="CJL734" s="424"/>
      <c r="CJM734" s="423" t="s">
        <v>2795</v>
      </c>
      <c r="CJN734" s="424"/>
      <c r="CJO734" s="424"/>
      <c r="CJP734" s="424"/>
      <c r="CJQ734" s="423" t="s">
        <v>2795</v>
      </c>
      <c r="CJR734" s="424"/>
      <c r="CJS734" s="424"/>
      <c r="CJT734" s="424"/>
      <c r="CJU734" s="423" t="s">
        <v>2795</v>
      </c>
      <c r="CJV734" s="424"/>
      <c r="CJW734" s="424"/>
      <c r="CJX734" s="424"/>
      <c r="CJY734" s="423" t="s">
        <v>2795</v>
      </c>
      <c r="CJZ734" s="424"/>
      <c r="CKA734" s="424"/>
      <c r="CKB734" s="424"/>
      <c r="CKC734" s="423" t="s">
        <v>2795</v>
      </c>
      <c r="CKD734" s="424"/>
      <c r="CKE734" s="424"/>
      <c r="CKF734" s="424"/>
      <c r="CKG734" s="423" t="s">
        <v>2795</v>
      </c>
      <c r="CKH734" s="424"/>
      <c r="CKI734" s="424"/>
      <c r="CKJ734" s="424"/>
      <c r="CKK734" s="423" t="s">
        <v>2795</v>
      </c>
      <c r="CKL734" s="424"/>
      <c r="CKM734" s="424"/>
      <c r="CKN734" s="424"/>
      <c r="CKO734" s="423" t="s">
        <v>2795</v>
      </c>
      <c r="CKP734" s="424"/>
      <c r="CKQ734" s="424"/>
      <c r="CKR734" s="424"/>
      <c r="CKS734" s="423" t="s">
        <v>2795</v>
      </c>
      <c r="CKT734" s="424"/>
      <c r="CKU734" s="424"/>
      <c r="CKV734" s="424"/>
      <c r="CKW734" s="423" t="s">
        <v>2795</v>
      </c>
      <c r="CKX734" s="424"/>
      <c r="CKY734" s="424"/>
      <c r="CKZ734" s="424"/>
      <c r="CLA734" s="423" t="s">
        <v>2795</v>
      </c>
      <c r="CLB734" s="424"/>
      <c r="CLC734" s="424"/>
      <c r="CLD734" s="424"/>
      <c r="CLE734" s="423" t="s">
        <v>2795</v>
      </c>
      <c r="CLF734" s="424"/>
      <c r="CLG734" s="424"/>
      <c r="CLH734" s="424"/>
      <c r="CLI734" s="423" t="s">
        <v>2795</v>
      </c>
      <c r="CLJ734" s="424"/>
      <c r="CLK734" s="424"/>
      <c r="CLL734" s="424"/>
      <c r="CLM734" s="423" t="s">
        <v>2795</v>
      </c>
      <c r="CLN734" s="424"/>
      <c r="CLO734" s="424"/>
      <c r="CLP734" s="424"/>
      <c r="CLQ734" s="423" t="s">
        <v>2795</v>
      </c>
      <c r="CLR734" s="424"/>
      <c r="CLS734" s="424"/>
      <c r="CLT734" s="424"/>
      <c r="CLU734" s="423" t="s">
        <v>2795</v>
      </c>
      <c r="CLV734" s="424"/>
      <c r="CLW734" s="424"/>
      <c r="CLX734" s="424"/>
      <c r="CLY734" s="423" t="s">
        <v>2795</v>
      </c>
      <c r="CLZ734" s="424"/>
      <c r="CMA734" s="424"/>
      <c r="CMB734" s="424"/>
      <c r="CMC734" s="423" t="s">
        <v>2795</v>
      </c>
      <c r="CMD734" s="424"/>
      <c r="CME734" s="424"/>
      <c r="CMF734" s="424"/>
      <c r="CMG734" s="423" t="s">
        <v>2795</v>
      </c>
      <c r="CMH734" s="424"/>
      <c r="CMI734" s="424"/>
      <c r="CMJ734" s="424"/>
      <c r="CMK734" s="423" t="s">
        <v>2795</v>
      </c>
      <c r="CML734" s="424"/>
      <c r="CMM734" s="424"/>
      <c r="CMN734" s="424"/>
      <c r="CMO734" s="423" t="s">
        <v>2795</v>
      </c>
      <c r="CMP734" s="424"/>
      <c r="CMQ734" s="424"/>
      <c r="CMR734" s="424"/>
      <c r="CMS734" s="423" t="s">
        <v>2795</v>
      </c>
      <c r="CMT734" s="424"/>
      <c r="CMU734" s="424"/>
      <c r="CMV734" s="424"/>
      <c r="CMW734" s="423" t="s">
        <v>2795</v>
      </c>
      <c r="CMX734" s="424"/>
      <c r="CMY734" s="424"/>
      <c r="CMZ734" s="424"/>
      <c r="CNA734" s="423" t="s">
        <v>2795</v>
      </c>
      <c r="CNB734" s="424"/>
      <c r="CNC734" s="424"/>
      <c r="CND734" s="424"/>
      <c r="CNE734" s="423" t="s">
        <v>2795</v>
      </c>
      <c r="CNF734" s="424"/>
      <c r="CNG734" s="424"/>
      <c r="CNH734" s="424"/>
      <c r="CNI734" s="423" t="s">
        <v>2795</v>
      </c>
      <c r="CNJ734" s="424"/>
      <c r="CNK734" s="424"/>
      <c r="CNL734" s="424"/>
      <c r="CNM734" s="423" t="s">
        <v>2795</v>
      </c>
      <c r="CNN734" s="424"/>
      <c r="CNO734" s="424"/>
      <c r="CNP734" s="424"/>
      <c r="CNQ734" s="423" t="s">
        <v>2795</v>
      </c>
      <c r="CNR734" s="424"/>
      <c r="CNS734" s="424"/>
      <c r="CNT734" s="424"/>
      <c r="CNU734" s="423" t="s">
        <v>2795</v>
      </c>
      <c r="CNV734" s="424"/>
      <c r="CNW734" s="424"/>
      <c r="CNX734" s="424"/>
      <c r="CNY734" s="423" t="s">
        <v>2795</v>
      </c>
      <c r="CNZ734" s="424"/>
      <c r="COA734" s="424"/>
      <c r="COB734" s="424"/>
      <c r="COC734" s="423" t="s">
        <v>2795</v>
      </c>
      <c r="COD734" s="424"/>
      <c r="COE734" s="424"/>
      <c r="COF734" s="424"/>
      <c r="COG734" s="423" t="s">
        <v>2795</v>
      </c>
      <c r="COH734" s="424"/>
      <c r="COI734" s="424"/>
      <c r="COJ734" s="424"/>
      <c r="COK734" s="423" t="s">
        <v>2795</v>
      </c>
      <c r="COL734" s="424"/>
      <c r="COM734" s="424"/>
      <c r="CON734" s="424"/>
      <c r="COO734" s="423" t="s">
        <v>2795</v>
      </c>
      <c r="COP734" s="424"/>
      <c r="COQ734" s="424"/>
      <c r="COR734" s="424"/>
      <c r="COS734" s="423" t="s">
        <v>2795</v>
      </c>
      <c r="COT734" s="424"/>
      <c r="COU734" s="424"/>
      <c r="COV734" s="424"/>
      <c r="COW734" s="423" t="s">
        <v>2795</v>
      </c>
      <c r="COX734" s="424"/>
      <c r="COY734" s="424"/>
      <c r="COZ734" s="424"/>
      <c r="CPA734" s="423" t="s">
        <v>2795</v>
      </c>
      <c r="CPB734" s="424"/>
      <c r="CPC734" s="424"/>
      <c r="CPD734" s="424"/>
      <c r="CPE734" s="423" t="s">
        <v>2795</v>
      </c>
      <c r="CPF734" s="424"/>
      <c r="CPG734" s="424"/>
      <c r="CPH734" s="424"/>
      <c r="CPI734" s="423" t="s">
        <v>2795</v>
      </c>
      <c r="CPJ734" s="424"/>
      <c r="CPK734" s="424"/>
      <c r="CPL734" s="424"/>
      <c r="CPM734" s="423" t="s">
        <v>2795</v>
      </c>
      <c r="CPN734" s="424"/>
      <c r="CPO734" s="424"/>
      <c r="CPP734" s="424"/>
      <c r="CPQ734" s="423" t="s">
        <v>2795</v>
      </c>
      <c r="CPR734" s="424"/>
      <c r="CPS734" s="424"/>
      <c r="CPT734" s="424"/>
      <c r="CPU734" s="423" t="s">
        <v>2795</v>
      </c>
      <c r="CPV734" s="424"/>
      <c r="CPW734" s="424"/>
      <c r="CPX734" s="424"/>
      <c r="CPY734" s="423" t="s">
        <v>2795</v>
      </c>
      <c r="CPZ734" s="424"/>
      <c r="CQA734" s="424"/>
      <c r="CQB734" s="424"/>
      <c r="CQC734" s="423" t="s">
        <v>2795</v>
      </c>
      <c r="CQD734" s="424"/>
      <c r="CQE734" s="424"/>
      <c r="CQF734" s="424"/>
      <c r="CQG734" s="423" t="s">
        <v>2795</v>
      </c>
      <c r="CQH734" s="424"/>
      <c r="CQI734" s="424"/>
      <c r="CQJ734" s="424"/>
      <c r="CQK734" s="423" t="s">
        <v>2795</v>
      </c>
      <c r="CQL734" s="424"/>
      <c r="CQM734" s="424"/>
      <c r="CQN734" s="424"/>
      <c r="CQO734" s="423" t="s">
        <v>2795</v>
      </c>
      <c r="CQP734" s="424"/>
      <c r="CQQ734" s="424"/>
      <c r="CQR734" s="424"/>
      <c r="CQS734" s="423" t="s">
        <v>2795</v>
      </c>
      <c r="CQT734" s="424"/>
      <c r="CQU734" s="424"/>
      <c r="CQV734" s="424"/>
      <c r="CQW734" s="423" t="s">
        <v>2795</v>
      </c>
      <c r="CQX734" s="424"/>
      <c r="CQY734" s="424"/>
      <c r="CQZ734" s="424"/>
      <c r="CRA734" s="423" t="s">
        <v>2795</v>
      </c>
      <c r="CRB734" s="424"/>
      <c r="CRC734" s="424"/>
      <c r="CRD734" s="424"/>
      <c r="CRE734" s="423" t="s">
        <v>2795</v>
      </c>
      <c r="CRF734" s="424"/>
      <c r="CRG734" s="424"/>
      <c r="CRH734" s="424"/>
      <c r="CRI734" s="423" t="s">
        <v>2795</v>
      </c>
      <c r="CRJ734" s="424"/>
      <c r="CRK734" s="424"/>
      <c r="CRL734" s="424"/>
      <c r="CRM734" s="423" t="s">
        <v>2795</v>
      </c>
      <c r="CRN734" s="424"/>
      <c r="CRO734" s="424"/>
      <c r="CRP734" s="424"/>
      <c r="CRQ734" s="423" t="s">
        <v>2795</v>
      </c>
      <c r="CRR734" s="424"/>
      <c r="CRS734" s="424"/>
      <c r="CRT734" s="424"/>
      <c r="CRU734" s="423" t="s">
        <v>2795</v>
      </c>
      <c r="CRV734" s="424"/>
      <c r="CRW734" s="424"/>
      <c r="CRX734" s="424"/>
      <c r="CRY734" s="423" t="s">
        <v>2795</v>
      </c>
      <c r="CRZ734" s="424"/>
      <c r="CSA734" s="424"/>
      <c r="CSB734" s="424"/>
      <c r="CSC734" s="423" t="s">
        <v>2795</v>
      </c>
      <c r="CSD734" s="424"/>
      <c r="CSE734" s="424"/>
      <c r="CSF734" s="424"/>
      <c r="CSG734" s="423" t="s">
        <v>2795</v>
      </c>
      <c r="CSH734" s="424"/>
      <c r="CSI734" s="424"/>
      <c r="CSJ734" s="424"/>
      <c r="CSK734" s="423" t="s">
        <v>2795</v>
      </c>
      <c r="CSL734" s="424"/>
      <c r="CSM734" s="424"/>
      <c r="CSN734" s="424"/>
      <c r="CSO734" s="423" t="s">
        <v>2795</v>
      </c>
      <c r="CSP734" s="424"/>
      <c r="CSQ734" s="424"/>
      <c r="CSR734" s="424"/>
      <c r="CSS734" s="423" t="s">
        <v>2795</v>
      </c>
      <c r="CST734" s="424"/>
      <c r="CSU734" s="424"/>
      <c r="CSV734" s="424"/>
      <c r="CSW734" s="423" t="s">
        <v>2795</v>
      </c>
      <c r="CSX734" s="424"/>
      <c r="CSY734" s="424"/>
      <c r="CSZ734" s="424"/>
      <c r="CTA734" s="423" t="s">
        <v>2795</v>
      </c>
      <c r="CTB734" s="424"/>
      <c r="CTC734" s="424"/>
      <c r="CTD734" s="424"/>
      <c r="CTE734" s="423" t="s">
        <v>2795</v>
      </c>
      <c r="CTF734" s="424"/>
      <c r="CTG734" s="424"/>
      <c r="CTH734" s="424"/>
      <c r="CTI734" s="423" t="s">
        <v>2795</v>
      </c>
      <c r="CTJ734" s="424"/>
      <c r="CTK734" s="424"/>
      <c r="CTL734" s="424"/>
      <c r="CTM734" s="423" t="s">
        <v>2795</v>
      </c>
      <c r="CTN734" s="424"/>
      <c r="CTO734" s="424"/>
      <c r="CTP734" s="424"/>
      <c r="CTQ734" s="423" t="s">
        <v>2795</v>
      </c>
      <c r="CTR734" s="424"/>
      <c r="CTS734" s="424"/>
      <c r="CTT734" s="424"/>
      <c r="CTU734" s="423" t="s">
        <v>2795</v>
      </c>
      <c r="CTV734" s="424"/>
      <c r="CTW734" s="424"/>
      <c r="CTX734" s="424"/>
      <c r="CTY734" s="423" t="s">
        <v>2795</v>
      </c>
      <c r="CTZ734" s="424"/>
      <c r="CUA734" s="424"/>
      <c r="CUB734" s="424"/>
      <c r="CUC734" s="423" t="s">
        <v>2795</v>
      </c>
      <c r="CUD734" s="424"/>
      <c r="CUE734" s="424"/>
      <c r="CUF734" s="424"/>
      <c r="CUG734" s="423" t="s">
        <v>2795</v>
      </c>
      <c r="CUH734" s="424"/>
      <c r="CUI734" s="424"/>
      <c r="CUJ734" s="424"/>
      <c r="CUK734" s="423" t="s">
        <v>2795</v>
      </c>
      <c r="CUL734" s="424"/>
      <c r="CUM734" s="424"/>
      <c r="CUN734" s="424"/>
      <c r="CUO734" s="423" t="s">
        <v>2795</v>
      </c>
      <c r="CUP734" s="424"/>
      <c r="CUQ734" s="424"/>
      <c r="CUR734" s="424"/>
      <c r="CUS734" s="423" t="s">
        <v>2795</v>
      </c>
      <c r="CUT734" s="424"/>
      <c r="CUU734" s="424"/>
      <c r="CUV734" s="424"/>
      <c r="CUW734" s="423" t="s">
        <v>2795</v>
      </c>
      <c r="CUX734" s="424"/>
      <c r="CUY734" s="424"/>
      <c r="CUZ734" s="424"/>
      <c r="CVA734" s="423" t="s">
        <v>2795</v>
      </c>
      <c r="CVB734" s="424"/>
      <c r="CVC734" s="424"/>
      <c r="CVD734" s="424"/>
      <c r="CVE734" s="423" t="s">
        <v>2795</v>
      </c>
      <c r="CVF734" s="424"/>
      <c r="CVG734" s="424"/>
      <c r="CVH734" s="424"/>
      <c r="CVI734" s="423" t="s">
        <v>2795</v>
      </c>
      <c r="CVJ734" s="424"/>
      <c r="CVK734" s="424"/>
      <c r="CVL734" s="424"/>
      <c r="CVM734" s="423" t="s">
        <v>2795</v>
      </c>
      <c r="CVN734" s="424"/>
      <c r="CVO734" s="424"/>
      <c r="CVP734" s="424"/>
      <c r="CVQ734" s="423" t="s">
        <v>2795</v>
      </c>
      <c r="CVR734" s="424"/>
      <c r="CVS734" s="424"/>
      <c r="CVT734" s="424"/>
      <c r="CVU734" s="423" t="s">
        <v>2795</v>
      </c>
      <c r="CVV734" s="424"/>
      <c r="CVW734" s="424"/>
      <c r="CVX734" s="424"/>
      <c r="CVY734" s="423" t="s">
        <v>2795</v>
      </c>
      <c r="CVZ734" s="424"/>
      <c r="CWA734" s="424"/>
      <c r="CWB734" s="424"/>
      <c r="CWC734" s="423" t="s">
        <v>2795</v>
      </c>
      <c r="CWD734" s="424"/>
      <c r="CWE734" s="424"/>
      <c r="CWF734" s="424"/>
      <c r="CWG734" s="423" t="s">
        <v>2795</v>
      </c>
      <c r="CWH734" s="424"/>
      <c r="CWI734" s="424"/>
      <c r="CWJ734" s="424"/>
      <c r="CWK734" s="423" t="s">
        <v>2795</v>
      </c>
      <c r="CWL734" s="424"/>
      <c r="CWM734" s="424"/>
      <c r="CWN734" s="424"/>
      <c r="CWO734" s="423" t="s">
        <v>2795</v>
      </c>
      <c r="CWP734" s="424"/>
      <c r="CWQ734" s="424"/>
      <c r="CWR734" s="424"/>
      <c r="CWS734" s="423" t="s">
        <v>2795</v>
      </c>
      <c r="CWT734" s="424"/>
      <c r="CWU734" s="424"/>
      <c r="CWV734" s="424"/>
      <c r="CWW734" s="423" t="s">
        <v>2795</v>
      </c>
      <c r="CWX734" s="424"/>
      <c r="CWY734" s="424"/>
      <c r="CWZ734" s="424"/>
      <c r="CXA734" s="423" t="s">
        <v>2795</v>
      </c>
      <c r="CXB734" s="424"/>
      <c r="CXC734" s="424"/>
      <c r="CXD734" s="424"/>
      <c r="CXE734" s="423" t="s">
        <v>2795</v>
      </c>
      <c r="CXF734" s="424"/>
      <c r="CXG734" s="424"/>
      <c r="CXH734" s="424"/>
      <c r="CXI734" s="423" t="s">
        <v>2795</v>
      </c>
      <c r="CXJ734" s="424"/>
      <c r="CXK734" s="424"/>
      <c r="CXL734" s="424"/>
      <c r="CXM734" s="423" t="s">
        <v>2795</v>
      </c>
      <c r="CXN734" s="424"/>
      <c r="CXO734" s="424"/>
      <c r="CXP734" s="424"/>
      <c r="CXQ734" s="423" t="s">
        <v>2795</v>
      </c>
      <c r="CXR734" s="424"/>
      <c r="CXS734" s="424"/>
      <c r="CXT734" s="424"/>
      <c r="CXU734" s="423" t="s">
        <v>2795</v>
      </c>
      <c r="CXV734" s="424"/>
      <c r="CXW734" s="424"/>
      <c r="CXX734" s="424"/>
      <c r="CXY734" s="423" t="s">
        <v>2795</v>
      </c>
      <c r="CXZ734" s="424"/>
      <c r="CYA734" s="424"/>
      <c r="CYB734" s="424"/>
      <c r="CYC734" s="423" t="s">
        <v>2795</v>
      </c>
      <c r="CYD734" s="424"/>
      <c r="CYE734" s="424"/>
      <c r="CYF734" s="424"/>
      <c r="CYG734" s="423" t="s">
        <v>2795</v>
      </c>
      <c r="CYH734" s="424"/>
      <c r="CYI734" s="424"/>
      <c r="CYJ734" s="424"/>
      <c r="CYK734" s="423" t="s">
        <v>2795</v>
      </c>
      <c r="CYL734" s="424"/>
      <c r="CYM734" s="424"/>
      <c r="CYN734" s="424"/>
      <c r="CYO734" s="423" t="s">
        <v>2795</v>
      </c>
      <c r="CYP734" s="424"/>
      <c r="CYQ734" s="424"/>
      <c r="CYR734" s="424"/>
      <c r="CYS734" s="423" t="s">
        <v>2795</v>
      </c>
      <c r="CYT734" s="424"/>
      <c r="CYU734" s="424"/>
      <c r="CYV734" s="424"/>
      <c r="CYW734" s="423" t="s">
        <v>2795</v>
      </c>
      <c r="CYX734" s="424"/>
      <c r="CYY734" s="424"/>
      <c r="CYZ734" s="424"/>
      <c r="CZA734" s="423" t="s">
        <v>2795</v>
      </c>
      <c r="CZB734" s="424"/>
      <c r="CZC734" s="424"/>
      <c r="CZD734" s="424"/>
      <c r="CZE734" s="423" t="s">
        <v>2795</v>
      </c>
      <c r="CZF734" s="424"/>
      <c r="CZG734" s="424"/>
      <c r="CZH734" s="424"/>
      <c r="CZI734" s="423" t="s">
        <v>2795</v>
      </c>
      <c r="CZJ734" s="424"/>
      <c r="CZK734" s="424"/>
      <c r="CZL734" s="424"/>
      <c r="CZM734" s="423" t="s">
        <v>2795</v>
      </c>
      <c r="CZN734" s="424"/>
      <c r="CZO734" s="424"/>
      <c r="CZP734" s="424"/>
      <c r="CZQ734" s="423" t="s">
        <v>2795</v>
      </c>
      <c r="CZR734" s="424"/>
      <c r="CZS734" s="424"/>
      <c r="CZT734" s="424"/>
      <c r="CZU734" s="423" t="s">
        <v>2795</v>
      </c>
      <c r="CZV734" s="424"/>
      <c r="CZW734" s="424"/>
      <c r="CZX734" s="424"/>
      <c r="CZY734" s="423" t="s">
        <v>2795</v>
      </c>
      <c r="CZZ734" s="424"/>
      <c r="DAA734" s="424"/>
      <c r="DAB734" s="424"/>
      <c r="DAC734" s="423" t="s">
        <v>2795</v>
      </c>
      <c r="DAD734" s="424"/>
      <c r="DAE734" s="424"/>
      <c r="DAF734" s="424"/>
      <c r="DAG734" s="423" t="s">
        <v>2795</v>
      </c>
      <c r="DAH734" s="424"/>
      <c r="DAI734" s="424"/>
      <c r="DAJ734" s="424"/>
      <c r="DAK734" s="423" t="s">
        <v>2795</v>
      </c>
      <c r="DAL734" s="424"/>
      <c r="DAM734" s="424"/>
      <c r="DAN734" s="424"/>
      <c r="DAO734" s="423" t="s">
        <v>2795</v>
      </c>
      <c r="DAP734" s="424"/>
      <c r="DAQ734" s="424"/>
      <c r="DAR734" s="424"/>
      <c r="DAS734" s="423" t="s">
        <v>2795</v>
      </c>
      <c r="DAT734" s="424"/>
      <c r="DAU734" s="424"/>
      <c r="DAV734" s="424"/>
      <c r="DAW734" s="423" t="s">
        <v>2795</v>
      </c>
      <c r="DAX734" s="424"/>
      <c r="DAY734" s="424"/>
      <c r="DAZ734" s="424"/>
      <c r="DBA734" s="423" t="s">
        <v>2795</v>
      </c>
      <c r="DBB734" s="424"/>
      <c r="DBC734" s="424"/>
      <c r="DBD734" s="424"/>
      <c r="DBE734" s="423" t="s">
        <v>2795</v>
      </c>
      <c r="DBF734" s="424"/>
      <c r="DBG734" s="424"/>
      <c r="DBH734" s="424"/>
      <c r="DBI734" s="423" t="s">
        <v>2795</v>
      </c>
      <c r="DBJ734" s="424"/>
      <c r="DBK734" s="424"/>
      <c r="DBL734" s="424"/>
      <c r="DBM734" s="423" t="s">
        <v>2795</v>
      </c>
      <c r="DBN734" s="424"/>
      <c r="DBO734" s="424"/>
      <c r="DBP734" s="424"/>
      <c r="DBQ734" s="423" t="s">
        <v>2795</v>
      </c>
      <c r="DBR734" s="424"/>
      <c r="DBS734" s="424"/>
      <c r="DBT734" s="424"/>
      <c r="DBU734" s="423" t="s">
        <v>2795</v>
      </c>
      <c r="DBV734" s="424"/>
      <c r="DBW734" s="424"/>
      <c r="DBX734" s="424"/>
      <c r="DBY734" s="423" t="s">
        <v>2795</v>
      </c>
      <c r="DBZ734" s="424"/>
      <c r="DCA734" s="424"/>
      <c r="DCB734" s="424"/>
      <c r="DCC734" s="423" t="s">
        <v>2795</v>
      </c>
      <c r="DCD734" s="424"/>
      <c r="DCE734" s="424"/>
      <c r="DCF734" s="424"/>
      <c r="DCG734" s="423" t="s">
        <v>2795</v>
      </c>
      <c r="DCH734" s="424"/>
      <c r="DCI734" s="424"/>
      <c r="DCJ734" s="424"/>
      <c r="DCK734" s="423" t="s">
        <v>2795</v>
      </c>
      <c r="DCL734" s="424"/>
      <c r="DCM734" s="424"/>
      <c r="DCN734" s="424"/>
      <c r="DCO734" s="423" t="s">
        <v>2795</v>
      </c>
      <c r="DCP734" s="424"/>
      <c r="DCQ734" s="424"/>
      <c r="DCR734" s="424"/>
      <c r="DCS734" s="423" t="s">
        <v>2795</v>
      </c>
      <c r="DCT734" s="424"/>
      <c r="DCU734" s="424"/>
      <c r="DCV734" s="424"/>
      <c r="DCW734" s="423" t="s">
        <v>2795</v>
      </c>
      <c r="DCX734" s="424"/>
      <c r="DCY734" s="424"/>
      <c r="DCZ734" s="424"/>
      <c r="DDA734" s="423" t="s">
        <v>2795</v>
      </c>
      <c r="DDB734" s="424"/>
      <c r="DDC734" s="424"/>
      <c r="DDD734" s="424"/>
      <c r="DDE734" s="423" t="s">
        <v>2795</v>
      </c>
      <c r="DDF734" s="424"/>
      <c r="DDG734" s="424"/>
      <c r="DDH734" s="424"/>
      <c r="DDI734" s="423" t="s">
        <v>2795</v>
      </c>
      <c r="DDJ734" s="424"/>
      <c r="DDK734" s="424"/>
      <c r="DDL734" s="424"/>
      <c r="DDM734" s="423" t="s">
        <v>2795</v>
      </c>
      <c r="DDN734" s="424"/>
      <c r="DDO734" s="424"/>
      <c r="DDP734" s="424"/>
      <c r="DDQ734" s="423" t="s">
        <v>2795</v>
      </c>
      <c r="DDR734" s="424"/>
      <c r="DDS734" s="424"/>
      <c r="DDT734" s="424"/>
      <c r="DDU734" s="423" t="s">
        <v>2795</v>
      </c>
      <c r="DDV734" s="424"/>
      <c r="DDW734" s="424"/>
      <c r="DDX734" s="424"/>
      <c r="DDY734" s="423" t="s">
        <v>2795</v>
      </c>
      <c r="DDZ734" s="424"/>
      <c r="DEA734" s="424"/>
      <c r="DEB734" s="424"/>
      <c r="DEC734" s="423" t="s">
        <v>2795</v>
      </c>
      <c r="DED734" s="424"/>
      <c r="DEE734" s="424"/>
      <c r="DEF734" s="424"/>
      <c r="DEG734" s="423" t="s">
        <v>2795</v>
      </c>
      <c r="DEH734" s="424"/>
      <c r="DEI734" s="424"/>
      <c r="DEJ734" s="424"/>
      <c r="DEK734" s="423" t="s">
        <v>2795</v>
      </c>
      <c r="DEL734" s="424"/>
      <c r="DEM734" s="424"/>
      <c r="DEN734" s="424"/>
      <c r="DEO734" s="423" t="s">
        <v>2795</v>
      </c>
      <c r="DEP734" s="424"/>
      <c r="DEQ734" s="424"/>
      <c r="DER734" s="424"/>
      <c r="DES734" s="423" t="s">
        <v>2795</v>
      </c>
      <c r="DET734" s="424"/>
      <c r="DEU734" s="424"/>
      <c r="DEV734" s="424"/>
      <c r="DEW734" s="423" t="s">
        <v>2795</v>
      </c>
      <c r="DEX734" s="424"/>
      <c r="DEY734" s="424"/>
      <c r="DEZ734" s="424"/>
      <c r="DFA734" s="423" t="s">
        <v>2795</v>
      </c>
      <c r="DFB734" s="424"/>
      <c r="DFC734" s="424"/>
      <c r="DFD734" s="424"/>
      <c r="DFE734" s="423" t="s">
        <v>2795</v>
      </c>
      <c r="DFF734" s="424"/>
      <c r="DFG734" s="424"/>
      <c r="DFH734" s="424"/>
      <c r="DFI734" s="423" t="s">
        <v>2795</v>
      </c>
      <c r="DFJ734" s="424"/>
      <c r="DFK734" s="424"/>
      <c r="DFL734" s="424"/>
      <c r="DFM734" s="423" t="s">
        <v>2795</v>
      </c>
      <c r="DFN734" s="424"/>
      <c r="DFO734" s="424"/>
      <c r="DFP734" s="424"/>
      <c r="DFQ734" s="423" t="s">
        <v>2795</v>
      </c>
      <c r="DFR734" s="424"/>
      <c r="DFS734" s="424"/>
      <c r="DFT734" s="424"/>
      <c r="DFU734" s="423" t="s">
        <v>2795</v>
      </c>
      <c r="DFV734" s="424"/>
      <c r="DFW734" s="424"/>
      <c r="DFX734" s="424"/>
      <c r="DFY734" s="423" t="s">
        <v>2795</v>
      </c>
      <c r="DFZ734" s="424"/>
      <c r="DGA734" s="424"/>
      <c r="DGB734" s="424"/>
      <c r="DGC734" s="423" t="s">
        <v>2795</v>
      </c>
      <c r="DGD734" s="424"/>
      <c r="DGE734" s="424"/>
      <c r="DGF734" s="424"/>
      <c r="DGG734" s="423" t="s">
        <v>2795</v>
      </c>
      <c r="DGH734" s="424"/>
      <c r="DGI734" s="424"/>
      <c r="DGJ734" s="424"/>
      <c r="DGK734" s="423" t="s">
        <v>2795</v>
      </c>
      <c r="DGL734" s="424"/>
      <c r="DGM734" s="424"/>
      <c r="DGN734" s="424"/>
      <c r="DGO734" s="423" t="s">
        <v>2795</v>
      </c>
      <c r="DGP734" s="424"/>
      <c r="DGQ734" s="424"/>
      <c r="DGR734" s="424"/>
      <c r="DGS734" s="423" t="s">
        <v>2795</v>
      </c>
      <c r="DGT734" s="424"/>
      <c r="DGU734" s="424"/>
      <c r="DGV734" s="424"/>
      <c r="DGW734" s="423" t="s">
        <v>2795</v>
      </c>
      <c r="DGX734" s="424"/>
      <c r="DGY734" s="424"/>
      <c r="DGZ734" s="424"/>
      <c r="DHA734" s="423" t="s">
        <v>2795</v>
      </c>
      <c r="DHB734" s="424"/>
      <c r="DHC734" s="424"/>
      <c r="DHD734" s="424"/>
      <c r="DHE734" s="423" t="s">
        <v>2795</v>
      </c>
      <c r="DHF734" s="424"/>
      <c r="DHG734" s="424"/>
      <c r="DHH734" s="424"/>
      <c r="DHI734" s="423" t="s">
        <v>2795</v>
      </c>
      <c r="DHJ734" s="424"/>
      <c r="DHK734" s="424"/>
      <c r="DHL734" s="424"/>
      <c r="DHM734" s="423" t="s">
        <v>2795</v>
      </c>
      <c r="DHN734" s="424"/>
      <c r="DHO734" s="424"/>
      <c r="DHP734" s="424"/>
      <c r="DHQ734" s="423" t="s">
        <v>2795</v>
      </c>
      <c r="DHR734" s="424"/>
      <c r="DHS734" s="424"/>
      <c r="DHT734" s="424"/>
      <c r="DHU734" s="423" t="s">
        <v>2795</v>
      </c>
      <c r="DHV734" s="424"/>
      <c r="DHW734" s="424"/>
      <c r="DHX734" s="424"/>
      <c r="DHY734" s="423" t="s">
        <v>2795</v>
      </c>
      <c r="DHZ734" s="424"/>
      <c r="DIA734" s="424"/>
      <c r="DIB734" s="424"/>
      <c r="DIC734" s="423" t="s">
        <v>2795</v>
      </c>
      <c r="DID734" s="424"/>
      <c r="DIE734" s="424"/>
      <c r="DIF734" s="424"/>
      <c r="DIG734" s="423" t="s">
        <v>2795</v>
      </c>
      <c r="DIH734" s="424"/>
      <c r="DII734" s="424"/>
      <c r="DIJ734" s="424"/>
      <c r="DIK734" s="423" t="s">
        <v>2795</v>
      </c>
      <c r="DIL734" s="424"/>
      <c r="DIM734" s="424"/>
      <c r="DIN734" s="424"/>
      <c r="DIO734" s="423" t="s">
        <v>2795</v>
      </c>
      <c r="DIP734" s="424"/>
      <c r="DIQ734" s="424"/>
      <c r="DIR734" s="424"/>
      <c r="DIS734" s="423" t="s">
        <v>2795</v>
      </c>
      <c r="DIT734" s="424"/>
      <c r="DIU734" s="424"/>
      <c r="DIV734" s="424"/>
      <c r="DIW734" s="423" t="s">
        <v>2795</v>
      </c>
      <c r="DIX734" s="424"/>
      <c r="DIY734" s="424"/>
      <c r="DIZ734" s="424"/>
      <c r="DJA734" s="423" t="s">
        <v>2795</v>
      </c>
      <c r="DJB734" s="424"/>
      <c r="DJC734" s="424"/>
      <c r="DJD734" s="424"/>
      <c r="DJE734" s="423" t="s">
        <v>2795</v>
      </c>
      <c r="DJF734" s="424"/>
      <c r="DJG734" s="424"/>
      <c r="DJH734" s="424"/>
      <c r="DJI734" s="423" t="s">
        <v>2795</v>
      </c>
      <c r="DJJ734" s="424"/>
      <c r="DJK734" s="424"/>
      <c r="DJL734" s="424"/>
      <c r="DJM734" s="423" t="s">
        <v>2795</v>
      </c>
      <c r="DJN734" s="424"/>
      <c r="DJO734" s="424"/>
      <c r="DJP734" s="424"/>
      <c r="DJQ734" s="423" t="s">
        <v>2795</v>
      </c>
      <c r="DJR734" s="424"/>
      <c r="DJS734" s="424"/>
      <c r="DJT734" s="424"/>
      <c r="DJU734" s="423" t="s">
        <v>2795</v>
      </c>
      <c r="DJV734" s="424"/>
      <c r="DJW734" s="424"/>
      <c r="DJX734" s="424"/>
      <c r="DJY734" s="423" t="s">
        <v>2795</v>
      </c>
      <c r="DJZ734" s="424"/>
      <c r="DKA734" s="424"/>
      <c r="DKB734" s="424"/>
      <c r="DKC734" s="423" t="s">
        <v>2795</v>
      </c>
      <c r="DKD734" s="424"/>
      <c r="DKE734" s="424"/>
      <c r="DKF734" s="424"/>
      <c r="DKG734" s="423" t="s">
        <v>2795</v>
      </c>
      <c r="DKH734" s="424"/>
      <c r="DKI734" s="424"/>
      <c r="DKJ734" s="424"/>
      <c r="DKK734" s="423" t="s">
        <v>2795</v>
      </c>
      <c r="DKL734" s="424"/>
      <c r="DKM734" s="424"/>
      <c r="DKN734" s="424"/>
      <c r="DKO734" s="423" t="s">
        <v>2795</v>
      </c>
      <c r="DKP734" s="424"/>
      <c r="DKQ734" s="424"/>
      <c r="DKR734" s="424"/>
      <c r="DKS734" s="423" t="s">
        <v>2795</v>
      </c>
      <c r="DKT734" s="424"/>
      <c r="DKU734" s="424"/>
      <c r="DKV734" s="424"/>
      <c r="DKW734" s="423" t="s">
        <v>2795</v>
      </c>
      <c r="DKX734" s="424"/>
      <c r="DKY734" s="424"/>
      <c r="DKZ734" s="424"/>
      <c r="DLA734" s="423" t="s">
        <v>2795</v>
      </c>
      <c r="DLB734" s="424"/>
      <c r="DLC734" s="424"/>
      <c r="DLD734" s="424"/>
      <c r="DLE734" s="423" t="s">
        <v>2795</v>
      </c>
      <c r="DLF734" s="424"/>
      <c r="DLG734" s="424"/>
      <c r="DLH734" s="424"/>
      <c r="DLI734" s="423" t="s">
        <v>2795</v>
      </c>
      <c r="DLJ734" s="424"/>
      <c r="DLK734" s="424"/>
      <c r="DLL734" s="424"/>
      <c r="DLM734" s="423" t="s">
        <v>2795</v>
      </c>
      <c r="DLN734" s="424"/>
      <c r="DLO734" s="424"/>
      <c r="DLP734" s="424"/>
      <c r="DLQ734" s="423" t="s">
        <v>2795</v>
      </c>
      <c r="DLR734" s="424"/>
      <c r="DLS734" s="424"/>
      <c r="DLT734" s="424"/>
      <c r="DLU734" s="423" t="s">
        <v>2795</v>
      </c>
      <c r="DLV734" s="424"/>
      <c r="DLW734" s="424"/>
      <c r="DLX734" s="424"/>
      <c r="DLY734" s="423" t="s">
        <v>2795</v>
      </c>
      <c r="DLZ734" s="424"/>
      <c r="DMA734" s="424"/>
      <c r="DMB734" s="424"/>
      <c r="DMC734" s="423" t="s">
        <v>2795</v>
      </c>
      <c r="DMD734" s="424"/>
      <c r="DME734" s="424"/>
      <c r="DMF734" s="424"/>
      <c r="DMG734" s="423" t="s">
        <v>2795</v>
      </c>
      <c r="DMH734" s="424"/>
      <c r="DMI734" s="424"/>
      <c r="DMJ734" s="424"/>
      <c r="DMK734" s="423" t="s">
        <v>2795</v>
      </c>
      <c r="DML734" s="424"/>
      <c r="DMM734" s="424"/>
      <c r="DMN734" s="424"/>
      <c r="DMO734" s="423" t="s">
        <v>2795</v>
      </c>
      <c r="DMP734" s="424"/>
      <c r="DMQ734" s="424"/>
      <c r="DMR734" s="424"/>
      <c r="DMS734" s="423" t="s">
        <v>2795</v>
      </c>
      <c r="DMT734" s="424"/>
      <c r="DMU734" s="424"/>
      <c r="DMV734" s="424"/>
      <c r="DMW734" s="423" t="s">
        <v>2795</v>
      </c>
      <c r="DMX734" s="424"/>
      <c r="DMY734" s="424"/>
      <c r="DMZ734" s="424"/>
      <c r="DNA734" s="423" t="s">
        <v>2795</v>
      </c>
      <c r="DNB734" s="424"/>
      <c r="DNC734" s="424"/>
      <c r="DND734" s="424"/>
      <c r="DNE734" s="423" t="s">
        <v>2795</v>
      </c>
      <c r="DNF734" s="424"/>
      <c r="DNG734" s="424"/>
      <c r="DNH734" s="424"/>
      <c r="DNI734" s="423" t="s">
        <v>2795</v>
      </c>
      <c r="DNJ734" s="424"/>
      <c r="DNK734" s="424"/>
      <c r="DNL734" s="424"/>
      <c r="DNM734" s="423" t="s">
        <v>2795</v>
      </c>
      <c r="DNN734" s="424"/>
      <c r="DNO734" s="424"/>
      <c r="DNP734" s="424"/>
      <c r="DNQ734" s="423" t="s">
        <v>2795</v>
      </c>
      <c r="DNR734" s="424"/>
      <c r="DNS734" s="424"/>
      <c r="DNT734" s="424"/>
      <c r="DNU734" s="423" t="s">
        <v>2795</v>
      </c>
      <c r="DNV734" s="424"/>
      <c r="DNW734" s="424"/>
      <c r="DNX734" s="424"/>
      <c r="DNY734" s="423" t="s">
        <v>2795</v>
      </c>
      <c r="DNZ734" s="424"/>
      <c r="DOA734" s="424"/>
      <c r="DOB734" s="424"/>
      <c r="DOC734" s="423" t="s">
        <v>2795</v>
      </c>
      <c r="DOD734" s="424"/>
      <c r="DOE734" s="424"/>
      <c r="DOF734" s="424"/>
      <c r="DOG734" s="423" t="s">
        <v>2795</v>
      </c>
      <c r="DOH734" s="424"/>
      <c r="DOI734" s="424"/>
      <c r="DOJ734" s="424"/>
      <c r="DOK734" s="423" t="s">
        <v>2795</v>
      </c>
      <c r="DOL734" s="424"/>
      <c r="DOM734" s="424"/>
      <c r="DON734" s="424"/>
      <c r="DOO734" s="423" t="s">
        <v>2795</v>
      </c>
      <c r="DOP734" s="424"/>
      <c r="DOQ734" s="424"/>
      <c r="DOR734" s="424"/>
      <c r="DOS734" s="423" t="s">
        <v>2795</v>
      </c>
      <c r="DOT734" s="424"/>
      <c r="DOU734" s="424"/>
      <c r="DOV734" s="424"/>
      <c r="DOW734" s="423" t="s">
        <v>2795</v>
      </c>
      <c r="DOX734" s="424"/>
      <c r="DOY734" s="424"/>
      <c r="DOZ734" s="424"/>
      <c r="DPA734" s="423" t="s">
        <v>2795</v>
      </c>
      <c r="DPB734" s="424"/>
      <c r="DPC734" s="424"/>
      <c r="DPD734" s="424"/>
      <c r="DPE734" s="423" t="s">
        <v>2795</v>
      </c>
      <c r="DPF734" s="424"/>
      <c r="DPG734" s="424"/>
      <c r="DPH734" s="424"/>
      <c r="DPI734" s="423" t="s">
        <v>2795</v>
      </c>
      <c r="DPJ734" s="424"/>
      <c r="DPK734" s="424"/>
      <c r="DPL734" s="424"/>
      <c r="DPM734" s="423" t="s">
        <v>2795</v>
      </c>
      <c r="DPN734" s="424"/>
      <c r="DPO734" s="424"/>
      <c r="DPP734" s="424"/>
      <c r="DPQ734" s="423" t="s">
        <v>2795</v>
      </c>
      <c r="DPR734" s="424"/>
      <c r="DPS734" s="424"/>
      <c r="DPT734" s="424"/>
      <c r="DPU734" s="423" t="s">
        <v>2795</v>
      </c>
      <c r="DPV734" s="424"/>
      <c r="DPW734" s="424"/>
      <c r="DPX734" s="424"/>
      <c r="DPY734" s="423" t="s">
        <v>2795</v>
      </c>
      <c r="DPZ734" s="424"/>
      <c r="DQA734" s="424"/>
      <c r="DQB734" s="424"/>
      <c r="DQC734" s="423" t="s">
        <v>2795</v>
      </c>
      <c r="DQD734" s="424"/>
      <c r="DQE734" s="424"/>
      <c r="DQF734" s="424"/>
      <c r="DQG734" s="423" t="s">
        <v>2795</v>
      </c>
      <c r="DQH734" s="424"/>
      <c r="DQI734" s="424"/>
      <c r="DQJ734" s="424"/>
      <c r="DQK734" s="423" t="s">
        <v>2795</v>
      </c>
      <c r="DQL734" s="424"/>
      <c r="DQM734" s="424"/>
      <c r="DQN734" s="424"/>
      <c r="DQO734" s="423" t="s">
        <v>2795</v>
      </c>
      <c r="DQP734" s="424"/>
      <c r="DQQ734" s="424"/>
      <c r="DQR734" s="424"/>
      <c r="DQS734" s="423" t="s">
        <v>2795</v>
      </c>
      <c r="DQT734" s="424"/>
      <c r="DQU734" s="424"/>
      <c r="DQV734" s="424"/>
      <c r="DQW734" s="423" t="s">
        <v>2795</v>
      </c>
      <c r="DQX734" s="424"/>
      <c r="DQY734" s="424"/>
      <c r="DQZ734" s="424"/>
      <c r="DRA734" s="423" t="s">
        <v>2795</v>
      </c>
      <c r="DRB734" s="424"/>
      <c r="DRC734" s="424"/>
      <c r="DRD734" s="424"/>
      <c r="DRE734" s="423" t="s">
        <v>2795</v>
      </c>
      <c r="DRF734" s="424"/>
      <c r="DRG734" s="424"/>
      <c r="DRH734" s="424"/>
      <c r="DRI734" s="423" t="s">
        <v>2795</v>
      </c>
      <c r="DRJ734" s="424"/>
      <c r="DRK734" s="424"/>
      <c r="DRL734" s="424"/>
      <c r="DRM734" s="423" t="s">
        <v>2795</v>
      </c>
      <c r="DRN734" s="424"/>
      <c r="DRO734" s="424"/>
      <c r="DRP734" s="424"/>
      <c r="DRQ734" s="423" t="s">
        <v>2795</v>
      </c>
      <c r="DRR734" s="424"/>
      <c r="DRS734" s="424"/>
      <c r="DRT734" s="424"/>
      <c r="DRU734" s="423" t="s">
        <v>2795</v>
      </c>
      <c r="DRV734" s="424"/>
      <c r="DRW734" s="424"/>
      <c r="DRX734" s="424"/>
      <c r="DRY734" s="423" t="s">
        <v>2795</v>
      </c>
      <c r="DRZ734" s="424"/>
      <c r="DSA734" s="424"/>
      <c r="DSB734" s="424"/>
      <c r="DSC734" s="423" t="s">
        <v>2795</v>
      </c>
      <c r="DSD734" s="424"/>
      <c r="DSE734" s="424"/>
      <c r="DSF734" s="424"/>
      <c r="DSG734" s="423" t="s">
        <v>2795</v>
      </c>
      <c r="DSH734" s="424"/>
      <c r="DSI734" s="424"/>
      <c r="DSJ734" s="424"/>
      <c r="DSK734" s="423" t="s">
        <v>2795</v>
      </c>
      <c r="DSL734" s="424"/>
      <c r="DSM734" s="424"/>
      <c r="DSN734" s="424"/>
      <c r="DSO734" s="423" t="s">
        <v>2795</v>
      </c>
      <c r="DSP734" s="424"/>
      <c r="DSQ734" s="424"/>
      <c r="DSR734" s="424"/>
      <c r="DSS734" s="423" t="s">
        <v>2795</v>
      </c>
      <c r="DST734" s="424"/>
      <c r="DSU734" s="424"/>
      <c r="DSV734" s="424"/>
      <c r="DSW734" s="423" t="s">
        <v>2795</v>
      </c>
      <c r="DSX734" s="424"/>
      <c r="DSY734" s="424"/>
      <c r="DSZ734" s="424"/>
      <c r="DTA734" s="423" t="s">
        <v>2795</v>
      </c>
      <c r="DTB734" s="424"/>
      <c r="DTC734" s="424"/>
      <c r="DTD734" s="424"/>
      <c r="DTE734" s="423" t="s">
        <v>2795</v>
      </c>
      <c r="DTF734" s="424"/>
      <c r="DTG734" s="424"/>
      <c r="DTH734" s="424"/>
      <c r="DTI734" s="423" t="s">
        <v>2795</v>
      </c>
      <c r="DTJ734" s="424"/>
      <c r="DTK734" s="424"/>
      <c r="DTL734" s="424"/>
      <c r="DTM734" s="423" t="s">
        <v>2795</v>
      </c>
      <c r="DTN734" s="424"/>
      <c r="DTO734" s="424"/>
      <c r="DTP734" s="424"/>
      <c r="DTQ734" s="423" t="s">
        <v>2795</v>
      </c>
      <c r="DTR734" s="424"/>
      <c r="DTS734" s="424"/>
      <c r="DTT734" s="424"/>
      <c r="DTU734" s="423" t="s">
        <v>2795</v>
      </c>
      <c r="DTV734" s="424"/>
      <c r="DTW734" s="424"/>
      <c r="DTX734" s="424"/>
      <c r="DTY734" s="423" t="s">
        <v>2795</v>
      </c>
      <c r="DTZ734" s="424"/>
      <c r="DUA734" s="424"/>
      <c r="DUB734" s="424"/>
      <c r="DUC734" s="423" t="s">
        <v>2795</v>
      </c>
      <c r="DUD734" s="424"/>
      <c r="DUE734" s="424"/>
      <c r="DUF734" s="424"/>
      <c r="DUG734" s="423" t="s">
        <v>2795</v>
      </c>
      <c r="DUH734" s="424"/>
      <c r="DUI734" s="424"/>
      <c r="DUJ734" s="424"/>
      <c r="DUK734" s="423" t="s">
        <v>2795</v>
      </c>
      <c r="DUL734" s="424"/>
      <c r="DUM734" s="424"/>
      <c r="DUN734" s="424"/>
      <c r="DUO734" s="423" t="s">
        <v>2795</v>
      </c>
      <c r="DUP734" s="424"/>
      <c r="DUQ734" s="424"/>
      <c r="DUR734" s="424"/>
      <c r="DUS734" s="423" t="s">
        <v>2795</v>
      </c>
      <c r="DUT734" s="424"/>
      <c r="DUU734" s="424"/>
      <c r="DUV734" s="424"/>
      <c r="DUW734" s="423" t="s">
        <v>2795</v>
      </c>
      <c r="DUX734" s="424"/>
      <c r="DUY734" s="424"/>
      <c r="DUZ734" s="424"/>
      <c r="DVA734" s="423" t="s">
        <v>2795</v>
      </c>
      <c r="DVB734" s="424"/>
      <c r="DVC734" s="424"/>
      <c r="DVD734" s="424"/>
      <c r="DVE734" s="423" t="s">
        <v>2795</v>
      </c>
      <c r="DVF734" s="424"/>
      <c r="DVG734" s="424"/>
      <c r="DVH734" s="424"/>
      <c r="DVI734" s="423" t="s">
        <v>2795</v>
      </c>
      <c r="DVJ734" s="424"/>
      <c r="DVK734" s="424"/>
      <c r="DVL734" s="424"/>
      <c r="DVM734" s="423" t="s">
        <v>2795</v>
      </c>
      <c r="DVN734" s="424"/>
      <c r="DVO734" s="424"/>
      <c r="DVP734" s="424"/>
      <c r="DVQ734" s="423" t="s">
        <v>2795</v>
      </c>
      <c r="DVR734" s="424"/>
      <c r="DVS734" s="424"/>
      <c r="DVT734" s="424"/>
      <c r="DVU734" s="423" t="s">
        <v>2795</v>
      </c>
      <c r="DVV734" s="424"/>
      <c r="DVW734" s="424"/>
      <c r="DVX734" s="424"/>
      <c r="DVY734" s="423" t="s">
        <v>2795</v>
      </c>
      <c r="DVZ734" s="424"/>
      <c r="DWA734" s="424"/>
      <c r="DWB734" s="424"/>
      <c r="DWC734" s="423" t="s">
        <v>2795</v>
      </c>
      <c r="DWD734" s="424"/>
      <c r="DWE734" s="424"/>
      <c r="DWF734" s="424"/>
      <c r="DWG734" s="423" t="s">
        <v>2795</v>
      </c>
      <c r="DWH734" s="424"/>
      <c r="DWI734" s="424"/>
      <c r="DWJ734" s="424"/>
      <c r="DWK734" s="423" t="s">
        <v>2795</v>
      </c>
      <c r="DWL734" s="424"/>
      <c r="DWM734" s="424"/>
      <c r="DWN734" s="424"/>
      <c r="DWO734" s="423" t="s">
        <v>2795</v>
      </c>
      <c r="DWP734" s="424"/>
      <c r="DWQ734" s="424"/>
      <c r="DWR734" s="424"/>
      <c r="DWS734" s="423" t="s">
        <v>2795</v>
      </c>
      <c r="DWT734" s="424"/>
      <c r="DWU734" s="424"/>
      <c r="DWV734" s="424"/>
      <c r="DWW734" s="423" t="s">
        <v>2795</v>
      </c>
      <c r="DWX734" s="424"/>
      <c r="DWY734" s="424"/>
      <c r="DWZ734" s="424"/>
      <c r="DXA734" s="423" t="s">
        <v>2795</v>
      </c>
      <c r="DXB734" s="424"/>
      <c r="DXC734" s="424"/>
      <c r="DXD734" s="424"/>
      <c r="DXE734" s="423" t="s">
        <v>2795</v>
      </c>
      <c r="DXF734" s="424"/>
      <c r="DXG734" s="424"/>
      <c r="DXH734" s="424"/>
      <c r="DXI734" s="423" t="s">
        <v>2795</v>
      </c>
      <c r="DXJ734" s="424"/>
      <c r="DXK734" s="424"/>
      <c r="DXL734" s="424"/>
      <c r="DXM734" s="423" t="s">
        <v>2795</v>
      </c>
      <c r="DXN734" s="424"/>
      <c r="DXO734" s="424"/>
      <c r="DXP734" s="424"/>
      <c r="DXQ734" s="423" t="s">
        <v>2795</v>
      </c>
      <c r="DXR734" s="424"/>
      <c r="DXS734" s="424"/>
      <c r="DXT734" s="424"/>
      <c r="DXU734" s="423" t="s">
        <v>2795</v>
      </c>
      <c r="DXV734" s="424"/>
      <c r="DXW734" s="424"/>
      <c r="DXX734" s="424"/>
      <c r="DXY734" s="423" t="s">
        <v>2795</v>
      </c>
      <c r="DXZ734" s="424"/>
      <c r="DYA734" s="424"/>
      <c r="DYB734" s="424"/>
      <c r="DYC734" s="423" t="s">
        <v>2795</v>
      </c>
      <c r="DYD734" s="424"/>
      <c r="DYE734" s="424"/>
      <c r="DYF734" s="424"/>
      <c r="DYG734" s="423" t="s">
        <v>2795</v>
      </c>
      <c r="DYH734" s="424"/>
      <c r="DYI734" s="424"/>
      <c r="DYJ734" s="424"/>
      <c r="DYK734" s="423" t="s">
        <v>2795</v>
      </c>
      <c r="DYL734" s="424"/>
      <c r="DYM734" s="424"/>
      <c r="DYN734" s="424"/>
      <c r="DYO734" s="423" t="s">
        <v>2795</v>
      </c>
      <c r="DYP734" s="424"/>
      <c r="DYQ734" s="424"/>
      <c r="DYR734" s="424"/>
      <c r="DYS734" s="423" t="s">
        <v>2795</v>
      </c>
      <c r="DYT734" s="424"/>
      <c r="DYU734" s="424"/>
      <c r="DYV734" s="424"/>
      <c r="DYW734" s="423" t="s">
        <v>2795</v>
      </c>
      <c r="DYX734" s="424"/>
      <c r="DYY734" s="424"/>
      <c r="DYZ734" s="424"/>
      <c r="DZA734" s="423" t="s">
        <v>2795</v>
      </c>
      <c r="DZB734" s="424"/>
      <c r="DZC734" s="424"/>
      <c r="DZD734" s="424"/>
      <c r="DZE734" s="423" t="s">
        <v>2795</v>
      </c>
      <c r="DZF734" s="424"/>
      <c r="DZG734" s="424"/>
      <c r="DZH734" s="424"/>
      <c r="DZI734" s="423" t="s">
        <v>2795</v>
      </c>
      <c r="DZJ734" s="424"/>
      <c r="DZK734" s="424"/>
      <c r="DZL734" s="424"/>
      <c r="DZM734" s="423" t="s">
        <v>2795</v>
      </c>
      <c r="DZN734" s="424"/>
      <c r="DZO734" s="424"/>
      <c r="DZP734" s="424"/>
      <c r="DZQ734" s="423" t="s">
        <v>2795</v>
      </c>
      <c r="DZR734" s="424"/>
      <c r="DZS734" s="424"/>
      <c r="DZT734" s="424"/>
      <c r="DZU734" s="423" t="s">
        <v>2795</v>
      </c>
      <c r="DZV734" s="424"/>
      <c r="DZW734" s="424"/>
      <c r="DZX734" s="424"/>
      <c r="DZY734" s="423" t="s">
        <v>2795</v>
      </c>
      <c r="DZZ734" s="424"/>
      <c r="EAA734" s="424"/>
      <c r="EAB734" s="424"/>
      <c r="EAC734" s="423" t="s">
        <v>2795</v>
      </c>
      <c r="EAD734" s="424"/>
      <c r="EAE734" s="424"/>
      <c r="EAF734" s="424"/>
      <c r="EAG734" s="423" t="s">
        <v>2795</v>
      </c>
      <c r="EAH734" s="424"/>
      <c r="EAI734" s="424"/>
      <c r="EAJ734" s="424"/>
      <c r="EAK734" s="423" t="s">
        <v>2795</v>
      </c>
      <c r="EAL734" s="424"/>
      <c r="EAM734" s="424"/>
      <c r="EAN734" s="424"/>
      <c r="EAO734" s="423" t="s">
        <v>2795</v>
      </c>
      <c r="EAP734" s="424"/>
      <c r="EAQ734" s="424"/>
      <c r="EAR734" s="424"/>
      <c r="EAS734" s="423" t="s">
        <v>2795</v>
      </c>
      <c r="EAT734" s="424"/>
      <c r="EAU734" s="424"/>
      <c r="EAV734" s="424"/>
      <c r="EAW734" s="423" t="s">
        <v>2795</v>
      </c>
      <c r="EAX734" s="424"/>
      <c r="EAY734" s="424"/>
      <c r="EAZ734" s="424"/>
      <c r="EBA734" s="423" t="s">
        <v>2795</v>
      </c>
      <c r="EBB734" s="424"/>
      <c r="EBC734" s="424"/>
      <c r="EBD734" s="424"/>
      <c r="EBE734" s="423" t="s">
        <v>2795</v>
      </c>
      <c r="EBF734" s="424"/>
      <c r="EBG734" s="424"/>
      <c r="EBH734" s="424"/>
      <c r="EBI734" s="423" t="s">
        <v>2795</v>
      </c>
      <c r="EBJ734" s="424"/>
      <c r="EBK734" s="424"/>
      <c r="EBL734" s="424"/>
      <c r="EBM734" s="423" t="s">
        <v>2795</v>
      </c>
      <c r="EBN734" s="424"/>
      <c r="EBO734" s="424"/>
      <c r="EBP734" s="424"/>
      <c r="EBQ734" s="423" t="s">
        <v>2795</v>
      </c>
      <c r="EBR734" s="424"/>
      <c r="EBS734" s="424"/>
      <c r="EBT734" s="424"/>
      <c r="EBU734" s="423" t="s">
        <v>2795</v>
      </c>
      <c r="EBV734" s="424"/>
      <c r="EBW734" s="424"/>
      <c r="EBX734" s="424"/>
      <c r="EBY734" s="423" t="s">
        <v>2795</v>
      </c>
      <c r="EBZ734" s="424"/>
      <c r="ECA734" s="424"/>
      <c r="ECB734" s="424"/>
      <c r="ECC734" s="423" t="s">
        <v>2795</v>
      </c>
      <c r="ECD734" s="424"/>
      <c r="ECE734" s="424"/>
      <c r="ECF734" s="424"/>
      <c r="ECG734" s="423" t="s">
        <v>2795</v>
      </c>
      <c r="ECH734" s="424"/>
      <c r="ECI734" s="424"/>
      <c r="ECJ734" s="424"/>
      <c r="ECK734" s="423" t="s">
        <v>2795</v>
      </c>
      <c r="ECL734" s="424"/>
      <c r="ECM734" s="424"/>
      <c r="ECN734" s="424"/>
      <c r="ECO734" s="423" t="s">
        <v>2795</v>
      </c>
      <c r="ECP734" s="424"/>
      <c r="ECQ734" s="424"/>
      <c r="ECR734" s="424"/>
      <c r="ECS734" s="423" t="s">
        <v>2795</v>
      </c>
      <c r="ECT734" s="424"/>
      <c r="ECU734" s="424"/>
      <c r="ECV734" s="424"/>
      <c r="ECW734" s="423" t="s">
        <v>2795</v>
      </c>
      <c r="ECX734" s="424"/>
      <c r="ECY734" s="424"/>
      <c r="ECZ734" s="424"/>
      <c r="EDA734" s="423" t="s">
        <v>2795</v>
      </c>
      <c r="EDB734" s="424"/>
      <c r="EDC734" s="424"/>
      <c r="EDD734" s="424"/>
      <c r="EDE734" s="423" t="s">
        <v>2795</v>
      </c>
      <c r="EDF734" s="424"/>
      <c r="EDG734" s="424"/>
      <c r="EDH734" s="424"/>
      <c r="EDI734" s="423" t="s">
        <v>2795</v>
      </c>
      <c r="EDJ734" s="424"/>
      <c r="EDK734" s="424"/>
      <c r="EDL734" s="424"/>
      <c r="EDM734" s="423" t="s">
        <v>2795</v>
      </c>
      <c r="EDN734" s="424"/>
      <c r="EDO734" s="424"/>
      <c r="EDP734" s="424"/>
      <c r="EDQ734" s="423" t="s">
        <v>2795</v>
      </c>
      <c r="EDR734" s="424"/>
      <c r="EDS734" s="424"/>
      <c r="EDT734" s="424"/>
      <c r="EDU734" s="423" t="s">
        <v>2795</v>
      </c>
      <c r="EDV734" s="424"/>
      <c r="EDW734" s="424"/>
      <c r="EDX734" s="424"/>
      <c r="EDY734" s="423" t="s">
        <v>2795</v>
      </c>
      <c r="EDZ734" s="424"/>
      <c r="EEA734" s="424"/>
      <c r="EEB734" s="424"/>
      <c r="EEC734" s="423" t="s">
        <v>2795</v>
      </c>
      <c r="EED734" s="424"/>
      <c r="EEE734" s="424"/>
      <c r="EEF734" s="424"/>
      <c r="EEG734" s="423" t="s">
        <v>2795</v>
      </c>
      <c r="EEH734" s="424"/>
      <c r="EEI734" s="424"/>
      <c r="EEJ734" s="424"/>
      <c r="EEK734" s="423" t="s">
        <v>2795</v>
      </c>
      <c r="EEL734" s="424"/>
      <c r="EEM734" s="424"/>
      <c r="EEN734" s="424"/>
      <c r="EEO734" s="423" t="s">
        <v>2795</v>
      </c>
      <c r="EEP734" s="424"/>
      <c r="EEQ734" s="424"/>
      <c r="EER734" s="424"/>
      <c r="EES734" s="423" t="s">
        <v>2795</v>
      </c>
      <c r="EET734" s="424"/>
      <c r="EEU734" s="424"/>
      <c r="EEV734" s="424"/>
      <c r="EEW734" s="423" t="s">
        <v>2795</v>
      </c>
      <c r="EEX734" s="424"/>
      <c r="EEY734" s="424"/>
      <c r="EEZ734" s="424"/>
      <c r="EFA734" s="423" t="s">
        <v>2795</v>
      </c>
      <c r="EFB734" s="424"/>
      <c r="EFC734" s="424"/>
      <c r="EFD734" s="424"/>
      <c r="EFE734" s="423" t="s">
        <v>2795</v>
      </c>
      <c r="EFF734" s="424"/>
      <c r="EFG734" s="424"/>
      <c r="EFH734" s="424"/>
      <c r="EFI734" s="423" t="s">
        <v>2795</v>
      </c>
      <c r="EFJ734" s="424"/>
      <c r="EFK734" s="424"/>
      <c r="EFL734" s="424"/>
      <c r="EFM734" s="423" t="s">
        <v>2795</v>
      </c>
      <c r="EFN734" s="424"/>
      <c r="EFO734" s="424"/>
      <c r="EFP734" s="424"/>
      <c r="EFQ734" s="423" t="s">
        <v>2795</v>
      </c>
      <c r="EFR734" s="424"/>
      <c r="EFS734" s="424"/>
      <c r="EFT734" s="424"/>
      <c r="EFU734" s="423" t="s">
        <v>2795</v>
      </c>
      <c r="EFV734" s="424"/>
      <c r="EFW734" s="424"/>
      <c r="EFX734" s="424"/>
      <c r="EFY734" s="423" t="s">
        <v>2795</v>
      </c>
      <c r="EFZ734" s="424"/>
      <c r="EGA734" s="424"/>
      <c r="EGB734" s="424"/>
      <c r="EGC734" s="423" t="s">
        <v>2795</v>
      </c>
      <c r="EGD734" s="424"/>
      <c r="EGE734" s="424"/>
      <c r="EGF734" s="424"/>
      <c r="EGG734" s="423" t="s">
        <v>2795</v>
      </c>
      <c r="EGH734" s="424"/>
      <c r="EGI734" s="424"/>
      <c r="EGJ734" s="424"/>
      <c r="EGK734" s="423" t="s">
        <v>2795</v>
      </c>
      <c r="EGL734" s="424"/>
      <c r="EGM734" s="424"/>
      <c r="EGN734" s="424"/>
      <c r="EGO734" s="423" t="s">
        <v>2795</v>
      </c>
      <c r="EGP734" s="424"/>
      <c r="EGQ734" s="424"/>
      <c r="EGR734" s="424"/>
      <c r="EGS734" s="423" t="s">
        <v>2795</v>
      </c>
      <c r="EGT734" s="424"/>
      <c r="EGU734" s="424"/>
      <c r="EGV734" s="424"/>
      <c r="EGW734" s="423" t="s">
        <v>2795</v>
      </c>
      <c r="EGX734" s="424"/>
      <c r="EGY734" s="424"/>
      <c r="EGZ734" s="424"/>
      <c r="EHA734" s="423" t="s">
        <v>2795</v>
      </c>
      <c r="EHB734" s="424"/>
      <c r="EHC734" s="424"/>
      <c r="EHD734" s="424"/>
      <c r="EHE734" s="423" t="s">
        <v>2795</v>
      </c>
      <c r="EHF734" s="424"/>
      <c r="EHG734" s="424"/>
      <c r="EHH734" s="424"/>
      <c r="EHI734" s="423" t="s">
        <v>2795</v>
      </c>
      <c r="EHJ734" s="424"/>
      <c r="EHK734" s="424"/>
      <c r="EHL734" s="424"/>
      <c r="EHM734" s="423" t="s">
        <v>2795</v>
      </c>
      <c r="EHN734" s="424"/>
      <c r="EHO734" s="424"/>
      <c r="EHP734" s="424"/>
      <c r="EHQ734" s="423" t="s">
        <v>2795</v>
      </c>
      <c r="EHR734" s="424"/>
      <c r="EHS734" s="424"/>
      <c r="EHT734" s="424"/>
      <c r="EHU734" s="423" t="s">
        <v>2795</v>
      </c>
      <c r="EHV734" s="424"/>
      <c r="EHW734" s="424"/>
      <c r="EHX734" s="424"/>
      <c r="EHY734" s="423" t="s">
        <v>2795</v>
      </c>
      <c r="EHZ734" s="424"/>
      <c r="EIA734" s="424"/>
      <c r="EIB734" s="424"/>
      <c r="EIC734" s="423" t="s">
        <v>2795</v>
      </c>
      <c r="EID734" s="424"/>
      <c r="EIE734" s="424"/>
      <c r="EIF734" s="424"/>
      <c r="EIG734" s="423" t="s">
        <v>2795</v>
      </c>
      <c r="EIH734" s="424"/>
      <c r="EII734" s="424"/>
      <c r="EIJ734" s="424"/>
      <c r="EIK734" s="423" t="s">
        <v>2795</v>
      </c>
      <c r="EIL734" s="424"/>
      <c r="EIM734" s="424"/>
      <c r="EIN734" s="424"/>
      <c r="EIO734" s="423" t="s">
        <v>2795</v>
      </c>
      <c r="EIP734" s="424"/>
      <c r="EIQ734" s="424"/>
      <c r="EIR734" s="424"/>
      <c r="EIS734" s="423" t="s">
        <v>2795</v>
      </c>
      <c r="EIT734" s="424"/>
      <c r="EIU734" s="424"/>
      <c r="EIV734" s="424"/>
      <c r="EIW734" s="423" t="s">
        <v>2795</v>
      </c>
      <c r="EIX734" s="424"/>
      <c r="EIY734" s="424"/>
      <c r="EIZ734" s="424"/>
      <c r="EJA734" s="423" t="s">
        <v>2795</v>
      </c>
      <c r="EJB734" s="424"/>
      <c r="EJC734" s="424"/>
      <c r="EJD734" s="424"/>
      <c r="EJE734" s="423" t="s">
        <v>2795</v>
      </c>
      <c r="EJF734" s="424"/>
      <c r="EJG734" s="424"/>
      <c r="EJH734" s="424"/>
      <c r="EJI734" s="423" t="s">
        <v>2795</v>
      </c>
      <c r="EJJ734" s="424"/>
      <c r="EJK734" s="424"/>
      <c r="EJL734" s="424"/>
      <c r="EJM734" s="423" t="s">
        <v>2795</v>
      </c>
      <c r="EJN734" s="424"/>
      <c r="EJO734" s="424"/>
      <c r="EJP734" s="424"/>
      <c r="EJQ734" s="423" t="s">
        <v>2795</v>
      </c>
      <c r="EJR734" s="424"/>
      <c r="EJS734" s="424"/>
      <c r="EJT734" s="424"/>
      <c r="EJU734" s="423" t="s">
        <v>2795</v>
      </c>
      <c r="EJV734" s="424"/>
      <c r="EJW734" s="424"/>
      <c r="EJX734" s="424"/>
      <c r="EJY734" s="423" t="s">
        <v>2795</v>
      </c>
      <c r="EJZ734" s="424"/>
      <c r="EKA734" s="424"/>
      <c r="EKB734" s="424"/>
      <c r="EKC734" s="423" t="s">
        <v>2795</v>
      </c>
      <c r="EKD734" s="424"/>
      <c r="EKE734" s="424"/>
      <c r="EKF734" s="424"/>
      <c r="EKG734" s="423" t="s">
        <v>2795</v>
      </c>
      <c r="EKH734" s="424"/>
      <c r="EKI734" s="424"/>
      <c r="EKJ734" s="424"/>
      <c r="EKK734" s="423" t="s">
        <v>2795</v>
      </c>
      <c r="EKL734" s="424"/>
      <c r="EKM734" s="424"/>
      <c r="EKN734" s="424"/>
      <c r="EKO734" s="423" t="s">
        <v>2795</v>
      </c>
      <c r="EKP734" s="424"/>
      <c r="EKQ734" s="424"/>
      <c r="EKR734" s="424"/>
      <c r="EKS734" s="423" t="s">
        <v>2795</v>
      </c>
      <c r="EKT734" s="424"/>
      <c r="EKU734" s="424"/>
      <c r="EKV734" s="424"/>
      <c r="EKW734" s="423" t="s">
        <v>2795</v>
      </c>
      <c r="EKX734" s="424"/>
      <c r="EKY734" s="424"/>
      <c r="EKZ734" s="424"/>
      <c r="ELA734" s="423" t="s">
        <v>2795</v>
      </c>
      <c r="ELB734" s="424"/>
      <c r="ELC734" s="424"/>
      <c r="ELD734" s="424"/>
      <c r="ELE734" s="423" t="s">
        <v>2795</v>
      </c>
      <c r="ELF734" s="424"/>
      <c r="ELG734" s="424"/>
      <c r="ELH734" s="424"/>
      <c r="ELI734" s="423" t="s">
        <v>2795</v>
      </c>
      <c r="ELJ734" s="424"/>
      <c r="ELK734" s="424"/>
      <c r="ELL734" s="424"/>
      <c r="ELM734" s="423" t="s">
        <v>2795</v>
      </c>
      <c r="ELN734" s="424"/>
      <c r="ELO734" s="424"/>
      <c r="ELP734" s="424"/>
      <c r="ELQ734" s="423" t="s">
        <v>2795</v>
      </c>
      <c r="ELR734" s="424"/>
      <c r="ELS734" s="424"/>
      <c r="ELT734" s="424"/>
      <c r="ELU734" s="423" t="s">
        <v>2795</v>
      </c>
      <c r="ELV734" s="424"/>
      <c r="ELW734" s="424"/>
      <c r="ELX734" s="424"/>
      <c r="ELY734" s="423" t="s">
        <v>2795</v>
      </c>
      <c r="ELZ734" s="424"/>
      <c r="EMA734" s="424"/>
      <c r="EMB734" s="424"/>
      <c r="EMC734" s="423" t="s">
        <v>2795</v>
      </c>
      <c r="EMD734" s="424"/>
      <c r="EME734" s="424"/>
      <c r="EMF734" s="424"/>
      <c r="EMG734" s="423" t="s">
        <v>2795</v>
      </c>
      <c r="EMH734" s="424"/>
      <c r="EMI734" s="424"/>
      <c r="EMJ734" s="424"/>
      <c r="EMK734" s="423" t="s">
        <v>2795</v>
      </c>
      <c r="EML734" s="424"/>
      <c r="EMM734" s="424"/>
      <c r="EMN734" s="424"/>
      <c r="EMO734" s="423" t="s">
        <v>2795</v>
      </c>
      <c r="EMP734" s="424"/>
      <c r="EMQ734" s="424"/>
      <c r="EMR734" s="424"/>
      <c r="EMS734" s="423" t="s">
        <v>2795</v>
      </c>
      <c r="EMT734" s="424"/>
      <c r="EMU734" s="424"/>
      <c r="EMV734" s="424"/>
      <c r="EMW734" s="423" t="s">
        <v>2795</v>
      </c>
      <c r="EMX734" s="424"/>
      <c r="EMY734" s="424"/>
      <c r="EMZ734" s="424"/>
      <c r="ENA734" s="423" t="s">
        <v>2795</v>
      </c>
      <c r="ENB734" s="424"/>
      <c r="ENC734" s="424"/>
      <c r="END734" s="424"/>
      <c r="ENE734" s="423" t="s">
        <v>2795</v>
      </c>
      <c r="ENF734" s="424"/>
      <c r="ENG734" s="424"/>
      <c r="ENH734" s="424"/>
      <c r="ENI734" s="423" t="s">
        <v>2795</v>
      </c>
      <c r="ENJ734" s="424"/>
      <c r="ENK734" s="424"/>
      <c r="ENL734" s="424"/>
      <c r="ENM734" s="423" t="s">
        <v>2795</v>
      </c>
      <c r="ENN734" s="424"/>
      <c r="ENO734" s="424"/>
      <c r="ENP734" s="424"/>
      <c r="ENQ734" s="423" t="s">
        <v>2795</v>
      </c>
      <c r="ENR734" s="424"/>
      <c r="ENS734" s="424"/>
      <c r="ENT734" s="424"/>
      <c r="ENU734" s="423" t="s">
        <v>2795</v>
      </c>
      <c r="ENV734" s="424"/>
      <c r="ENW734" s="424"/>
      <c r="ENX734" s="424"/>
      <c r="ENY734" s="423" t="s">
        <v>2795</v>
      </c>
      <c r="ENZ734" s="424"/>
      <c r="EOA734" s="424"/>
      <c r="EOB734" s="424"/>
      <c r="EOC734" s="423" t="s">
        <v>2795</v>
      </c>
      <c r="EOD734" s="424"/>
      <c r="EOE734" s="424"/>
      <c r="EOF734" s="424"/>
      <c r="EOG734" s="423" t="s">
        <v>2795</v>
      </c>
      <c r="EOH734" s="424"/>
      <c r="EOI734" s="424"/>
      <c r="EOJ734" s="424"/>
      <c r="EOK734" s="423" t="s">
        <v>2795</v>
      </c>
      <c r="EOL734" s="424"/>
      <c r="EOM734" s="424"/>
      <c r="EON734" s="424"/>
      <c r="EOO734" s="423" t="s">
        <v>2795</v>
      </c>
      <c r="EOP734" s="424"/>
      <c r="EOQ734" s="424"/>
      <c r="EOR734" s="424"/>
      <c r="EOS734" s="423" t="s">
        <v>2795</v>
      </c>
      <c r="EOT734" s="424"/>
      <c r="EOU734" s="424"/>
      <c r="EOV734" s="424"/>
      <c r="EOW734" s="423" t="s">
        <v>2795</v>
      </c>
      <c r="EOX734" s="424"/>
      <c r="EOY734" s="424"/>
      <c r="EOZ734" s="424"/>
      <c r="EPA734" s="423" t="s">
        <v>2795</v>
      </c>
      <c r="EPB734" s="424"/>
      <c r="EPC734" s="424"/>
      <c r="EPD734" s="424"/>
      <c r="EPE734" s="423" t="s">
        <v>2795</v>
      </c>
      <c r="EPF734" s="424"/>
      <c r="EPG734" s="424"/>
      <c r="EPH734" s="424"/>
      <c r="EPI734" s="423" t="s">
        <v>2795</v>
      </c>
      <c r="EPJ734" s="424"/>
      <c r="EPK734" s="424"/>
      <c r="EPL734" s="424"/>
      <c r="EPM734" s="423" t="s">
        <v>2795</v>
      </c>
      <c r="EPN734" s="424"/>
      <c r="EPO734" s="424"/>
      <c r="EPP734" s="424"/>
      <c r="EPQ734" s="423" t="s">
        <v>2795</v>
      </c>
      <c r="EPR734" s="424"/>
      <c r="EPS734" s="424"/>
      <c r="EPT734" s="424"/>
      <c r="EPU734" s="423" t="s">
        <v>2795</v>
      </c>
      <c r="EPV734" s="424"/>
      <c r="EPW734" s="424"/>
      <c r="EPX734" s="424"/>
      <c r="EPY734" s="423" t="s">
        <v>2795</v>
      </c>
      <c r="EPZ734" s="424"/>
      <c r="EQA734" s="424"/>
      <c r="EQB734" s="424"/>
      <c r="EQC734" s="423" t="s">
        <v>2795</v>
      </c>
      <c r="EQD734" s="424"/>
      <c r="EQE734" s="424"/>
      <c r="EQF734" s="424"/>
      <c r="EQG734" s="423" t="s">
        <v>2795</v>
      </c>
      <c r="EQH734" s="424"/>
      <c r="EQI734" s="424"/>
      <c r="EQJ734" s="424"/>
      <c r="EQK734" s="423" t="s">
        <v>2795</v>
      </c>
      <c r="EQL734" s="424"/>
      <c r="EQM734" s="424"/>
      <c r="EQN734" s="424"/>
      <c r="EQO734" s="423" t="s">
        <v>2795</v>
      </c>
      <c r="EQP734" s="424"/>
      <c r="EQQ734" s="424"/>
      <c r="EQR734" s="424"/>
      <c r="EQS734" s="423" t="s">
        <v>2795</v>
      </c>
      <c r="EQT734" s="424"/>
      <c r="EQU734" s="424"/>
      <c r="EQV734" s="424"/>
      <c r="EQW734" s="423" t="s">
        <v>2795</v>
      </c>
      <c r="EQX734" s="424"/>
      <c r="EQY734" s="424"/>
      <c r="EQZ734" s="424"/>
      <c r="ERA734" s="423" t="s">
        <v>2795</v>
      </c>
      <c r="ERB734" s="424"/>
      <c r="ERC734" s="424"/>
      <c r="ERD734" s="424"/>
      <c r="ERE734" s="423" t="s">
        <v>2795</v>
      </c>
      <c r="ERF734" s="424"/>
      <c r="ERG734" s="424"/>
      <c r="ERH734" s="424"/>
      <c r="ERI734" s="423" t="s">
        <v>2795</v>
      </c>
      <c r="ERJ734" s="424"/>
      <c r="ERK734" s="424"/>
      <c r="ERL734" s="424"/>
      <c r="ERM734" s="423" t="s">
        <v>2795</v>
      </c>
      <c r="ERN734" s="424"/>
      <c r="ERO734" s="424"/>
      <c r="ERP734" s="424"/>
      <c r="ERQ734" s="423" t="s">
        <v>2795</v>
      </c>
      <c r="ERR734" s="424"/>
      <c r="ERS734" s="424"/>
      <c r="ERT734" s="424"/>
      <c r="ERU734" s="423" t="s">
        <v>2795</v>
      </c>
      <c r="ERV734" s="424"/>
      <c r="ERW734" s="424"/>
      <c r="ERX734" s="424"/>
      <c r="ERY734" s="423" t="s">
        <v>2795</v>
      </c>
      <c r="ERZ734" s="424"/>
      <c r="ESA734" s="424"/>
      <c r="ESB734" s="424"/>
      <c r="ESC734" s="423" t="s">
        <v>2795</v>
      </c>
      <c r="ESD734" s="424"/>
      <c r="ESE734" s="424"/>
      <c r="ESF734" s="424"/>
      <c r="ESG734" s="423" t="s">
        <v>2795</v>
      </c>
      <c r="ESH734" s="424"/>
      <c r="ESI734" s="424"/>
      <c r="ESJ734" s="424"/>
      <c r="ESK734" s="423" t="s">
        <v>2795</v>
      </c>
      <c r="ESL734" s="424"/>
      <c r="ESM734" s="424"/>
      <c r="ESN734" s="424"/>
      <c r="ESO734" s="423" t="s">
        <v>2795</v>
      </c>
      <c r="ESP734" s="424"/>
      <c r="ESQ734" s="424"/>
      <c r="ESR734" s="424"/>
      <c r="ESS734" s="423" t="s">
        <v>2795</v>
      </c>
      <c r="EST734" s="424"/>
      <c r="ESU734" s="424"/>
      <c r="ESV734" s="424"/>
      <c r="ESW734" s="423" t="s">
        <v>2795</v>
      </c>
      <c r="ESX734" s="424"/>
      <c r="ESY734" s="424"/>
      <c r="ESZ734" s="424"/>
      <c r="ETA734" s="423" t="s">
        <v>2795</v>
      </c>
      <c r="ETB734" s="424"/>
      <c r="ETC734" s="424"/>
      <c r="ETD734" s="424"/>
      <c r="ETE734" s="423" t="s">
        <v>2795</v>
      </c>
      <c r="ETF734" s="424"/>
      <c r="ETG734" s="424"/>
      <c r="ETH734" s="424"/>
      <c r="ETI734" s="423" t="s">
        <v>2795</v>
      </c>
      <c r="ETJ734" s="424"/>
      <c r="ETK734" s="424"/>
      <c r="ETL734" s="424"/>
      <c r="ETM734" s="423" t="s">
        <v>2795</v>
      </c>
      <c r="ETN734" s="424"/>
      <c r="ETO734" s="424"/>
      <c r="ETP734" s="424"/>
      <c r="ETQ734" s="423" t="s">
        <v>2795</v>
      </c>
      <c r="ETR734" s="424"/>
      <c r="ETS734" s="424"/>
      <c r="ETT734" s="424"/>
      <c r="ETU734" s="423" t="s">
        <v>2795</v>
      </c>
      <c r="ETV734" s="424"/>
      <c r="ETW734" s="424"/>
      <c r="ETX734" s="424"/>
      <c r="ETY734" s="423" t="s">
        <v>2795</v>
      </c>
      <c r="ETZ734" s="424"/>
      <c r="EUA734" s="424"/>
      <c r="EUB734" s="424"/>
      <c r="EUC734" s="423" t="s">
        <v>2795</v>
      </c>
      <c r="EUD734" s="424"/>
      <c r="EUE734" s="424"/>
      <c r="EUF734" s="424"/>
      <c r="EUG734" s="423" t="s">
        <v>2795</v>
      </c>
      <c r="EUH734" s="424"/>
      <c r="EUI734" s="424"/>
      <c r="EUJ734" s="424"/>
      <c r="EUK734" s="423" t="s">
        <v>2795</v>
      </c>
      <c r="EUL734" s="424"/>
      <c r="EUM734" s="424"/>
      <c r="EUN734" s="424"/>
      <c r="EUO734" s="423" t="s">
        <v>2795</v>
      </c>
      <c r="EUP734" s="424"/>
      <c r="EUQ734" s="424"/>
      <c r="EUR734" s="424"/>
      <c r="EUS734" s="423" t="s">
        <v>2795</v>
      </c>
      <c r="EUT734" s="424"/>
      <c r="EUU734" s="424"/>
      <c r="EUV734" s="424"/>
      <c r="EUW734" s="423" t="s">
        <v>2795</v>
      </c>
      <c r="EUX734" s="424"/>
      <c r="EUY734" s="424"/>
      <c r="EUZ734" s="424"/>
      <c r="EVA734" s="423" t="s">
        <v>2795</v>
      </c>
      <c r="EVB734" s="424"/>
      <c r="EVC734" s="424"/>
      <c r="EVD734" s="424"/>
      <c r="EVE734" s="423" t="s">
        <v>2795</v>
      </c>
      <c r="EVF734" s="424"/>
      <c r="EVG734" s="424"/>
      <c r="EVH734" s="424"/>
      <c r="EVI734" s="423" t="s">
        <v>2795</v>
      </c>
      <c r="EVJ734" s="424"/>
      <c r="EVK734" s="424"/>
      <c r="EVL734" s="424"/>
      <c r="EVM734" s="423" t="s">
        <v>2795</v>
      </c>
      <c r="EVN734" s="424"/>
      <c r="EVO734" s="424"/>
      <c r="EVP734" s="424"/>
      <c r="EVQ734" s="423" t="s">
        <v>2795</v>
      </c>
      <c r="EVR734" s="424"/>
      <c r="EVS734" s="424"/>
      <c r="EVT734" s="424"/>
      <c r="EVU734" s="423" t="s">
        <v>2795</v>
      </c>
      <c r="EVV734" s="424"/>
      <c r="EVW734" s="424"/>
      <c r="EVX734" s="424"/>
      <c r="EVY734" s="423" t="s">
        <v>2795</v>
      </c>
      <c r="EVZ734" s="424"/>
      <c r="EWA734" s="424"/>
      <c r="EWB734" s="424"/>
      <c r="EWC734" s="423" t="s">
        <v>2795</v>
      </c>
      <c r="EWD734" s="424"/>
      <c r="EWE734" s="424"/>
      <c r="EWF734" s="424"/>
      <c r="EWG734" s="423" t="s">
        <v>2795</v>
      </c>
      <c r="EWH734" s="424"/>
      <c r="EWI734" s="424"/>
      <c r="EWJ734" s="424"/>
      <c r="EWK734" s="423" t="s">
        <v>2795</v>
      </c>
      <c r="EWL734" s="424"/>
      <c r="EWM734" s="424"/>
      <c r="EWN734" s="424"/>
      <c r="EWO734" s="423" t="s">
        <v>2795</v>
      </c>
      <c r="EWP734" s="424"/>
      <c r="EWQ734" s="424"/>
      <c r="EWR734" s="424"/>
      <c r="EWS734" s="423" t="s">
        <v>2795</v>
      </c>
      <c r="EWT734" s="424"/>
      <c r="EWU734" s="424"/>
      <c r="EWV734" s="424"/>
      <c r="EWW734" s="423" t="s">
        <v>2795</v>
      </c>
      <c r="EWX734" s="424"/>
      <c r="EWY734" s="424"/>
      <c r="EWZ734" s="424"/>
      <c r="EXA734" s="423" t="s">
        <v>2795</v>
      </c>
      <c r="EXB734" s="424"/>
      <c r="EXC734" s="424"/>
      <c r="EXD734" s="424"/>
      <c r="EXE734" s="423" t="s">
        <v>2795</v>
      </c>
      <c r="EXF734" s="424"/>
      <c r="EXG734" s="424"/>
      <c r="EXH734" s="424"/>
      <c r="EXI734" s="423" t="s">
        <v>2795</v>
      </c>
      <c r="EXJ734" s="424"/>
      <c r="EXK734" s="424"/>
      <c r="EXL734" s="424"/>
      <c r="EXM734" s="423" t="s">
        <v>2795</v>
      </c>
      <c r="EXN734" s="424"/>
      <c r="EXO734" s="424"/>
      <c r="EXP734" s="424"/>
      <c r="EXQ734" s="423" t="s">
        <v>2795</v>
      </c>
      <c r="EXR734" s="424"/>
      <c r="EXS734" s="424"/>
      <c r="EXT734" s="424"/>
      <c r="EXU734" s="423" t="s">
        <v>2795</v>
      </c>
      <c r="EXV734" s="424"/>
      <c r="EXW734" s="424"/>
      <c r="EXX734" s="424"/>
      <c r="EXY734" s="423" t="s">
        <v>2795</v>
      </c>
      <c r="EXZ734" s="424"/>
      <c r="EYA734" s="424"/>
      <c r="EYB734" s="424"/>
      <c r="EYC734" s="423" t="s">
        <v>2795</v>
      </c>
      <c r="EYD734" s="424"/>
      <c r="EYE734" s="424"/>
      <c r="EYF734" s="424"/>
      <c r="EYG734" s="423" t="s">
        <v>2795</v>
      </c>
      <c r="EYH734" s="424"/>
      <c r="EYI734" s="424"/>
      <c r="EYJ734" s="424"/>
      <c r="EYK734" s="423" t="s">
        <v>2795</v>
      </c>
      <c r="EYL734" s="424"/>
      <c r="EYM734" s="424"/>
      <c r="EYN734" s="424"/>
      <c r="EYO734" s="423" t="s">
        <v>2795</v>
      </c>
      <c r="EYP734" s="424"/>
      <c r="EYQ734" s="424"/>
      <c r="EYR734" s="424"/>
      <c r="EYS734" s="423" t="s">
        <v>2795</v>
      </c>
      <c r="EYT734" s="424"/>
      <c r="EYU734" s="424"/>
      <c r="EYV734" s="424"/>
      <c r="EYW734" s="423" t="s">
        <v>2795</v>
      </c>
      <c r="EYX734" s="424"/>
      <c r="EYY734" s="424"/>
      <c r="EYZ734" s="424"/>
      <c r="EZA734" s="423" t="s">
        <v>2795</v>
      </c>
      <c r="EZB734" s="424"/>
      <c r="EZC734" s="424"/>
      <c r="EZD734" s="424"/>
      <c r="EZE734" s="423" t="s">
        <v>2795</v>
      </c>
      <c r="EZF734" s="424"/>
      <c r="EZG734" s="424"/>
      <c r="EZH734" s="424"/>
      <c r="EZI734" s="423" t="s">
        <v>2795</v>
      </c>
      <c r="EZJ734" s="424"/>
      <c r="EZK734" s="424"/>
      <c r="EZL734" s="424"/>
      <c r="EZM734" s="423" t="s">
        <v>2795</v>
      </c>
      <c r="EZN734" s="424"/>
      <c r="EZO734" s="424"/>
      <c r="EZP734" s="424"/>
      <c r="EZQ734" s="423" t="s">
        <v>2795</v>
      </c>
      <c r="EZR734" s="424"/>
      <c r="EZS734" s="424"/>
      <c r="EZT734" s="424"/>
      <c r="EZU734" s="423" t="s">
        <v>2795</v>
      </c>
      <c r="EZV734" s="424"/>
      <c r="EZW734" s="424"/>
      <c r="EZX734" s="424"/>
      <c r="EZY734" s="423" t="s">
        <v>2795</v>
      </c>
      <c r="EZZ734" s="424"/>
      <c r="FAA734" s="424"/>
      <c r="FAB734" s="424"/>
      <c r="FAC734" s="423" t="s">
        <v>2795</v>
      </c>
      <c r="FAD734" s="424"/>
      <c r="FAE734" s="424"/>
      <c r="FAF734" s="424"/>
      <c r="FAG734" s="423" t="s">
        <v>2795</v>
      </c>
      <c r="FAH734" s="424"/>
      <c r="FAI734" s="424"/>
      <c r="FAJ734" s="424"/>
      <c r="FAK734" s="423" t="s">
        <v>2795</v>
      </c>
      <c r="FAL734" s="424"/>
      <c r="FAM734" s="424"/>
      <c r="FAN734" s="424"/>
      <c r="FAO734" s="423" t="s">
        <v>2795</v>
      </c>
      <c r="FAP734" s="424"/>
      <c r="FAQ734" s="424"/>
      <c r="FAR734" s="424"/>
      <c r="FAS734" s="423" t="s">
        <v>2795</v>
      </c>
      <c r="FAT734" s="424"/>
      <c r="FAU734" s="424"/>
      <c r="FAV734" s="424"/>
      <c r="FAW734" s="423" t="s">
        <v>2795</v>
      </c>
      <c r="FAX734" s="424"/>
      <c r="FAY734" s="424"/>
      <c r="FAZ734" s="424"/>
      <c r="FBA734" s="423" t="s">
        <v>2795</v>
      </c>
      <c r="FBB734" s="424"/>
      <c r="FBC734" s="424"/>
      <c r="FBD734" s="424"/>
      <c r="FBE734" s="423" t="s">
        <v>2795</v>
      </c>
      <c r="FBF734" s="424"/>
      <c r="FBG734" s="424"/>
      <c r="FBH734" s="424"/>
      <c r="FBI734" s="423" t="s">
        <v>2795</v>
      </c>
      <c r="FBJ734" s="424"/>
      <c r="FBK734" s="424"/>
      <c r="FBL734" s="424"/>
      <c r="FBM734" s="423" t="s">
        <v>2795</v>
      </c>
      <c r="FBN734" s="424"/>
      <c r="FBO734" s="424"/>
      <c r="FBP734" s="424"/>
      <c r="FBQ734" s="423" t="s">
        <v>2795</v>
      </c>
      <c r="FBR734" s="424"/>
      <c r="FBS734" s="424"/>
      <c r="FBT734" s="424"/>
      <c r="FBU734" s="423" t="s">
        <v>2795</v>
      </c>
      <c r="FBV734" s="424"/>
      <c r="FBW734" s="424"/>
      <c r="FBX734" s="424"/>
      <c r="FBY734" s="423" t="s">
        <v>2795</v>
      </c>
      <c r="FBZ734" s="424"/>
      <c r="FCA734" s="424"/>
      <c r="FCB734" s="424"/>
      <c r="FCC734" s="423" t="s">
        <v>2795</v>
      </c>
      <c r="FCD734" s="424"/>
      <c r="FCE734" s="424"/>
      <c r="FCF734" s="424"/>
      <c r="FCG734" s="423" t="s">
        <v>2795</v>
      </c>
      <c r="FCH734" s="424"/>
      <c r="FCI734" s="424"/>
      <c r="FCJ734" s="424"/>
      <c r="FCK734" s="423" t="s">
        <v>2795</v>
      </c>
      <c r="FCL734" s="424"/>
      <c r="FCM734" s="424"/>
      <c r="FCN734" s="424"/>
      <c r="FCO734" s="423" t="s">
        <v>2795</v>
      </c>
      <c r="FCP734" s="424"/>
      <c r="FCQ734" s="424"/>
      <c r="FCR734" s="424"/>
      <c r="FCS734" s="423" t="s">
        <v>2795</v>
      </c>
      <c r="FCT734" s="424"/>
      <c r="FCU734" s="424"/>
      <c r="FCV734" s="424"/>
      <c r="FCW734" s="423" t="s">
        <v>2795</v>
      </c>
      <c r="FCX734" s="424"/>
      <c r="FCY734" s="424"/>
      <c r="FCZ734" s="424"/>
      <c r="FDA734" s="423" t="s">
        <v>2795</v>
      </c>
      <c r="FDB734" s="424"/>
      <c r="FDC734" s="424"/>
      <c r="FDD734" s="424"/>
      <c r="FDE734" s="423" t="s">
        <v>2795</v>
      </c>
      <c r="FDF734" s="424"/>
      <c r="FDG734" s="424"/>
      <c r="FDH734" s="424"/>
      <c r="FDI734" s="423" t="s">
        <v>2795</v>
      </c>
      <c r="FDJ734" s="424"/>
      <c r="FDK734" s="424"/>
      <c r="FDL734" s="424"/>
      <c r="FDM734" s="423" t="s">
        <v>2795</v>
      </c>
      <c r="FDN734" s="424"/>
      <c r="FDO734" s="424"/>
      <c r="FDP734" s="424"/>
      <c r="FDQ734" s="423" t="s">
        <v>2795</v>
      </c>
      <c r="FDR734" s="424"/>
      <c r="FDS734" s="424"/>
      <c r="FDT734" s="424"/>
      <c r="FDU734" s="423" t="s">
        <v>2795</v>
      </c>
      <c r="FDV734" s="424"/>
      <c r="FDW734" s="424"/>
      <c r="FDX734" s="424"/>
      <c r="FDY734" s="423" t="s">
        <v>2795</v>
      </c>
      <c r="FDZ734" s="424"/>
      <c r="FEA734" s="424"/>
      <c r="FEB734" s="424"/>
      <c r="FEC734" s="423" t="s">
        <v>2795</v>
      </c>
      <c r="FED734" s="424"/>
      <c r="FEE734" s="424"/>
      <c r="FEF734" s="424"/>
      <c r="FEG734" s="423" t="s">
        <v>2795</v>
      </c>
      <c r="FEH734" s="424"/>
      <c r="FEI734" s="424"/>
      <c r="FEJ734" s="424"/>
      <c r="FEK734" s="423" t="s">
        <v>2795</v>
      </c>
      <c r="FEL734" s="424"/>
      <c r="FEM734" s="424"/>
      <c r="FEN734" s="424"/>
      <c r="FEO734" s="423" t="s">
        <v>2795</v>
      </c>
      <c r="FEP734" s="424"/>
      <c r="FEQ734" s="424"/>
      <c r="FER734" s="424"/>
      <c r="FES734" s="423" t="s">
        <v>2795</v>
      </c>
      <c r="FET734" s="424"/>
      <c r="FEU734" s="424"/>
      <c r="FEV734" s="424"/>
      <c r="FEW734" s="423" t="s">
        <v>2795</v>
      </c>
      <c r="FEX734" s="424"/>
      <c r="FEY734" s="424"/>
      <c r="FEZ734" s="424"/>
      <c r="FFA734" s="423" t="s">
        <v>2795</v>
      </c>
      <c r="FFB734" s="424"/>
      <c r="FFC734" s="424"/>
      <c r="FFD734" s="424"/>
      <c r="FFE734" s="423" t="s">
        <v>2795</v>
      </c>
      <c r="FFF734" s="424"/>
      <c r="FFG734" s="424"/>
      <c r="FFH734" s="424"/>
      <c r="FFI734" s="423" t="s">
        <v>2795</v>
      </c>
      <c r="FFJ734" s="424"/>
      <c r="FFK734" s="424"/>
      <c r="FFL734" s="424"/>
      <c r="FFM734" s="423" t="s">
        <v>2795</v>
      </c>
      <c r="FFN734" s="424"/>
      <c r="FFO734" s="424"/>
      <c r="FFP734" s="424"/>
      <c r="FFQ734" s="423" t="s">
        <v>2795</v>
      </c>
      <c r="FFR734" s="424"/>
      <c r="FFS734" s="424"/>
      <c r="FFT734" s="424"/>
      <c r="FFU734" s="423" t="s">
        <v>2795</v>
      </c>
      <c r="FFV734" s="424"/>
      <c r="FFW734" s="424"/>
      <c r="FFX734" s="424"/>
      <c r="FFY734" s="423" t="s">
        <v>2795</v>
      </c>
      <c r="FFZ734" s="424"/>
      <c r="FGA734" s="424"/>
      <c r="FGB734" s="424"/>
      <c r="FGC734" s="423" t="s">
        <v>2795</v>
      </c>
      <c r="FGD734" s="424"/>
      <c r="FGE734" s="424"/>
      <c r="FGF734" s="424"/>
      <c r="FGG734" s="423" t="s">
        <v>2795</v>
      </c>
      <c r="FGH734" s="424"/>
      <c r="FGI734" s="424"/>
      <c r="FGJ734" s="424"/>
      <c r="FGK734" s="423" t="s">
        <v>2795</v>
      </c>
      <c r="FGL734" s="424"/>
      <c r="FGM734" s="424"/>
      <c r="FGN734" s="424"/>
      <c r="FGO734" s="423" t="s">
        <v>2795</v>
      </c>
      <c r="FGP734" s="424"/>
      <c r="FGQ734" s="424"/>
      <c r="FGR734" s="424"/>
      <c r="FGS734" s="423" t="s">
        <v>2795</v>
      </c>
      <c r="FGT734" s="424"/>
      <c r="FGU734" s="424"/>
      <c r="FGV734" s="424"/>
      <c r="FGW734" s="423" t="s">
        <v>2795</v>
      </c>
      <c r="FGX734" s="424"/>
      <c r="FGY734" s="424"/>
      <c r="FGZ734" s="424"/>
      <c r="FHA734" s="423" t="s">
        <v>2795</v>
      </c>
      <c r="FHB734" s="424"/>
      <c r="FHC734" s="424"/>
      <c r="FHD734" s="424"/>
      <c r="FHE734" s="423" t="s">
        <v>2795</v>
      </c>
      <c r="FHF734" s="424"/>
      <c r="FHG734" s="424"/>
      <c r="FHH734" s="424"/>
      <c r="FHI734" s="423" t="s">
        <v>2795</v>
      </c>
      <c r="FHJ734" s="424"/>
      <c r="FHK734" s="424"/>
      <c r="FHL734" s="424"/>
      <c r="FHM734" s="423" t="s">
        <v>2795</v>
      </c>
      <c r="FHN734" s="424"/>
      <c r="FHO734" s="424"/>
      <c r="FHP734" s="424"/>
      <c r="FHQ734" s="423" t="s">
        <v>2795</v>
      </c>
      <c r="FHR734" s="424"/>
      <c r="FHS734" s="424"/>
      <c r="FHT734" s="424"/>
      <c r="FHU734" s="423" t="s">
        <v>2795</v>
      </c>
      <c r="FHV734" s="424"/>
      <c r="FHW734" s="424"/>
      <c r="FHX734" s="424"/>
      <c r="FHY734" s="423" t="s">
        <v>2795</v>
      </c>
      <c r="FHZ734" s="424"/>
      <c r="FIA734" s="424"/>
      <c r="FIB734" s="424"/>
      <c r="FIC734" s="423" t="s">
        <v>2795</v>
      </c>
      <c r="FID734" s="424"/>
      <c r="FIE734" s="424"/>
      <c r="FIF734" s="424"/>
      <c r="FIG734" s="423" t="s">
        <v>2795</v>
      </c>
      <c r="FIH734" s="424"/>
      <c r="FII734" s="424"/>
      <c r="FIJ734" s="424"/>
      <c r="FIK734" s="423" t="s">
        <v>2795</v>
      </c>
      <c r="FIL734" s="424"/>
      <c r="FIM734" s="424"/>
      <c r="FIN734" s="424"/>
      <c r="FIO734" s="423" t="s">
        <v>2795</v>
      </c>
      <c r="FIP734" s="424"/>
      <c r="FIQ734" s="424"/>
      <c r="FIR734" s="424"/>
      <c r="FIS734" s="423" t="s">
        <v>2795</v>
      </c>
      <c r="FIT734" s="424"/>
      <c r="FIU734" s="424"/>
      <c r="FIV734" s="424"/>
      <c r="FIW734" s="423" t="s">
        <v>2795</v>
      </c>
      <c r="FIX734" s="424"/>
      <c r="FIY734" s="424"/>
      <c r="FIZ734" s="424"/>
      <c r="FJA734" s="423" t="s">
        <v>2795</v>
      </c>
      <c r="FJB734" s="424"/>
      <c r="FJC734" s="424"/>
      <c r="FJD734" s="424"/>
      <c r="FJE734" s="423" t="s">
        <v>2795</v>
      </c>
      <c r="FJF734" s="424"/>
      <c r="FJG734" s="424"/>
      <c r="FJH734" s="424"/>
      <c r="FJI734" s="423" t="s">
        <v>2795</v>
      </c>
      <c r="FJJ734" s="424"/>
      <c r="FJK734" s="424"/>
      <c r="FJL734" s="424"/>
      <c r="FJM734" s="423" t="s">
        <v>2795</v>
      </c>
      <c r="FJN734" s="424"/>
      <c r="FJO734" s="424"/>
      <c r="FJP734" s="424"/>
      <c r="FJQ734" s="423" t="s">
        <v>2795</v>
      </c>
      <c r="FJR734" s="424"/>
      <c r="FJS734" s="424"/>
      <c r="FJT734" s="424"/>
      <c r="FJU734" s="423" t="s">
        <v>2795</v>
      </c>
      <c r="FJV734" s="424"/>
      <c r="FJW734" s="424"/>
      <c r="FJX734" s="424"/>
      <c r="FJY734" s="423" t="s">
        <v>2795</v>
      </c>
      <c r="FJZ734" s="424"/>
      <c r="FKA734" s="424"/>
      <c r="FKB734" s="424"/>
      <c r="FKC734" s="423" t="s">
        <v>2795</v>
      </c>
      <c r="FKD734" s="424"/>
      <c r="FKE734" s="424"/>
      <c r="FKF734" s="424"/>
      <c r="FKG734" s="423" t="s">
        <v>2795</v>
      </c>
      <c r="FKH734" s="424"/>
      <c r="FKI734" s="424"/>
      <c r="FKJ734" s="424"/>
      <c r="FKK734" s="423" t="s">
        <v>2795</v>
      </c>
      <c r="FKL734" s="424"/>
      <c r="FKM734" s="424"/>
      <c r="FKN734" s="424"/>
      <c r="FKO734" s="423" t="s">
        <v>2795</v>
      </c>
      <c r="FKP734" s="424"/>
      <c r="FKQ734" s="424"/>
      <c r="FKR734" s="424"/>
      <c r="FKS734" s="423" t="s">
        <v>2795</v>
      </c>
      <c r="FKT734" s="424"/>
      <c r="FKU734" s="424"/>
      <c r="FKV734" s="424"/>
      <c r="FKW734" s="423" t="s">
        <v>2795</v>
      </c>
      <c r="FKX734" s="424"/>
      <c r="FKY734" s="424"/>
      <c r="FKZ734" s="424"/>
      <c r="FLA734" s="423" t="s">
        <v>2795</v>
      </c>
      <c r="FLB734" s="424"/>
      <c r="FLC734" s="424"/>
      <c r="FLD734" s="424"/>
      <c r="FLE734" s="423" t="s">
        <v>2795</v>
      </c>
      <c r="FLF734" s="424"/>
      <c r="FLG734" s="424"/>
      <c r="FLH734" s="424"/>
      <c r="FLI734" s="423" t="s">
        <v>2795</v>
      </c>
      <c r="FLJ734" s="424"/>
      <c r="FLK734" s="424"/>
      <c r="FLL734" s="424"/>
      <c r="FLM734" s="423" t="s">
        <v>2795</v>
      </c>
      <c r="FLN734" s="424"/>
      <c r="FLO734" s="424"/>
      <c r="FLP734" s="424"/>
      <c r="FLQ734" s="423" t="s">
        <v>2795</v>
      </c>
      <c r="FLR734" s="424"/>
      <c r="FLS734" s="424"/>
      <c r="FLT734" s="424"/>
      <c r="FLU734" s="423" t="s">
        <v>2795</v>
      </c>
      <c r="FLV734" s="424"/>
      <c r="FLW734" s="424"/>
      <c r="FLX734" s="424"/>
      <c r="FLY734" s="423" t="s">
        <v>2795</v>
      </c>
      <c r="FLZ734" s="424"/>
      <c r="FMA734" s="424"/>
      <c r="FMB734" s="424"/>
      <c r="FMC734" s="423" t="s">
        <v>2795</v>
      </c>
      <c r="FMD734" s="424"/>
      <c r="FME734" s="424"/>
      <c r="FMF734" s="424"/>
      <c r="FMG734" s="423" t="s">
        <v>2795</v>
      </c>
      <c r="FMH734" s="424"/>
      <c r="FMI734" s="424"/>
      <c r="FMJ734" s="424"/>
      <c r="FMK734" s="423" t="s">
        <v>2795</v>
      </c>
      <c r="FML734" s="424"/>
      <c r="FMM734" s="424"/>
      <c r="FMN734" s="424"/>
      <c r="FMO734" s="423" t="s">
        <v>2795</v>
      </c>
      <c r="FMP734" s="424"/>
      <c r="FMQ734" s="424"/>
      <c r="FMR734" s="424"/>
      <c r="FMS734" s="423" t="s">
        <v>2795</v>
      </c>
      <c r="FMT734" s="424"/>
      <c r="FMU734" s="424"/>
      <c r="FMV734" s="424"/>
      <c r="FMW734" s="423" t="s">
        <v>2795</v>
      </c>
      <c r="FMX734" s="424"/>
      <c r="FMY734" s="424"/>
      <c r="FMZ734" s="424"/>
      <c r="FNA734" s="423" t="s">
        <v>2795</v>
      </c>
      <c r="FNB734" s="424"/>
      <c r="FNC734" s="424"/>
      <c r="FND734" s="424"/>
      <c r="FNE734" s="423" t="s">
        <v>2795</v>
      </c>
      <c r="FNF734" s="424"/>
      <c r="FNG734" s="424"/>
      <c r="FNH734" s="424"/>
      <c r="FNI734" s="423" t="s">
        <v>2795</v>
      </c>
      <c r="FNJ734" s="424"/>
      <c r="FNK734" s="424"/>
      <c r="FNL734" s="424"/>
      <c r="FNM734" s="423" t="s">
        <v>2795</v>
      </c>
      <c r="FNN734" s="424"/>
      <c r="FNO734" s="424"/>
      <c r="FNP734" s="424"/>
      <c r="FNQ734" s="423" t="s">
        <v>2795</v>
      </c>
      <c r="FNR734" s="424"/>
      <c r="FNS734" s="424"/>
      <c r="FNT734" s="424"/>
      <c r="FNU734" s="423" t="s">
        <v>2795</v>
      </c>
      <c r="FNV734" s="424"/>
      <c r="FNW734" s="424"/>
      <c r="FNX734" s="424"/>
      <c r="FNY734" s="423" t="s">
        <v>2795</v>
      </c>
      <c r="FNZ734" s="424"/>
      <c r="FOA734" s="424"/>
      <c r="FOB734" s="424"/>
      <c r="FOC734" s="423" t="s">
        <v>2795</v>
      </c>
      <c r="FOD734" s="424"/>
      <c r="FOE734" s="424"/>
      <c r="FOF734" s="424"/>
      <c r="FOG734" s="423" t="s">
        <v>2795</v>
      </c>
      <c r="FOH734" s="424"/>
      <c r="FOI734" s="424"/>
      <c r="FOJ734" s="424"/>
      <c r="FOK734" s="423" t="s">
        <v>2795</v>
      </c>
      <c r="FOL734" s="424"/>
      <c r="FOM734" s="424"/>
      <c r="FON734" s="424"/>
      <c r="FOO734" s="423" t="s">
        <v>2795</v>
      </c>
      <c r="FOP734" s="424"/>
      <c r="FOQ734" s="424"/>
      <c r="FOR734" s="424"/>
      <c r="FOS734" s="423" t="s">
        <v>2795</v>
      </c>
      <c r="FOT734" s="424"/>
      <c r="FOU734" s="424"/>
      <c r="FOV734" s="424"/>
      <c r="FOW734" s="423" t="s">
        <v>2795</v>
      </c>
      <c r="FOX734" s="424"/>
      <c r="FOY734" s="424"/>
      <c r="FOZ734" s="424"/>
      <c r="FPA734" s="423" t="s">
        <v>2795</v>
      </c>
      <c r="FPB734" s="424"/>
      <c r="FPC734" s="424"/>
      <c r="FPD734" s="424"/>
      <c r="FPE734" s="423" t="s">
        <v>2795</v>
      </c>
      <c r="FPF734" s="424"/>
      <c r="FPG734" s="424"/>
      <c r="FPH734" s="424"/>
      <c r="FPI734" s="423" t="s">
        <v>2795</v>
      </c>
      <c r="FPJ734" s="424"/>
      <c r="FPK734" s="424"/>
      <c r="FPL734" s="424"/>
      <c r="FPM734" s="423" t="s">
        <v>2795</v>
      </c>
      <c r="FPN734" s="424"/>
      <c r="FPO734" s="424"/>
      <c r="FPP734" s="424"/>
      <c r="FPQ734" s="423" t="s">
        <v>2795</v>
      </c>
      <c r="FPR734" s="424"/>
      <c r="FPS734" s="424"/>
      <c r="FPT734" s="424"/>
      <c r="FPU734" s="423" t="s">
        <v>2795</v>
      </c>
      <c r="FPV734" s="424"/>
      <c r="FPW734" s="424"/>
      <c r="FPX734" s="424"/>
      <c r="FPY734" s="423" t="s">
        <v>2795</v>
      </c>
      <c r="FPZ734" s="424"/>
      <c r="FQA734" s="424"/>
      <c r="FQB734" s="424"/>
      <c r="FQC734" s="423" t="s">
        <v>2795</v>
      </c>
      <c r="FQD734" s="424"/>
      <c r="FQE734" s="424"/>
      <c r="FQF734" s="424"/>
      <c r="FQG734" s="423" t="s">
        <v>2795</v>
      </c>
      <c r="FQH734" s="424"/>
      <c r="FQI734" s="424"/>
      <c r="FQJ734" s="424"/>
      <c r="FQK734" s="423" t="s">
        <v>2795</v>
      </c>
      <c r="FQL734" s="424"/>
      <c r="FQM734" s="424"/>
      <c r="FQN734" s="424"/>
      <c r="FQO734" s="423" t="s">
        <v>2795</v>
      </c>
      <c r="FQP734" s="424"/>
      <c r="FQQ734" s="424"/>
      <c r="FQR734" s="424"/>
      <c r="FQS734" s="423" t="s">
        <v>2795</v>
      </c>
      <c r="FQT734" s="424"/>
      <c r="FQU734" s="424"/>
      <c r="FQV734" s="424"/>
      <c r="FQW734" s="423" t="s">
        <v>2795</v>
      </c>
      <c r="FQX734" s="424"/>
      <c r="FQY734" s="424"/>
      <c r="FQZ734" s="424"/>
      <c r="FRA734" s="423" t="s">
        <v>2795</v>
      </c>
      <c r="FRB734" s="424"/>
      <c r="FRC734" s="424"/>
      <c r="FRD734" s="424"/>
      <c r="FRE734" s="423" t="s">
        <v>2795</v>
      </c>
      <c r="FRF734" s="424"/>
      <c r="FRG734" s="424"/>
      <c r="FRH734" s="424"/>
      <c r="FRI734" s="423" t="s">
        <v>2795</v>
      </c>
      <c r="FRJ734" s="424"/>
      <c r="FRK734" s="424"/>
      <c r="FRL734" s="424"/>
      <c r="FRM734" s="423" t="s">
        <v>2795</v>
      </c>
      <c r="FRN734" s="424"/>
      <c r="FRO734" s="424"/>
      <c r="FRP734" s="424"/>
      <c r="FRQ734" s="423" t="s">
        <v>2795</v>
      </c>
      <c r="FRR734" s="424"/>
      <c r="FRS734" s="424"/>
      <c r="FRT734" s="424"/>
      <c r="FRU734" s="423" t="s">
        <v>2795</v>
      </c>
      <c r="FRV734" s="424"/>
      <c r="FRW734" s="424"/>
      <c r="FRX734" s="424"/>
      <c r="FRY734" s="423" t="s">
        <v>2795</v>
      </c>
      <c r="FRZ734" s="424"/>
      <c r="FSA734" s="424"/>
      <c r="FSB734" s="424"/>
      <c r="FSC734" s="423" t="s">
        <v>2795</v>
      </c>
      <c r="FSD734" s="424"/>
      <c r="FSE734" s="424"/>
      <c r="FSF734" s="424"/>
      <c r="FSG734" s="423" t="s">
        <v>2795</v>
      </c>
      <c r="FSH734" s="424"/>
      <c r="FSI734" s="424"/>
      <c r="FSJ734" s="424"/>
      <c r="FSK734" s="423" t="s">
        <v>2795</v>
      </c>
      <c r="FSL734" s="424"/>
      <c r="FSM734" s="424"/>
      <c r="FSN734" s="424"/>
      <c r="FSO734" s="423" t="s">
        <v>2795</v>
      </c>
      <c r="FSP734" s="424"/>
      <c r="FSQ734" s="424"/>
      <c r="FSR734" s="424"/>
      <c r="FSS734" s="423" t="s">
        <v>2795</v>
      </c>
      <c r="FST734" s="424"/>
      <c r="FSU734" s="424"/>
      <c r="FSV734" s="424"/>
      <c r="FSW734" s="423" t="s">
        <v>2795</v>
      </c>
      <c r="FSX734" s="424"/>
      <c r="FSY734" s="424"/>
      <c r="FSZ734" s="424"/>
      <c r="FTA734" s="423" t="s">
        <v>2795</v>
      </c>
      <c r="FTB734" s="424"/>
      <c r="FTC734" s="424"/>
      <c r="FTD734" s="424"/>
      <c r="FTE734" s="423" t="s">
        <v>2795</v>
      </c>
      <c r="FTF734" s="424"/>
      <c r="FTG734" s="424"/>
      <c r="FTH734" s="424"/>
      <c r="FTI734" s="423" t="s">
        <v>2795</v>
      </c>
      <c r="FTJ734" s="424"/>
      <c r="FTK734" s="424"/>
      <c r="FTL734" s="424"/>
      <c r="FTM734" s="423" t="s">
        <v>2795</v>
      </c>
      <c r="FTN734" s="424"/>
      <c r="FTO734" s="424"/>
      <c r="FTP734" s="424"/>
      <c r="FTQ734" s="423" t="s">
        <v>2795</v>
      </c>
      <c r="FTR734" s="424"/>
      <c r="FTS734" s="424"/>
      <c r="FTT734" s="424"/>
      <c r="FTU734" s="423" t="s">
        <v>2795</v>
      </c>
      <c r="FTV734" s="424"/>
      <c r="FTW734" s="424"/>
      <c r="FTX734" s="424"/>
      <c r="FTY734" s="423" t="s">
        <v>2795</v>
      </c>
      <c r="FTZ734" s="424"/>
      <c r="FUA734" s="424"/>
      <c r="FUB734" s="424"/>
      <c r="FUC734" s="423" t="s">
        <v>2795</v>
      </c>
      <c r="FUD734" s="424"/>
      <c r="FUE734" s="424"/>
      <c r="FUF734" s="424"/>
      <c r="FUG734" s="423" t="s">
        <v>2795</v>
      </c>
      <c r="FUH734" s="424"/>
      <c r="FUI734" s="424"/>
      <c r="FUJ734" s="424"/>
      <c r="FUK734" s="423" t="s">
        <v>2795</v>
      </c>
      <c r="FUL734" s="424"/>
      <c r="FUM734" s="424"/>
      <c r="FUN734" s="424"/>
      <c r="FUO734" s="423" t="s">
        <v>2795</v>
      </c>
      <c r="FUP734" s="424"/>
      <c r="FUQ734" s="424"/>
      <c r="FUR734" s="424"/>
      <c r="FUS734" s="423" t="s">
        <v>2795</v>
      </c>
      <c r="FUT734" s="424"/>
      <c r="FUU734" s="424"/>
      <c r="FUV734" s="424"/>
      <c r="FUW734" s="423" t="s">
        <v>2795</v>
      </c>
      <c r="FUX734" s="424"/>
      <c r="FUY734" s="424"/>
      <c r="FUZ734" s="424"/>
      <c r="FVA734" s="423" t="s">
        <v>2795</v>
      </c>
      <c r="FVB734" s="424"/>
      <c r="FVC734" s="424"/>
      <c r="FVD734" s="424"/>
      <c r="FVE734" s="423" t="s">
        <v>2795</v>
      </c>
      <c r="FVF734" s="424"/>
      <c r="FVG734" s="424"/>
      <c r="FVH734" s="424"/>
      <c r="FVI734" s="423" t="s">
        <v>2795</v>
      </c>
      <c r="FVJ734" s="424"/>
      <c r="FVK734" s="424"/>
      <c r="FVL734" s="424"/>
      <c r="FVM734" s="423" t="s">
        <v>2795</v>
      </c>
      <c r="FVN734" s="424"/>
      <c r="FVO734" s="424"/>
      <c r="FVP734" s="424"/>
      <c r="FVQ734" s="423" t="s">
        <v>2795</v>
      </c>
      <c r="FVR734" s="424"/>
      <c r="FVS734" s="424"/>
      <c r="FVT734" s="424"/>
      <c r="FVU734" s="423" t="s">
        <v>2795</v>
      </c>
      <c r="FVV734" s="424"/>
      <c r="FVW734" s="424"/>
      <c r="FVX734" s="424"/>
      <c r="FVY734" s="423" t="s">
        <v>2795</v>
      </c>
      <c r="FVZ734" s="424"/>
      <c r="FWA734" s="424"/>
      <c r="FWB734" s="424"/>
      <c r="FWC734" s="423" t="s">
        <v>2795</v>
      </c>
      <c r="FWD734" s="424"/>
      <c r="FWE734" s="424"/>
      <c r="FWF734" s="424"/>
      <c r="FWG734" s="423" t="s">
        <v>2795</v>
      </c>
      <c r="FWH734" s="424"/>
      <c r="FWI734" s="424"/>
      <c r="FWJ734" s="424"/>
      <c r="FWK734" s="423" t="s">
        <v>2795</v>
      </c>
      <c r="FWL734" s="424"/>
      <c r="FWM734" s="424"/>
      <c r="FWN734" s="424"/>
      <c r="FWO734" s="423" t="s">
        <v>2795</v>
      </c>
      <c r="FWP734" s="424"/>
      <c r="FWQ734" s="424"/>
      <c r="FWR734" s="424"/>
      <c r="FWS734" s="423" t="s">
        <v>2795</v>
      </c>
      <c r="FWT734" s="424"/>
      <c r="FWU734" s="424"/>
      <c r="FWV734" s="424"/>
      <c r="FWW734" s="423" t="s">
        <v>2795</v>
      </c>
      <c r="FWX734" s="424"/>
      <c r="FWY734" s="424"/>
      <c r="FWZ734" s="424"/>
      <c r="FXA734" s="423" t="s">
        <v>2795</v>
      </c>
      <c r="FXB734" s="424"/>
      <c r="FXC734" s="424"/>
      <c r="FXD734" s="424"/>
      <c r="FXE734" s="423" t="s">
        <v>2795</v>
      </c>
      <c r="FXF734" s="424"/>
      <c r="FXG734" s="424"/>
      <c r="FXH734" s="424"/>
      <c r="FXI734" s="423" t="s">
        <v>2795</v>
      </c>
      <c r="FXJ734" s="424"/>
      <c r="FXK734" s="424"/>
      <c r="FXL734" s="424"/>
      <c r="FXM734" s="423" t="s">
        <v>2795</v>
      </c>
      <c r="FXN734" s="424"/>
      <c r="FXO734" s="424"/>
      <c r="FXP734" s="424"/>
      <c r="FXQ734" s="423" t="s">
        <v>2795</v>
      </c>
      <c r="FXR734" s="424"/>
      <c r="FXS734" s="424"/>
      <c r="FXT734" s="424"/>
      <c r="FXU734" s="423" t="s">
        <v>2795</v>
      </c>
      <c r="FXV734" s="424"/>
      <c r="FXW734" s="424"/>
      <c r="FXX734" s="424"/>
      <c r="FXY734" s="423" t="s">
        <v>2795</v>
      </c>
      <c r="FXZ734" s="424"/>
      <c r="FYA734" s="424"/>
      <c r="FYB734" s="424"/>
      <c r="FYC734" s="423" t="s">
        <v>2795</v>
      </c>
      <c r="FYD734" s="424"/>
      <c r="FYE734" s="424"/>
      <c r="FYF734" s="424"/>
      <c r="FYG734" s="423" t="s">
        <v>2795</v>
      </c>
      <c r="FYH734" s="424"/>
      <c r="FYI734" s="424"/>
      <c r="FYJ734" s="424"/>
      <c r="FYK734" s="423" t="s">
        <v>2795</v>
      </c>
      <c r="FYL734" s="424"/>
      <c r="FYM734" s="424"/>
      <c r="FYN734" s="424"/>
      <c r="FYO734" s="423" t="s">
        <v>2795</v>
      </c>
      <c r="FYP734" s="424"/>
      <c r="FYQ734" s="424"/>
      <c r="FYR734" s="424"/>
      <c r="FYS734" s="423" t="s">
        <v>2795</v>
      </c>
      <c r="FYT734" s="424"/>
      <c r="FYU734" s="424"/>
      <c r="FYV734" s="424"/>
      <c r="FYW734" s="423" t="s">
        <v>2795</v>
      </c>
      <c r="FYX734" s="424"/>
      <c r="FYY734" s="424"/>
      <c r="FYZ734" s="424"/>
      <c r="FZA734" s="423" t="s">
        <v>2795</v>
      </c>
      <c r="FZB734" s="424"/>
      <c r="FZC734" s="424"/>
      <c r="FZD734" s="424"/>
      <c r="FZE734" s="423" t="s">
        <v>2795</v>
      </c>
      <c r="FZF734" s="424"/>
      <c r="FZG734" s="424"/>
      <c r="FZH734" s="424"/>
      <c r="FZI734" s="423" t="s">
        <v>2795</v>
      </c>
      <c r="FZJ734" s="424"/>
      <c r="FZK734" s="424"/>
      <c r="FZL734" s="424"/>
      <c r="FZM734" s="423" t="s">
        <v>2795</v>
      </c>
      <c r="FZN734" s="424"/>
      <c r="FZO734" s="424"/>
      <c r="FZP734" s="424"/>
      <c r="FZQ734" s="423" t="s">
        <v>2795</v>
      </c>
      <c r="FZR734" s="424"/>
      <c r="FZS734" s="424"/>
      <c r="FZT734" s="424"/>
      <c r="FZU734" s="423" t="s">
        <v>2795</v>
      </c>
      <c r="FZV734" s="424"/>
      <c r="FZW734" s="424"/>
      <c r="FZX734" s="424"/>
      <c r="FZY734" s="423" t="s">
        <v>2795</v>
      </c>
      <c r="FZZ734" s="424"/>
      <c r="GAA734" s="424"/>
      <c r="GAB734" s="424"/>
      <c r="GAC734" s="423" t="s">
        <v>2795</v>
      </c>
      <c r="GAD734" s="424"/>
      <c r="GAE734" s="424"/>
      <c r="GAF734" s="424"/>
      <c r="GAG734" s="423" t="s">
        <v>2795</v>
      </c>
      <c r="GAH734" s="424"/>
      <c r="GAI734" s="424"/>
      <c r="GAJ734" s="424"/>
      <c r="GAK734" s="423" t="s">
        <v>2795</v>
      </c>
      <c r="GAL734" s="424"/>
      <c r="GAM734" s="424"/>
      <c r="GAN734" s="424"/>
      <c r="GAO734" s="423" t="s">
        <v>2795</v>
      </c>
      <c r="GAP734" s="424"/>
      <c r="GAQ734" s="424"/>
      <c r="GAR734" s="424"/>
      <c r="GAS734" s="423" t="s">
        <v>2795</v>
      </c>
      <c r="GAT734" s="424"/>
      <c r="GAU734" s="424"/>
      <c r="GAV734" s="424"/>
      <c r="GAW734" s="423" t="s">
        <v>2795</v>
      </c>
      <c r="GAX734" s="424"/>
      <c r="GAY734" s="424"/>
      <c r="GAZ734" s="424"/>
      <c r="GBA734" s="423" t="s">
        <v>2795</v>
      </c>
      <c r="GBB734" s="424"/>
      <c r="GBC734" s="424"/>
      <c r="GBD734" s="424"/>
      <c r="GBE734" s="423" t="s">
        <v>2795</v>
      </c>
      <c r="GBF734" s="424"/>
      <c r="GBG734" s="424"/>
      <c r="GBH734" s="424"/>
      <c r="GBI734" s="423" t="s">
        <v>2795</v>
      </c>
      <c r="GBJ734" s="424"/>
      <c r="GBK734" s="424"/>
      <c r="GBL734" s="424"/>
      <c r="GBM734" s="423" t="s">
        <v>2795</v>
      </c>
      <c r="GBN734" s="424"/>
      <c r="GBO734" s="424"/>
      <c r="GBP734" s="424"/>
      <c r="GBQ734" s="423" t="s">
        <v>2795</v>
      </c>
      <c r="GBR734" s="424"/>
      <c r="GBS734" s="424"/>
      <c r="GBT734" s="424"/>
      <c r="GBU734" s="423" t="s">
        <v>2795</v>
      </c>
      <c r="GBV734" s="424"/>
      <c r="GBW734" s="424"/>
      <c r="GBX734" s="424"/>
      <c r="GBY734" s="423" t="s">
        <v>2795</v>
      </c>
      <c r="GBZ734" s="424"/>
      <c r="GCA734" s="424"/>
      <c r="GCB734" s="424"/>
      <c r="GCC734" s="423" t="s">
        <v>2795</v>
      </c>
      <c r="GCD734" s="424"/>
      <c r="GCE734" s="424"/>
      <c r="GCF734" s="424"/>
      <c r="GCG734" s="423" t="s">
        <v>2795</v>
      </c>
      <c r="GCH734" s="424"/>
      <c r="GCI734" s="424"/>
      <c r="GCJ734" s="424"/>
      <c r="GCK734" s="423" t="s">
        <v>2795</v>
      </c>
      <c r="GCL734" s="424"/>
      <c r="GCM734" s="424"/>
      <c r="GCN734" s="424"/>
      <c r="GCO734" s="423" t="s">
        <v>2795</v>
      </c>
      <c r="GCP734" s="424"/>
      <c r="GCQ734" s="424"/>
      <c r="GCR734" s="424"/>
      <c r="GCS734" s="423" t="s">
        <v>2795</v>
      </c>
      <c r="GCT734" s="424"/>
      <c r="GCU734" s="424"/>
      <c r="GCV734" s="424"/>
      <c r="GCW734" s="423" t="s">
        <v>2795</v>
      </c>
      <c r="GCX734" s="424"/>
      <c r="GCY734" s="424"/>
      <c r="GCZ734" s="424"/>
      <c r="GDA734" s="423" t="s">
        <v>2795</v>
      </c>
      <c r="GDB734" s="424"/>
      <c r="GDC734" s="424"/>
      <c r="GDD734" s="424"/>
      <c r="GDE734" s="423" t="s">
        <v>2795</v>
      </c>
      <c r="GDF734" s="424"/>
      <c r="GDG734" s="424"/>
      <c r="GDH734" s="424"/>
      <c r="GDI734" s="423" t="s">
        <v>2795</v>
      </c>
      <c r="GDJ734" s="424"/>
      <c r="GDK734" s="424"/>
      <c r="GDL734" s="424"/>
      <c r="GDM734" s="423" t="s">
        <v>2795</v>
      </c>
      <c r="GDN734" s="424"/>
      <c r="GDO734" s="424"/>
      <c r="GDP734" s="424"/>
      <c r="GDQ734" s="423" t="s">
        <v>2795</v>
      </c>
      <c r="GDR734" s="424"/>
      <c r="GDS734" s="424"/>
      <c r="GDT734" s="424"/>
      <c r="GDU734" s="423" t="s">
        <v>2795</v>
      </c>
      <c r="GDV734" s="424"/>
      <c r="GDW734" s="424"/>
      <c r="GDX734" s="424"/>
      <c r="GDY734" s="423" t="s">
        <v>2795</v>
      </c>
      <c r="GDZ734" s="424"/>
      <c r="GEA734" s="424"/>
      <c r="GEB734" s="424"/>
      <c r="GEC734" s="423" t="s">
        <v>2795</v>
      </c>
      <c r="GED734" s="424"/>
      <c r="GEE734" s="424"/>
      <c r="GEF734" s="424"/>
      <c r="GEG734" s="423" t="s">
        <v>2795</v>
      </c>
      <c r="GEH734" s="424"/>
      <c r="GEI734" s="424"/>
      <c r="GEJ734" s="424"/>
      <c r="GEK734" s="423" t="s">
        <v>2795</v>
      </c>
      <c r="GEL734" s="424"/>
      <c r="GEM734" s="424"/>
      <c r="GEN734" s="424"/>
      <c r="GEO734" s="423" t="s">
        <v>2795</v>
      </c>
      <c r="GEP734" s="424"/>
      <c r="GEQ734" s="424"/>
      <c r="GER734" s="424"/>
      <c r="GES734" s="423" t="s">
        <v>2795</v>
      </c>
      <c r="GET734" s="424"/>
      <c r="GEU734" s="424"/>
      <c r="GEV734" s="424"/>
      <c r="GEW734" s="423" t="s">
        <v>2795</v>
      </c>
      <c r="GEX734" s="424"/>
      <c r="GEY734" s="424"/>
      <c r="GEZ734" s="424"/>
      <c r="GFA734" s="423" t="s">
        <v>2795</v>
      </c>
      <c r="GFB734" s="424"/>
      <c r="GFC734" s="424"/>
      <c r="GFD734" s="424"/>
      <c r="GFE734" s="423" t="s">
        <v>2795</v>
      </c>
      <c r="GFF734" s="424"/>
      <c r="GFG734" s="424"/>
      <c r="GFH734" s="424"/>
      <c r="GFI734" s="423" t="s">
        <v>2795</v>
      </c>
      <c r="GFJ734" s="424"/>
      <c r="GFK734" s="424"/>
      <c r="GFL734" s="424"/>
      <c r="GFM734" s="423" t="s">
        <v>2795</v>
      </c>
      <c r="GFN734" s="424"/>
      <c r="GFO734" s="424"/>
      <c r="GFP734" s="424"/>
      <c r="GFQ734" s="423" t="s">
        <v>2795</v>
      </c>
      <c r="GFR734" s="424"/>
      <c r="GFS734" s="424"/>
      <c r="GFT734" s="424"/>
      <c r="GFU734" s="423" t="s">
        <v>2795</v>
      </c>
      <c r="GFV734" s="424"/>
      <c r="GFW734" s="424"/>
      <c r="GFX734" s="424"/>
      <c r="GFY734" s="423" t="s">
        <v>2795</v>
      </c>
      <c r="GFZ734" s="424"/>
      <c r="GGA734" s="424"/>
      <c r="GGB734" s="424"/>
      <c r="GGC734" s="423" t="s">
        <v>2795</v>
      </c>
      <c r="GGD734" s="424"/>
      <c r="GGE734" s="424"/>
      <c r="GGF734" s="424"/>
      <c r="GGG734" s="423" t="s">
        <v>2795</v>
      </c>
      <c r="GGH734" s="424"/>
      <c r="GGI734" s="424"/>
      <c r="GGJ734" s="424"/>
      <c r="GGK734" s="423" t="s">
        <v>2795</v>
      </c>
      <c r="GGL734" s="424"/>
      <c r="GGM734" s="424"/>
      <c r="GGN734" s="424"/>
      <c r="GGO734" s="423" t="s">
        <v>2795</v>
      </c>
      <c r="GGP734" s="424"/>
      <c r="GGQ734" s="424"/>
      <c r="GGR734" s="424"/>
      <c r="GGS734" s="423" t="s">
        <v>2795</v>
      </c>
      <c r="GGT734" s="424"/>
      <c r="GGU734" s="424"/>
      <c r="GGV734" s="424"/>
      <c r="GGW734" s="423" t="s">
        <v>2795</v>
      </c>
      <c r="GGX734" s="424"/>
      <c r="GGY734" s="424"/>
      <c r="GGZ734" s="424"/>
      <c r="GHA734" s="423" t="s">
        <v>2795</v>
      </c>
      <c r="GHB734" s="424"/>
      <c r="GHC734" s="424"/>
      <c r="GHD734" s="424"/>
      <c r="GHE734" s="423" t="s">
        <v>2795</v>
      </c>
      <c r="GHF734" s="424"/>
      <c r="GHG734" s="424"/>
      <c r="GHH734" s="424"/>
      <c r="GHI734" s="423" t="s">
        <v>2795</v>
      </c>
      <c r="GHJ734" s="424"/>
      <c r="GHK734" s="424"/>
      <c r="GHL734" s="424"/>
      <c r="GHM734" s="423" t="s">
        <v>2795</v>
      </c>
      <c r="GHN734" s="424"/>
      <c r="GHO734" s="424"/>
      <c r="GHP734" s="424"/>
      <c r="GHQ734" s="423" t="s">
        <v>2795</v>
      </c>
      <c r="GHR734" s="424"/>
      <c r="GHS734" s="424"/>
      <c r="GHT734" s="424"/>
      <c r="GHU734" s="423" t="s">
        <v>2795</v>
      </c>
      <c r="GHV734" s="424"/>
      <c r="GHW734" s="424"/>
      <c r="GHX734" s="424"/>
      <c r="GHY734" s="423" t="s">
        <v>2795</v>
      </c>
      <c r="GHZ734" s="424"/>
      <c r="GIA734" s="424"/>
      <c r="GIB734" s="424"/>
      <c r="GIC734" s="423" t="s">
        <v>2795</v>
      </c>
      <c r="GID734" s="424"/>
      <c r="GIE734" s="424"/>
      <c r="GIF734" s="424"/>
      <c r="GIG734" s="423" t="s">
        <v>2795</v>
      </c>
      <c r="GIH734" s="424"/>
      <c r="GII734" s="424"/>
      <c r="GIJ734" s="424"/>
      <c r="GIK734" s="423" t="s">
        <v>2795</v>
      </c>
      <c r="GIL734" s="424"/>
      <c r="GIM734" s="424"/>
      <c r="GIN734" s="424"/>
      <c r="GIO734" s="423" t="s">
        <v>2795</v>
      </c>
      <c r="GIP734" s="424"/>
      <c r="GIQ734" s="424"/>
      <c r="GIR734" s="424"/>
      <c r="GIS734" s="423" t="s">
        <v>2795</v>
      </c>
      <c r="GIT734" s="424"/>
      <c r="GIU734" s="424"/>
      <c r="GIV734" s="424"/>
      <c r="GIW734" s="423" t="s">
        <v>2795</v>
      </c>
      <c r="GIX734" s="424"/>
      <c r="GIY734" s="424"/>
      <c r="GIZ734" s="424"/>
      <c r="GJA734" s="423" t="s">
        <v>2795</v>
      </c>
      <c r="GJB734" s="424"/>
      <c r="GJC734" s="424"/>
      <c r="GJD734" s="424"/>
      <c r="GJE734" s="423" t="s">
        <v>2795</v>
      </c>
      <c r="GJF734" s="424"/>
      <c r="GJG734" s="424"/>
      <c r="GJH734" s="424"/>
      <c r="GJI734" s="423" t="s">
        <v>2795</v>
      </c>
      <c r="GJJ734" s="424"/>
      <c r="GJK734" s="424"/>
      <c r="GJL734" s="424"/>
      <c r="GJM734" s="423" t="s">
        <v>2795</v>
      </c>
      <c r="GJN734" s="424"/>
      <c r="GJO734" s="424"/>
      <c r="GJP734" s="424"/>
      <c r="GJQ734" s="423" t="s">
        <v>2795</v>
      </c>
      <c r="GJR734" s="424"/>
      <c r="GJS734" s="424"/>
      <c r="GJT734" s="424"/>
      <c r="GJU734" s="423" t="s">
        <v>2795</v>
      </c>
      <c r="GJV734" s="424"/>
      <c r="GJW734" s="424"/>
      <c r="GJX734" s="424"/>
      <c r="GJY734" s="423" t="s">
        <v>2795</v>
      </c>
      <c r="GJZ734" s="424"/>
      <c r="GKA734" s="424"/>
      <c r="GKB734" s="424"/>
      <c r="GKC734" s="423" t="s">
        <v>2795</v>
      </c>
      <c r="GKD734" s="424"/>
      <c r="GKE734" s="424"/>
      <c r="GKF734" s="424"/>
      <c r="GKG734" s="423" t="s">
        <v>2795</v>
      </c>
      <c r="GKH734" s="424"/>
      <c r="GKI734" s="424"/>
      <c r="GKJ734" s="424"/>
      <c r="GKK734" s="423" t="s">
        <v>2795</v>
      </c>
      <c r="GKL734" s="424"/>
      <c r="GKM734" s="424"/>
      <c r="GKN734" s="424"/>
      <c r="GKO734" s="423" t="s">
        <v>2795</v>
      </c>
      <c r="GKP734" s="424"/>
      <c r="GKQ734" s="424"/>
      <c r="GKR734" s="424"/>
      <c r="GKS734" s="423" t="s">
        <v>2795</v>
      </c>
      <c r="GKT734" s="424"/>
      <c r="GKU734" s="424"/>
      <c r="GKV734" s="424"/>
      <c r="GKW734" s="423" t="s">
        <v>2795</v>
      </c>
      <c r="GKX734" s="424"/>
      <c r="GKY734" s="424"/>
      <c r="GKZ734" s="424"/>
      <c r="GLA734" s="423" t="s">
        <v>2795</v>
      </c>
      <c r="GLB734" s="424"/>
      <c r="GLC734" s="424"/>
      <c r="GLD734" s="424"/>
      <c r="GLE734" s="423" t="s">
        <v>2795</v>
      </c>
      <c r="GLF734" s="424"/>
      <c r="GLG734" s="424"/>
      <c r="GLH734" s="424"/>
      <c r="GLI734" s="423" t="s">
        <v>2795</v>
      </c>
      <c r="GLJ734" s="424"/>
      <c r="GLK734" s="424"/>
      <c r="GLL734" s="424"/>
      <c r="GLM734" s="423" t="s">
        <v>2795</v>
      </c>
      <c r="GLN734" s="424"/>
      <c r="GLO734" s="424"/>
      <c r="GLP734" s="424"/>
      <c r="GLQ734" s="423" t="s">
        <v>2795</v>
      </c>
      <c r="GLR734" s="424"/>
      <c r="GLS734" s="424"/>
      <c r="GLT734" s="424"/>
      <c r="GLU734" s="423" t="s">
        <v>2795</v>
      </c>
      <c r="GLV734" s="424"/>
      <c r="GLW734" s="424"/>
      <c r="GLX734" s="424"/>
      <c r="GLY734" s="423" t="s">
        <v>2795</v>
      </c>
      <c r="GLZ734" s="424"/>
      <c r="GMA734" s="424"/>
      <c r="GMB734" s="424"/>
      <c r="GMC734" s="423" t="s">
        <v>2795</v>
      </c>
      <c r="GMD734" s="424"/>
      <c r="GME734" s="424"/>
      <c r="GMF734" s="424"/>
      <c r="GMG734" s="423" t="s">
        <v>2795</v>
      </c>
      <c r="GMH734" s="424"/>
      <c r="GMI734" s="424"/>
      <c r="GMJ734" s="424"/>
      <c r="GMK734" s="423" t="s">
        <v>2795</v>
      </c>
      <c r="GML734" s="424"/>
      <c r="GMM734" s="424"/>
      <c r="GMN734" s="424"/>
      <c r="GMO734" s="423" t="s">
        <v>2795</v>
      </c>
      <c r="GMP734" s="424"/>
      <c r="GMQ734" s="424"/>
      <c r="GMR734" s="424"/>
      <c r="GMS734" s="423" t="s">
        <v>2795</v>
      </c>
      <c r="GMT734" s="424"/>
      <c r="GMU734" s="424"/>
      <c r="GMV734" s="424"/>
      <c r="GMW734" s="423" t="s">
        <v>2795</v>
      </c>
      <c r="GMX734" s="424"/>
      <c r="GMY734" s="424"/>
      <c r="GMZ734" s="424"/>
      <c r="GNA734" s="423" t="s">
        <v>2795</v>
      </c>
      <c r="GNB734" s="424"/>
      <c r="GNC734" s="424"/>
      <c r="GND734" s="424"/>
      <c r="GNE734" s="423" t="s">
        <v>2795</v>
      </c>
      <c r="GNF734" s="424"/>
      <c r="GNG734" s="424"/>
      <c r="GNH734" s="424"/>
      <c r="GNI734" s="423" t="s">
        <v>2795</v>
      </c>
      <c r="GNJ734" s="424"/>
      <c r="GNK734" s="424"/>
      <c r="GNL734" s="424"/>
      <c r="GNM734" s="423" t="s">
        <v>2795</v>
      </c>
      <c r="GNN734" s="424"/>
      <c r="GNO734" s="424"/>
      <c r="GNP734" s="424"/>
      <c r="GNQ734" s="423" t="s">
        <v>2795</v>
      </c>
      <c r="GNR734" s="424"/>
      <c r="GNS734" s="424"/>
      <c r="GNT734" s="424"/>
      <c r="GNU734" s="423" t="s">
        <v>2795</v>
      </c>
      <c r="GNV734" s="424"/>
      <c r="GNW734" s="424"/>
      <c r="GNX734" s="424"/>
      <c r="GNY734" s="423" t="s">
        <v>2795</v>
      </c>
      <c r="GNZ734" s="424"/>
      <c r="GOA734" s="424"/>
      <c r="GOB734" s="424"/>
      <c r="GOC734" s="423" t="s">
        <v>2795</v>
      </c>
      <c r="GOD734" s="424"/>
      <c r="GOE734" s="424"/>
      <c r="GOF734" s="424"/>
      <c r="GOG734" s="423" t="s">
        <v>2795</v>
      </c>
      <c r="GOH734" s="424"/>
      <c r="GOI734" s="424"/>
      <c r="GOJ734" s="424"/>
      <c r="GOK734" s="423" t="s">
        <v>2795</v>
      </c>
      <c r="GOL734" s="424"/>
      <c r="GOM734" s="424"/>
      <c r="GON734" s="424"/>
      <c r="GOO734" s="423" t="s">
        <v>2795</v>
      </c>
      <c r="GOP734" s="424"/>
      <c r="GOQ734" s="424"/>
      <c r="GOR734" s="424"/>
      <c r="GOS734" s="423" t="s">
        <v>2795</v>
      </c>
      <c r="GOT734" s="424"/>
      <c r="GOU734" s="424"/>
      <c r="GOV734" s="424"/>
      <c r="GOW734" s="423" t="s">
        <v>2795</v>
      </c>
      <c r="GOX734" s="424"/>
      <c r="GOY734" s="424"/>
      <c r="GOZ734" s="424"/>
      <c r="GPA734" s="423" t="s">
        <v>2795</v>
      </c>
      <c r="GPB734" s="424"/>
      <c r="GPC734" s="424"/>
      <c r="GPD734" s="424"/>
      <c r="GPE734" s="423" t="s">
        <v>2795</v>
      </c>
      <c r="GPF734" s="424"/>
      <c r="GPG734" s="424"/>
      <c r="GPH734" s="424"/>
      <c r="GPI734" s="423" t="s">
        <v>2795</v>
      </c>
      <c r="GPJ734" s="424"/>
      <c r="GPK734" s="424"/>
      <c r="GPL734" s="424"/>
      <c r="GPM734" s="423" t="s">
        <v>2795</v>
      </c>
      <c r="GPN734" s="424"/>
      <c r="GPO734" s="424"/>
      <c r="GPP734" s="424"/>
      <c r="GPQ734" s="423" t="s">
        <v>2795</v>
      </c>
      <c r="GPR734" s="424"/>
      <c r="GPS734" s="424"/>
      <c r="GPT734" s="424"/>
      <c r="GPU734" s="423" t="s">
        <v>2795</v>
      </c>
      <c r="GPV734" s="424"/>
      <c r="GPW734" s="424"/>
      <c r="GPX734" s="424"/>
      <c r="GPY734" s="423" t="s">
        <v>2795</v>
      </c>
      <c r="GPZ734" s="424"/>
      <c r="GQA734" s="424"/>
      <c r="GQB734" s="424"/>
      <c r="GQC734" s="423" t="s">
        <v>2795</v>
      </c>
      <c r="GQD734" s="424"/>
      <c r="GQE734" s="424"/>
      <c r="GQF734" s="424"/>
      <c r="GQG734" s="423" t="s">
        <v>2795</v>
      </c>
      <c r="GQH734" s="424"/>
      <c r="GQI734" s="424"/>
      <c r="GQJ734" s="424"/>
      <c r="GQK734" s="423" t="s">
        <v>2795</v>
      </c>
      <c r="GQL734" s="424"/>
      <c r="GQM734" s="424"/>
      <c r="GQN734" s="424"/>
      <c r="GQO734" s="423" t="s">
        <v>2795</v>
      </c>
      <c r="GQP734" s="424"/>
      <c r="GQQ734" s="424"/>
      <c r="GQR734" s="424"/>
      <c r="GQS734" s="423" t="s">
        <v>2795</v>
      </c>
      <c r="GQT734" s="424"/>
      <c r="GQU734" s="424"/>
      <c r="GQV734" s="424"/>
      <c r="GQW734" s="423" t="s">
        <v>2795</v>
      </c>
      <c r="GQX734" s="424"/>
      <c r="GQY734" s="424"/>
      <c r="GQZ734" s="424"/>
      <c r="GRA734" s="423" t="s">
        <v>2795</v>
      </c>
      <c r="GRB734" s="424"/>
      <c r="GRC734" s="424"/>
      <c r="GRD734" s="424"/>
      <c r="GRE734" s="423" t="s">
        <v>2795</v>
      </c>
      <c r="GRF734" s="424"/>
      <c r="GRG734" s="424"/>
      <c r="GRH734" s="424"/>
      <c r="GRI734" s="423" t="s">
        <v>2795</v>
      </c>
      <c r="GRJ734" s="424"/>
      <c r="GRK734" s="424"/>
      <c r="GRL734" s="424"/>
      <c r="GRM734" s="423" t="s">
        <v>2795</v>
      </c>
      <c r="GRN734" s="424"/>
      <c r="GRO734" s="424"/>
      <c r="GRP734" s="424"/>
      <c r="GRQ734" s="423" t="s">
        <v>2795</v>
      </c>
      <c r="GRR734" s="424"/>
      <c r="GRS734" s="424"/>
      <c r="GRT734" s="424"/>
      <c r="GRU734" s="423" t="s">
        <v>2795</v>
      </c>
      <c r="GRV734" s="424"/>
      <c r="GRW734" s="424"/>
      <c r="GRX734" s="424"/>
      <c r="GRY734" s="423" t="s">
        <v>2795</v>
      </c>
      <c r="GRZ734" s="424"/>
      <c r="GSA734" s="424"/>
      <c r="GSB734" s="424"/>
      <c r="GSC734" s="423" t="s">
        <v>2795</v>
      </c>
      <c r="GSD734" s="424"/>
      <c r="GSE734" s="424"/>
      <c r="GSF734" s="424"/>
      <c r="GSG734" s="423" t="s">
        <v>2795</v>
      </c>
      <c r="GSH734" s="424"/>
      <c r="GSI734" s="424"/>
      <c r="GSJ734" s="424"/>
      <c r="GSK734" s="423" t="s">
        <v>2795</v>
      </c>
      <c r="GSL734" s="424"/>
      <c r="GSM734" s="424"/>
      <c r="GSN734" s="424"/>
      <c r="GSO734" s="423" t="s">
        <v>2795</v>
      </c>
      <c r="GSP734" s="424"/>
      <c r="GSQ734" s="424"/>
      <c r="GSR734" s="424"/>
      <c r="GSS734" s="423" t="s">
        <v>2795</v>
      </c>
      <c r="GST734" s="424"/>
      <c r="GSU734" s="424"/>
      <c r="GSV734" s="424"/>
      <c r="GSW734" s="423" t="s">
        <v>2795</v>
      </c>
      <c r="GSX734" s="424"/>
      <c r="GSY734" s="424"/>
      <c r="GSZ734" s="424"/>
      <c r="GTA734" s="423" t="s">
        <v>2795</v>
      </c>
      <c r="GTB734" s="424"/>
      <c r="GTC734" s="424"/>
      <c r="GTD734" s="424"/>
      <c r="GTE734" s="423" t="s">
        <v>2795</v>
      </c>
      <c r="GTF734" s="424"/>
      <c r="GTG734" s="424"/>
      <c r="GTH734" s="424"/>
      <c r="GTI734" s="423" t="s">
        <v>2795</v>
      </c>
      <c r="GTJ734" s="424"/>
      <c r="GTK734" s="424"/>
      <c r="GTL734" s="424"/>
      <c r="GTM734" s="423" t="s">
        <v>2795</v>
      </c>
      <c r="GTN734" s="424"/>
      <c r="GTO734" s="424"/>
      <c r="GTP734" s="424"/>
      <c r="GTQ734" s="423" t="s">
        <v>2795</v>
      </c>
      <c r="GTR734" s="424"/>
      <c r="GTS734" s="424"/>
      <c r="GTT734" s="424"/>
      <c r="GTU734" s="423" t="s">
        <v>2795</v>
      </c>
      <c r="GTV734" s="424"/>
      <c r="GTW734" s="424"/>
      <c r="GTX734" s="424"/>
      <c r="GTY734" s="423" t="s">
        <v>2795</v>
      </c>
      <c r="GTZ734" s="424"/>
      <c r="GUA734" s="424"/>
      <c r="GUB734" s="424"/>
      <c r="GUC734" s="423" t="s">
        <v>2795</v>
      </c>
      <c r="GUD734" s="424"/>
      <c r="GUE734" s="424"/>
      <c r="GUF734" s="424"/>
      <c r="GUG734" s="423" t="s">
        <v>2795</v>
      </c>
      <c r="GUH734" s="424"/>
      <c r="GUI734" s="424"/>
      <c r="GUJ734" s="424"/>
      <c r="GUK734" s="423" t="s">
        <v>2795</v>
      </c>
      <c r="GUL734" s="424"/>
      <c r="GUM734" s="424"/>
      <c r="GUN734" s="424"/>
      <c r="GUO734" s="423" t="s">
        <v>2795</v>
      </c>
      <c r="GUP734" s="424"/>
      <c r="GUQ734" s="424"/>
      <c r="GUR734" s="424"/>
      <c r="GUS734" s="423" t="s">
        <v>2795</v>
      </c>
      <c r="GUT734" s="424"/>
      <c r="GUU734" s="424"/>
      <c r="GUV734" s="424"/>
      <c r="GUW734" s="423" t="s">
        <v>2795</v>
      </c>
      <c r="GUX734" s="424"/>
      <c r="GUY734" s="424"/>
      <c r="GUZ734" s="424"/>
      <c r="GVA734" s="423" t="s">
        <v>2795</v>
      </c>
      <c r="GVB734" s="424"/>
      <c r="GVC734" s="424"/>
      <c r="GVD734" s="424"/>
      <c r="GVE734" s="423" t="s">
        <v>2795</v>
      </c>
      <c r="GVF734" s="424"/>
      <c r="GVG734" s="424"/>
      <c r="GVH734" s="424"/>
      <c r="GVI734" s="423" t="s">
        <v>2795</v>
      </c>
      <c r="GVJ734" s="424"/>
      <c r="GVK734" s="424"/>
      <c r="GVL734" s="424"/>
      <c r="GVM734" s="423" t="s">
        <v>2795</v>
      </c>
      <c r="GVN734" s="424"/>
      <c r="GVO734" s="424"/>
      <c r="GVP734" s="424"/>
      <c r="GVQ734" s="423" t="s">
        <v>2795</v>
      </c>
      <c r="GVR734" s="424"/>
      <c r="GVS734" s="424"/>
      <c r="GVT734" s="424"/>
      <c r="GVU734" s="423" t="s">
        <v>2795</v>
      </c>
      <c r="GVV734" s="424"/>
      <c r="GVW734" s="424"/>
      <c r="GVX734" s="424"/>
      <c r="GVY734" s="423" t="s">
        <v>2795</v>
      </c>
      <c r="GVZ734" s="424"/>
      <c r="GWA734" s="424"/>
      <c r="GWB734" s="424"/>
      <c r="GWC734" s="423" t="s">
        <v>2795</v>
      </c>
      <c r="GWD734" s="424"/>
      <c r="GWE734" s="424"/>
      <c r="GWF734" s="424"/>
      <c r="GWG734" s="423" t="s">
        <v>2795</v>
      </c>
      <c r="GWH734" s="424"/>
      <c r="GWI734" s="424"/>
      <c r="GWJ734" s="424"/>
      <c r="GWK734" s="423" t="s">
        <v>2795</v>
      </c>
      <c r="GWL734" s="424"/>
      <c r="GWM734" s="424"/>
      <c r="GWN734" s="424"/>
      <c r="GWO734" s="423" t="s">
        <v>2795</v>
      </c>
      <c r="GWP734" s="424"/>
      <c r="GWQ734" s="424"/>
      <c r="GWR734" s="424"/>
      <c r="GWS734" s="423" t="s">
        <v>2795</v>
      </c>
      <c r="GWT734" s="424"/>
      <c r="GWU734" s="424"/>
      <c r="GWV734" s="424"/>
      <c r="GWW734" s="423" t="s">
        <v>2795</v>
      </c>
      <c r="GWX734" s="424"/>
      <c r="GWY734" s="424"/>
      <c r="GWZ734" s="424"/>
      <c r="GXA734" s="423" t="s">
        <v>2795</v>
      </c>
      <c r="GXB734" s="424"/>
      <c r="GXC734" s="424"/>
      <c r="GXD734" s="424"/>
      <c r="GXE734" s="423" t="s">
        <v>2795</v>
      </c>
      <c r="GXF734" s="424"/>
      <c r="GXG734" s="424"/>
      <c r="GXH734" s="424"/>
      <c r="GXI734" s="423" t="s">
        <v>2795</v>
      </c>
      <c r="GXJ734" s="424"/>
      <c r="GXK734" s="424"/>
      <c r="GXL734" s="424"/>
      <c r="GXM734" s="423" t="s">
        <v>2795</v>
      </c>
      <c r="GXN734" s="424"/>
      <c r="GXO734" s="424"/>
      <c r="GXP734" s="424"/>
      <c r="GXQ734" s="423" t="s">
        <v>2795</v>
      </c>
      <c r="GXR734" s="424"/>
      <c r="GXS734" s="424"/>
      <c r="GXT734" s="424"/>
      <c r="GXU734" s="423" t="s">
        <v>2795</v>
      </c>
      <c r="GXV734" s="424"/>
      <c r="GXW734" s="424"/>
      <c r="GXX734" s="424"/>
      <c r="GXY734" s="423" t="s">
        <v>2795</v>
      </c>
      <c r="GXZ734" s="424"/>
      <c r="GYA734" s="424"/>
      <c r="GYB734" s="424"/>
      <c r="GYC734" s="423" t="s">
        <v>2795</v>
      </c>
      <c r="GYD734" s="424"/>
      <c r="GYE734" s="424"/>
      <c r="GYF734" s="424"/>
      <c r="GYG734" s="423" t="s">
        <v>2795</v>
      </c>
      <c r="GYH734" s="424"/>
      <c r="GYI734" s="424"/>
      <c r="GYJ734" s="424"/>
      <c r="GYK734" s="423" t="s">
        <v>2795</v>
      </c>
      <c r="GYL734" s="424"/>
      <c r="GYM734" s="424"/>
      <c r="GYN734" s="424"/>
      <c r="GYO734" s="423" t="s">
        <v>2795</v>
      </c>
      <c r="GYP734" s="424"/>
      <c r="GYQ734" s="424"/>
      <c r="GYR734" s="424"/>
      <c r="GYS734" s="423" t="s">
        <v>2795</v>
      </c>
      <c r="GYT734" s="424"/>
      <c r="GYU734" s="424"/>
      <c r="GYV734" s="424"/>
      <c r="GYW734" s="423" t="s">
        <v>2795</v>
      </c>
      <c r="GYX734" s="424"/>
      <c r="GYY734" s="424"/>
      <c r="GYZ734" s="424"/>
      <c r="GZA734" s="423" t="s">
        <v>2795</v>
      </c>
      <c r="GZB734" s="424"/>
      <c r="GZC734" s="424"/>
      <c r="GZD734" s="424"/>
      <c r="GZE734" s="423" t="s">
        <v>2795</v>
      </c>
      <c r="GZF734" s="424"/>
      <c r="GZG734" s="424"/>
      <c r="GZH734" s="424"/>
      <c r="GZI734" s="423" t="s">
        <v>2795</v>
      </c>
      <c r="GZJ734" s="424"/>
      <c r="GZK734" s="424"/>
      <c r="GZL734" s="424"/>
      <c r="GZM734" s="423" t="s">
        <v>2795</v>
      </c>
      <c r="GZN734" s="424"/>
      <c r="GZO734" s="424"/>
      <c r="GZP734" s="424"/>
      <c r="GZQ734" s="423" t="s">
        <v>2795</v>
      </c>
      <c r="GZR734" s="424"/>
      <c r="GZS734" s="424"/>
      <c r="GZT734" s="424"/>
      <c r="GZU734" s="423" t="s">
        <v>2795</v>
      </c>
      <c r="GZV734" s="424"/>
      <c r="GZW734" s="424"/>
      <c r="GZX734" s="424"/>
      <c r="GZY734" s="423" t="s">
        <v>2795</v>
      </c>
      <c r="GZZ734" s="424"/>
      <c r="HAA734" s="424"/>
      <c r="HAB734" s="424"/>
      <c r="HAC734" s="423" t="s">
        <v>2795</v>
      </c>
      <c r="HAD734" s="424"/>
      <c r="HAE734" s="424"/>
      <c r="HAF734" s="424"/>
      <c r="HAG734" s="423" t="s">
        <v>2795</v>
      </c>
      <c r="HAH734" s="424"/>
      <c r="HAI734" s="424"/>
      <c r="HAJ734" s="424"/>
      <c r="HAK734" s="423" t="s">
        <v>2795</v>
      </c>
      <c r="HAL734" s="424"/>
      <c r="HAM734" s="424"/>
      <c r="HAN734" s="424"/>
      <c r="HAO734" s="423" t="s">
        <v>2795</v>
      </c>
      <c r="HAP734" s="424"/>
      <c r="HAQ734" s="424"/>
      <c r="HAR734" s="424"/>
      <c r="HAS734" s="423" t="s">
        <v>2795</v>
      </c>
      <c r="HAT734" s="424"/>
      <c r="HAU734" s="424"/>
      <c r="HAV734" s="424"/>
      <c r="HAW734" s="423" t="s">
        <v>2795</v>
      </c>
      <c r="HAX734" s="424"/>
      <c r="HAY734" s="424"/>
      <c r="HAZ734" s="424"/>
      <c r="HBA734" s="423" t="s">
        <v>2795</v>
      </c>
      <c r="HBB734" s="424"/>
      <c r="HBC734" s="424"/>
      <c r="HBD734" s="424"/>
      <c r="HBE734" s="423" t="s">
        <v>2795</v>
      </c>
      <c r="HBF734" s="424"/>
      <c r="HBG734" s="424"/>
      <c r="HBH734" s="424"/>
      <c r="HBI734" s="423" t="s">
        <v>2795</v>
      </c>
      <c r="HBJ734" s="424"/>
      <c r="HBK734" s="424"/>
      <c r="HBL734" s="424"/>
      <c r="HBM734" s="423" t="s">
        <v>2795</v>
      </c>
      <c r="HBN734" s="424"/>
      <c r="HBO734" s="424"/>
      <c r="HBP734" s="424"/>
      <c r="HBQ734" s="423" t="s">
        <v>2795</v>
      </c>
      <c r="HBR734" s="424"/>
      <c r="HBS734" s="424"/>
      <c r="HBT734" s="424"/>
      <c r="HBU734" s="423" t="s">
        <v>2795</v>
      </c>
      <c r="HBV734" s="424"/>
      <c r="HBW734" s="424"/>
      <c r="HBX734" s="424"/>
      <c r="HBY734" s="423" t="s">
        <v>2795</v>
      </c>
      <c r="HBZ734" s="424"/>
      <c r="HCA734" s="424"/>
      <c r="HCB734" s="424"/>
      <c r="HCC734" s="423" t="s">
        <v>2795</v>
      </c>
      <c r="HCD734" s="424"/>
      <c r="HCE734" s="424"/>
      <c r="HCF734" s="424"/>
      <c r="HCG734" s="423" t="s">
        <v>2795</v>
      </c>
      <c r="HCH734" s="424"/>
      <c r="HCI734" s="424"/>
      <c r="HCJ734" s="424"/>
      <c r="HCK734" s="423" t="s">
        <v>2795</v>
      </c>
      <c r="HCL734" s="424"/>
      <c r="HCM734" s="424"/>
      <c r="HCN734" s="424"/>
      <c r="HCO734" s="423" t="s">
        <v>2795</v>
      </c>
      <c r="HCP734" s="424"/>
      <c r="HCQ734" s="424"/>
      <c r="HCR734" s="424"/>
      <c r="HCS734" s="423" t="s">
        <v>2795</v>
      </c>
      <c r="HCT734" s="424"/>
      <c r="HCU734" s="424"/>
      <c r="HCV734" s="424"/>
      <c r="HCW734" s="423" t="s">
        <v>2795</v>
      </c>
      <c r="HCX734" s="424"/>
      <c r="HCY734" s="424"/>
      <c r="HCZ734" s="424"/>
      <c r="HDA734" s="423" t="s">
        <v>2795</v>
      </c>
      <c r="HDB734" s="424"/>
      <c r="HDC734" s="424"/>
      <c r="HDD734" s="424"/>
      <c r="HDE734" s="423" t="s">
        <v>2795</v>
      </c>
      <c r="HDF734" s="424"/>
      <c r="HDG734" s="424"/>
      <c r="HDH734" s="424"/>
      <c r="HDI734" s="423" t="s">
        <v>2795</v>
      </c>
      <c r="HDJ734" s="424"/>
      <c r="HDK734" s="424"/>
      <c r="HDL734" s="424"/>
      <c r="HDM734" s="423" t="s">
        <v>2795</v>
      </c>
      <c r="HDN734" s="424"/>
      <c r="HDO734" s="424"/>
      <c r="HDP734" s="424"/>
      <c r="HDQ734" s="423" t="s">
        <v>2795</v>
      </c>
      <c r="HDR734" s="424"/>
      <c r="HDS734" s="424"/>
      <c r="HDT734" s="424"/>
      <c r="HDU734" s="423" t="s">
        <v>2795</v>
      </c>
      <c r="HDV734" s="424"/>
      <c r="HDW734" s="424"/>
      <c r="HDX734" s="424"/>
      <c r="HDY734" s="423" t="s">
        <v>2795</v>
      </c>
      <c r="HDZ734" s="424"/>
      <c r="HEA734" s="424"/>
      <c r="HEB734" s="424"/>
      <c r="HEC734" s="423" t="s">
        <v>2795</v>
      </c>
      <c r="HED734" s="424"/>
      <c r="HEE734" s="424"/>
      <c r="HEF734" s="424"/>
      <c r="HEG734" s="423" t="s">
        <v>2795</v>
      </c>
      <c r="HEH734" s="424"/>
      <c r="HEI734" s="424"/>
      <c r="HEJ734" s="424"/>
      <c r="HEK734" s="423" t="s">
        <v>2795</v>
      </c>
      <c r="HEL734" s="424"/>
      <c r="HEM734" s="424"/>
      <c r="HEN734" s="424"/>
      <c r="HEO734" s="423" t="s">
        <v>2795</v>
      </c>
      <c r="HEP734" s="424"/>
      <c r="HEQ734" s="424"/>
      <c r="HER734" s="424"/>
      <c r="HES734" s="423" t="s">
        <v>2795</v>
      </c>
      <c r="HET734" s="424"/>
      <c r="HEU734" s="424"/>
      <c r="HEV734" s="424"/>
      <c r="HEW734" s="423" t="s">
        <v>2795</v>
      </c>
      <c r="HEX734" s="424"/>
      <c r="HEY734" s="424"/>
      <c r="HEZ734" s="424"/>
      <c r="HFA734" s="423" t="s">
        <v>2795</v>
      </c>
      <c r="HFB734" s="424"/>
      <c r="HFC734" s="424"/>
      <c r="HFD734" s="424"/>
      <c r="HFE734" s="423" t="s">
        <v>2795</v>
      </c>
      <c r="HFF734" s="424"/>
      <c r="HFG734" s="424"/>
      <c r="HFH734" s="424"/>
      <c r="HFI734" s="423" t="s">
        <v>2795</v>
      </c>
      <c r="HFJ734" s="424"/>
      <c r="HFK734" s="424"/>
      <c r="HFL734" s="424"/>
      <c r="HFM734" s="423" t="s">
        <v>2795</v>
      </c>
      <c r="HFN734" s="424"/>
      <c r="HFO734" s="424"/>
      <c r="HFP734" s="424"/>
      <c r="HFQ734" s="423" t="s">
        <v>2795</v>
      </c>
      <c r="HFR734" s="424"/>
      <c r="HFS734" s="424"/>
      <c r="HFT734" s="424"/>
      <c r="HFU734" s="423" t="s">
        <v>2795</v>
      </c>
      <c r="HFV734" s="424"/>
      <c r="HFW734" s="424"/>
      <c r="HFX734" s="424"/>
      <c r="HFY734" s="423" t="s">
        <v>2795</v>
      </c>
      <c r="HFZ734" s="424"/>
      <c r="HGA734" s="424"/>
      <c r="HGB734" s="424"/>
      <c r="HGC734" s="423" t="s">
        <v>2795</v>
      </c>
      <c r="HGD734" s="424"/>
      <c r="HGE734" s="424"/>
      <c r="HGF734" s="424"/>
      <c r="HGG734" s="423" t="s">
        <v>2795</v>
      </c>
      <c r="HGH734" s="424"/>
      <c r="HGI734" s="424"/>
      <c r="HGJ734" s="424"/>
      <c r="HGK734" s="423" t="s">
        <v>2795</v>
      </c>
      <c r="HGL734" s="424"/>
      <c r="HGM734" s="424"/>
      <c r="HGN734" s="424"/>
      <c r="HGO734" s="423" t="s">
        <v>2795</v>
      </c>
      <c r="HGP734" s="424"/>
      <c r="HGQ734" s="424"/>
      <c r="HGR734" s="424"/>
      <c r="HGS734" s="423" t="s">
        <v>2795</v>
      </c>
      <c r="HGT734" s="424"/>
      <c r="HGU734" s="424"/>
      <c r="HGV734" s="424"/>
      <c r="HGW734" s="423" t="s">
        <v>2795</v>
      </c>
      <c r="HGX734" s="424"/>
      <c r="HGY734" s="424"/>
      <c r="HGZ734" s="424"/>
      <c r="HHA734" s="423" t="s">
        <v>2795</v>
      </c>
      <c r="HHB734" s="424"/>
      <c r="HHC734" s="424"/>
      <c r="HHD734" s="424"/>
      <c r="HHE734" s="423" t="s">
        <v>2795</v>
      </c>
      <c r="HHF734" s="424"/>
      <c r="HHG734" s="424"/>
      <c r="HHH734" s="424"/>
      <c r="HHI734" s="423" t="s">
        <v>2795</v>
      </c>
      <c r="HHJ734" s="424"/>
      <c r="HHK734" s="424"/>
      <c r="HHL734" s="424"/>
      <c r="HHM734" s="423" t="s">
        <v>2795</v>
      </c>
      <c r="HHN734" s="424"/>
      <c r="HHO734" s="424"/>
      <c r="HHP734" s="424"/>
      <c r="HHQ734" s="423" t="s">
        <v>2795</v>
      </c>
      <c r="HHR734" s="424"/>
      <c r="HHS734" s="424"/>
      <c r="HHT734" s="424"/>
      <c r="HHU734" s="423" t="s">
        <v>2795</v>
      </c>
      <c r="HHV734" s="424"/>
      <c r="HHW734" s="424"/>
      <c r="HHX734" s="424"/>
      <c r="HHY734" s="423" t="s">
        <v>2795</v>
      </c>
      <c r="HHZ734" s="424"/>
      <c r="HIA734" s="424"/>
      <c r="HIB734" s="424"/>
      <c r="HIC734" s="423" t="s">
        <v>2795</v>
      </c>
      <c r="HID734" s="424"/>
      <c r="HIE734" s="424"/>
      <c r="HIF734" s="424"/>
      <c r="HIG734" s="423" t="s">
        <v>2795</v>
      </c>
      <c r="HIH734" s="424"/>
      <c r="HII734" s="424"/>
      <c r="HIJ734" s="424"/>
      <c r="HIK734" s="423" t="s">
        <v>2795</v>
      </c>
      <c r="HIL734" s="424"/>
      <c r="HIM734" s="424"/>
      <c r="HIN734" s="424"/>
      <c r="HIO734" s="423" t="s">
        <v>2795</v>
      </c>
      <c r="HIP734" s="424"/>
      <c r="HIQ734" s="424"/>
      <c r="HIR734" s="424"/>
      <c r="HIS734" s="423" t="s">
        <v>2795</v>
      </c>
      <c r="HIT734" s="424"/>
      <c r="HIU734" s="424"/>
      <c r="HIV734" s="424"/>
      <c r="HIW734" s="423" t="s">
        <v>2795</v>
      </c>
      <c r="HIX734" s="424"/>
      <c r="HIY734" s="424"/>
      <c r="HIZ734" s="424"/>
      <c r="HJA734" s="423" t="s">
        <v>2795</v>
      </c>
      <c r="HJB734" s="424"/>
      <c r="HJC734" s="424"/>
      <c r="HJD734" s="424"/>
      <c r="HJE734" s="423" t="s">
        <v>2795</v>
      </c>
      <c r="HJF734" s="424"/>
      <c r="HJG734" s="424"/>
      <c r="HJH734" s="424"/>
      <c r="HJI734" s="423" t="s">
        <v>2795</v>
      </c>
      <c r="HJJ734" s="424"/>
      <c r="HJK734" s="424"/>
      <c r="HJL734" s="424"/>
      <c r="HJM734" s="423" t="s">
        <v>2795</v>
      </c>
      <c r="HJN734" s="424"/>
      <c r="HJO734" s="424"/>
      <c r="HJP734" s="424"/>
      <c r="HJQ734" s="423" t="s">
        <v>2795</v>
      </c>
      <c r="HJR734" s="424"/>
      <c r="HJS734" s="424"/>
      <c r="HJT734" s="424"/>
      <c r="HJU734" s="423" t="s">
        <v>2795</v>
      </c>
      <c r="HJV734" s="424"/>
      <c r="HJW734" s="424"/>
      <c r="HJX734" s="424"/>
      <c r="HJY734" s="423" t="s">
        <v>2795</v>
      </c>
      <c r="HJZ734" s="424"/>
      <c r="HKA734" s="424"/>
      <c r="HKB734" s="424"/>
      <c r="HKC734" s="423" t="s">
        <v>2795</v>
      </c>
      <c r="HKD734" s="424"/>
      <c r="HKE734" s="424"/>
      <c r="HKF734" s="424"/>
      <c r="HKG734" s="423" t="s">
        <v>2795</v>
      </c>
      <c r="HKH734" s="424"/>
      <c r="HKI734" s="424"/>
      <c r="HKJ734" s="424"/>
      <c r="HKK734" s="423" t="s">
        <v>2795</v>
      </c>
      <c r="HKL734" s="424"/>
      <c r="HKM734" s="424"/>
      <c r="HKN734" s="424"/>
      <c r="HKO734" s="423" t="s">
        <v>2795</v>
      </c>
      <c r="HKP734" s="424"/>
      <c r="HKQ734" s="424"/>
      <c r="HKR734" s="424"/>
      <c r="HKS734" s="423" t="s">
        <v>2795</v>
      </c>
      <c r="HKT734" s="424"/>
      <c r="HKU734" s="424"/>
      <c r="HKV734" s="424"/>
      <c r="HKW734" s="423" t="s">
        <v>2795</v>
      </c>
      <c r="HKX734" s="424"/>
      <c r="HKY734" s="424"/>
      <c r="HKZ734" s="424"/>
      <c r="HLA734" s="423" t="s">
        <v>2795</v>
      </c>
      <c r="HLB734" s="424"/>
      <c r="HLC734" s="424"/>
      <c r="HLD734" s="424"/>
      <c r="HLE734" s="423" t="s">
        <v>2795</v>
      </c>
      <c r="HLF734" s="424"/>
      <c r="HLG734" s="424"/>
      <c r="HLH734" s="424"/>
      <c r="HLI734" s="423" t="s">
        <v>2795</v>
      </c>
      <c r="HLJ734" s="424"/>
      <c r="HLK734" s="424"/>
      <c r="HLL734" s="424"/>
      <c r="HLM734" s="423" t="s">
        <v>2795</v>
      </c>
      <c r="HLN734" s="424"/>
      <c r="HLO734" s="424"/>
      <c r="HLP734" s="424"/>
      <c r="HLQ734" s="423" t="s">
        <v>2795</v>
      </c>
      <c r="HLR734" s="424"/>
      <c r="HLS734" s="424"/>
      <c r="HLT734" s="424"/>
      <c r="HLU734" s="423" t="s">
        <v>2795</v>
      </c>
      <c r="HLV734" s="424"/>
      <c r="HLW734" s="424"/>
      <c r="HLX734" s="424"/>
      <c r="HLY734" s="423" t="s">
        <v>2795</v>
      </c>
      <c r="HLZ734" s="424"/>
      <c r="HMA734" s="424"/>
      <c r="HMB734" s="424"/>
      <c r="HMC734" s="423" t="s">
        <v>2795</v>
      </c>
      <c r="HMD734" s="424"/>
      <c r="HME734" s="424"/>
      <c r="HMF734" s="424"/>
      <c r="HMG734" s="423" t="s">
        <v>2795</v>
      </c>
      <c r="HMH734" s="424"/>
      <c r="HMI734" s="424"/>
      <c r="HMJ734" s="424"/>
      <c r="HMK734" s="423" t="s">
        <v>2795</v>
      </c>
      <c r="HML734" s="424"/>
      <c r="HMM734" s="424"/>
      <c r="HMN734" s="424"/>
      <c r="HMO734" s="423" t="s">
        <v>2795</v>
      </c>
      <c r="HMP734" s="424"/>
      <c r="HMQ734" s="424"/>
      <c r="HMR734" s="424"/>
      <c r="HMS734" s="423" t="s">
        <v>2795</v>
      </c>
      <c r="HMT734" s="424"/>
      <c r="HMU734" s="424"/>
      <c r="HMV734" s="424"/>
      <c r="HMW734" s="423" t="s">
        <v>2795</v>
      </c>
      <c r="HMX734" s="424"/>
      <c r="HMY734" s="424"/>
      <c r="HMZ734" s="424"/>
      <c r="HNA734" s="423" t="s">
        <v>2795</v>
      </c>
      <c r="HNB734" s="424"/>
      <c r="HNC734" s="424"/>
      <c r="HND734" s="424"/>
      <c r="HNE734" s="423" t="s">
        <v>2795</v>
      </c>
      <c r="HNF734" s="424"/>
      <c r="HNG734" s="424"/>
      <c r="HNH734" s="424"/>
      <c r="HNI734" s="423" t="s">
        <v>2795</v>
      </c>
      <c r="HNJ734" s="424"/>
      <c r="HNK734" s="424"/>
      <c r="HNL734" s="424"/>
      <c r="HNM734" s="423" t="s">
        <v>2795</v>
      </c>
      <c r="HNN734" s="424"/>
      <c r="HNO734" s="424"/>
      <c r="HNP734" s="424"/>
      <c r="HNQ734" s="423" t="s">
        <v>2795</v>
      </c>
      <c r="HNR734" s="424"/>
      <c r="HNS734" s="424"/>
      <c r="HNT734" s="424"/>
      <c r="HNU734" s="423" t="s">
        <v>2795</v>
      </c>
      <c r="HNV734" s="424"/>
      <c r="HNW734" s="424"/>
      <c r="HNX734" s="424"/>
      <c r="HNY734" s="423" t="s">
        <v>2795</v>
      </c>
      <c r="HNZ734" s="424"/>
      <c r="HOA734" s="424"/>
      <c r="HOB734" s="424"/>
      <c r="HOC734" s="423" t="s">
        <v>2795</v>
      </c>
      <c r="HOD734" s="424"/>
      <c r="HOE734" s="424"/>
      <c r="HOF734" s="424"/>
      <c r="HOG734" s="423" t="s">
        <v>2795</v>
      </c>
      <c r="HOH734" s="424"/>
      <c r="HOI734" s="424"/>
      <c r="HOJ734" s="424"/>
      <c r="HOK734" s="423" t="s">
        <v>2795</v>
      </c>
      <c r="HOL734" s="424"/>
      <c r="HOM734" s="424"/>
      <c r="HON734" s="424"/>
      <c r="HOO734" s="423" t="s">
        <v>2795</v>
      </c>
      <c r="HOP734" s="424"/>
      <c r="HOQ734" s="424"/>
      <c r="HOR734" s="424"/>
      <c r="HOS734" s="423" t="s">
        <v>2795</v>
      </c>
      <c r="HOT734" s="424"/>
      <c r="HOU734" s="424"/>
      <c r="HOV734" s="424"/>
      <c r="HOW734" s="423" t="s">
        <v>2795</v>
      </c>
      <c r="HOX734" s="424"/>
      <c r="HOY734" s="424"/>
      <c r="HOZ734" s="424"/>
      <c r="HPA734" s="423" t="s">
        <v>2795</v>
      </c>
      <c r="HPB734" s="424"/>
      <c r="HPC734" s="424"/>
      <c r="HPD734" s="424"/>
      <c r="HPE734" s="423" t="s">
        <v>2795</v>
      </c>
      <c r="HPF734" s="424"/>
      <c r="HPG734" s="424"/>
      <c r="HPH734" s="424"/>
      <c r="HPI734" s="423" t="s">
        <v>2795</v>
      </c>
      <c r="HPJ734" s="424"/>
      <c r="HPK734" s="424"/>
      <c r="HPL734" s="424"/>
      <c r="HPM734" s="423" t="s">
        <v>2795</v>
      </c>
      <c r="HPN734" s="424"/>
      <c r="HPO734" s="424"/>
      <c r="HPP734" s="424"/>
      <c r="HPQ734" s="423" t="s">
        <v>2795</v>
      </c>
      <c r="HPR734" s="424"/>
      <c r="HPS734" s="424"/>
      <c r="HPT734" s="424"/>
      <c r="HPU734" s="423" t="s">
        <v>2795</v>
      </c>
      <c r="HPV734" s="424"/>
      <c r="HPW734" s="424"/>
      <c r="HPX734" s="424"/>
      <c r="HPY734" s="423" t="s">
        <v>2795</v>
      </c>
      <c r="HPZ734" s="424"/>
      <c r="HQA734" s="424"/>
      <c r="HQB734" s="424"/>
      <c r="HQC734" s="423" t="s">
        <v>2795</v>
      </c>
      <c r="HQD734" s="424"/>
      <c r="HQE734" s="424"/>
      <c r="HQF734" s="424"/>
      <c r="HQG734" s="423" t="s">
        <v>2795</v>
      </c>
      <c r="HQH734" s="424"/>
      <c r="HQI734" s="424"/>
      <c r="HQJ734" s="424"/>
      <c r="HQK734" s="423" t="s">
        <v>2795</v>
      </c>
      <c r="HQL734" s="424"/>
      <c r="HQM734" s="424"/>
      <c r="HQN734" s="424"/>
      <c r="HQO734" s="423" t="s">
        <v>2795</v>
      </c>
      <c r="HQP734" s="424"/>
      <c r="HQQ734" s="424"/>
      <c r="HQR734" s="424"/>
      <c r="HQS734" s="423" t="s">
        <v>2795</v>
      </c>
      <c r="HQT734" s="424"/>
      <c r="HQU734" s="424"/>
      <c r="HQV734" s="424"/>
      <c r="HQW734" s="423" t="s">
        <v>2795</v>
      </c>
      <c r="HQX734" s="424"/>
      <c r="HQY734" s="424"/>
      <c r="HQZ734" s="424"/>
      <c r="HRA734" s="423" t="s">
        <v>2795</v>
      </c>
      <c r="HRB734" s="424"/>
      <c r="HRC734" s="424"/>
      <c r="HRD734" s="424"/>
      <c r="HRE734" s="423" t="s">
        <v>2795</v>
      </c>
      <c r="HRF734" s="424"/>
      <c r="HRG734" s="424"/>
      <c r="HRH734" s="424"/>
      <c r="HRI734" s="423" t="s">
        <v>2795</v>
      </c>
      <c r="HRJ734" s="424"/>
      <c r="HRK734" s="424"/>
      <c r="HRL734" s="424"/>
      <c r="HRM734" s="423" t="s">
        <v>2795</v>
      </c>
      <c r="HRN734" s="424"/>
      <c r="HRO734" s="424"/>
      <c r="HRP734" s="424"/>
      <c r="HRQ734" s="423" t="s">
        <v>2795</v>
      </c>
      <c r="HRR734" s="424"/>
      <c r="HRS734" s="424"/>
      <c r="HRT734" s="424"/>
      <c r="HRU734" s="423" t="s">
        <v>2795</v>
      </c>
      <c r="HRV734" s="424"/>
      <c r="HRW734" s="424"/>
      <c r="HRX734" s="424"/>
      <c r="HRY734" s="423" t="s">
        <v>2795</v>
      </c>
      <c r="HRZ734" s="424"/>
      <c r="HSA734" s="424"/>
      <c r="HSB734" s="424"/>
      <c r="HSC734" s="423" t="s">
        <v>2795</v>
      </c>
      <c r="HSD734" s="424"/>
      <c r="HSE734" s="424"/>
      <c r="HSF734" s="424"/>
      <c r="HSG734" s="423" t="s">
        <v>2795</v>
      </c>
      <c r="HSH734" s="424"/>
      <c r="HSI734" s="424"/>
      <c r="HSJ734" s="424"/>
      <c r="HSK734" s="423" t="s">
        <v>2795</v>
      </c>
      <c r="HSL734" s="424"/>
      <c r="HSM734" s="424"/>
      <c r="HSN734" s="424"/>
      <c r="HSO734" s="423" t="s">
        <v>2795</v>
      </c>
      <c r="HSP734" s="424"/>
      <c r="HSQ734" s="424"/>
      <c r="HSR734" s="424"/>
      <c r="HSS734" s="423" t="s">
        <v>2795</v>
      </c>
      <c r="HST734" s="424"/>
      <c r="HSU734" s="424"/>
      <c r="HSV734" s="424"/>
      <c r="HSW734" s="423" t="s">
        <v>2795</v>
      </c>
      <c r="HSX734" s="424"/>
      <c r="HSY734" s="424"/>
      <c r="HSZ734" s="424"/>
      <c r="HTA734" s="423" t="s">
        <v>2795</v>
      </c>
      <c r="HTB734" s="424"/>
      <c r="HTC734" s="424"/>
      <c r="HTD734" s="424"/>
      <c r="HTE734" s="423" t="s">
        <v>2795</v>
      </c>
      <c r="HTF734" s="424"/>
      <c r="HTG734" s="424"/>
      <c r="HTH734" s="424"/>
      <c r="HTI734" s="423" t="s">
        <v>2795</v>
      </c>
      <c r="HTJ734" s="424"/>
      <c r="HTK734" s="424"/>
      <c r="HTL734" s="424"/>
      <c r="HTM734" s="423" t="s">
        <v>2795</v>
      </c>
      <c r="HTN734" s="424"/>
      <c r="HTO734" s="424"/>
      <c r="HTP734" s="424"/>
      <c r="HTQ734" s="423" t="s">
        <v>2795</v>
      </c>
      <c r="HTR734" s="424"/>
      <c r="HTS734" s="424"/>
      <c r="HTT734" s="424"/>
      <c r="HTU734" s="423" t="s">
        <v>2795</v>
      </c>
      <c r="HTV734" s="424"/>
      <c r="HTW734" s="424"/>
      <c r="HTX734" s="424"/>
      <c r="HTY734" s="423" t="s">
        <v>2795</v>
      </c>
      <c r="HTZ734" s="424"/>
      <c r="HUA734" s="424"/>
      <c r="HUB734" s="424"/>
      <c r="HUC734" s="423" t="s">
        <v>2795</v>
      </c>
      <c r="HUD734" s="424"/>
      <c r="HUE734" s="424"/>
      <c r="HUF734" s="424"/>
      <c r="HUG734" s="423" t="s">
        <v>2795</v>
      </c>
      <c r="HUH734" s="424"/>
      <c r="HUI734" s="424"/>
      <c r="HUJ734" s="424"/>
      <c r="HUK734" s="423" t="s">
        <v>2795</v>
      </c>
      <c r="HUL734" s="424"/>
      <c r="HUM734" s="424"/>
      <c r="HUN734" s="424"/>
      <c r="HUO734" s="423" t="s">
        <v>2795</v>
      </c>
      <c r="HUP734" s="424"/>
      <c r="HUQ734" s="424"/>
      <c r="HUR734" s="424"/>
      <c r="HUS734" s="423" t="s">
        <v>2795</v>
      </c>
      <c r="HUT734" s="424"/>
      <c r="HUU734" s="424"/>
      <c r="HUV734" s="424"/>
      <c r="HUW734" s="423" t="s">
        <v>2795</v>
      </c>
      <c r="HUX734" s="424"/>
      <c r="HUY734" s="424"/>
      <c r="HUZ734" s="424"/>
      <c r="HVA734" s="423" t="s">
        <v>2795</v>
      </c>
      <c r="HVB734" s="424"/>
      <c r="HVC734" s="424"/>
      <c r="HVD734" s="424"/>
      <c r="HVE734" s="423" t="s">
        <v>2795</v>
      </c>
      <c r="HVF734" s="424"/>
      <c r="HVG734" s="424"/>
      <c r="HVH734" s="424"/>
      <c r="HVI734" s="423" t="s">
        <v>2795</v>
      </c>
      <c r="HVJ734" s="424"/>
      <c r="HVK734" s="424"/>
      <c r="HVL734" s="424"/>
      <c r="HVM734" s="423" t="s">
        <v>2795</v>
      </c>
      <c r="HVN734" s="424"/>
      <c r="HVO734" s="424"/>
      <c r="HVP734" s="424"/>
      <c r="HVQ734" s="423" t="s">
        <v>2795</v>
      </c>
      <c r="HVR734" s="424"/>
      <c r="HVS734" s="424"/>
      <c r="HVT734" s="424"/>
      <c r="HVU734" s="423" t="s">
        <v>2795</v>
      </c>
      <c r="HVV734" s="424"/>
      <c r="HVW734" s="424"/>
      <c r="HVX734" s="424"/>
      <c r="HVY734" s="423" t="s">
        <v>2795</v>
      </c>
      <c r="HVZ734" s="424"/>
      <c r="HWA734" s="424"/>
      <c r="HWB734" s="424"/>
      <c r="HWC734" s="423" t="s">
        <v>2795</v>
      </c>
      <c r="HWD734" s="424"/>
      <c r="HWE734" s="424"/>
      <c r="HWF734" s="424"/>
      <c r="HWG734" s="423" t="s">
        <v>2795</v>
      </c>
      <c r="HWH734" s="424"/>
      <c r="HWI734" s="424"/>
      <c r="HWJ734" s="424"/>
      <c r="HWK734" s="423" t="s">
        <v>2795</v>
      </c>
      <c r="HWL734" s="424"/>
      <c r="HWM734" s="424"/>
      <c r="HWN734" s="424"/>
      <c r="HWO734" s="423" t="s">
        <v>2795</v>
      </c>
      <c r="HWP734" s="424"/>
      <c r="HWQ734" s="424"/>
      <c r="HWR734" s="424"/>
      <c r="HWS734" s="423" t="s">
        <v>2795</v>
      </c>
      <c r="HWT734" s="424"/>
      <c r="HWU734" s="424"/>
      <c r="HWV734" s="424"/>
      <c r="HWW734" s="423" t="s">
        <v>2795</v>
      </c>
      <c r="HWX734" s="424"/>
      <c r="HWY734" s="424"/>
      <c r="HWZ734" s="424"/>
      <c r="HXA734" s="423" t="s">
        <v>2795</v>
      </c>
      <c r="HXB734" s="424"/>
      <c r="HXC734" s="424"/>
      <c r="HXD734" s="424"/>
      <c r="HXE734" s="423" t="s">
        <v>2795</v>
      </c>
      <c r="HXF734" s="424"/>
      <c r="HXG734" s="424"/>
      <c r="HXH734" s="424"/>
      <c r="HXI734" s="423" t="s">
        <v>2795</v>
      </c>
      <c r="HXJ734" s="424"/>
      <c r="HXK734" s="424"/>
      <c r="HXL734" s="424"/>
      <c r="HXM734" s="423" t="s">
        <v>2795</v>
      </c>
      <c r="HXN734" s="424"/>
      <c r="HXO734" s="424"/>
      <c r="HXP734" s="424"/>
      <c r="HXQ734" s="423" t="s">
        <v>2795</v>
      </c>
      <c r="HXR734" s="424"/>
      <c r="HXS734" s="424"/>
      <c r="HXT734" s="424"/>
      <c r="HXU734" s="423" t="s">
        <v>2795</v>
      </c>
      <c r="HXV734" s="424"/>
      <c r="HXW734" s="424"/>
      <c r="HXX734" s="424"/>
      <c r="HXY734" s="423" t="s">
        <v>2795</v>
      </c>
      <c r="HXZ734" s="424"/>
      <c r="HYA734" s="424"/>
      <c r="HYB734" s="424"/>
      <c r="HYC734" s="423" t="s">
        <v>2795</v>
      </c>
      <c r="HYD734" s="424"/>
      <c r="HYE734" s="424"/>
      <c r="HYF734" s="424"/>
      <c r="HYG734" s="423" t="s">
        <v>2795</v>
      </c>
      <c r="HYH734" s="424"/>
      <c r="HYI734" s="424"/>
      <c r="HYJ734" s="424"/>
      <c r="HYK734" s="423" t="s">
        <v>2795</v>
      </c>
      <c r="HYL734" s="424"/>
      <c r="HYM734" s="424"/>
      <c r="HYN734" s="424"/>
      <c r="HYO734" s="423" t="s">
        <v>2795</v>
      </c>
      <c r="HYP734" s="424"/>
      <c r="HYQ734" s="424"/>
      <c r="HYR734" s="424"/>
      <c r="HYS734" s="423" t="s">
        <v>2795</v>
      </c>
      <c r="HYT734" s="424"/>
      <c r="HYU734" s="424"/>
      <c r="HYV734" s="424"/>
      <c r="HYW734" s="423" t="s">
        <v>2795</v>
      </c>
      <c r="HYX734" s="424"/>
      <c r="HYY734" s="424"/>
      <c r="HYZ734" s="424"/>
      <c r="HZA734" s="423" t="s">
        <v>2795</v>
      </c>
      <c r="HZB734" s="424"/>
      <c r="HZC734" s="424"/>
      <c r="HZD734" s="424"/>
      <c r="HZE734" s="423" t="s">
        <v>2795</v>
      </c>
      <c r="HZF734" s="424"/>
      <c r="HZG734" s="424"/>
      <c r="HZH734" s="424"/>
      <c r="HZI734" s="423" t="s">
        <v>2795</v>
      </c>
      <c r="HZJ734" s="424"/>
      <c r="HZK734" s="424"/>
      <c r="HZL734" s="424"/>
      <c r="HZM734" s="423" t="s">
        <v>2795</v>
      </c>
      <c r="HZN734" s="424"/>
      <c r="HZO734" s="424"/>
      <c r="HZP734" s="424"/>
      <c r="HZQ734" s="423" t="s">
        <v>2795</v>
      </c>
      <c r="HZR734" s="424"/>
      <c r="HZS734" s="424"/>
      <c r="HZT734" s="424"/>
      <c r="HZU734" s="423" t="s">
        <v>2795</v>
      </c>
      <c r="HZV734" s="424"/>
      <c r="HZW734" s="424"/>
      <c r="HZX734" s="424"/>
      <c r="HZY734" s="423" t="s">
        <v>2795</v>
      </c>
      <c r="HZZ734" s="424"/>
      <c r="IAA734" s="424"/>
      <c r="IAB734" s="424"/>
      <c r="IAC734" s="423" t="s">
        <v>2795</v>
      </c>
      <c r="IAD734" s="424"/>
      <c r="IAE734" s="424"/>
      <c r="IAF734" s="424"/>
      <c r="IAG734" s="423" t="s">
        <v>2795</v>
      </c>
      <c r="IAH734" s="424"/>
      <c r="IAI734" s="424"/>
      <c r="IAJ734" s="424"/>
      <c r="IAK734" s="423" t="s">
        <v>2795</v>
      </c>
      <c r="IAL734" s="424"/>
      <c r="IAM734" s="424"/>
      <c r="IAN734" s="424"/>
      <c r="IAO734" s="423" t="s">
        <v>2795</v>
      </c>
      <c r="IAP734" s="424"/>
      <c r="IAQ734" s="424"/>
      <c r="IAR734" s="424"/>
      <c r="IAS734" s="423" t="s">
        <v>2795</v>
      </c>
      <c r="IAT734" s="424"/>
      <c r="IAU734" s="424"/>
      <c r="IAV734" s="424"/>
      <c r="IAW734" s="423" t="s">
        <v>2795</v>
      </c>
      <c r="IAX734" s="424"/>
      <c r="IAY734" s="424"/>
      <c r="IAZ734" s="424"/>
      <c r="IBA734" s="423" t="s">
        <v>2795</v>
      </c>
      <c r="IBB734" s="424"/>
      <c r="IBC734" s="424"/>
      <c r="IBD734" s="424"/>
      <c r="IBE734" s="423" t="s">
        <v>2795</v>
      </c>
      <c r="IBF734" s="424"/>
      <c r="IBG734" s="424"/>
      <c r="IBH734" s="424"/>
      <c r="IBI734" s="423" t="s">
        <v>2795</v>
      </c>
      <c r="IBJ734" s="424"/>
      <c r="IBK734" s="424"/>
      <c r="IBL734" s="424"/>
      <c r="IBM734" s="423" t="s">
        <v>2795</v>
      </c>
      <c r="IBN734" s="424"/>
      <c r="IBO734" s="424"/>
      <c r="IBP734" s="424"/>
      <c r="IBQ734" s="423" t="s">
        <v>2795</v>
      </c>
      <c r="IBR734" s="424"/>
      <c r="IBS734" s="424"/>
      <c r="IBT734" s="424"/>
      <c r="IBU734" s="423" t="s">
        <v>2795</v>
      </c>
      <c r="IBV734" s="424"/>
      <c r="IBW734" s="424"/>
      <c r="IBX734" s="424"/>
      <c r="IBY734" s="423" t="s">
        <v>2795</v>
      </c>
      <c r="IBZ734" s="424"/>
      <c r="ICA734" s="424"/>
      <c r="ICB734" s="424"/>
      <c r="ICC734" s="423" t="s">
        <v>2795</v>
      </c>
      <c r="ICD734" s="424"/>
      <c r="ICE734" s="424"/>
      <c r="ICF734" s="424"/>
      <c r="ICG734" s="423" t="s">
        <v>2795</v>
      </c>
      <c r="ICH734" s="424"/>
      <c r="ICI734" s="424"/>
      <c r="ICJ734" s="424"/>
      <c r="ICK734" s="423" t="s">
        <v>2795</v>
      </c>
      <c r="ICL734" s="424"/>
      <c r="ICM734" s="424"/>
      <c r="ICN734" s="424"/>
      <c r="ICO734" s="423" t="s">
        <v>2795</v>
      </c>
      <c r="ICP734" s="424"/>
      <c r="ICQ734" s="424"/>
      <c r="ICR734" s="424"/>
      <c r="ICS734" s="423" t="s">
        <v>2795</v>
      </c>
      <c r="ICT734" s="424"/>
      <c r="ICU734" s="424"/>
      <c r="ICV734" s="424"/>
      <c r="ICW734" s="423" t="s">
        <v>2795</v>
      </c>
      <c r="ICX734" s="424"/>
      <c r="ICY734" s="424"/>
      <c r="ICZ734" s="424"/>
      <c r="IDA734" s="423" t="s">
        <v>2795</v>
      </c>
      <c r="IDB734" s="424"/>
      <c r="IDC734" s="424"/>
      <c r="IDD734" s="424"/>
      <c r="IDE734" s="423" t="s">
        <v>2795</v>
      </c>
      <c r="IDF734" s="424"/>
      <c r="IDG734" s="424"/>
      <c r="IDH734" s="424"/>
      <c r="IDI734" s="423" t="s">
        <v>2795</v>
      </c>
      <c r="IDJ734" s="424"/>
      <c r="IDK734" s="424"/>
      <c r="IDL734" s="424"/>
      <c r="IDM734" s="423" t="s">
        <v>2795</v>
      </c>
      <c r="IDN734" s="424"/>
      <c r="IDO734" s="424"/>
      <c r="IDP734" s="424"/>
      <c r="IDQ734" s="423" t="s">
        <v>2795</v>
      </c>
      <c r="IDR734" s="424"/>
      <c r="IDS734" s="424"/>
      <c r="IDT734" s="424"/>
      <c r="IDU734" s="423" t="s">
        <v>2795</v>
      </c>
      <c r="IDV734" s="424"/>
      <c r="IDW734" s="424"/>
      <c r="IDX734" s="424"/>
      <c r="IDY734" s="423" t="s">
        <v>2795</v>
      </c>
      <c r="IDZ734" s="424"/>
      <c r="IEA734" s="424"/>
      <c r="IEB734" s="424"/>
      <c r="IEC734" s="423" t="s">
        <v>2795</v>
      </c>
      <c r="IED734" s="424"/>
      <c r="IEE734" s="424"/>
      <c r="IEF734" s="424"/>
      <c r="IEG734" s="423" t="s">
        <v>2795</v>
      </c>
      <c r="IEH734" s="424"/>
      <c r="IEI734" s="424"/>
      <c r="IEJ734" s="424"/>
      <c r="IEK734" s="423" t="s">
        <v>2795</v>
      </c>
      <c r="IEL734" s="424"/>
      <c r="IEM734" s="424"/>
      <c r="IEN734" s="424"/>
      <c r="IEO734" s="423" t="s">
        <v>2795</v>
      </c>
      <c r="IEP734" s="424"/>
      <c r="IEQ734" s="424"/>
      <c r="IER734" s="424"/>
      <c r="IES734" s="423" t="s">
        <v>2795</v>
      </c>
      <c r="IET734" s="424"/>
      <c r="IEU734" s="424"/>
      <c r="IEV734" s="424"/>
      <c r="IEW734" s="423" t="s">
        <v>2795</v>
      </c>
      <c r="IEX734" s="424"/>
      <c r="IEY734" s="424"/>
      <c r="IEZ734" s="424"/>
      <c r="IFA734" s="423" t="s">
        <v>2795</v>
      </c>
      <c r="IFB734" s="424"/>
      <c r="IFC734" s="424"/>
      <c r="IFD734" s="424"/>
      <c r="IFE734" s="423" t="s">
        <v>2795</v>
      </c>
      <c r="IFF734" s="424"/>
      <c r="IFG734" s="424"/>
      <c r="IFH734" s="424"/>
      <c r="IFI734" s="423" t="s">
        <v>2795</v>
      </c>
      <c r="IFJ734" s="424"/>
      <c r="IFK734" s="424"/>
      <c r="IFL734" s="424"/>
      <c r="IFM734" s="423" t="s">
        <v>2795</v>
      </c>
      <c r="IFN734" s="424"/>
      <c r="IFO734" s="424"/>
      <c r="IFP734" s="424"/>
      <c r="IFQ734" s="423" t="s">
        <v>2795</v>
      </c>
      <c r="IFR734" s="424"/>
      <c r="IFS734" s="424"/>
      <c r="IFT734" s="424"/>
      <c r="IFU734" s="423" t="s">
        <v>2795</v>
      </c>
      <c r="IFV734" s="424"/>
      <c r="IFW734" s="424"/>
      <c r="IFX734" s="424"/>
      <c r="IFY734" s="423" t="s">
        <v>2795</v>
      </c>
      <c r="IFZ734" s="424"/>
      <c r="IGA734" s="424"/>
      <c r="IGB734" s="424"/>
      <c r="IGC734" s="423" t="s">
        <v>2795</v>
      </c>
      <c r="IGD734" s="424"/>
      <c r="IGE734" s="424"/>
      <c r="IGF734" s="424"/>
      <c r="IGG734" s="423" t="s">
        <v>2795</v>
      </c>
      <c r="IGH734" s="424"/>
      <c r="IGI734" s="424"/>
      <c r="IGJ734" s="424"/>
      <c r="IGK734" s="423" t="s">
        <v>2795</v>
      </c>
      <c r="IGL734" s="424"/>
      <c r="IGM734" s="424"/>
      <c r="IGN734" s="424"/>
      <c r="IGO734" s="423" t="s">
        <v>2795</v>
      </c>
      <c r="IGP734" s="424"/>
      <c r="IGQ734" s="424"/>
      <c r="IGR734" s="424"/>
      <c r="IGS734" s="423" t="s">
        <v>2795</v>
      </c>
      <c r="IGT734" s="424"/>
      <c r="IGU734" s="424"/>
      <c r="IGV734" s="424"/>
      <c r="IGW734" s="423" t="s">
        <v>2795</v>
      </c>
      <c r="IGX734" s="424"/>
      <c r="IGY734" s="424"/>
      <c r="IGZ734" s="424"/>
      <c r="IHA734" s="423" t="s">
        <v>2795</v>
      </c>
      <c r="IHB734" s="424"/>
      <c r="IHC734" s="424"/>
      <c r="IHD734" s="424"/>
      <c r="IHE734" s="423" t="s">
        <v>2795</v>
      </c>
      <c r="IHF734" s="424"/>
      <c r="IHG734" s="424"/>
      <c r="IHH734" s="424"/>
      <c r="IHI734" s="423" t="s">
        <v>2795</v>
      </c>
      <c r="IHJ734" s="424"/>
      <c r="IHK734" s="424"/>
      <c r="IHL734" s="424"/>
      <c r="IHM734" s="423" t="s">
        <v>2795</v>
      </c>
      <c r="IHN734" s="424"/>
      <c r="IHO734" s="424"/>
      <c r="IHP734" s="424"/>
      <c r="IHQ734" s="423" t="s">
        <v>2795</v>
      </c>
      <c r="IHR734" s="424"/>
      <c r="IHS734" s="424"/>
      <c r="IHT734" s="424"/>
      <c r="IHU734" s="423" t="s">
        <v>2795</v>
      </c>
      <c r="IHV734" s="424"/>
      <c r="IHW734" s="424"/>
      <c r="IHX734" s="424"/>
      <c r="IHY734" s="423" t="s">
        <v>2795</v>
      </c>
      <c r="IHZ734" s="424"/>
      <c r="IIA734" s="424"/>
      <c r="IIB734" s="424"/>
      <c r="IIC734" s="423" t="s">
        <v>2795</v>
      </c>
      <c r="IID734" s="424"/>
      <c r="IIE734" s="424"/>
      <c r="IIF734" s="424"/>
      <c r="IIG734" s="423" t="s">
        <v>2795</v>
      </c>
      <c r="IIH734" s="424"/>
      <c r="III734" s="424"/>
      <c r="IIJ734" s="424"/>
      <c r="IIK734" s="423" t="s">
        <v>2795</v>
      </c>
      <c r="IIL734" s="424"/>
      <c r="IIM734" s="424"/>
      <c r="IIN734" s="424"/>
      <c r="IIO734" s="423" t="s">
        <v>2795</v>
      </c>
      <c r="IIP734" s="424"/>
      <c r="IIQ734" s="424"/>
      <c r="IIR734" s="424"/>
      <c r="IIS734" s="423" t="s">
        <v>2795</v>
      </c>
      <c r="IIT734" s="424"/>
      <c r="IIU734" s="424"/>
      <c r="IIV734" s="424"/>
      <c r="IIW734" s="423" t="s">
        <v>2795</v>
      </c>
      <c r="IIX734" s="424"/>
      <c r="IIY734" s="424"/>
      <c r="IIZ734" s="424"/>
      <c r="IJA734" s="423" t="s">
        <v>2795</v>
      </c>
      <c r="IJB734" s="424"/>
      <c r="IJC734" s="424"/>
      <c r="IJD734" s="424"/>
      <c r="IJE734" s="423" t="s">
        <v>2795</v>
      </c>
      <c r="IJF734" s="424"/>
      <c r="IJG734" s="424"/>
      <c r="IJH734" s="424"/>
      <c r="IJI734" s="423" t="s">
        <v>2795</v>
      </c>
      <c r="IJJ734" s="424"/>
      <c r="IJK734" s="424"/>
      <c r="IJL734" s="424"/>
      <c r="IJM734" s="423" t="s">
        <v>2795</v>
      </c>
      <c r="IJN734" s="424"/>
      <c r="IJO734" s="424"/>
      <c r="IJP734" s="424"/>
      <c r="IJQ734" s="423" t="s">
        <v>2795</v>
      </c>
      <c r="IJR734" s="424"/>
      <c r="IJS734" s="424"/>
      <c r="IJT734" s="424"/>
      <c r="IJU734" s="423" t="s">
        <v>2795</v>
      </c>
      <c r="IJV734" s="424"/>
      <c r="IJW734" s="424"/>
      <c r="IJX734" s="424"/>
      <c r="IJY734" s="423" t="s">
        <v>2795</v>
      </c>
      <c r="IJZ734" s="424"/>
      <c r="IKA734" s="424"/>
      <c r="IKB734" s="424"/>
      <c r="IKC734" s="423" t="s">
        <v>2795</v>
      </c>
      <c r="IKD734" s="424"/>
      <c r="IKE734" s="424"/>
      <c r="IKF734" s="424"/>
      <c r="IKG734" s="423" t="s">
        <v>2795</v>
      </c>
      <c r="IKH734" s="424"/>
      <c r="IKI734" s="424"/>
      <c r="IKJ734" s="424"/>
      <c r="IKK734" s="423" t="s">
        <v>2795</v>
      </c>
      <c r="IKL734" s="424"/>
      <c r="IKM734" s="424"/>
      <c r="IKN734" s="424"/>
      <c r="IKO734" s="423" t="s">
        <v>2795</v>
      </c>
      <c r="IKP734" s="424"/>
      <c r="IKQ734" s="424"/>
      <c r="IKR734" s="424"/>
      <c r="IKS734" s="423" t="s">
        <v>2795</v>
      </c>
      <c r="IKT734" s="424"/>
      <c r="IKU734" s="424"/>
      <c r="IKV734" s="424"/>
      <c r="IKW734" s="423" t="s">
        <v>2795</v>
      </c>
      <c r="IKX734" s="424"/>
      <c r="IKY734" s="424"/>
      <c r="IKZ734" s="424"/>
      <c r="ILA734" s="423" t="s">
        <v>2795</v>
      </c>
      <c r="ILB734" s="424"/>
      <c r="ILC734" s="424"/>
      <c r="ILD734" s="424"/>
      <c r="ILE734" s="423" t="s">
        <v>2795</v>
      </c>
      <c r="ILF734" s="424"/>
      <c r="ILG734" s="424"/>
      <c r="ILH734" s="424"/>
      <c r="ILI734" s="423" t="s">
        <v>2795</v>
      </c>
      <c r="ILJ734" s="424"/>
      <c r="ILK734" s="424"/>
      <c r="ILL734" s="424"/>
      <c r="ILM734" s="423" t="s">
        <v>2795</v>
      </c>
      <c r="ILN734" s="424"/>
      <c r="ILO734" s="424"/>
      <c r="ILP734" s="424"/>
      <c r="ILQ734" s="423" t="s">
        <v>2795</v>
      </c>
      <c r="ILR734" s="424"/>
      <c r="ILS734" s="424"/>
      <c r="ILT734" s="424"/>
      <c r="ILU734" s="423" t="s">
        <v>2795</v>
      </c>
      <c r="ILV734" s="424"/>
      <c r="ILW734" s="424"/>
      <c r="ILX734" s="424"/>
      <c r="ILY734" s="423" t="s">
        <v>2795</v>
      </c>
      <c r="ILZ734" s="424"/>
      <c r="IMA734" s="424"/>
      <c r="IMB734" s="424"/>
      <c r="IMC734" s="423" t="s">
        <v>2795</v>
      </c>
      <c r="IMD734" s="424"/>
      <c r="IME734" s="424"/>
      <c r="IMF734" s="424"/>
      <c r="IMG734" s="423" t="s">
        <v>2795</v>
      </c>
      <c r="IMH734" s="424"/>
      <c r="IMI734" s="424"/>
      <c r="IMJ734" s="424"/>
      <c r="IMK734" s="423" t="s">
        <v>2795</v>
      </c>
      <c r="IML734" s="424"/>
      <c r="IMM734" s="424"/>
      <c r="IMN734" s="424"/>
      <c r="IMO734" s="423" t="s">
        <v>2795</v>
      </c>
      <c r="IMP734" s="424"/>
      <c r="IMQ734" s="424"/>
      <c r="IMR734" s="424"/>
      <c r="IMS734" s="423" t="s">
        <v>2795</v>
      </c>
      <c r="IMT734" s="424"/>
      <c r="IMU734" s="424"/>
      <c r="IMV734" s="424"/>
      <c r="IMW734" s="423" t="s">
        <v>2795</v>
      </c>
      <c r="IMX734" s="424"/>
      <c r="IMY734" s="424"/>
      <c r="IMZ734" s="424"/>
      <c r="INA734" s="423" t="s">
        <v>2795</v>
      </c>
      <c r="INB734" s="424"/>
      <c r="INC734" s="424"/>
      <c r="IND734" s="424"/>
      <c r="INE734" s="423" t="s">
        <v>2795</v>
      </c>
      <c r="INF734" s="424"/>
      <c r="ING734" s="424"/>
      <c r="INH734" s="424"/>
      <c r="INI734" s="423" t="s">
        <v>2795</v>
      </c>
      <c r="INJ734" s="424"/>
      <c r="INK734" s="424"/>
      <c r="INL734" s="424"/>
      <c r="INM734" s="423" t="s">
        <v>2795</v>
      </c>
      <c r="INN734" s="424"/>
      <c r="INO734" s="424"/>
      <c r="INP734" s="424"/>
      <c r="INQ734" s="423" t="s">
        <v>2795</v>
      </c>
      <c r="INR734" s="424"/>
      <c r="INS734" s="424"/>
      <c r="INT734" s="424"/>
      <c r="INU734" s="423" t="s">
        <v>2795</v>
      </c>
      <c r="INV734" s="424"/>
      <c r="INW734" s="424"/>
      <c r="INX734" s="424"/>
      <c r="INY734" s="423" t="s">
        <v>2795</v>
      </c>
      <c r="INZ734" s="424"/>
      <c r="IOA734" s="424"/>
      <c r="IOB734" s="424"/>
      <c r="IOC734" s="423" t="s">
        <v>2795</v>
      </c>
      <c r="IOD734" s="424"/>
      <c r="IOE734" s="424"/>
      <c r="IOF734" s="424"/>
      <c r="IOG734" s="423" t="s">
        <v>2795</v>
      </c>
      <c r="IOH734" s="424"/>
      <c r="IOI734" s="424"/>
      <c r="IOJ734" s="424"/>
      <c r="IOK734" s="423" t="s">
        <v>2795</v>
      </c>
      <c r="IOL734" s="424"/>
      <c r="IOM734" s="424"/>
      <c r="ION734" s="424"/>
      <c r="IOO734" s="423" t="s">
        <v>2795</v>
      </c>
      <c r="IOP734" s="424"/>
      <c r="IOQ734" s="424"/>
      <c r="IOR734" s="424"/>
      <c r="IOS734" s="423" t="s">
        <v>2795</v>
      </c>
      <c r="IOT734" s="424"/>
      <c r="IOU734" s="424"/>
      <c r="IOV734" s="424"/>
      <c r="IOW734" s="423" t="s">
        <v>2795</v>
      </c>
      <c r="IOX734" s="424"/>
      <c r="IOY734" s="424"/>
      <c r="IOZ734" s="424"/>
      <c r="IPA734" s="423" t="s">
        <v>2795</v>
      </c>
      <c r="IPB734" s="424"/>
      <c r="IPC734" s="424"/>
      <c r="IPD734" s="424"/>
      <c r="IPE734" s="423" t="s">
        <v>2795</v>
      </c>
      <c r="IPF734" s="424"/>
      <c r="IPG734" s="424"/>
      <c r="IPH734" s="424"/>
      <c r="IPI734" s="423" t="s">
        <v>2795</v>
      </c>
      <c r="IPJ734" s="424"/>
      <c r="IPK734" s="424"/>
      <c r="IPL734" s="424"/>
      <c r="IPM734" s="423" t="s">
        <v>2795</v>
      </c>
      <c r="IPN734" s="424"/>
      <c r="IPO734" s="424"/>
      <c r="IPP734" s="424"/>
      <c r="IPQ734" s="423" t="s">
        <v>2795</v>
      </c>
      <c r="IPR734" s="424"/>
      <c r="IPS734" s="424"/>
      <c r="IPT734" s="424"/>
      <c r="IPU734" s="423" t="s">
        <v>2795</v>
      </c>
      <c r="IPV734" s="424"/>
      <c r="IPW734" s="424"/>
      <c r="IPX734" s="424"/>
      <c r="IPY734" s="423" t="s">
        <v>2795</v>
      </c>
      <c r="IPZ734" s="424"/>
      <c r="IQA734" s="424"/>
      <c r="IQB734" s="424"/>
      <c r="IQC734" s="423" t="s">
        <v>2795</v>
      </c>
      <c r="IQD734" s="424"/>
      <c r="IQE734" s="424"/>
      <c r="IQF734" s="424"/>
      <c r="IQG734" s="423" t="s">
        <v>2795</v>
      </c>
      <c r="IQH734" s="424"/>
      <c r="IQI734" s="424"/>
      <c r="IQJ734" s="424"/>
      <c r="IQK734" s="423" t="s">
        <v>2795</v>
      </c>
      <c r="IQL734" s="424"/>
      <c r="IQM734" s="424"/>
      <c r="IQN734" s="424"/>
      <c r="IQO734" s="423" t="s">
        <v>2795</v>
      </c>
      <c r="IQP734" s="424"/>
      <c r="IQQ734" s="424"/>
      <c r="IQR734" s="424"/>
      <c r="IQS734" s="423" t="s">
        <v>2795</v>
      </c>
      <c r="IQT734" s="424"/>
      <c r="IQU734" s="424"/>
      <c r="IQV734" s="424"/>
      <c r="IQW734" s="423" t="s">
        <v>2795</v>
      </c>
      <c r="IQX734" s="424"/>
      <c r="IQY734" s="424"/>
      <c r="IQZ734" s="424"/>
      <c r="IRA734" s="423" t="s">
        <v>2795</v>
      </c>
      <c r="IRB734" s="424"/>
      <c r="IRC734" s="424"/>
      <c r="IRD734" s="424"/>
      <c r="IRE734" s="423" t="s">
        <v>2795</v>
      </c>
      <c r="IRF734" s="424"/>
      <c r="IRG734" s="424"/>
      <c r="IRH734" s="424"/>
      <c r="IRI734" s="423" t="s">
        <v>2795</v>
      </c>
      <c r="IRJ734" s="424"/>
      <c r="IRK734" s="424"/>
      <c r="IRL734" s="424"/>
      <c r="IRM734" s="423" t="s">
        <v>2795</v>
      </c>
      <c r="IRN734" s="424"/>
      <c r="IRO734" s="424"/>
      <c r="IRP734" s="424"/>
      <c r="IRQ734" s="423" t="s">
        <v>2795</v>
      </c>
      <c r="IRR734" s="424"/>
      <c r="IRS734" s="424"/>
      <c r="IRT734" s="424"/>
      <c r="IRU734" s="423" t="s">
        <v>2795</v>
      </c>
      <c r="IRV734" s="424"/>
      <c r="IRW734" s="424"/>
      <c r="IRX734" s="424"/>
      <c r="IRY734" s="423" t="s">
        <v>2795</v>
      </c>
      <c r="IRZ734" s="424"/>
      <c r="ISA734" s="424"/>
      <c r="ISB734" s="424"/>
      <c r="ISC734" s="423" t="s">
        <v>2795</v>
      </c>
      <c r="ISD734" s="424"/>
      <c r="ISE734" s="424"/>
      <c r="ISF734" s="424"/>
      <c r="ISG734" s="423" t="s">
        <v>2795</v>
      </c>
      <c r="ISH734" s="424"/>
      <c r="ISI734" s="424"/>
      <c r="ISJ734" s="424"/>
      <c r="ISK734" s="423" t="s">
        <v>2795</v>
      </c>
      <c r="ISL734" s="424"/>
      <c r="ISM734" s="424"/>
      <c r="ISN734" s="424"/>
      <c r="ISO734" s="423" t="s">
        <v>2795</v>
      </c>
      <c r="ISP734" s="424"/>
      <c r="ISQ734" s="424"/>
      <c r="ISR734" s="424"/>
      <c r="ISS734" s="423" t="s">
        <v>2795</v>
      </c>
      <c r="IST734" s="424"/>
      <c r="ISU734" s="424"/>
      <c r="ISV734" s="424"/>
      <c r="ISW734" s="423" t="s">
        <v>2795</v>
      </c>
      <c r="ISX734" s="424"/>
      <c r="ISY734" s="424"/>
      <c r="ISZ734" s="424"/>
      <c r="ITA734" s="423" t="s">
        <v>2795</v>
      </c>
      <c r="ITB734" s="424"/>
      <c r="ITC734" s="424"/>
      <c r="ITD734" s="424"/>
      <c r="ITE734" s="423" t="s">
        <v>2795</v>
      </c>
      <c r="ITF734" s="424"/>
      <c r="ITG734" s="424"/>
      <c r="ITH734" s="424"/>
      <c r="ITI734" s="423" t="s">
        <v>2795</v>
      </c>
      <c r="ITJ734" s="424"/>
      <c r="ITK734" s="424"/>
      <c r="ITL734" s="424"/>
      <c r="ITM734" s="423" t="s">
        <v>2795</v>
      </c>
      <c r="ITN734" s="424"/>
      <c r="ITO734" s="424"/>
      <c r="ITP734" s="424"/>
      <c r="ITQ734" s="423" t="s">
        <v>2795</v>
      </c>
      <c r="ITR734" s="424"/>
      <c r="ITS734" s="424"/>
      <c r="ITT734" s="424"/>
      <c r="ITU734" s="423" t="s">
        <v>2795</v>
      </c>
      <c r="ITV734" s="424"/>
      <c r="ITW734" s="424"/>
      <c r="ITX734" s="424"/>
      <c r="ITY734" s="423" t="s">
        <v>2795</v>
      </c>
      <c r="ITZ734" s="424"/>
      <c r="IUA734" s="424"/>
      <c r="IUB734" s="424"/>
      <c r="IUC734" s="423" t="s">
        <v>2795</v>
      </c>
      <c r="IUD734" s="424"/>
      <c r="IUE734" s="424"/>
      <c r="IUF734" s="424"/>
      <c r="IUG734" s="423" t="s">
        <v>2795</v>
      </c>
      <c r="IUH734" s="424"/>
      <c r="IUI734" s="424"/>
      <c r="IUJ734" s="424"/>
      <c r="IUK734" s="423" t="s">
        <v>2795</v>
      </c>
      <c r="IUL734" s="424"/>
      <c r="IUM734" s="424"/>
      <c r="IUN734" s="424"/>
      <c r="IUO734" s="423" t="s">
        <v>2795</v>
      </c>
      <c r="IUP734" s="424"/>
      <c r="IUQ734" s="424"/>
      <c r="IUR734" s="424"/>
      <c r="IUS734" s="423" t="s">
        <v>2795</v>
      </c>
      <c r="IUT734" s="424"/>
      <c r="IUU734" s="424"/>
      <c r="IUV734" s="424"/>
      <c r="IUW734" s="423" t="s">
        <v>2795</v>
      </c>
      <c r="IUX734" s="424"/>
      <c r="IUY734" s="424"/>
      <c r="IUZ734" s="424"/>
      <c r="IVA734" s="423" t="s">
        <v>2795</v>
      </c>
      <c r="IVB734" s="424"/>
      <c r="IVC734" s="424"/>
      <c r="IVD734" s="424"/>
      <c r="IVE734" s="423" t="s">
        <v>2795</v>
      </c>
      <c r="IVF734" s="424"/>
      <c r="IVG734" s="424"/>
      <c r="IVH734" s="424"/>
      <c r="IVI734" s="423" t="s">
        <v>2795</v>
      </c>
      <c r="IVJ734" s="424"/>
      <c r="IVK734" s="424"/>
      <c r="IVL734" s="424"/>
      <c r="IVM734" s="423" t="s">
        <v>2795</v>
      </c>
      <c r="IVN734" s="424"/>
      <c r="IVO734" s="424"/>
      <c r="IVP734" s="424"/>
      <c r="IVQ734" s="423" t="s">
        <v>2795</v>
      </c>
      <c r="IVR734" s="424"/>
      <c r="IVS734" s="424"/>
      <c r="IVT734" s="424"/>
      <c r="IVU734" s="423" t="s">
        <v>2795</v>
      </c>
      <c r="IVV734" s="424"/>
      <c r="IVW734" s="424"/>
      <c r="IVX734" s="424"/>
      <c r="IVY734" s="423" t="s">
        <v>2795</v>
      </c>
      <c r="IVZ734" s="424"/>
      <c r="IWA734" s="424"/>
      <c r="IWB734" s="424"/>
      <c r="IWC734" s="423" t="s">
        <v>2795</v>
      </c>
      <c r="IWD734" s="424"/>
      <c r="IWE734" s="424"/>
      <c r="IWF734" s="424"/>
      <c r="IWG734" s="423" t="s">
        <v>2795</v>
      </c>
      <c r="IWH734" s="424"/>
      <c r="IWI734" s="424"/>
      <c r="IWJ734" s="424"/>
      <c r="IWK734" s="423" t="s">
        <v>2795</v>
      </c>
      <c r="IWL734" s="424"/>
      <c r="IWM734" s="424"/>
      <c r="IWN734" s="424"/>
      <c r="IWO734" s="423" t="s">
        <v>2795</v>
      </c>
      <c r="IWP734" s="424"/>
      <c r="IWQ734" s="424"/>
      <c r="IWR734" s="424"/>
      <c r="IWS734" s="423" t="s">
        <v>2795</v>
      </c>
      <c r="IWT734" s="424"/>
      <c r="IWU734" s="424"/>
      <c r="IWV734" s="424"/>
      <c r="IWW734" s="423" t="s">
        <v>2795</v>
      </c>
      <c r="IWX734" s="424"/>
      <c r="IWY734" s="424"/>
      <c r="IWZ734" s="424"/>
      <c r="IXA734" s="423" t="s">
        <v>2795</v>
      </c>
      <c r="IXB734" s="424"/>
      <c r="IXC734" s="424"/>
      <c r="IXD734" s="424"/>
      <c r="IXE734" s="423" t="s">
        <v>2795</v>
      </c>
      <c r="IXF734" s="424"/>
      <c r="IXG734" s="424"/>
      <c r="IXH734" s="424"/>
      <c r="IXI734" s="423" t="s">
        <v>2795</v>
      </c>
      <c r="IXJ734" s="424"/>
      <c r="IXK734" s="424"/>
      <c r="IXL734" s="424"/>
      <c r="IXM734" s="423" t="s">
        <v>2795</v>
      </c>
      <c r="IXN734" s="424"/>
      <c r="IXO734" s="424"/>
      <c r="IXP734" s="424"/>
      <c r="IXQ734" s="423" t="s">
        <v>2795</v>
      </c>
      <c r="IXR734" s="424"/>
      <c r="IXS734" s="424"/>
      <c r="IXT734" s="424"/>
      <c r="IXU734" s="423" t="s">
        <v>2795</v>
      </c>
      <c r="IXV734" s="424"/>
      <c r="IXW734" s="424"/>
      <c r="IXX734" s="424"/>
      <c r="IXY734" s="423" t="s">
        <v>2795</v>
      </c>
      <c r="IXZ734" s="424"/>
      <c r="IYA734" s="424"/>
      <c r="IYB734" s="424"/>
      <c r="IYC734" s="423" t="s">
        <v>2795</v>
      </c>
      <c r="IYD734" s="424"/>
      <c r="IYE734" s="424"/>
      <c r="IYF734" s="424"/>
      <c r="IYG734" s="423" t="s">
        <v>2795</v>
      </c>
      <c r="IYH734" s="424"/>
      <c r="IYI734" s="424"/>
      <c r="IYJ734" s="424"/>
      <c r="IYK734" s="423" t="s">
        <v>2795</v>
      </c>
      <c r="IYL734" s="424"/>
      <c r="IYM734" s="424"/>
      <c r="IYN734" s="424"/>
      <c r="IYO734" s="423" t="s">
        <v>2795</v>
      </c>
      <c r="IYP734" s="424"/>
      <c r="IYQ734" s="424"/>
      <c r="IYR734" s="424"/>
      <c r="IYS734" s="423" t="s">
        <v>2795</v>
      </c>
      <c r="IYT734" s="424"/>
      <c r="IYU734" s="424"/>
      <c r="IYV734" s="424"/>
      <c r="IYW734" s="423" t="s">
        <v>2795</v>
      </c>
      <c r="IYX734" s="424"/>
      <c r="IYY734" s="424"/>
      <c r="IYZ734" s="424"/>
      <c r="IZA734" s="423" t="s">
        <v>2795</v>
      </c>
      <c r="IZB734" s="424"/>
      <c r="IZC734" s="424"/>
      <c r="IZD734" s="424"/>
      <c r="IZE734" s="423" t="s">
        <v>2795</v>
      </c>
      <c r="IZF734" s="424"/>
      <c r="IZG734" s="424"/>
      <c r="IZH734" s="424"/>
      <c r="IZI734" s="423" t="s">
        <v>2795</v>
      </c>
      <c r="IZJ734" s="424"/>
      <c r="IZK734" s="424"/>
      <c r="IZL734" s="424"/>
      <c r="IZM734" s="423" t="s">
        <v>2795</v>
      </c>
      <c r="IZN734" s="424"/>
      <c r="IZO734" s="424"/>
      <c r="IZP734" s="424"/>
      <c r="IZQ734" s="423" t="s">
        <v>2795</v>
      </c>
      <c r="IZR734" s="424"/>
      <c r="IZS734" s="424"/>
      <c r="IZT734" s="424"/>
      <c r="IZU734" s="423" t="s">
        <v>2795</v>
      </c>
      <c r="IZV734" s="424"/>
      <c r="IZW734" s="424"/>
      <c r="IZX734" s="424"/>
      <c r="IZY734" s="423" t="s">
        <v>2795</v>
      </c>
      <c r="IZZ734" s="424"/>
      <c r="JAA734" s="424"/>
      <c r="JAB734" s="424"/>
      <c r="JAC734" s="423" t="s">
        <v>2795</v>
      </c>
      <c r="JAD734" s="424"/>
      <c r="JAE734" s="424"/>
      <c r="JAF734" s="424"/>
      <c r="JAG734" s="423" t="s">
        <v>2795</v>
      </c>
      <c r="JAH734" s="424"/>
      <c r="JAI734" s="424"/>
      <c r="JAJ734" s="424"/>
      <c r="JAK734" s="423" t="s">
        <v>2795</v>
      </c>
      <c r="JAL734" s="424"/>
      <c r="JAM734" s="424"/>
      <c r="JAN734" s="424"/>
      <c r="JAO734" s="423" t="s">
        <v>2795</v>
      </c>
      <c r="JAP734" s="424"/>
      <c r="JAQ734" s="424"/>
      <c r="JAR734" s="424"/>
      <c r="JAS734" s="423" t="s">
        <v>2795</v>
      </c>
      <c r="JAT734" s="424"/>
      <c r="JAU734" s="424"/>
      <c r="JAV734" s="424"/>
      <c r="JAW734" s="423" t="s">
        <v>2795</v>
      </c>
      <c r="JAX734" s="424"/>
      <c r="JAY734" s="424"/>
      <c r="JAZ734" s="424"/>
      <c r="JBA734" s="423" t="s">
        <v>2795</v>
      </c>
      <c r="JBB734" s="424"/>
      <c r="JBC734" s="424"/>
      <c r="JBD734" s="424"/>
      <c r="JBE734" s="423" t="s">
        <v>2795</v>
      </c>
      <c r="JBF734" s="424"/>
      <c r="JBG734" s="424"/>
      <c r="JBH734" s="424"/>
      <c r="JBI734" s="423" t="s">
        <v>2795</v>
      </c>
      <c r="JBJ734" s="424"/>
      <c r="JBK734" s="424"/>
      <c r="JBL734" s="424"/>
      <c r="JBM734" s="423" t="s">
        <v>2795</v>
      </c>
      <c r="JBN734" s="424"/>
      <c r="JBO734" s="424"/>
      <c r="JBP734" s="424"/>
      <c r="JBQ734" s="423" t="s">
        <v>2795</v>
      </c>
      <c r="JBR734" s="424"/>
      <c r="JBS734" s="424"/>
      <c r="JBT734" s="424"/>
      <c r="JBU734" s="423" t="s">
        <v>2795</v>
      </c>
      <c r="JBV734" s="424"/>
      <c r="JBW734" s="424"/>
      <c r="JBX734" s="424"/>
      <c r="JBY734" s="423" t="s">
        <v>2795</v>
      </c>
      <c r="JBZ734" s="424"/>
      <c r="JCA734" s="424"/>
      <c r="JCB734" s="424"/>
      <c r="JCC734" s="423" t="s">
        <v>2795</v>
      </c>
      <c r="JCD734" s="424"/>
      <c r="JCE734" s="424"/>
      <c r="JCF734" s="424"/>
      <c r="JCG734" s="423" t="s">
        <v>2795</v>
      </c>
      <c r="JCH734" s="424"/>
      <c r="JCI734" s="424"/>
      <c r="JCJ734" s="424"/>
      <c r="JCK734" s="423" t="s">
        <v>2795</v>
      </c>
      <c r="JCL734" s="424"/>
      <c r="JCM734" s="424"/>
      <c r="JCN734" s="424"/>
      <c r="JCO734" s="423" t="s">
        <v>2795</v>
      </c>
      <c r="JCP734" s="424"/>
      <c r="JCQ734" s="424"/>
      <c r="JCR734" s="424"/>
      <c r="JCS734" s="423" t="s">
        <v>2795</v>
      </c>
      <c r="JCT734" s="424"/>
      <c r="JCU734" s="424"/>
      <c r="JCV734" s="424"/>
      <c r="JCW734" s="423" t="s">
        <v>2795</v>
      </c>
      <c r="JCX734" s="424"/>
      <c r="JCY734" s="424"/>
      <c r="JCZ734" s="424"/>
      <c r="JDA734" s="423" t="s">
        <v>2795</v>
      </c>
      <c r="JDB734" s="424"/>
      <c r="JDC734" s="424"/>
      <c r="JDD734" s="424"/>
      <c r="JDE734" s="423" t="s">
        <v>2795</v>
      </c>
      <c r="JDF734" s="424"/>
      <c r="JDG734" s="424"/>
      <c r="JDH734" s="424"/>
      <c r="JDI734" s="423" t="s">
        <v>2795</v>
      </c>
      <c r="JDJ734" s="424"/>
      <c r="JDK734" s="424"/>
      <c r="JDL734" s="424"/>
      <c r="JDM734" s="423" t="s">
        <v>2795</v>
      </c>
      <c r="JDN734" s="424"/>
      <c r="JDO734" s="424"/>
      <c r="JDP734" s="424"/>
      <c r="JDQ734" s="423" t="s">
        <v>2795</v>
      </c>
      <c r="JDR734" s="424"/>
      <c r="JDS734" s="424"/>
      <c r="JDT734" s="424"/>
      <c r="JDU734" s="423" t="s">
        <v>2795</v>
      </c>
      <c r="JDV734" s="424"/>
      <c r="JDW734" s="424"/>
      <c r="JDX734" s="424"/>
      <c r="JDY734" s="423" t="s">
        <v>2795</v>
      </c>
      <c r="JDZ734" s="424"/>
      <c r="JEA734" s="424"/>
      <c r="JEB734" s="424"/>
      <c r="JEC734" s="423" t="s">
        <v>2795</v>
      </c>
      <c r="JED734" s="424"/>
      <c r="JEE734" s="424"/>
      <c r="JEF734" s="424"/>
      <c r="JEG734" s="423" t="s">
        <v>2795</v>
      </c>
      <c r="JEH734" s="424"/>
      <c r="JEI734" s="424"/>
      <c r="JEJ734" s="424"/>
      <c r="JEK734" s="423" t="s">
        <v>2795</v>
      </c>
      <c r="JEL734" s="424"/>
      <c r="JEM734" s="424"/>
      <c r="JEN734" s="424"/>
      <c r="JEO734" s="423" t="s">
        <v>2795</v>
      </c>
      <c r="JEP734" s="424"/>
      <c r="JEQ734" s="424"/>
      <c r="JER734" s="424"/>
      <c r="JES734" s="423" t="s">
        <v>2795</v>
      </c>
      <c r="JET734" s="424"/>
      <c r="JEU734" s="424"/>
      <c r="JEV734" s="424"/>
      <c r="JEW734" s="423" t="s">
        <v>2795</v>
      </c>
      <c r="JEX734" s="424"/>
      <c r="JEY734" s="424"/>
      <c r="JEZ734" s="424"/>
      <c r="JFA734" s="423" t="s">
        <v>2795</v>
      </c>
      <c r="JFB734" s="424"/>
      <c r="JFC734" s="424"/>
      <c r="JFD734" s="424"/>
      <c r="JFE734" s="423" t="s">
        <v>2795</v>
      </c>
      <c r="JFF734" s="424"/>
      <c r="JFG734" s="424"/>
      <c r="JFH734" s="424"/>
      <c r="JFI734" s="423" t="s">
        <v>2795</v>
      </c>
      <c r="JFJ734" s="424"/>
      <c r="JFK734" s="424"/>
      <c r="JFL734" s="424"/>
      <c r="JFM734" s="423" t="s">
        <v>2795</v>
      </c>
      <c r="JFN734" s="424"/>
      <c r="JFO734" s="424"/>
      <c r="JFP734" s="424"/>
      <c r="JFQ734" s="423" t="s">
        <v>2795</v>
      </c>
      <c r="JFR734" s="424"/>
      <c r="JFS734" s="424"/>
      <c r="JFT734" s="424"/>
      <c r="JFU734" s="423" t="s">
        <v>2795</v>
      </c>
      <c r="JFV734" s="424"/>
      <c r="JFW734" s="424"/>
      <c r="JFX734" s="424"/>
      <c r="JFY734" s="423" t="s">
        <v>2795</v>
      </c>
      <c r="JFZ734" s="424"/>
      <c r="JGA734" s="424"/>
      <c r="JGB734" s="424"/>
      <c r="JGC734" s="423" t="s">
        <v>2795</v>
      </c>
      <c r="JGD734" s="424"/>
      <c r="JGE734" s="424"/>
      <c r="JGF734" s="424"/>
      <c r="JGG734" s="423" t="s">
        <v>2795</v>
      </c>
      <c r="JGH734" s="424"/>
      <c r="JGI734" s="424"/>
      <c r="JGJ734" s="424"/>
      <c r="JGK734" s="423" t="s">
        <v>2795</v>
      </c>
      <c r="JGL734" s="424"/>
      <c r="JGM734" s="424"/>
      <c r="JGN734" s="424"/>
      <c r="JGO734" s="423" t="s">
        <v>2795</v>
      </c>
      <c r="JGP734" s="424"/>
      <c r="JGQ734" s="424"/>
      <c r="JGR734" s="424"/>
      <c r="JGS734" s="423" t="s">
        <v>2795</v>
      </c>
      <c r="JGT734" s="424"/>
      <c r="JGU734" s="424"/>
      <c r="JGV734" s="424"/>
      <c r="JGW734" s="423" t="s">
        <v>2795</v>
      </c>
      <c r="JGX734" s="424"/>
      <c r="JGY734" s="424"/>
      <c r="JGZ734" s="424"/>
      <c r="JHA734" s="423" t="s">
        <v>2795</v>
      </c>
      <c r="JHB734" s="424"/>
      <c r="JHC734" s="424"/>
      <c r="JHD734" s="424"/>
      <c r="JHE734" s="423" t="s">
        <v>2795</v>
      </c>
      <c r="JHF734" s="424"/>
      <c r="JHG734" s="424"/>
      <c r="JHH734" s="424"/>
      <c r="JHI734" s="423" t="s">
        <v>2795</v>
      </c>
      <c r="JHJ734" s="424"/>
      <c r="JHK734" s="424"/>
      <c r="JHL734" s="424"/>
      <c r="JHM734" s="423" t="s">
        <v>2795</v>
      </c>
      <c r="JHN734" s="424"/>
      <c r="JHO734" s="424"/>
      <c r="JHP734" s="424"/>
      <c r="JHQ734" s="423" t="s">
        <v>2795</v>
      </c>
      <c r="JHR734" s="424"/>
      <c r="JHS734" s="424"/>
      <c r="JHT734" s="424"/>
      <c r="JHU734" s="423" t="s">
        <v>2795</v>
      </c>
      <c r="JHV734" s="424"/>
      <c r="JHW734" s="424"/>
      <c r="JHX734" s="424"/>
      <c r="JHY734" s="423" t="s">
        <v>2795</v>
      </c>
      <c r="JHZ734" s="424"/>
      <c r="JIA734" s="424"/>
      <c r="JIB734" s="424"/>
      <c r="JIC734" s="423" t="s">
        <v>2795</v>
      </c>
      <c r="JID734" s="424"/>
      <c r="JIE734" s="424"/>
      <c r="JIF734" s="424"/>
      <c r="JIG734" s="423" t="s">
        <v>2795</v>
      </c>
      <c r="JIH734" s="424"/>
      <c r="JII734" s="424"/>
      <c r="JIJ734" s="424"/>
      <c r="JIK734" s="423" t="s">
        <v>2795</v>
      </c>
      <c r="JIL734" s="424"/>
      <c r="JIM734" s="424"/>
      <c r="JIN734" s="424"/>
      <c r="JIO734" s="423" t="s">
        <v>2795</v>
      </c>
      <c r="JIP734" s="424"/>
      <c r="JIQ734" s="424"/>
      <c r="JIR734" s="424"/>
      <c r="JIS734" s="423" t="s">
        <v>2795</v>
      </c>
      <c r="JIT734" s="424"/>
      <c r="JIU734" s="424"/>
      <c r="JIV734" s="424"/>
      <c r="JIW734" s="423" t="s">
        <v>2795</v>
      </c>
      <c r="JIX734" s="424"/>
      <c r="JIY734" s="424"/>
      <c r="JIZ734" s="424"/>
      <c r="JJA734" s="423" t="s">
        <v>2795</v>
      </c>
      <c r="JJB734" s="424"/>
      <c r="JJC734" s="424"/>
      <c r="JJD734" s="424"/>
      <c r="JJE734" s="423" t="s">
        <v>2795</v>
      </c>
      <c r="JJF734" s="424"/>
      <c r="JJG734" s="424"/>
      <c r="JJH734" s="424"/>
      <c r="JJI734" s="423" t="s">
        <v>2795</v>
      </c>
      <c r="JJJ734" s="424"/>
      <c r="JJK734" s="424"/>
      <c r="JJL734" s="424"/>
      <c r="JJM734" s="423" t="s">
        <v>2795</v>
      </c>
      <c r="JJN734" s="424"/>
      <c r="JJO734" s="424"/>
      <c r="JJP734" s="424"/>
      <c r="JJQ734" s="423" t="s">
        <v>2795</v>
      </c>
      <c r="JJR734" s="424"/>
      <c r="JJS734" s="424"/>
      <c r="JJT734" s="424"/>
      <c r="JJU734" s="423" t="s">
        <v>2795</v>
      </c>
      <c r="JJV734" s="424"/>
      <c r="JJW734" s="424"/>
      <c r="JJX734" s="424"/>
      <c r="JJY734" s="423" t="s">
        <v>2795</v>
      </c>
      <c r="JJZ734" s="424"/>
      <c r="JKA734" s="424"/>
      <c r="JKB734" s="424"/>
      <c r="JKC734" s="423" t="s">
        <v>2795</v>
      </c>
      <c r="JKD734" s="424"/>
      <c r="JKE734" s="424"/>
      <c r="JKF734" s="424"/>
      <c r="JKG734" s="423" t="s">
        <v>2795</v>
      </c>
      <c r="JKH734" s="424"/>
      <c r="JKI734" s="424"/>
      <c r="JKJ734" s="424"/>
      <c r="JKK734" s="423" t="s">
        <v>2795</v>
      </c>
      <c r="JKL734" s="424"/>
      <c r="JKM734" s="424"/>
      <c r="JKN734" s="424"/>
      <c r="JKO734" s="423" t="s">
        <v>2795</v>
      </c>
      <c r="JKP734" s="424"/>
      <c r="JKQ734" s="424"/>
      <c r="JKR734" s="424"/>
      <c r="JKS734" s="423" t="s">
        <v>2795</v>
      </c>
      <c r="JKT734" s="424"/>
      <c r="JKU734" s="424"/>
      <c r="JKV734" s="424"/>
      <c r="JKW734" s="423" t="s">
        <v>2795</v>
      </c>
      <c r="JKX734" s="424"/>
      <c r="JKY734" s="424"/>
      <c r="JKZ734" s="424"/>
      <c r="JLA734" s="423" t="s">
        <v>2795</v>
      </c>
      <c r="JLB734" s="424"/>
      <c r="JLC734" s="424"/>
      <c r="JLD734" s="424"/>
      <c r="JLE734" s="423" t="s">
        <v>2795</v>
      </c>
      <c r="JLF734" s="424"/>
      <c r="JLG734" s="424"/>
      <c r="JLH734" s="424"/>
      <c r="JLI734" s="423" t="s">
        <v>2795</v>
      </c>
      <c r="JLJ734" s="424"/>
      <c r="JLK734" s="424"/>
      <c r="JLL734" s="424"/>
      <c r="JLM734" s="423" t="s">
        <v>2795</v>
      </c>
      <c r="JLN734" s="424"/>
      <c r="JLO734" s="424"/>
      <c r="JLP734" s="424"/>
      <c r="JLQ734" s="423" t="s">
        <v>2795</v>
      </c>
      <c r="JLR734" s="424"/>
      <c r="JLS734" s="424"/>
      <c r="JLT734" s="424"/>
      <c r="JLU734" s="423" t="s">
        <v>2795</v>
      </c>
      <c r="JLV734" s="424"/>
      <c r="JLW734" s="424"/>
      <c r="JLX734" s="424"/>
      <c r="JLY734" s="423" t="s">
        <v>2795</v>
      </c>
      <c r="JLZ734" s="424"/>
      <c r="JMA734" s="424"/>
      <c r="JMB734" s="424"/>
      <c r="JMC734" s="423" t="s">
        <v>2795</v>
      </c>
      <c r="JMD734" s="424"/>
      <c r="JME734" s="424"/>
      <c r="JMF734" s="424"/>
      <c r="JMG734" s="423" t="s">
        <v>2795</v>
      </c>
      <c r="JMH734" s="424"/>
      <c r="JMI734" s="424"/>
      <c r="JMJ734" s="424"/>
      <c r="JMK734" s="423" t="s">
        <v>2795</v>
      </c>
      <c r="JML734" s="424"/>
      <c r="JMM734" s="424"/>
      <c r="JMN734" s="424"/>
      <c r="JMO734" s="423" t="s">
        <v>2795</v>
      </c>
      <c r="JMP734" s="424"/>
      <c r="JMQ734" s="424"/>
      <c r="JMR734" s="424"/>
      <c r="JMS734" s="423" t="s">
        <v>2795</v>
      </c>
      <c r="JMT734" s="424"/>
      <c r="JMU734" s="424"/>
      <c r="JMV734" s="424"/>
      <c r="JMW734" s="423" t="s">
        <v>2795</v>
      </c>
      <c r="JMX734" s="424"/>
      <c r="JMY734" s="424"/>
      <c r="JMZ734" s="424"/>
      <c r="JNA734" s="423" t="s">
        <v>2795</v>
      </c>
      <c r="JNB734" s="424"/>
      <c r="JNC734" s="424"/>
      <c r="JND734" s="424"/>
      <c r="JNE734" s="423" t="s">
        <v>2795</v>
      </c>
      <c r="JNF734" s="424"/>
      <c r="JNG734" s="424"/>
      <c r="JNH734" s="424"/>
      <c r="JNI734" s="423" t="s">
        <v>2795</v>
      </c>
      <c r="JNJ734" s="424"/>
      <c r="JNK734" s="424"/>
      <c r="JNL734" s="424"/>
      <c r="JNM734" s="423" t="s">
        <v>2795</v>
      </c>
      <c r="JNN734" s="424"/>
      <c r="JNO734" s="424"/>
      <c r="JNP734" s="424"/>
      <c r="JNQ734" s="423" t="s">
        <v>2795</v>
      </c>
      <c r="JNR734" s="424"/>
      <c r="JNS734" s="424"/>
      <c r="JNT734" s="424"/>
      <c r="JNU734" s="423" t="s">
        <v>2795</v>
      </c>
      <c r="JNV734" s="424"/>
      <c r="JNW734" s="424"/>
      <c r="JNX734" s="424"/>
      <c r="JNY734" s="423" t="s">
        <v>2795</v>
      </c>
      <c r="JNZ734" s="424"/>
      <c r="JOA734" s="424"/>
      <c r="JOB734" s="424"/>
      <c r="JOC734" s="423" t="s">
        <v>2795</v>
      </c>
      <c r="JOD734" s="424"/>
      <c r="JOE734" s="424"/>
      <c r="JOF734" s="424"/>
      <c r="JOG734" s="423" t="s">
        <v>2795</v>
      </c>
      <c r="JOH734" s="424"/>
      <c r="JOI734" s="424"/>
      <c r="JOJ734" s="424"/>
      <c r="JOK734" s="423" t="s">
        <v>2795</v>
      </c>
      <c r="JOL734" s="424"/>
      <c r="JOM734" s="424"/>
      <c r="JON734" s="424"/>
      <c r="JOO734" s="423" t="s">
        <v>2795</v>
      </c>
      <c r="JOP734" s="424"/>
      <c r="JOQ734" s="424"/>
      <c r="JOR734" s="424"/>
      <c r="JOS734" s="423" t="s">
        <v>2795</v>
      </c>
      <c r="JOT734" s="424"/>
      <c r="JOU734" s="424"/>
      <c r="JOV734" s="424"/>
      <c r="JOW734" s="423" t="s">
        <v>2795</v>
      </c>
      <c r="JOX734" s="424"/>
      <c r="JOY734" s="424"/>
      <c r="JOZ734" s="424"/>
      <c r="JPA734" s="423" t="s">
        <v>2795</v>
      </c>
      <c r="JPB734" s="424"/>
      <c r="JPC734" s="424"/>
      <c r="JPD734" s="424"/>
      <c r="JPE734" s="423" t="s">
        <v>2795</v>
      </c>
      <c r="JPF734" s="424"/>
      <c r="JPG734" s="424"/>
      <c r="JPH734" s="424"/>
      <c r="JPI734" s="423" t="s">
        <v>2795</v>
      </c>
      <c r="JPJ734" s="424"/>
      <c r="JPK734" s="424"/>
      <c r="JPL734" s="424"/>
      <c r="JPM734" s="423" t="s">
        <v>2795</v>
      </c>
      <c r="JPN734" s="424"/>
      <c r="JPO734" s="424"/>
      <c r="JPP734" s="424"/>
      <c r="JPQ734" s="423" t="s">
        <v>2795</v>
      </c>
      <c r="JPR734" s="424"/>
      <c r="JPS734" s="424"/>
      <c r="JPT734" s="424"/>
      <c r="JPU734" s="423" t="s">
        <v>2795</v>
      </c>
      <c r="JPV734" s="424"/>
      <c r="JPW734" s="424"/>
      <c r="JPX734" s="424"/>
      <c r="JPY734" s="423" t="s">
        <v>2795</v>
      </c>
      <c r="JPZ734" s="424"/>
      <c r="JQA734" s="424"/>
      <c r="JQB734" s="424"/>
      <c r="JQC734" s="423" t="s">
        <v>2795</v>
      </c>
      <c r="JQD734" s="424"/>
      <c r="JQE734" s="424"/>
      <c r="JQF734" s="424"/>
      <c r="JQG734" s="423" t="s">
        <v>2795</v>
      </c>
      <c r="JQH734" s="424"/>
      <c r="JQI734" s="424"/>
      <c r="JQJ734" s="424"/>
      <c r="JQK734" s="423" t="s">
        <v>2795</v>
      </c>
      <c r="JQL734" s="424"/>
      <c r="JQM734" s="424"/>
      <c r="JQN734" s="424"/>
      <c r="JQO734" s="423" t="s">
        <v>2795</v>
      </c>
      <c r="JQP734" s="424"/>
      <c r="JQQ734" s="424"/>
      <c r="JQR734" s="424"/>
      <c r="JQS734" s="423" t="s">
        <v>2795</v>
      </c>
      <c r="JQT734" s="424"/>
      <c r="JQU734" s="424"/>
      <c r="JQV734" s="424"/>
      <c r="JQW734" s="423" t="s">
        <v>2795</v>
      </c>
      <c r="JQX734" s="424"/>
      <c r="JQY734" s="424"/>
      <c r="JQZ734" s="424"/>
      <c r="JRA734" s="423" t="s">
        <v>2795</v>
      </c>
      <c r="JRB734" s="424"/>
      <c r="JRC734" s="424"/>
      <c r="JRD734" s="424"/>
      <c r="JRE734" s="423" t="s">
        <v>2795</v>
      </c>
      <c r="JRF734" s="424"/>
      <c r="JRG734" s="424"/>
      <c r="JRH734" s="424"/>
      <c r="JRI734" s="423" t="s">
        <v>2795</v>
      </c>
      <c r="JRJ734" s="424"/>
      <c r="JRK734" s="424"/>
      <c r="JRL734" s="424"/>
      <c r="JRM734" s="423" t="s">
        <v>2795</v>
      </c>
      <c r="JRN734" s="424"/>
      <c r="JRO734" s="424"/>
      <c r="JRP734" s="424"/>
      <c r="JRQ734" s="423" t="s">
        <v>2795</v>
      </c>
      <c r="JRR734" s="424"/>
      <c r="JRS734" s="424"/>
      <c r="JRT734" s="424"/>
      <c r="JRU734" s="423" t="s">
        <v>2795</v>
      </c>
      <c r="JRV734" s="424"/>
      <c r="JRW734" s="424"/>
      <c r="JRX734" s="424"/>
      <c r="JRY734" s="423" t="s">
        <v>2795</v>
      </c>
      <c r="JRZ734" s="424"/>
      <c r="JSA734" s="424"/>
      <c r="JSB734" s="424"/>
      <c r="JSC734" s="423" t="s">
        <v>2795</v>
      </c>
      <c r="JSD734" s="424"/>
      <c r="JSE734" s="424"/>
      <c r="JSF734" s="424"/>
      <c r="JSG734" s="423" t="s">
        <v>2795</v>
      </c>
      <c r="JSH734" s="424"/>
      <c r="JSI734" s="424"/>
      <c r="JSJ734" s="424"/>
      <c r="JSK734" s="423" t="s">
        <v>2795</v>
      </c>
      <c r="JSL734" s="424"/>
      <c r="JSM734" s="424"/>
      <c r="JSN734" s="424"/>
      <c r="JSO734" s="423" t="s">
        <v>2795</v>
      </c>
      <c r="JSP734" s="424"/>
      <c r="JSQ734" s="424"/>
      <c r="JSR734" s="424"/>
      <c r="JSS734" s="423" t="s">
        <v>2795</v>
      </c>
      <c r="JST734" s="424"/>
      <c r="JSU734" s="424"/>
      <c r="JSV734" s="424"/>
      <c r="JSW734" s="423" t="s">
        <v>2795</v>
      </c>
      <c r="JSX734" s="424"/>
      <c r="JSY734" s="424"/>
      <c r="JSZ734" s="424"/>
      <c r="JTA734" s="423" t="s">
        <v>2795</v>
      </c>
      <c r="JTB734" s="424"/>
      <c r="JTC734" s="424"/>
      <c r="JTD734" s="424"/>
      <c r="JTE734" s="423" t="s">
        <v>2795</v>
      </c>
      <c r="JTF734" s="424"/>
      <c r="JTG734" s="424"/>
      <c r="JTH734" s="424"/>
      <c r="JTI734" s="423" t="s">
        <v>2795</v>
      </c>
      <c r="JTJ734" s="424"/>
      <c r="JTK734" s="424"/>
      <c r="JTL734" s="424"/>
      <c r="JTM734" s="423" t="s">
        <v>2795</v>
      </c>
      <c r="JTN734" s="424"/>
      <c r="JTO734" s="424"/>
      <c r="JTP734" s="424"/>
      <c r="JTQ734" s="423" t="s">
        <v>2795</v>
      </c>
      <c r="JTR734" s="424"/>
      <c r="JTS734" s="424"/>
      <c r="JTT734" s="424"/>
      <c r="JTU734" s="423" t="s">
        <v>2795</v>
      </c>
      <c r="JTV734" s="424"/>
      <c r="JTW734" s="424"/>
      <c r="JTX734" s="424"/>
      <c r="JTY734" s="423" t="s">
        <v>2795</v>
      </c>
      <c r="JTZ734" s="424"/>
      <c r="JUA734" s="424"/>
      <c r="JUB734" s="424"/>
      <c r="JUC734" s="423" t="s">
        <v>2795</v>
      </c>
      <c r="JUD734" s="424"/>
      <c r="JUE734" s="424"/>
      <c r="JUF734" s="424"/>
      <c r="JUG734" s="423" t="s">
        <v>2795</v>
      </c>
      <c r="JUH734" s="424"/>
      <c r="JUI734" s="424"/>
      <c r="JUJ734" s="424"/>
      <c r="JUK734" s="423" t="s">
        <v>2795</v>
      </c>
      <c r="JUL734" s="424"/>
      <c r="JUM734" s="424"/>
      <c r="JUN734" s="424"/>
      <c r="JUO734" s="423" t="s">
        <v>2795</v>
      </c>
      <c r="JUP734" s="424"/>
      <c r="JUQ734" s="424"/>
      <c r="JUR734" s="424"/>
      <c r="JUS734" s="423" t="s">
        <v>2795</v>
      </c>
      <c r="JUT734" s="424"/>
      <c r="JUU734" s="424"/>
      <c r="JUV734" s="424"/>
      <c r="JUW734" s="423" t="s">
        <v>2795</v>
      </c>
      <c r="JUX734" s="424"/>
      <c r="JUY734" s="424"/>
      <c r="JUZ734" s="424"/>
      <c r="JVA734" s="423" t="s">
        <v>2795</v>
      </c>
      <c r="JVB734" s="424"/>
      <c r="JVC734" s="424"/>
      <c r="JVD734" s="424"/>
      <c r="JVE734" s="423" t="s">
        <v>2795</v>
      </c>
      <c r="JVF734" s="424"/>
      <c r="JVG734" s="424"/>
      <c r="JVH734" s="424"/>
      <c r="JVI734" s="423" t="s">
        <v>2795</v>
      </c>
      <c r="JVJ734" s="424"/>
      <c r="JVK734" s="424"/>
      <c r="JVL734" s="424"/>
      <c r="JVM734" s="423" t="s">
        <v>2795</v>
      </c>
      <c r="JVN734" s="424"/>
      <c r="JVO734" s="424"/>
      <c r="JVP734" s="424"/>
      <c r="JVQ734" s="423" t="s">
        <v>2795</v>
      </c>
      <c r="JVR734" s="424"/>
      <c r="JVS734" s="424"/>
      <c r="JVT734" s="424"/>
      <c r="JVU734" s="423" t="s">
        <v>2795</v>
      </c>
      <c r="JVV734" s="424"/>
      <c r="JVW734" s="424"/>
      <c r="JVX734" s="424"/>
      <c r="JVY734" s="423" t="s">
        <v>2795</v>
      </c>
      <c r="JVZ734" s="424"/>
      <c r="JWA734" s="424"/>
      <c r="JWB734" s="424"/>
      <c r="JWC734" s="423" t="s">
        <v>2795</v>
      </c>
      <c r="JWD734" s="424"/>
      <c r="JWE734" s="424"/>
      <c r="JWF734" s="424"/>
      <c r="JWG734" s="423" t="s">
        <v>2795</v>
      </c>
      <c r="JWH734" s="424"/>
      <c r="JWI734" s="424"/>
      <c r="JWJ734" s="424"/>
      <c r="JWK734" s="423" t="s">
        <v>2795</v>
      </c>
      <c r="JWL734" s="424"/>
      <c r="JWM734" s="424"/>
      <c r="JWN734" s="424"/>
      <c r="JWO734" s="423" t="s">
        <v>2795</v>
      </c>
      <c r="JWP734" s="424"/>
      <c r="JWQ734" s="424"/>
      <c r="JWR734" s="424"/>
      <c r="JWS734" s="423" t="s">
        <v>2795</v>
      </c>
      <c r="JWT734" s="424"/>
      <c r="JWU734" s="424"/>
      <c r="JWV734" s="424"/>
      <c r="JWW734" s="423" t="s">
        <v>2795</v>
      </c>
      <c r="JWX734" s="424"/>
      <c r="JWY734" s="424"/>
      <c r="JWZ734" s="424"/>
      <c r="JXA734" s="423" t="s">
        <v>2795</v>
      </c>
      <c r="JXB734" s="424"/>
      <c r="JXC734" s="424"/>
      <c r="JXD734" s="424"/>
      <c r="JXE734" s="423" t="s">
        <v>2795</v>
      </c>
      <c r="JXF734" s="424"/>
      <c r="JXG734" s="424"/>
      <c r="JXH734" s="424"/>
      <c r="JXI734" s="423" t="s">
        <v>2795</v>
      </c>
      <c r="JXJ734" s="424"/>
      <c r="JXK734" s="424"/>
      <c r="JXL734" s="424"/>
      <c r="JXM734" s="423" t="s">
        <v>2795</v>
      </c>
      <c r="JXN734" s="424"/>
      <c r="JXO734" s="424"/>
      <c r="JXP734" s="424"/>
      <c r="JXQ734" s="423" t="s">
        <v>2795</v>
      </c>
      <c r="JXR734" s="424"/>
      <c r="JXS734" s="424"/>
      <c r="JXT734" s="424"/>
      <c r="JXU734" s="423" t="s">
        <v>2795</v>
      </c>
      <c r="JXV734" s="424"/>
      <c r="JXW734" s="424"/>
      <c r="JXX734" s="424"/>
      <c r="JXY734" s="423" t="s">
        <v>2795</v>
      </c>
      <c r="JXZ734" s="424"/>
      <c r="JYA734" s="424"/>
      <c r="JYB734" s="424"/>
      <c r="JYC734" s="423" t="s">
        <v>2795</v>
      </c>
      <c r="JYD734" s="424"/>
      <c r="JYE734" s="424"/>
      <c r="JYF734" s="424"/>
      <c r="JYG734" s="423" t="s">
        <v>2795</v>
      </c>
      <c r="JYH734" s="424"/>
      <c r="JYI734" s="424"/>
      <c r="JYJ734" s="424"/>
      <c r="JYK734" s="423" t="s">
        <v>2795</v>
      </c>
      <c r="JYL734" s="424"/>
      <c r="JYM734" s="424"/>
      <c r="JYN734" s="424"/>
      <c r="JYO734" s="423" t="s">
        <v>2795</v>
      </c>
      <c r="JYP734" s="424"/>
      <c r="JYQ734" s="424"/>
      <c r="JYR734" s="424"/>
      <c r="JYS734" s="423" t="s">
        <v>2795</v>
      </c>
      <c r="JYT734" s="424"/>
      <c r="JYU734" s="424"/>
      <c r="JYV734" s="424"/>
      <c r="JYW734" s="423" t="s">
        <v>2795</v>
      </c>
      <c r="JYX734" s="424"/>
      <c r="JYY734" s="424"/>
      <c r="JYZ734" s="424"/>
      <c r="JZA734" s="423" t="s">
        <v>2795</v>
      </c>
      <c r="JZB734" s="424"/>
      <c r="JZC734" s="424"/>
      <c r="JZD734" s="424"/>
      <c r="JZE734" s="423" t="s">
        <v>2795</v>
      </c>
      <c r="JZF734" s="424"/>
      <c r="JZG734" s="424"/>
      <c r="JZH734" s="424"/>
      <c r="JZI734" s="423" t="s">
        <v>2795</v>
      </c>
      <c r="JZJ734" s="424"/>
      <c r="JZK734" s="424"/>
      <c r="JZL734" s="424"/>
      <c r="JZM734" s="423" t="s">
        <v>2795</v>
      </c>
      <c r="JZN734" s="424"/>
      <c r="JZO734" s="424"/>
      <c r="JZP734" s="424"/>
      <c r="JZQ734" s="423" t="s">
        <v>2795</v>
      </c>
      <c r="JZR734" s="424"/>
      <c r="JZS734" s="424"/>
      <c r="JZT734" s="424"/>
      <c r="JZU734" s="423" t="s">
        <v>2795</v>
      </c>
      <c r="JZV734" s="424"/>
      <c r="JZW734" s="424"/>
      <c r="JZX734" s="424"/>
      <c r="JZY734" s="423" t="s">
        <v>2795</v>
      </c>
      <c r="JZZ734" s="424"/>
      <c r="KAA734" s="424"/>
      <c r="KAB734" s="424"/>
      <c r="KAC734" s="423" t="s">
        <v>2795</v>
      </c>
      <c r="KAD734" s="424"/>
      <c r="KAE734" s="424"/>
      <c r="KAF734" s="424"/>
      <c r="KAG734" s="423" t="s">
        <v>2795</v>
      </c>
      <c r="KAH734" s="424"/>
      <c r="KAI734" s="424"/>
      <c r="KAJ734" s="424"/>
      <c r="KAK734" s="423" t="s">
        <v>2795</v>
      </c>
      <c r="KAL734" s="424"/>
      <c r="KAM734" s="424"/>
      <c r="KAN734" s="424"/>
      <c r="KAO734" s="423" t="s">
        <v>2795</v>
      </c>
      <c r="KAP734" s="424"/>
      <c r="KAQ734" s="424"/>
      <c r="KAR734" s="424"/>
      <c r="KAS734" s="423" t="s">
        <v>2795</v>
      </c>
      <c r="KAT734" s="424"/>
      <c r="KAU734" s="424"/>
      <c r="KAV734" s="424"/>
      <c r="KAW734" s="423" t="s">
        <v>2795</v>
      </c>
      <c r="KAX734" s="424"/>
      <c r="KAY734" s="424"/>
      <c r="KAZ734" s="424"/>
      <c r="KBA734" s="423" t="s">
        <v>2795</v>
      </c>
      <c r="KBB734" s="424"/>
      <c r="KBC734" s="424"/>
      <c r="KBD734" s="424"/>
      <c r="KBE734" s="423" t="s">
        <v>2795</v>
      </c>
      <c r="KBF734" s="424"/>
      <c r="KBG734" s="424"/>
      <c r="KBH734" s="424"/>
      <c r="KBI734" s="423" t="s">
        <v>2795</v>
      </c>
      <c r="KBJ734" s="424"/>
      <c r="KBK734" s="424"/>
      <c r="KBL734" s="424"/>
      <c r="KBM734" s="423" t="s">
        <v>2795</v>
      </c>
      <c r="KBN734" s="424"/>
      <c r="KBO734" s="424"/>
      <c r="KBP734" s="424"/>
      <c r="KBQ734" s="423" t="s">
        <v>2795</v>
      </c>
      <c r="KBR734" s="424"/>
      <c r="KBS734" s="424"/>
      <c r="KBT734" s="424"/>
      <c r="KBU734" s="423" t="s">
        <v>2795</v>
      </c>
      <c r="KBV734" s="424"/>
      <c r="KBW734" s="424"/>
      <c r="KBX734" s="424"/>
      <c r="KBY734" s="423" t="s">
        <v>2795</v>
      </c>
      <c r="KBZ734" s="424"/>
      <c r="KCA734" s="424"/>
      <c r="KCB734" s="424"/>
      <c r="KCC734" s="423" t="s">
        <v>2795</v>
      </c>
      <c r="KCD734" s="424"/>
      <c r="KCE734" s="424"/>
      <c r="KCF734" s="424"/>
      <c r="KCG734" s="423" t="s">
        <v>2795</v>
      </c>
      <c r="KCH734" s="424"/>
      <c r="KCI734" s="424"/>
      <c r="KCJ734" s="424"/>
      <c r="KCK734" s="423" t="s">
        <v>2795</v>
      </c>
      <c r="KCL734" s="424"/>
      <c r="KCM734" s="424"/>
      <c r="KCN734" s="424"/>
      <c r="KCO734" s="423" t="s">
        <v>2795</v>
      </c>
      <c r="KCP734" s="424"/>
      <c r="KCQ734" s="424"/>
      <c r="KCR734" s="424"/>
      <c r="KCS734" s="423" t="s">
        <v>2795</v>
      </c>
      <c r="KCT734" s="424"/>
      <c r="KCU734" s="424"/>
      <c r="KCV734" s="424"/>
      <c r="KCW734" s="423" t="s">
        <v>2795</v>
      </c>
      <c r="KCX734" s="424"/>
      <c r="KCY734" s="424"/>
      <c r="KCZ734" s="424"/>
      <c r="KDA734" s="423" t="s">
        <v>2795</v>
      </c>
      <c r="KDB734" s="424"/>
      <c r="KDC734" s="424"/>
      <c r="KDD734" s="424"/>
      <c r="KDE734" s="423" t="s">
        <v>2795</v>
      </c>
      <c r="KDF734" s="424"/>
      <c r="KDG734" s="424"/>
      <c r="KDH734" s="424"/>
      <c r="KDI734" s="423" t="s">
        <v>2795</v>
      </c>
      <c r="KDJ734" s="424"/>
      <c r="KDK734" s="424"/>
      <c r="KDL734" s="424"/>
      <c r="KDM734" s="423" t="s">
        <v>2795</v>
      </c>
      <c r="KDN734" s="424"/>
      <c r="KDO734" s="424"/>
      <c r="KDP734" s="424"/>
      <c r="KDQ734" s="423" t="s">
        <v>2795</v>
      </c>
      <c r="KDR734" s="424"/>
      <c r="KDS734" s="424"/>
      <c r="KDT734" s="424"/>
      <c r="KDU734" s="423" t="s">
        <v>2795</v>
      </c>
      <c r="KDV734" s="424"/>
      <c r="KDW734" s="424"/>
      <c r="KDX734" s="424"/>
      <c r="KDY734" s="423" t="s">
        <v>2795</v>
      </c>
      <c r="KDZ734" s="424"/>
      <c r="KEA734" s="424"/>
      <c r="KEB734" s="424"/>
      <c r="KEC734" s="423" t="s">
        <v>2795</v>
      </c>
      <c r="KED734" s="424"/>
      <c r="KEE734" s="424"/>
      <c r="KEF734" s="424"/>
      <c r="KEG734" s="423" t="s">
        <v>2795</v>
      </c>
      <c r="KEH734" s="424"/>
      <c r="KEI734" s="424"/>
      <c r="KEJ734" s="424"/>
      <c r="KEK734" s="423" t="s">
        <v>2795</v>
      </c>
      <c r="KEL734" s="424"/>
      <c r="KEM734" s="424"/>
      <c r="KEN734" s="424"/>
      <c r="KEO734" s="423" t="s">
        <v>2795</v>
      </c>
      <c r="KEP734" s="424"/>
      <c r="KEQ734" s="424"/>
      <c r="KER734" s="424"/>
      <c r="KES734" s="423" t="s">
        <v>2795</v>
      </c>
      <c r="KET734" s="424"/>
      <c r="KEU734" s="424"/>
      <c r="KEV734" s="424"/>
      <c r="KEW734" s="423" t="s">
        <v>2795</v>
      </c>
      <c r="KEX734" s="424"/>
      <c r="KEY734" s="424"/>
      <c r="KEZ734" s="424"/>
      <c r="KFA734" s="423" t="s">
        <v>2795</v>
      </c>
      <c r="KFB734" s="424"/>
      <c r="KFC734" s="424"/>
      <c r="KFD734" s="424"/>
      <c r="KFE734" s="423" t="s">
        <v>2795</v>
      </c>
      <c r="KFF734" s="424"/>
      <c r="KFG734" s="424"/>
      <c r="KFH734" s="424"/>
      <c r="KFI734" s="423" t="s">
        <v>2795</v>
      </c>
      <c r="KFJ734" s="424"/>
      <c r="KFK734" s="424"/>
      <c r="KFL734" s="424"/>
      <c r="KFM734" s="423" t="s">
        <v>2795</v>
      </c>
      <c r="KFN734" s="424"/>
      <c r="KFO734" s="424"/>
      <c r="KFP734" s="424"/>
      <c r="KFQ734" s="423" t="s">
        <v>2795</v>
      </c>
      <c r="KFR734" s="424"/>
      <c r="KFS734" s="424"/>
      <c r="KFT734" s="424"/>
      <c r="KFU734" s="423" t="s">
        <v>2795</v>
      </c>
      <c r="KFV734" s="424"/>
      <c r="KFW734" s="424"/>
      <c r="KFX734" s="424"/>
      <c r="KFY734" s="423" t="s">
        <v>2795</v>
      </c>
      <c r="KFZ734" s="424"/>
      <c r="KGA734" s="424"/>
      <c r="KGB734" s="424"/>
      <c r="KGC734" s="423" t="s">
        <v>2795</v>
      </c>
      <c r="KGD734" s="424"/>
      <c r="KGE734" s="424"/>
      <c r="KGF734" s="424"/>
      <c r="KGG734" s="423" t="s">
        <v>2795</v>
      </c>
      <c r="KGH734" s="424"/>
      <c r="KGI734" s="424"/>
      <c r="KGJ734" s="424"/>
      <c r="KGK734" s="423" t="s">
        <v>2795</v>
      </c>
      <c r="KGL734" s="424"/>
      <c r="KGM734" s="424"/>
      <c r="KGN734" s="424"/>
      <c r="KGO734" s="423" t="s">
        <v>2795</v>
      </c>
      <c r="KGP734" s="424"/>
      <c r="KGQ734" s="424"/>
      <c r="KGR734" s="424"/>
      <c r="KGS734" s="423" t="s">
        <v>2795</v>
      </c>
      <c r="KGT734" s="424"/>
      <c r="KGU734" s="424"/>
      <c r="KGV734" s="424"/>
      <c r="KGW734" s="423" t="s">
        <v>2795</v>
      </c>
      <c r="KGX734" s="424"/>
      <c r="KGY734" s="424"/>
      <c r="KGZ734" s="424"/>
      <c r="KHA734" s="423" t="s">
        <v>2795</v>
      </c>
      <c r="KHB734" s="424"/>
      <c r="KHC734" s="424"/>
      <c r="KHD734" s="424"/>
      <c r="KHE734" s="423" t="s">
        <v>2795</v>
      </c>
      <c r="KHF734" s="424"/>
      <c r="KHG734" s="424"/>
      <c r="KHH734" s="424"/>
      <c r="KHI734" s="423" t="s">
        <v>2795</v>
      </c>
      <c r="KHJ734" s="424"/>
      <c r="KHK734" s="424"/>
      <c r="KHL734" s="424"/>
      <c r="KHM734" s="423" t="s">
        <v>2795</v>
      </c>
      <c r="KHN734" s="424"/>
      <c r="KHO734" s="424"/>
      <c r="KHP734" s="424"/>
      <c r="KHQ734" s="423" t="s">
        <v>2795</v>
      </c>
      <c r="KHR734" s="424"/>
      <c r="KHS734" s="424"/>
      <c r="KHT734" s="424"/>
      <c r="KHU734" s="423" t="s">
        <v>2795</v>
      </c>
      <c r="KHV734" s="424"/>
      <c r="KHW734" s="424"/>
      <c r="KHX734" s="424"/>
      <c r="KHY734" s="423" t="s">
        <v>2795</v>
      </c>
      <c r="KHZ734" s="424"/>
      <c r="KIA734" s="424"/>
      <c r="KIB734" s="424"/>
      <c r="KIC734" s="423" t="s">
        <v>2795</v>
      </c>
      <c r="KID734" s="424"/>
      <c r="KIE734" s="424"/>
      <c r="KIF734" s="424"/>
      <c r="KIG734" s="423" t="s">
        <v>2795</v>
      </c>
      <c r="KIH734" s="424"/>
      <c r="KII734" s="424"/>
      <c r="KIJ734" s="424"/>
      <c r="KIK734" s="423" t="s">
        <v>2795</v>
      </c>
      <c r="KIL734" s="424"/>
      <c r="KIM734" s="424"/>
      <c r="KIN734" s="424"/>
      <c r="KIO734" s="423" t="s">
        <v>2795</v>
      </c>
      <c r="KIP734" s="424"/>
      <c r="KIQ734" s="424"/>
      <c r="KIR734" s="424"/>
      <c r="KIS734" s="423" t="s">
        <v>2795</v>
      </c>
      <c r="KIT734" s="424"/>
      <c r="KIU734" s="424"/>
      <c r="KIV734" s="424"/>
      <c r="KIW734" s="423" t="s">
        <v>2795</v>
      </c>
      <c r="KIX734" s="424"/>
      <c r="KIY734" s="424"/>
      <c r="KIZ734" s="424"/>
      <c r="KJA734" s="423" t="s">
        <v>2795</v>
      </c>
      <c r="KJB734" s="424"/>
      <c r="KJC734" s="424"/>
      <c r="KJD734" s="424"/>
      <c r="KJE734" s="423" t="s">
        <v>2795</v>
      </c>
      <c r="KJF734" s="424"/>
      <c r="KJG734" s="424"/>
      <c r="KJH734" s="424"/>
      <c r="KJI734" s="423" t="s">
        <v>2795</v>
      </c>
      <c r="KJJ734" s="424"/>
      <c r="KJK734" s="424"/>
      <c r="KJL734" s="424"/>
      <c r="KJM734" s="423" t="s">
        <v>2795</v>
      </c>
      <c r="KJN734" s="424"/>
      <c r="KJO734" s="424"/>
      <c r="KJP734" s="424"/>
      <c r="KJQ734" s="423" t="s">
        <v>2795</v>
      </c>
      <c r="KJR734" s="424"/>
      <c r="KJS734" s="424"/>
      <c r="KJT734" s="424"/>
      <c r="KJU734" s="423" t="s">
        <v>2795</v>
      </c>
      <c r="KJV734" s="424"/>
      <c r="KJW734" s="424"/>
      <c r="KJX734" s="424"/>
      <c r="KJY734" s="423" t="s">
        <v>2795</v>
      </c>
      <c r="KJZ734" s="424"/>
      <c r="KKA734" s="424"/>
      <c r="KKB734" s="424"/>
      <c r="KKC734" s="423" t="s">
        <v>2795</v>
      </c>
      <c r="KKD734" s="424"/>
      <c r="KKE734" s="424"/>
      <c r="KKF734" s="424"/>
      <c r="KKG734" s="423" t="s">
        <v>2795</v>
      </c>
      <c r="KKH734" s="424"/>
      <c r="KKI734" s="424"/>
      <c r="KKJ734" s="424"/>
      <c r="KKK734" s="423" t="s">
        <v>2795</v>
      </c>
      <c r="KKL734" s="424"/>
      <c r="KKM734" s="424"/>
      <c r="KKN734" s="424"/>
      <c r="KKO734" s="423" t="s">
        <v>2795</v>
      </c>
      <c r="KKP734" s="424"/>
      <c r="KKQ734" s="424"/>
      <c r="KKR734" s="424"/>
      <c r="KKS734" s="423" t="s">
        <v>2795</v>
      </c>
      <c r="KKT734" s="424"/>
      <c r="KKU734" s="424"/>
      <c r="KKV734" s="424"/>
      <c r="KKW734" s="423" t="s">
        <v>2795</v>
      </c>
      <c r="KKX734" s="424"/>
      <c r="KKY734" s="424"/>
      <c r="KKZ734" s="424"/>
      <c r="KLA734" s="423" t="s">
        <v>2795</v>
      </c>
      <c r="KLB734" s="424"/>
      <c r="KLC734" s="424"/>
      <c r="KLD734" s="424"/>
      <c r="KLE734" s="423" t="s">
        <v>2795</v>
      </c>
      <c r="KLF734" s="424"/>
      <c r="KLG734" s="424"/>
      <c r="KLH734" s="424"/>
      <c r="KLI734" s="423" t="s">
        <v>2795</v>
      </c>
      <c r="KLJ734" s="424"/>
      <c r="KLK734" s="424"/>
      <c r="KLL734" s="424"/>
      <c r="KLM734" s="423" t="s">
        <v>2795</v>
      </c>
      <c r="KLN734" s="424"/>
      <c r="KLO734" s="424"/>
      <c r="KLP734" s="424"/>
      <c r="KLQ734" s="423" t="s">
        <v>2795</v>
      </c>
      <c r="KLR734" s="424"/>
      <c r="KLS734" s="424"/>
      <c r="KLT734" s="424"/>
      <c r="KLU734" s="423" t="s">
        <v>2795</v>
      </c>
      <c r="KLV734" s="424"/>
      <c r="KLW734" s="424"/>
      <c r="KLX734" s="424"/>
      <c r="KLY734" s="423" t="s">
        <v>2795</v>
      </c>
      <c r="KLZ734" s="424"/>
      <c r="KMA734" s="424"/>
      <c r="KMB734" s="424"/>
      <c r="KMC734" s="423" t="s">
        <v>2795</v>
      </c>
      <c r="KMD734" s="424"/>
      <c r="KME734" s="424"/>
      <c r="KMF734" s="424"/>
      <c r="KMG734" s="423" t="s">
        <v>2795</v>
      </c>
      <c r="KMH734" s="424"/>
      <c r="KMI734" s="424"/>
      <c r="KMJ734" s="424"/>
      <c r="KMK734" s="423" t="s">
        <v>2795</v>
      </c>
      <c r="KML734" s="424"/>
      <c r="KMM734" s="424"/>
      <c r="KMN734" s="424"/>
      <c r="KMO734" s="423" t="s">
        <v>2795</v>
      </c>
      <c r="KMP734" s="424"/>
      <c r="KMQ734" s="424"/>
      <c r="KMR734" s="424"/>
      <c r="KMS734" s="423" t="s">
        <v>2795</v>
      </c>
      <c r="KMT734" s="424"/>
      <c r="KMU734" s="424"/>
      <c r="KMV734" s="424"/>
      <c r="KMW734" s="423" t="s">
        <v>2795</v>
      </c>
      <c r="KMX734" s="424"/>
      <c r="KMY734" s="424"/>
      <c r="KMZ734" s="424"/>
      <c r="KNA734" s="423" t="s">
        <v>2795</v>
      </c>
      <c r="KNB734" s="424"/>
      <c r="KNC734" s="424"/>
      <c r="KND734" s="424"/>
      <c r="KNE734" s="423" t="s">
        <v>2795</v>
      </c>
      <c r="KNF734" s="424"/>
      <c r="KNG734" s="424"/>
      <c r="KNH734" s="424"/>
      <c r="KNI734" s="423" t="s">
        <v>2795</v>
      </c>
      <c r="KNJ734" s="424"/>
      <c r="KNK734" s="424"/>
      <c r="KNL734" s="424"/>
      <c r="KNM734" s="423" t="s">
        <v>2795</v>
      </c>
      <c r="KNN734" s="424"/>
      <c r="KNO734" s="424"/>
      <c r="KNP734" s="424"/>
      <c r="KNQ734" s="423" t="s">
        <v>2795</v>
      </c>
      <c r="KNR734" s="424"/>
      <c r="KNS734" s="424"/>
      <c r="KNT734" s="424"/>
      <c r="KNU734" s="423" t="s">
        <v>2795</v>
      </c>
      <c r="KNV734" s="424"/>
      <c r="KNW734" s="424"/>
      <c r="KNX734" s="424"/>
      <c r="KNY734" s="423" t="s">
        <v>2795</v>
      </c>
      <c r="KNZ734" s="424"/>
      <c r="KOA734" s="424"/>
      <c r="KOB734" s="424"/>
      <c r="KOC734" s="423" t="s">
        <v>2795</v>
      </c>
      <c r="KOD734" s="424"/>
      <c r="KOE734" s="424"/>
      <c r="KOF734" s="424"/>
      <c r="KOG734" s="423" t="s">
        <v>2795</v>
      </c>
      <c r="KOH734" s="424"/>
      <c r="KOI734" s="424"/>
      <c r="KOJ734" s="424"/>
      <c r="KOK734" s="423" t="s">
        <v>2795</v>
      </c>
      <c r="KOL734" s="424"/>
      <c r="KOM734" s="424"/>
      <c r="KON734" s="424"/>
      <c r="KOO734" s="423" t="s">
        <v>2795</v>
      </c>
      <c r="KOP734" s="424"/>
      <c r="KOQ734" s="424"/>
      <c r="KOR734" s="424"/>
      <c r="KOS734" s="423" t="s">
        <v>2795</v>
      </c>
      <c r="KOT734" s="424"/>
      <c r="KOU734" s="424"/>
      <c r="KOV734" s="424"/>
      <c r="KOW734" s="423" t="s">
        <v>2795</v>
      </c>
      <c r="KOX734" s="424"/>
      <c r="KOY734" s="424"/>
      <c r="KOZ734" s="424"/>
      <c r="KPA734" s="423" t="s">
        <v>2795</v>
      </c>
      <c r="KPB734" s="424"/>
      <c r="KPC734" s="424"/>
      <c r="KPD734" s="424"/>
      <c r="KPE734" s="423" t="s">
        <v>2795</v>
      </c>
      <c r="KPF734" s="424"/>
      <c r="KPG734" s="424"/>
      <c r="KPH734" s="424"/>
      <c r="KPI734" s="423" t="s">
        <v>2795</v>
      </c>
      <c r="KPJ734" s="424"/>
      <c r="KPK734" s="424"/>
      <c r="KPL734" s="424"/>
      <c r="KPM734" s="423" t="s">
        <v>2795</v>
      </c>
      <c r="KPN734" s="424"/>
      <c r="KPO734" s="424"/>
      <c r="KPP734" s="424"/>
      <c r="KPQ734" s="423" t="s">
        <v>2795</v>
      </c>
      <c r="KPR734" s="424"/>
      <c r="KPS734" s="424"/>
      <c r="KPT734" s="424"/>
      <c r="KPU734" s="423" t="s">
        <v>2795</v>
      </c>
      <c r="KPV734" s="424"/>
      <c r="KPW734" s="424"/>
      <c r="KPX734" s="424"/>
      <c r="KPY734" s="423" t="s">
        <v>2795</v>
      </c>
      <c r="KPZ734" s="424"/>
      <c r="KQA734" s="424"/>
      <c r="KQB734" s="424"/>
      <c r="KQC734" s="423" t="s">
        <v>2795</v>
      </c>
      <c r="KQD734" s="424"/>
      <c r="KQE734" s="424"/>
      <c r="KQF734" s="424"/>
      <c r="KQG734" s="423" t="s">
        <v>2795</v>
      </c>
      <c r="KQH734" s="424"/>
      <c r="KQI734" s="424"/>
      <c r="KQJ734" s="424"/>
      <c r="KQK734" s="423" t="s">
        <v>2795</v>
      </c>
      <c r="KQL734" s="424"/>
      <c r="KQM734" s="424"/>
      <c r="KQN734" s="424"/>
      <c r="KQO734" s="423" t="s">
        <v>2795</v>
      </c>
      <c r="KQP734" s="424"/>
      <c r="KQQ734" s="424"/>
      <c r="KQR734" s="424"/>
      <c r="KQS734" s="423" t="s">
        <v>2795</v>
      </c>
      <c r="KQT734" s="424"/>
      <c r="KQU734" s="424"/>
      <c r="KQV734" s="424"/>
      <c r="KQW734" s="423" t="s">
        <v>2795</v>
      </c>
      <c r="KQX734" s="424"/>
      <c r="KQY734" s="424"/>
      <c r="KQZ734" s="424"/>
      <c r="KRA734" s="423" t="s">
        <v>2795</v>
      </c>
      <c r="KRB734" s="424"/>
      <c r="KRC734" s="424"/>
      <c r="KRD734" s="424"/>
      <c r="KRE734" s="423" t="s">
        <v>2795</v>
      </c>
      <c r="KRF734" s="424"/>
      <c r="KRG734" s="424"/>
      <c r="KRH734" s="424"/>
      <c r="KRI734" s="423" t="s">
        <v>2795</v>
      </c>
      <c r="KRJ734" s="424"/>
      <c r="KRK734" s="424"/>
      <c r="KRL734" s="424"/>
      <c r="KRM734" s="423" t="s">
        <v>2795</v>
      </c>
      <c r="KRN734" s="424"/>
      <c r="KRO734" s="424"/>
      <c r="KRP734" s="424"/>
      <c r="KRQ734" s="423" t="s">
        <v>2795</v>
      </c>
      <c r="KRR734" s="424"/>
      <c r="KRS734" s="424"/>
      <c r="KRT734" s="424"/>
      <c r="KRU734" s="423" t="s">
        <v>2795</v>
      </c>
      <c r="KRV734" s="424"/>
      <c r="KRW734" s="424"/>
      <c r="KRX734" s="424"/>
      <c r="KRY734" s="423" t="s">
        <v>2795</v>
      </c>
      <c r="KRZ734" s="424"/>
      <c r="KSA734" s="424"/>
      <c r="KSB734" s="424"/>
      <c r="KSC734" s="423" t="s">
        <v>2795</v>
      </c>
      <c r="KSD734" s="424"/>
      <c r="KSE734" s="424"/>
      <c r="KSF734" s="424"/>
      <c r="KSG734" s="423" t="s">
        <v>2795</v>
      </c>
      <c r="KSH734" s="424"/>
      <c r="KSI734" s="424"/>
      <c r="KSJ734" s="424"/>
      <c r="KSK734" s="423" t="s">
        <v>2795</v>
      </c>
      <c r="KSL734" s="424"/>
      <c r="KSM734" s="424"/>
      <c r="KSN734" s="424"/>
      <c r="KSO734" s="423" t="s">
        <v>2795</v>
      </c>
      <c r="KSP734" s="424"/>
      <c r="KSQ734" s="424"/>
      <c r="KSR734" s="424"/>
      <c r="KSS734" s="423" t="s">
        <v>2795</v>
      </c>
      <c r="KST734" s="424"/>
      <c r="KSU734" s="424"/>
      <c r="KSV734" s="424"/>
      <c r="KSW734" s="423" t="s">
        <v>2795</v>
      </c>
      <c r="KSX734" s="424"/>
      <c r="KSY734" s="424"/>
      <c r="KSZ734" s="424"/>
      <c r="KTA734" s="423" t="s">
        <v>2795</v>
      </c>
      <c r="KTB734" s="424"/>
      <c r="KTC734" s="424"/>
      <c r="KTD734" s="424"/>
      <c r="KTE734" s="423" t="s">
        <v>2795</v>
      </c>
      <c r="KTF734" s="424"/>
      <c r="KTG734" s="424"/>
      <c r="KTH734" s="424"/>
      <c r="KTI734" s="423" t="s">
        <v>2795</v>
      </c>
      <c r="KTJ734" s="424"/>
      <c r="KTK734" s="424"/>
      <c r="KTL734" s="424"/>
      <c r="KTM734" s="423" t="s">
        <v>2795</v>
      </c>
      <c r="KTN734" s="424"/>
      <c r="KTO734" s="424"/>
      <c r="KTP734" s="424"/>
      <c r="KTQ734" s="423" t="s">
        <v>2795</v>
      </c>
      <c r="KTR734" s="424"/>
      <c r="KTS734" s="424"/>
      <c r="KTT734" s="424"/>
      <c r="KTU734" s="423" t="s">
        <v>2795</v>
      </c>
      <c r="KTV734" s="424"/>
      <c r="KTW734" s="424"/>
      <c r="KTX734" s="424"/>
      <c r="KTY734" s="423" t="s">
        <v>2795</v>
      </c>
      <c r="KTZ734" s="424"/>
      <c r="KUA734" s="424"/>
      <c r="KUB734" s="424"/>
      <c r="KUC734" s="423" t="s">
        <v>2795</v>
      </c>
      <c r="KUD734" s="424"/>
      <c r="KUE734" s="424"/>
      <c r="KUF734" s="424"/>
      <c r="KUG734" s="423" t="s">
        <v>2795</v>
      </c>
      <c r="KUH734" s="424"/>
      <c r="KUI734" s="424"/>
      <c r="KUJ734" s="424"/>
      <c r="KUK734" s="423" t="s">
        <v>2795</v>
      </c>
      <c r="KUL734" s="424"/>
      <c r="KUM734" s="424"/>
      <c r="KUN734" s="424"/>
      <c r="KUO734" s="423" t="s">
        <v>2795</v>
      </c>
      <c r="KUP734" s="424"/>
      <c r="KUQ734" s="424"/>
      <c r="KUR734" s="424"/>
      <c r="KUS734" s="423" t="s">
        <v>2795</v>
      </c>
      <c r="KUT734" s="424"/>
      <c r="KUU734" s="424"/>
      <c r="KUV734" s="424"/>
      <c r="KUW734" s="423" t="s">
        <v>2795</v>
      </c>
      <c r="KUX734" s="424"/>
      <c r="KUY734" s="424"/>
      <c r="KUZ734" s="424"/>
      <c r="KVA734" s="423" t="s">
        <v>2795</v>
      </c>
      <c r="KVB734" s="424"/>
      <c r="KVC734" s="424"/>
      <c r="KVD734" s="424"/>
      <c r="KVE734" s="423" t="s">
        <v>2795</v>
      </c>
      <c r="KVF734" s="424"/>
      <c r="KVG734" s="424"/>
      <c r="KVH734" s="424"/>
      <c r="KVI734" s="423" t="s">
        <v>2795</v>
      </c>
      <c r="KVJ734" s="424"/>
      <c r="KVK734" s="424"/>
      <c r="KVL734" s="424"/>
      <c r="KVM734" s="423" t="s">
        <v>2795</v>
      </c>
      <c r="KVN734" s="424"/>
      <c r="KVO734" s="424"/>
      <c r="KVP734" s="424"/>
      <c r="KVQ734" s="423" t="s">
        <v>2795</v>
      </c>
      <c r="KVR734" s="424"/>
      <c r="KVS734" s="424"/>
      <c r="KVT734" s="424"/>
      <c r="KVU734" s="423" t="s">
        <v>2795</v>
      </c>
      <c r="KVV734" s="424"/>
      <c r="KVW734" s="424"/>
      <c r="KVX734" s="424"/>
      <c r="KVY734" s="423" t="s">
        <v>2795</v>
      </c>
      <c r="KVZ734" s="424"/>
      <c r="KWA734" s="424"/>
      <c r="KWB734" s="424"/>
      <c r="KWC734" s="423" t="s">
        <v>2795</v>
      </c>
      <c r="KWD734" s="424"/>
      <c r="KWE734" s="424"/>
      <c r="KWF734" s="424"/>
      <c r="KWG734" s="423" t="s">
        <v>2795</v>
      </c>
      <c r="KWH734" s="424"/>
      <c r="KWI734" s="424"/>
      <c r="KWJ734" s="424"/>
      <c r="KWK734" s="423" t="s">
        <v>2795</v>
      </c>
      <c r="KWL734" s="424"/>
      <c r="KWM734" s="424"/>
      <c r="KWN734" s="424"/>
      <c r="KWO734" s="423" t="s">
        <v>2795</v>
      </c>
      <c r="KWP734" s="424"/>
      <c r="KWQ734" s="424"/>
      <c r="KWR734" s="424"/>
      <c r="KWS734" s="423" t="s">
        <v>2795</v>
      </c>
      <c r="KWT734" s="424"/>
      <c r="KWU734" s="424"/>
      <c r="KWV734" s="424"/>
      <c r="KWW734" s="423" t="s">
        <v>2795</v>
      </c>
      <c r="KWX734" s="424"/>
      <c r="KWY734" s="424"/>
      <c r="KWZ734" s="424"/>
      <c r="KXA734" s="423" t="s">
        <v>2795</v>
      </c>
      <c r="KXB734" s="424"/>
      <c r="KXC734" s="424"/>
      <c r="KXD734" s="424"/>
      <c r="KXE734" s="423" t="s">
        <v>2795</v>
      </c>
      <c r="KXF734" s="424"/>
      <c r="KXG734" s="424"/>
      <c r="KXH734" s="424"/>
      <c r="KXI734" s="423" t="s">
        <v>2795</v>
      </c>
      <c r="KXJ734" s="424"/>
      <c r="KXK734" s="424"/>
      <c r="KXL734" s="424"/>
      <c r="KXM734" s="423" t="s">
        <v>2795</v>
      </c>
      <c r="KXN734" s="424"/>
      <c r="KXO734" s="424"/>
      <c r="KXP734" s="424"/>
      <c r="KXQ734" s="423" t="s">
        <v>2795</v>
      </c>
      <c r="KXR734" s="424"/>
      <c r="KXS734" s="424"/>
      <c r="KXT734" s="424"/>
      <c r="KXU734" s="423" t="s">
        <v>2795</v>
      </c>
      <c r="KXV734" s="424"/>
      <c r="KXW734" s="424"/>
      <c r="KXX734" s="424"/>
      <c r="KXY734" s="423" t="s">
        <v>2795</v>
      </c>
      <c r="KXZ734" s="424"/>
      <c r="KYA734" s="424"/>
      <c r="KYB734" s="424"/>
      <c r="KYC734" s="423" t="s">
        <v>2795</v>
      </c>
      <c r="KYD734" s="424"/>
      <c r="KYE734" s="424"/>
      <c r="KYF734" s="424"/>
      <c r="KYG734" s="423" t="s">
        <v>2795</v>
      </c>
      <c r="KYH734" s="424"/>
      <c r="KYI734" s="424"/>
      <c r="KYJ734" s="424"/>
      <c r="KYK734" s="423" t="s">
        <v>2795</v>
      </c>
      <c r="KYL734" s="424"/>
      <c r="KYM734" s="424"/>
      <c r="KYN734" s="424"/>
      <c r="KYO734" s="423" t="s">
        <v>2795</v>
      </c>
      <c r="KYP734" s="424"/>
      <c r="KYQ734" s="424"/>
      <c r="KYR734" s="424"/>
      <c r="KYS734" s="423" t="s">
        <v>2795</v>
      </c>
      <c r="KYT734" s="424"/>
      <c r="KYU734" s="424"/>
      <c r="KYV734" s="424"/>
      <c r="KYW734" s="423" t="s">
        <v>2795</v>
      </c>
      <c r="KYX734" s="424"/>
      <c r="KYY734" s="424"/>
      <c r="KYZ734" s="424"/>
      <c r="KZA734" s="423" t="s">
        <v>2795</v>
      </c>
      <c r="KZB734" s="424"/>
      <c r="KZC734" s="424"/>
      <c r="KZD734" s="424"/>
      <c r="KZE734" s="423" t="s">
        <v>2795</v>
      </c>
      <c r="KZF734" s="424"/>
      <c r="KZG734" s="424"/>
      <c r="KZH734" s="424"/>
      <c r="KZI734" s="423" t="s">
        <v>2795</v>
      </c>
      <c r="KZJ734" s="424"/>
      <c r="KZK734" s="424"/>
      <c r="KZL734" s="424"/>
      <c r="KZM734" s="423" t="s">
        <v>2795</v>
      </c>
      <c r="KZN734" s="424"/>
      <c r="KZO734" s="424"/>
      <c r="KZP734" s="424"/>
      <c r="KZQ734" s="423" t="s">
        <v>2795</v>
      </c>
      <c r="KZR734" s="424"/>
      <c r="KZS734" s="424"/>
      <c r="KZT734" s="424"/>
      <c r="KZU734" s="423" t="s">
        <v>2795</v>
      </c>
      <c r="KZV734" s="424"/>
      <c r="KZW734" s="424"/>
      <c r="KZX734" s="424"/>
      <c r="KZY734" s="423" t="s">
        <v>2795</v>
      </c>
      <c r="KZZ734" s="424"/>
      <c r="LAA734" s="424"/>
      <c r="LAB734" s="424"/>
      <c r="LAC734" s="423" t="s">
        <v>2795</v>
      </c>
      <c r="LAD734" s="424"/>
      <c r="LAE734" s="424"/>
      <c r="LAF734" s="424"/>
      <c r="LAG734" s="423" t="s">
        <v>2795</v>
      </c>
      <c r="LAH734" s="424"/>
      <c r="LAI734" s="424"/>
      <c r="LAJ734" s="424"/>
      <c r="LAK734" s="423" t="s">
        <v>2795</v>
      </c>
      <c r="LAL734" s="424"/>
      <c r="LAM734" s="424"/>
      <c r="LAN734" s="424"/>
      <c r="LAO734" s="423" t="s">
        <v>2795</v>
      </c>
      <c r="LAP734" s="424"/>
      <c r="LAQ734" s="424"/>
      <c r="LAR734" s="424"/>
      <c r="LAS734" s="423" t="s">
        <v>2795</v>
      </c>
      <c r="LAT734" s="424"/>
      <c r="LAU734" s="424"/>
      <c r="LAV734" s="424"/>
      <c r="LAW734" s="423" t="s">
        <v>2795</v>
      </c>
      <c r="LAX734" s="424"/>
      <c r="LAY734" s="424"/>
      <c r="LAZ734" s="424"/>
      <c r="LBA734" s="423" t="s">
        <v>2795</v>
      </c>
      <c r="LBB734" s="424"/>
      <c r="LBC734" s="424"/>
      <c r="LBD734" s="424"/>
      <c r="LBE734" s="423" t="s">
        <v>2795</v>
      </c>
      <c r="LBF734" s="424"/>
      <c r="LBG734" s="424"/>
      <c r="LBH734" s="424"/>
      <c r="LBI734" s="423" t="s">
        <v>2795</v>
      </c>
      <c r="LBJ734" s="424"/>
      <c r="LBK734" s="424"/>
      <c r="LBL734" s="424"/>
      <c r="LBM734" s="423" t="s">
        <v>2795</v>
      </c>
      <c r="LBN734" s="424"/>
      <c r="LBO734" s="424"/>
      <c r="LBP734" s="424"/>
      <c r="LBQ734" s="423" t="s">
        <v>2795</v>
      </c>
      <c r="LBR734" s="424"/>
      <c r="LBS734" s="424"/>
      <c r="LBT734" s="424"/>
      <c r="LBU734" s="423" t="s">
        <v>2795</v>
      </c>
      <c r="LBV734" s="424"/>
      <c r="LBW734" s="424"/>
      <c r="LBX734" s="424"/>
      <c r="LBY734" s="423" t="s">
        <v>2795</v>
      </c>
      <c r="LBZ734" s="424"/>
      <c r="LCA734" s="424"/>
      <c r="LCB734" s="424"/>
      <c r="LCC734" s="423" t="s">
        <v>2795</v>
      </c>
      <c r="LCD734" s="424"/>
      <c r="LCE734" s="424"/>
      <c r="LCF734" s="424"/>
      <c r="LCG734" s="423" t="s">
        <v>2795</v>
      </c>
      <c r="LCH734" s="424"/>
      <c r="LCI734" s="424"/>
      <c r="LCJ734" s="424"/>
      <c r="LCK734" s="423" t="s">
        <v>2795</v>
      </c>
      <c r="LCL734" s="424"/>
      <c r="LCM734" s="424"/>
      <c r="LCN734" s="424"/>
      <c r="LCO734" s="423" t="s">
        <v>2795</v>
      </c>
      <c r="LCP734" s="424"/>
      <c r="LCQ734" s="424"/>
      <c r="LCR734" s="424"/>
      <c r="LCS734" s="423" t="s">
        <v>2795</v>
      </c>
      <c r="LCT734" s="424"/>
      <c r="LCU734" s="424"/>
      <c r="LCV734" s="424"/>
      <c r="LCW734" s="423" t="s">
        <v>2795</v>
      </c>
      <c r="LCX734" s="424"/>
      <c r="LCY734" s="424"/>
      <c r="LCZ734" s="424"/>
      <c r="LDA734" s="423" t="s">
        <v>2795</v>
      </c>
      <c r="LDB734" s="424"/>
      <c r="LDC734" s="424"/>
      <c r="LDD734" s="424"/>
      <c r="LDE734" s="423" t="s">
        <v>2795</v>
      </c>
      <c r="LDF734" s="424"/>
      <c r="LDG734" s="424"/>
      <c r="LDH734" s="424"/>
      <c r="LDI734" s="423" t="s">
        <v>2795</v>
      </c>
      <c r="LDJ734" s="424"/>
      <c r="LDK734" s="424"/>
      <c r="LDL734" s="424"/>
      <c r="LDM734" s="423" t="s">
        <v>2795</v>
      </c>
      <c r="LDN734" s="424"/>
      <c r="LDO734" s="424"/>
      <c r="LDP734" s="424"/>
      <c r="LDQ734" s="423" t="s">
        <v>2795</v>
      </c>
      <c r="LDR734" s="424"/>
      <c r="LDS734" s="424"/>
      <c r="LDT734" s="424"/>
      <c r="LDU734" s="423" t="s">
        <v>2795</v>
      </c>
      <c r="LDV734" s="424"/>
      <c r="LDW734" s="424"/>
      <c r="LDX734" s="424"/>
      <c r="LDY734" s="423" t="s">
        <v>2795</v>
      </c>
      <c r="LDZ734" s="424"/>
      <c r="LEA734" s="424"/>
      <c r="LEB734" s="424"/>
      <c r="LEC734" s="423" t="s">
        <v>2795</v>
      </c>
      <c r="LED734" s="424"/>
      <c r="LEE734" s="424"/>
      <c r="LEF734" s="424"/>
      <c r="LEG734" s="423" t="s">
        <v>2795</v>
      </c>
      <c r="LEH734" s="424"/>
      <c r="LEI734" s="424"/>
      <c r="LEJ734" s="424"/>
      <c r="LEK734" s="423" t="s">
        <v>2795</v>
      </c>
      <c r="LEL734" s="424"/>
      <c r="LEM734" s="424"/>
      <c r="LEN734" s="424"/>
      <c r="LEO734" s="423" t="s">
        <v>2795</v>
      </c>
      <c r="LEP734" s="424"/>
      <c r="LEQ734" s="424"/>
      <c r="LER734" s="424"/>
      <c r="LES734" s="423" t="s">
        <v>2795</v>
      </c>
      <c r="LET734" s="424"/>
      <c r="LEU734" s="424"/>
      <c r="LEV734" s="424"/>
      <c r="LEW734" s="423" t="s">
        <v>2795</v>
      </c>
      <c r="LEX734" s="424"/>
      <c r="LEY734" s="424"/>
      <c r="LEZ734" s="424"/>
      <c r="LFA734" s="423" t="s">
        <v>2795</v>
      </c>
      <c r="LFB734" s="424"/>
      <c r="LFC734" s="424"/>
      <c r="LFD734" s="424"/>
      <c r="LFE734" s="423" t="s">
        <v>2795</v>
      </c>
      <c r="LFF734" s="424"/>
      <c r="LFG734" s="424"/>
      <c r="LFH734" s="424"/>
      <c r="LFI734" s="423" t="s">
        <v>2795</v>
      </c>
      <c r="LFJ734" s="424"/>
      <c r="LFK734" s="424"/>
      <c r="LFL734" s="424"/>
      <c r="LFM734" s="423" t="s">
        <v>2795</v>
      </c>
      <c r="LFN734" s="424"/>
      <c r="LFO734" s="424"/>
      <c r="LFP734" s="424"/>
      <c r="LFQ734" s="423" t="s">
        <v>2795</v>
      </c>
      <c r="LFR734" s="424"/>
      <c r="LFS734" s="424"/>
      <c r="LFT734" s="424"/>
      <c r="LFU734" s="423" t="s">
        <v>2795</v>
      </c>
      <c r="LFV734" s="424"/>
      <c r="LFW734" s="424"/>
      <c r="LFX734" s="424"/>
      <c r="LFY734" s="423" t="s">
        <v>2795</v>
      </c>
      <c r="LFZ734" s="424"/>
      <c r="LGA734" s="424"/>
      <c r="LGB734" s="424"/>
      <c r="LGC734" s="423" t="s">
        <v>2795</v>
      </c>
      <c r="LGD734" s="424"/>
      <c r="LGE734" s="424"/>
      <c r="LGF734" s="424"/>
      <c r="LGG734" s="423" t="s">
        <v>2795</v>
      </c>
      <c r="LGH734" s="424"/>
      <c r="LGI734" s="424"/>
      <c r="LGJ734" s="424"/>
      <c r="LGK734" s="423" t="s">
        <v>2795</v>
      </c>
      <c r="LGL734" s="424"/>
      <c r="LGM734" s="424"/>
      <c r="LGN734" s="424"/>
      <c r="LGO734" s="423" t="s">
        <v>2795</v>
      </c>
      <c r="LGP734" s="424"/>
      <c r="LGQ734" s="424"/>
      <c r="LGR734" s="424"/>
      <c r="LGS734" s="423" t="s">
        <v>2795</v>
      </c>
      <c r="LGT734" s="424"/>
      <c r="LGU734" s="424"/>
      <c r="LGV734" s="424"/>
      <c r="LGW734" s="423" t="s">
        <v>2795</v>
      </c>
      <c r="LGX734" s="424"/>
      <c r="LGY734" s="424"/>
      <c r="LGZ734" s="424"/>
      <c r="LHA734" s="423" t="s">
        <v>2795</v>
      </c>
      <c r="LHB734" s="424"/>
      <c r="LHC734" s="424"/>
      <c r="LHD734" s="424"/>
      <c r="LHE734" s="423" t="s">
        <v>2795</v>
      </c>
      <c r="LHF734" s="424"/>
      <c r="LHG734" s="424"/>
      <c r="LHH734" s="424"/>
      <c r="LHI734" s="423" t="s">
        <v>2795</v>
      </c>
      <c r="LHJ734" s="424"/>
      <c r="LHK734" s="424"/>
      <c r="LHL734" s="424"/>
      <c r="LHM734" s="423" t="s">
        <v>2795</v>
      </c>
      <c r="LHN734" s="424"/>
      <c r="LHO734" s="424"/>
      <c r="LHP734" s="424"/>
      <c r="LHQ734" s="423" t="s">
        <v>2795</v>
      </c>
      <c r="LHR734" s="424"/>
      <c r="LHS734" s="424"/>
      <c r="LHT734" s="424"/>
      <c r="LHU734" s="423" t="s">
        <v>2795</v>
      </c>
      <c r="LHV734" s="424"/>
      <c r="LHW734" s="424"/>
      <c r="LHX734" s="424"/>
      <c r="LHY734" s="423" t="s">
        <v>2795</v>
      </c>
      <c r="LHZ734" s="424"/>
      <c r="LIA734" s="424"/>
      <c r="LIB734" s="424"/>
      <c r="LIC734" s="423" t="s">
        <v>2795</v>
      </c>
      <c r="LID734" s="424"/>
      <c r="LIE734" s="424"/>
      <c r="LIF734" s="424"/>
      <c r="LIG734" s="423" t="s">
        <v>2795</v>
      </c>
      <c r="LIH734" s="424"/>
      <c r="LII734" s="424"/>
      <c r="LIJ734" s="424"/>
      <c r="LIK734" s="423" t="s">
        <v>2795</v>
      </c>
      <c r="LIL734" s="424"/>
      <c r="LIM734" s="424"/>
      <c r="LIN734" s="424"/>
      <c r="LIO734" s="423" t="s">
        <v>2795</v>
      </c>
      <c r="LIP734" s="424"/>
      <c r="LIQ734" s="424"/>
      <c r="LIR734" s="424"/>
      <c r="LIS734" s="423" t="s">
        <v>2795</v>
      </c>
      <c r="LIT734" s="424"/>
      <c r="LIU734" s="424"/>
      <c r="LIV734" s="424"/>
      <c r="LIW734" s="423" t="s">
        <v>2795</v>
      </c>
      <c r="LIX734" s="424"/>
      <c r="LIY734" s="424"/>
      <c r="LIZ734" s="424"/>
      <c r="LJA734" s="423" t="s">
        <v>2795</v>
      </c>
      <c r="LJB734" s="424"/>
      <c r="LJC734" s="424"/>
      <c r="LJD734" s="424"/>
      <c r="LJE734" s="423" t="s">
        <v>2795</v>
      </c>
      <c r="LJF734" s="424"/>
      <c r="LJG734" s="424"/>
      <c r="LJH734" s="424"/>
      <c r="LJI734" s="423" t="s">
        <v>2795</v>
      </c>
      <c r="LJJ734" s="424"/>
      <c r="LJK734" s="424"/>
      <c r="LJL734" s="424"/>
      <c r="LJM734" s="423" t="s">
        <v>2795</v>
      </c>
      <c r="LJN734" s="424"/>
      <c r="LJO734" s="424"/>
      <c r="LJP734" s="424"/>
      <c r="LJQ734" s="423" t="s">
        <v>2795</v>
      </c>
      <c r="LJR734" s="424"/>
      <c r="LJS734" s="424"/>
      <c r="LJT734" s="424"/>
      <c r="LJU734" s="423" t="s">
        <v>2795</v>
      </c>
      <c r="LJV734" s="424"/>
      <c r="LJW734" s="424"/>
      <c r="LJX734" s="424"/>
      <c r="LJY734" s="423" t="s">
        <v>2795</v>
      </c>
      <c r="LJZ734" s="424"/>
      <c r="LKA734" s="424"/>
      <c r="LKB734" s="424"/>
      <c r="LKC734" s="423" t="s">
        <v>2795</v>
      </c>
      <c r="LKD734" s="424"/>
      <c r="LKE734" s="424"/>
      <c r="LKF734" s="424"/>
      <c r="LKG734" s="423" t="s">
        <v>2795</v>
      </c>
      <c r="LKH734" s="424"/>
      <c r="LKI734" s="424"/>
      <c r="LKJ734" s="424"/>
      <c r="LKK734" s="423" t="s">
        <v>2795</v>
      </c>
      <c r="LKL734" s="424"/>
      <c r="LKM734" s="424"/>
      <c r="LKN734" s="424"/>
      <c r="LKO734" s="423" t="s">
        <v>2795</v>
      </c>
      <c r="LKP734" s="424"/>
      <c r="LKQ734" s="424"/>
      <c r="LKR734" s="424"/>
      <c r="LKS734" s="423" t="s">
        <v>2795</v>
      </c>
      <c r="LKT734" s="424"/>
      <c r="LKU734" s="424"/>
      <c r="LKV734" s="424"/>
      <c r="LKW734" s="423" t="s">
        <v>2795</v>
      </c>
      <c r="LKX734" s="424"/>
      <c r="LKY734" s="424"/>
      <c r="LKZ734" s="424"/>
      <c r="LLA734" s="423" t="s">
        <v>2795</v>
      </c>
      <c r="LLB734" s="424"/>
      <c r="LLC734" s="424"/>
      <c r="LLD734" s="424"/>
      <c r="LLE734" s="423" t="s">
        <v>2795</v>
      </c>
      <c r="LLF734" s="424"/>
      <c r="LLG734" s="424"/>
      <c r="LLH734" s="424"/>
      <c r="LLI734" s="423" t="s">
        <v>2795</v>
      </c>
      <c r="LLJ734" s="424"/>
      <c r="LLK734" s="424"/>
      <c r="LLL734" s="424"/>
      <c r="LLM734" s="423" t="s">
        <v>2795</v>
      </c>
      <c r="LLN734" s="424"/>
      <c r="LLO734" s="424"/>
      <c r="LLP734" s="424"/>
      <c r="LLQ734" s="423" t="s">
        <v>2795</v>
      </c>
      <c r="LLR734" s="424"/>
      <c r="LLS734" s="424"/>
      <c r="LLT734" s="424"/>
      <c r="LLU734" s="423" t="s">
        <v>2795</v>
      </c>
      <c r="LLV734" s="424"/>
      <c r="LLW734" s="424"/>
      <c r="LLX734" s="424"/>
      <c r="LLY734" s="423" t="s">
        <v>2795</v>
      </c>
      <c r="LLZ734" s="424"/>
      <c r="LMA734" s="424"/>
      <c r="LMB734" s="424"/>
      <c r="LMC734" s="423" t="s">
        <v>2795</v>
      </c>
      <c r="LMD734" s="424"/>
      <c r="LME734" s="424"/>
      <c r="LMF734" s="424"/>
      <c r="LMG734" s="423" t="s">
        <v>2795</v>
      </c>
      <c r="LMH734" s="424"/>
      <c r="LMI734" s="424"/>
      <c r="LMJ734" s="424"/>
      <c r="LMK734" s="423" t="s">
        <v>2795</v>
      </c>
      <c r="LML734" s="424"/>
      <c r="LMM734" s="424"/>
      <c r="LMN734" s="424"/>
      <c r="LMO734" s="423" t="s">
        <v>2795</v>
      </c>
      <c r="LMP734" s="424"/>
      <c r="LMQ734" s="424"/>
      <c r="LMR734" s="424"/>
      <c r="LMS734" s="423" t="s">
        <v>2795</v>
      </c>
      <c r="LMT734" s="424"/>
      <c r="LMU734" s="424"/>
      <c r="LMV734" s="424"/>
      <c r="LMW734" s="423" t="s">
        <v>2795</v>
      </c>
      <c r="LMX734" s="424"/>
      <c r="LMY734" s="424"/>
      <c r="LMZ734" s="424"/>
      <c r="LNA734" s="423" t="s">
        <v>2795</v>
      </c>
      <c r="LNB734" s="424"/>
      <c r="LNC734" s="424"/>
      <c r="LND734" s="424"/>
      <c r="LNE734" s="423" t="s">
        <v>2795</v>
      </c>
      <c r="LNF734" s="424"/>
      <c r="LNG734" s="424"/>
      <c r="LNH734" s="424"/>
      <c r="LNI734" s="423" t="s">
        <v>2795</v>
      </c>
      <c r="LNJ734" s="424"/>
      <c r="LNK734" s="424"/>
      <c r="LNL734" s="424"/>
      <c r="LNM734" s="423" t="s">
        <v>2795</v>
      </c>
      <c r="LNN734" s="424"/>
      <c r="LNO734" s="424"/>
      <c r="LNP734" s="424"/>
      <c r="LNQ734" s="423" t="s">
        <v>2795</v>
      </c>
      <c r="LNR734" s="424"/>
      <c r="LNS734" s="424"/>
      <c r="LNT734" s="424"/>
      <c r="LNU734" s="423" t="s">
        <v>2795</v>
      </c>
      <c r="LNV734" s="424"/>
      <c r="LNW734" s="424"/>
      <c r="LNX734" s="424"/>
      <c r="LNY734" s="423" t="s">
        <v>2795</v>
      </c>
      <c r="LNZ734" s="424"/>
      <c r="LOA734" s="424"/>
      <c r="LOB734" s="424"/>
      <c r="LOC734" s="423" t="s">
        <v>2795</v>
      </c>
      <c r="LOD734" s="424"/>
      <c r="LOE734" s="424"/>
      <c r="LOF734" s="424"/>
      <c r="LOG734" s="423" t="s">
        <v>2795</v>
      </c>
      <c r="LOH734" s="424"/>
      <c r="LOI734" s="424"/>
      <c r="LOJ734" s="424"/>
      <c r="LOK734" s="423" t="s">
        <v>2795</v>
      </c>
      <c r="LOL734" s="424"/>
      <c r="LOM734" s="424"/>
      <c r="LON734" s="424"/>
      <c r="LOO734" s="423" t="s">
        <v>2795</v>
      </c>
      <c r="LOP734" s="424"/>
      <c r="LOQ734" s="424"/>
      <c r="LOR734" s="424"/>
      <c r="LOS734" s="423" t="s">
        <v>2795</v>
      </c>
      <c r="LOT734" s="424"/>
      <c r="LOU734" s="424"/>
      <c r="LOV734" s="424"/>
      <c r="LOW734" s="423" t="s">
        <v>2795</v>
      </c>
      <c r="LOX734" s="424"/>
      <c r="LOY734" s="424"/>
      <c r="LOZ734" s="424"/>
      <c r="LPA734" s="423" t="s">
        <v>2795</v>
      </c>
      <c r="LPB734" s="424"/>
      <c r="LPC734" s="424"/>
      <c r="LPD734" s="424"/>
      <c r="LPE734" s="423" t="s">
        <v>2795</v>
      </c>
      <c r="LPF734" s="424"/>
      <c r="LPG734" s="424"/>
      <c r="LPH734" s="424"/>
      <c r="LPI734" s="423" t="s">
        <v>2795</v>
      </c>
      <c r="LPJ734" s="424"/>
      <c r="LPK734" s="424"/>
      <c r="LPL734" s="424"/>
      <c r="LPM734" s="423" t="s">
        <v>2795</v>
      </c>
      <c r="LPN734" s="424"/>
      <c r="LPO734" s="424"/>
      <c r="LPP734" s="424"/>
      <c r="LPQ734" s="423" t="s">
        <v>2795</v>
      </c>
      <c r="LPR734" s="424"/>
      <c r="LPS734" s="424"/>
      <c r="LPT734" s="424"/>
      <c r="LPU734" s="423" t="s">
        <v>2795</v>
      </c>
      <c r="LPV734" s="424"/>
      <c r="LPW734" s="424"/>
      <c r="LPX734" s="424"/>
      <c r="LPY734" s="423" t="s">
        <v>2795</v>
      </c>
      <c r="LPZ734" s="424"/>
      <c r="LQA734" s="424"/>
      <c r="LQB734" s="424"/>
      <c r="LQC734" s="423" t="s">
        <v>2795</v>
      </c>
      <c r="LQD734" s="424"/>
      <c r="LQE734" s="424"/>
      <c r="LQF734" s="424"/>
      <c r="LQG734" s="423" t="s">
        <v>2795</v>
      </c>
      <c r="LQH734" s="424"/>
      <c r="LQI734" s="424"/>
      <c r="LQJ734" s="424"/>
      <c r="LQK734" s="423" t="s">
        <v>2795</v>
      </c>
      <c r="LQL734" s="424"/>
      <c r="LQM734" s="424"/>
      <c r="LQN734" s="424"/>
      <c r="LQO734" s="423" t="s">
        <v>2795</v>
      </c>
      <c r="LQP734" s="424"/>
      <c r="LQQ734" s="424"/>
      <c r="LQR734" s="424"/>
      <c r="LQS734" s="423" t="s">
        <v>2795</v>
      </c>
      <c r="LQT734" s="424"/>
      <c r="LQU734" s="424"/>
      <c r="LQV734" s="424"/>
      <c r="LQW734" s="423" t="s">
        <v>2795</v>
      </c>
      <c r="LQX734" s="424"/>
      <c r="LQY734" s="424"/>
      <c r="LQZ734" s="424"/>
      <c r="LRA734" s="423" t="s">
        <v>2795</v>
      </c>
      <c r="LRB734" s="424"/>
      <c r="LRC734" s="424"/>
      <c r="LRD734" s="424"/>
      <c r="LRE734" s="423" t="s">
        <v>2795</v>
      </c>
      <c r="LRF734" s="424"/>
      <c r="LRG734" s="424"/>
      <c r="LRH734" s="424"/>
      <c r="LRI734" s="423" t="s">
        <v>2795</v>
      </c>
      <c r="LRJ734" s="424"/>
      <c r="LRK734" s="424"/>
      <c r="LRL734" s="424"/>
      <c r="LRM734" s="423" t="s">
        <v>2795</v>
      </c>
      <c r="LRN734" s="424"/>
      <c r="LRO734" s="424"/>
      <c r="LRP734" s="424"/>
      <c r="LRQ734" s="423" t="s">
        <v>2795</v>
      </c>
      <c r="LRR734" s="424"/>
      <c r="LRS734" s="424"/>
      <c r="LRT734" s="424"/>
      <c r="LRU734" s="423" t="s">
        <v>2795</v>
      </c>
      <c r="LRV734" s="424"/>
      <c r="LRW734" s="424"/>
      <c r="LRX734" s="424"/>
      <c r="LRY734" s="423" t="s">
        <v>2795</v>
      </c>
      <c r="LRZ734" s="424"/>
      <c r="LSA734" s="424"/>
      <c r="LSB734" s="424"/>
      <c r="LSC734" s="423" t="s">
        <v>2795</v>
      </c>
      <c r="LSD734" s="424"/>
      <c r="LSE734" s="424"/>
      <c r="LSF734" s="424"/>
      <c r="LSG734" s="423" t="s">
        <v>2795</v>
      </c>
      <c r="LSH734" s="424"/>
      <c r="LSI734" s="424"/>
      <c r="LSJ734" s="424"/>
      <c r="LSK734" s="423" t="s">
        <v>2795</v>
      </c>
      <c r="LSL734" s="424"/>
      <c r="LSM734" s="424"/>
      <c r="LSN734" s="424"/>
      <c r="LSO734" s="423" t="s">
        <v>2795</v>
      </c>
      <c r="LSP734" s="424"/>
      <c r="LSQ734" s="424"/>
      <c r="LSR734" s="424"/>
      <c r="LSS734" s="423" t="s">
        <v>2795</v>
      </c>
      <c r="LST734" s="424"/>
      <c r="LSU734" s="424"/>
      <c r="LSV734" s="424"/>
      <c r="LSW734" s="423" t="s">
        <v>2795</v>
      </c>
      <c r="LSX734" s="424"/>
      <c r="LSY734" s="424"/>
      <c r="LSZ734" s="424"/>
      <c r="LTA734" s="423" t="s">
        <v>2795</v>
      </c>
      <c r="LTB734" s="424"/>
      <c r="LTC734" s="424"/>
      <c r="LTD734" s="424"/>
      <c r="LTE734" s="423" t="s">
        <v>2795</v>
      </c>
      <c r="LTF734" s="424"/>
      <c r="LTG734" s="424"/>
      <c r="LTH734" s="424"/>
      <c r="LTI734" s="423" t="s">
        <v>2795</v>
      </c>
      <c r="LTJ734" s="424"/>
      <c r="LTK734" s="424"/>
      <c r="LTL734" s="424"/>
      <c r="LTM734" s="423" t="s">
        <v>2795</v>
      </c>
      <c r="LTN734" s="424"/>
      <c r="LTO734" s="424"/>
      <c r="LTP734" s="424"/>
      <c r="LTQ734" s="423" t="s">
        <v>2795</v>
      </c>
      <c r="LTR734" s="424"/>
      <c r="LTS734" s="424"/>
      <c r="LTT734" s="424"/>
      <c r="LTU734" s="423" t="s">
        <v>2795</v>
      </c>
      <c r="LTV734" s="424"/>
      <c r="LTW734" s="424"/>
      <c r="LTX734" s="424"/>
      <c r="LTY734" s="423" t="s">
        <v>2795</v>
      </c>
      <c r="LTZ734" s="424"/>
      <c r="LUA734" s="424"/>
      <c r="LUB734" s="424"/>
      <c r="LUC734" s="423" t="s">
        <v>2795</v>
      </c>
      <c r="LUD734" s="424"/>
      <c r="LUE734" s="424"/>
      <c r="LUF734" s="424"/>
      <c r="LUG734" s="423" t="s">
        <v>2795</v>
      </c>
      <c r="LUH734" s="424"/>
      <c r="LUI734" s="424"/>
      <c r="LUJ734" s="424"/>
      <c r="LUK734" s="423" t="s">
        <v>2795</v>
      </c>
      <c r="LUL734" s="424"/>
      <c r="LUM734" s="424"/>
      <c r="LUN734" s="424"/>
      <c r="LUO734" s="423" t="s">
        <v>2795</v>
      </c>
      <c r="LUP734" s="424"/>
      <c r="LUQ734" s="424"/>
      <c r="LUR734" s="424"/>
      <c r="LUS734" s="423" t="s">
        <v>2795</v>
      </c>
      <c r="LUT734" s="424"/>
      <c r="LUU734" s="424"/>
      <c r="LUV734" s="424"/>
      <c r="LUW734" s="423" t="s">
        <v>2795</v>
      </c>
      <c r="LUX734" s="424"/>
      <c r="LUY734" s="424"/>
      <c r="LUZ734" s="424"/>
      <c r="LVA734" s="423" t="s">
        <v>2795</v>
      </c>
      <c r="LVB734" s="424"/>
      <c r="LVC734" s="424"/>
      <c r="LVD734" s="424"/>
      <c r="LVE734" s="423" t="s">
        <v>2795</v>
      </c>
      <c r="LVF734" s="424"/>
      <c r="LVG734" s="424"/>
      <c r="LVH734" s="424"/>
      <c r="LVI734" s="423" t="s">
        <v>2795</v>
      </c>
      <c r="LVJ734" s="424"/>
      <c r="LVK734" s="424"/>
      <c r="LVL734" s="424"/>
      <c r="LVM734" s="423" t="s">
        <v>2795</v>
      </c>
      <c r="LVN734" s="424"/>
      <c r="LVO734" s="424"/>
      <c r="LVP734" s="424"/>
      <c r="LVQ734" s="423" t="s">
        <v>2795</v>
      </c>
      <c r="LVR734" s="424"/>
      <c r="LVS734" s="424"/>
      <c r="LVT734" s="424"/>
      <c r="LVU734" s="423" t="s">
        <v>2795</v>
      </c>
      <c r="LVV734" s="424"/>
      <c r="LVW734" s="424"/>
      <c r="LVX734" s="424"/>
      <c r="LVY734" s="423" t="s">
        <v>2795</v>
      </c>
      <c r="LVZ734" s="424"/>
      <c r="LWA734" s="424"/>
      <c r="LWB734" s="424"/>
      <c r="LWC734" s="423" t="s">
        <v>2795</v>
      </c>
      <c r="LWD734" s="424"/>
      <c r="LWE734" s="424"/>
      <c r="LWF734" s="424"/>
      <c r="LWG734" s="423" t="s">
        <v>2795</v>
      </c>
      <c r="LWH734" s="424"/>
      <c r="LWI734" s="424"/>
      <c r="LWJ734" s="424"/>
      <c r="LWK734" s="423" t="s">
        <v>2795</v>
      </c>
      <c r="LWL734" s="424"/>
      <c r="LWM734" s="424"/>
      <c r="LWN734" s="424"/>
      <c r="LWO734" s="423" t="s">
        <v>2795</v>
      </c>
      <c r="LWP734" s="424"/>
      <c r="LWQ734" s="424"/>
      <c r="LWR734" s="424"/>
      <c r="LWS734" s="423" t="s">
        <v>2795</v>
      </c>
      <c r="LWT734" s="424"/>
      <c r="LWU734" s="424"/>
      <c r="LWV734" s="424"/>
      <c r="LWW734" s="423" t="s">
        <v>2795</v>
      </c>
      <c r="LWX734" s="424"/>
      <c r="LWY734" s="424"/>
      <c r="LWZ734" s="424"/>
      <c r="LXA734" s="423" t="s">
        <v>2795</v>
      </c>
      <c r="LXB734" s="424"/>
      <c r="LXC734" s="424"/>
      <c r="LXD734" s="424"/>
      <c r="LXE734" s="423" t="s">
        <v>2795</v>
      </c>
      <c r="LXF734" s="424"/>
      <c r="LXG734" s="424"/>
      <c r="LXH734" s="424"/>
      <c r="LXI734" s="423" t="s">
        <v>2795</v>
      </c>
      <c r="LXJ734" s="424"/>
      <c r="LXK734" s="424"/>
      <c r="LXL734" s="424"/>
      <c r="LXM734" s="423" t="s">
        <v>2795</v>
      </c>
      <c r="LXN734" s="424"/>
      <c r="LXO734" s="424"/>
      <c r="LXP734" s="424"/>
      <c r="LXQ734" s="423" t="s">
        <v>2795</v>
      </c>
      <c r="LXR734" s="424"/>
      <c r="LXS734" s="424"/>
      <c r="LXT734" s="424"/>
      <c r="LXU734" s="423" t="s">
        <v>2795</v>
      </c>
      <c r="LXV734" s="424"/>
      <c r="LXW734" s="424"/>
      <c r="LXX734" s="424"/>
      <c r="LXY734" s="423" t="s">
        <v>2795</v>
      </c>
      <c r="LXZ734" s="424"/>
      <c r="LYA734" s="424"/>
      <c r="LYB734" s="424"/>
      <c r="LYC734" s="423" t="s">
        <v>2795</v>
      </c>
      <c r="LYD734" s="424"/>
      <c r="LYE734" s="424"/>
      <c r="LYF734" s="424"/>
      <c r="LYG734" s="423" t="s">
        <v>2795</v>
      </c>
      <c r="LYH734" s="424"/>
      <c r="LYI734" s="424"/>
      <c r="LYJ734" s="424"/>
      <c r="LYK734" s="423" t="s">
        <v>2795</v>
      </c>
      <c r="LYL734" s="424"/>
      <c r="LYM734" s="424"/>
      <c r="LYN734" s="424"/>
      <c r="LYO734" s="423" t="s">
        <v>2795</v>
      </c>
      <c r="LYP734" s="424"/>
      <c r="LYQ734" s="424"/>
      <c r="LYR734" s="424"/>
      <c r="LYS734" s="423" t="s">
        <v>2795</v>
      </c>
      <c r="LYT734" s="424"/>
      <c r="LYU734" s="424"/>
      <c r="LYV734" s="424"/>
      <c r="LYW734" s="423" t="s">
        <v>2795</v>
      </c>
      <c r="LYX734" s="424"/>
      <c r="LYY734" s="424"/>
      <c r="LYZ734" s="424"/>
      <c r="LZA734" s="423" t="s">
        <v>2795</v>
      </c>
      <c r="LZB734" s="424"/>
      <c r="LZC734" s="424"/>
      <c r="LZD734" s="424"/>
      <c r="LZE734" s="423" t="s">
        <v>2795</v>
      </c>
      <c r="LZF734" s="424"/>
      <c r="LZG734" s="424"/>
      <c r="LZH734" s="424"/>
      <c r="LZI734" s="423" t="s">
        <v>2795</v>
      </c>
      <c r="LZJ734" s="424"/>
      <c r="LZK734" s="424"/>
      <c r="LZL734" s="424"/>
      <c r="LZM734" s="423" t="s">
        <v>2795</v>
      </c>
      <c r="LZN734" s="424"/>
      <c r="LZO734" s="424"/>
      <c r="LZP734" s="424"/>
      <c r="LZQ734" s="423" t="s">
        <v>2795</v>
      </c>
      <c r="LZR734" s="424"/>
      <c r="LZS734" s="424"/>
      <c r="LZT734" s="424"/>
      <c r="LZU734" s="423" t="s">
        <v>2795</v>
      </c>
      <c r="LZV734" s="424"/>
      <c r="LZW734" s="424"/>
      <c r="LZX734" s="424"/>
      <c r="LZY734" s="423" t="s">
        <v>2795</v>
      </c>
      <c r="LZZ734" s="424"/>
      <c r="MAA734" s="424"/>
      <c r="MAB734" s="424"/>
      <c r="MAC734" s="423" t="s">
        <v>2795</v>
      </c>
      <c r="MAD734" s="424"/>
      <c r="MAE734" s="424"/>
      <c r="MAF734" s="424"/>
      <c r="MAG734" s="423" t="s">
        <v>2795</v>
      </c>
      <c r="MAH734" s="424"/>
      <c r="MAI734" s="424"/>
      <c r="MAJ734" s="424"/>
      <c r="MAK734" s="423" t="s">
        <v>2795</v>
      </c>
      <c r="MAL734" s="424"/>
      <c r="MAM734" s="424"/>
      <c r="MAN734" s="424"/>
      <c r="MAO734" s="423" t="s">
        <v>2795</v>
      </c>
      <c r="MAP734" s="424"/>
      <c r="MAQ734" s="424"/>
      <c r="MAR734" s="424"/>
      <c r="MAS734" s="423" t="s">
        <v>2795</v>
      </c>
      <c r="MAT734" s="424"/>
      <c r="MAU734" s="424"/>
      <c r="MAV734" s="424"/>
      <c r="MAW734" s="423" t="s">
        <v>2795</v>
      </c>
      <c r="MAX734" s="424"/>
      <c r="MAY734" s="424"/>
      <c r="MAZ734" s="424"/>
      <c r="MBA734" s="423" t="s">
        <v>2795</v>
      </c>
      <c r="MBB734" s="424"/>
      <c r="MBC734" s="424"/>
      <c r="MBD734" s="424"/>
      <c r="MBE734" s="423" t="s">
        <v>2795</v>
      </c>
      <c r="MBF734" s="424"/>
      <c r="MBG734" s="424"/>
      <c r="MBH734" s="424"/>
      <c r="MBI734" s="423" t="s">
        <v>2795</v>
      </c>
      <c r="MBJ734" s="424"/>
      <c r="MBK734" s="424"/>
      <c r="MBL734" s="424"/>
      <c r="MBM734" s="423" t="s">
        <v>2795</v>
      </c>
      <c r="MBN734" s="424"/>
      <c r="MBO734" s="424"/>
      <c r="MBP734" s="424"/>
      <c r="MBQ734" s="423" t="s">
        <v>2795</v>
      </c>
      <c r="MBR734" s="424"/>
      <c r="MBS734" s="424"/>
      <c r="MBT734" s="424"/>
      <c r="MBU734" s="423" t="s">
        <v>2795</v>
      </c>
      <c r="MBV734" s="424"/>
      <c r="MBW734" s="424"/>
      <c r="MBX734" s="424"/>
      <c r="MBY734" s="423" t="s">
        <v>2795</v>
      </c>
      <c r="MBZ734" s="424"/>
      <c r="MCA734" s="424"/>
      <c r="MCB734" s="424"/>
      <c r="MCC734" s="423" t="s">
        <v>2795</v>
      </c>
      <c r="MCD734" s="424"/>
      <c r="MCE734" s="424"/>
      <c r="MCF734" s="424"/>
      <c r="MCG734" s="423" t="s">
        <v>2795</v>
      </c>
      <c r="MCH734" s="424"/>
      <c r="MCI734" s="424"/>
      <c r="MCJ734" s="424"/>
      <c r="MCK734" s="423" t="s">
        <v>2795</v>
      </c>
      <c r="MCL734" s="424"/>
      <c r="MCM734" s="424"/>
      <c r="MCN734" s="424"/>
      <c r="MCO734" s="423" t="s">
        <v>2795</v>
      </c>
      <c r="MCP734" s="424"/>
      <c r="MCQ734" s="424"/>
      <c r="MCR734" s="424"/>
      <c r="MCS734" s="423" t="s">
        <v>2795</v>
      </c>
      <c r="MCT734" s="424"/>
      <c r="MCU734" s="424"/>
      <c r="MCV734" s="424"/>
      <c r="MCW734" s="423" t="s">
        <v>2795</v>
      </c>
      <c r="MCX734" s="424"/>
      <c r="MCY734" s="424"/>
      <c r="MCZ734" s="424"/>
      <c r="MDA734" s="423" t="s">
        <v>2795</v>
      </c>
      <c r="MDB734" s="424"/>
      <c r="MDC734" s="424"/>
      <c r="MDD734" s="424"/>
      <c r="MDE734" s="423" t="s">
        <v>2795</v>
      </c>
      <c r="MDF734" s="424"/>
      <c r="MDG734" s="424"/>
      <c r="MDH734" s="424"/>
      <c r="MDI734" s="423" t="s">
        <v>2795</v>
      </c>
      <c r="MDJ734" s="424"/>
      <c r="MDK734" s="424"/>
      <c r="MDL734" s="424"/>
      <c r="MDM734" s="423" t="s">
        <v>2795</v>
      </c>
      <c r="MDN734" s="424"/>
      <c r="MDO734" s="424"/>
      <c r="MDP734" s="424"/>
      <c r="MDQ734" s="423" t="s">
        <v>2795</v>
      </c>
      <c r="MDR734" s="424"/>
      <c r="MDS734" s="424"/>
      <c r="MDT734" s="424"/>
      <c r="MDU734" s="423" t="s">
        <v>2795</v>
      </c>
      <c r="MDV734" s="424"/>
      <c r="MDW734" s="424"/>
      <c r="MDX734" s="424"/>
      <c r="MDY734" s="423" t="s">
        <v>2795</v>
      </c>
      <c r="MDZ734" s="424"/>
      <c r="MEA734" s="424"/>
      <c r="MEB734" s="424"/>
      <c r="MEC734" s="423" t="s">
        <v>2795</v>
      </c>
      <c r="MED734" s="424"/>
      <c r="MEE734" s="424"/>
      <c r="MEF734" s="424"/>
      <c r="MEG734" s="423" t="s">
        <v>2795</v>
      </c>
      <c r="MEH734" s="424"/>
      <c r="MEI734" s="424"/>
      <c r="MEJ734" s="424"/>
      <c r="MEK734" s="423" t="s">
        <v>2795</v>
      </c>
      <c r="MEL734" s="424"/>
      <c r="MEM734" s="424"/>
      <c r="MEN734" s="424"/>
      <c r="MEO734" s="423" t="s">
        <v>2795</v>
      </c>
      <c r="MEP734" s="424"/>
      <c r="MEQ734" s="424"/>
      <c r="MER734" s="424"/>
      <c r="MES734" s="423" t="s">
        <v>2795</v>
      </c>
      <c r="MET734" s="424"/>
      <c r="MEU734" s="424"/>
      <c r="MEV734" s="424"/>
      <c r="MEW734" s="423" t="s">
        <v>2795</v>
      </c>
      <c r="MEX734" s="424"/>
      <c r="MEY734" s="424"/>
      <c r="MEZ734" s="424"/>
      <c r="MFA734" s="423" t="s">
        <v>2795</v>
      </c>
      <c r="MFB734" s="424"/>
      <c r="MFC734" s="424"/>
      <c r="MFD734" s="424"/>
      <c r="MFE734" s="423" t="s">
        <v>2795</v>
      </c>
      <c r="MFF734" s="424"/>
      <c r="MFG734" s="424"/>
      <c r="MFH734" s="424"/>
      <c r="MFI734" s="423" t="s">
        <v>2795</v>
      </c>
      <c r="MFJ734" s="424"/>
      <c r="MFK734" s="424"/>
      <c r="MFL734" s="424"/>
      <c r="MFM734" s="423" t="s">
        <v>2795</v>
      </c>
      <c r="MFN734" s="424"/>
      <c r="MFO734" s="424"/>
      <c r="MFP734" s="424"/>
      <c r="MFQ734" s="423" t="s">
        <v>2795</v>
      </c>
      <c r="MFR734" s="424"/>
      <c r="MFS734" s="424"/>
      <c r="MFT734" s="424"/>
      <c r="MFU734" s="423" t="s">
        <v>2795</v>
      </c>
      <c r="MFV734" s="424"/>
      <c r="MFW734" s="424"/>
      <c r="MFX734" s="424"/>
      <c r="MFY734" s="423" t="s">
        <v>2795</v>
      </c>
      <c r="MFZ734" s="424"/>
      <c r="MGA734" s="424"/>
      <c r="MGB734" s="424"/>
      <c r="MGC734" s="423" t="s">
        <v>2795</v>
      </c>
      <c r="MGD734" s="424"/>
      <c r="MGE734" s="424"/>
      <c r="MGF734" s="424"/>
      <c r="MGG734" s="423" t="s">
        <v>2795</v>
      </c>
      <c r="MGH734" s="424"/>
      <c r="MGI734" s="424"/>
      <c r="MGJ734" s="424"/>
      <c r="MGK734" s="423" t="s">
        <v>2795</v>
      </c>
      <c r="MGL734" s="424"/>
      <c r="MGM734" s="424"/>
      <c r="MGN734" s="424"/>
      <c r="MGO734" s="423" t="s">
        <v>2795</v>
      </c>
      <c r="MGP734" s="424"/>
      <c r="MGQ734" s="424"/>
      <c r="MGR734" s="424"/>
      <c r="MGS734" s="423" t="s">
        <v>2795</v>
      </c>
      <c r="MGT734" s="424"/>
      <c r="MGU734" s="424"/>
      <c r="MGV734" s="424"/>
      <c r="MGW734" s="423" t="s">
        <v>2795</v>
      </c>
      <c r="MGX734" s="424"/>
      <c r="MGY734" s="424"/>
      <c r="MGZ734" s="424"/>
      <c r="MHA734" s="423" t="s">
        <v>2795</v>
      </c>
      <c r="MHB734" s="424"/>
      <c r="MHC734" s="424"/>
      <c r="MHD734" s="424"/>
      <c r="MHE734" s="423" t="s">
        <v>2795</v>
      </c>
      <c r="MHF734" s="424"/>
      <c r="MHG734" s="424"/>
      <c r="MHH734" s="424"/>
      <c r="MHI734" s="423" t="s">
        <v>2795</v>
      </c>
      <c r="MHJ734" s="424"/>
      <c r="MHK734" s="424"/>
      <c r="MHL734" s="424"/>
      <c r="MHM734" s="423" t="s">
        <v>2795</v>
      </c>
      <c r="MHN734" s="424"/>
      <c r="MHO734" s="424"/>
      <c r="MHP734" s="424"/>
      <c r="MHQ734" s="423" t="s">
        <v>2795</v>
      </c>
      <c r="MHR734" s="424"/>
      <c r="MHS734" s="424"/>
      <c r="MHT734" s="424"/>
      <c r="MHU734" s="423" t="s">
        <v>2795</v>
      </c>
      <c r="MHV734" s="424"/>
      <c r="MHW734" s="424"/>
      <c r="MHX734" s="424"/>
      <c r="MHY734" s="423" t="s">
        <v>2795</v>
      </c>
      <c r="MHZ734" s="424"/>
      <c r="MIA734" s="424"/>
      <c r="MIB734" s="424"/>
      <c r="MIC734" s="423" t="s">
        <v>2795</v>
      </c>
      <c r="MID734" s="424"/>
      <c r="MIE734" s="424"/>
      <c r="MIF734" s="424"/>
      <c r="MIG734" s="423" t="s">
        <v>2795</v>
      </c>
      <c r="MIH734" s="424"/>
      <c r="MII734" s="424"/>
      <c r="MIJ734" s="424"/>
      <c r="MIK734" s="423" t="s">
        <v>2795</v>
      </c>
      <c r="MIL734" s="424"/>
      <c r="MIM734" s="424"/>
      <c r="MIN734" s="424"/>
      <c r="MIO734" s="423" t="s">
        <v>2795</v>
      </c>
      <c r="MIP734" s="424"/>
      <c r="MIQ734" s="424"/>
      <c r="MIR734" s="424"/>
      <c r="MIS734" s="423" t="s">
        <v>2795</v>
      </c>
      <c r="MIT734" s="424"/>
      <c r="MIU734" s="424"/>
      <c r="MIV734" s="424"/>
      <c r="MIW734" s="423" t="s">
        <v>2795</v>
      </c>
      <c r="MIX734" s="424"/>
      <c r="MIY734" s="424"/>
      <c r="MIZ734" s="424"/>
      <c r="MJA734" s="423" t="s">
        <v>2795</v>
      </c>
      <c r="MJB734" s="424"/>
      <c r="MJC734" s="424"/>
      <c r="MJD734" s="424"/>
      <c r="MJE734" s="423" t="s">
        <v>2795</v>
      </c>
      <c r="MJF734" s="424"/>
      <c r="MJG734" s="424"/>
      <c r="MJH734" s="424"/>
      <c r="MJI734" s="423" t="s">
        <v>2795</v>
      </c>
      <c r="MJJ734" s="424"/>
      <c r="MJK734" s="424"/>
      <c r="MJL734" s="424"/>
      <c r="MJM734" s="423" t="s">
        <v>2795</v>
      </c>
      <c r="MJN734" s="424"/>
      <c r="MJO734" s="424"/>
      <c r="MJP734" s="424"/>
      <c r="MJQ734" s="423" t="s">
        <v>2795</v>
      </c>
      <c r="MJR734" s="424"/>
      <c r="MJS734" s="424"/>
      <c r="MJT734" s="424"/>
      <c r="MJU734" s="423" t="s">
        <v>2795</v>
      </c>
      <c r="MJV734" s="424"/>
      <c r="MJW734" s="424"/>
      <c r="MJX734" s="424"/>
      <c r="MJY734" s="423" t="s">
        <v>2795</v>
      </c>
      <c r="MJZ734" s="424"/>
      <c r="MKA734" s="424"/>
      <c r="MKB734" s="424"/>
      <c r="MKC734" s="423" t="s">
        <v>2795</v>
      </c>
      <c r="MKD734" s="424"/>
      <c r="MKE734" s="424"/>
      <c r="MKF734" s="424"/>
      <c r="MKG734" s="423" t="s">
        <v>2795</v>
      </c>
      <c r="MKH734" s="424"/>
      <c r="MKI734" s="424"/>
      <c r="MKJ734" s="424"/>
      <c r="MKK734" s="423" t="s">
        <v>2795</v>
      </c>
      <c r="MKL734" s="424"/>
      <c r="MKM734" s="424"/>
      <c r="MKN734" s="424"/>
      <c r="MKO734" s="423" t="s">
        <v>2795</v>
      </c>
      <c r="MKP734" s="424"/>
      <c r="MKQ734" s="424"/>
      <c r="MKR734" s="424"/>
      <c r="MKS734" s="423" t="s">
        <v>2795</v>
      </c>
      <c r="MKT734" s="424"/>
      <c r="MKU734" s="424"/>
      <c r="MKV734" s="424"/>
      <c r="MKW734" s="423" t="s">
        <v>2795</v>
      </c>
      <c r="MKX734" s="424"/>
      <c r="MKY734" s="424"/>
      <c r="MKZ734" s="424"/>
      <c r="MLA734" s="423" t="s">
        <v>2795</v>
      </c>
      <c r="MLB734" s="424"/>
      <c r="MLC734" s="424"/>
      <c r="MLD734" s="424"/>
      <c r="MLE734" s="423" t="s">
        <v>2795</v>
      </c>
      <c r="MLF734" s="424"/>
      <c r="MLG734" s="424"/>
      <c r="MLH734" s="424"/>
      <c r="MLI734" s="423" t="s">
        <v>2795</v>
      </c>
      <c r="MLJ734" s="424"/>
      <c r="MLK734" s="424"/>
      <c r="MLL734" s="424"/>
      <c r="MLM734" s="423" t="s">
        <v>2795</v>
      </c>
      <c r="MLN734" s="424"/>
      <c r="MLO734" s="424"/>
      <c r="MLP734" s="424"/>
      <c r="MLQ734" s="423" t="s">
        <v>2795</v>
      </c>
      <c r="MLR734" s="424"/>
      <c r="MLS734" s="424"/>
      <c r="MLT734" s="424"/>
      <c r="MLU734" s="423" t="s">
        <v>2795</v>
      </c>
      <c r="MLV734" s="424"/>
      <c r="MLW734" s="424"/>
      <c r="MLX734" s="424"/>
      <c r="MLY734" s="423" t="s">
        <v>2795</v>
      </c>
      <c r="MLZ734" s="424"/>
      <c r="MMA734" s="424"/>
      <c r="MMB734" s="424"/>
      <c r="MMC734" s="423" t="s">
        <v>2795</v>
      </c>
      <c r="MMD734" s="424"/>
      <c r="MME734" s="424"/>
      <c r="MMF734" s="424"/>
      <c r="MMG734" s="423" t="s">
        <v>2795</v>
      </c>
      <c r="MMH734" s="424"/>
      <c r="MMI734" s="424"/>
      <c r="MMJ734" s="424"/>
      <c r="MMK734" s="423" t="s">
        <v>2795</v>
      </c>
      <c r="MML734" s="424"/>
      <c r="MMM734" s="424"/>
      <c r="MMN734" s="424"/>
      <c r="MMO734" s="423" t="s">
        <v>2795</v>
      </c>
      <c r="MMP734" s="424"/>
      <c r="MMQ734" s="424"/>
      <c r="MMR734" s="424"/>
      <c r="MMS734" s="423" t="s">
        <v>2795</v>
      </c>
      <c r="MMT734" s="424"/>
      <c r="MMU734" s="424"/>
      <c r="MMV734" s="424"/>
      <c r="MMW734" s="423" t="s">
        <v>2795</v>
      </c>
      <c r="MMX734" s="424"/>
      <c r="MMY734" s="424"/>
      <c r="MMZ734" s="424"/>
      <c r="MNA734" s="423" t="s">
        <v>2795</v>
      </c>
      <c r="MNB734" s="424"/>
      <c r="MNC734" s="424"/>
      <c r="MND734" s="424"/>
      <c r="MNE734" s="423" t="s">
        <v>2795</v>
      </c>
      <c r="MNF734" s="424"/>
      <c r="MNG734" s="424"/>
      <c r="MNH734" s="424"/>
      <c r="MNI734" s="423" t="s">
        <v>2795</v>
      </c>
      <c r="MNJ734" s="424"/>
      <c r="MNK734" s="424"/>
      <c r="MNL734" s="424"/>
      <c r="MNM734" s="423" t="s">
        <v>2795</v>
      </c>
      <c r="MNN734" s="424"/>
      <c r="MNO734" s="424"/>
      <c r="MNP734" s="424"/>
      <c r="MNQ734" s="423" t="s">
        <v>2795</v>
      </c>
      <c r="MNR734" s="424"/>
      <c r="MNS734" s="424"/>
      <c r="MNT734" s="424"/>
      <c r="MNU734" s="423" t="s">
        <v>2795</v>
      </c>
      <c r="MNV734" s="424"/>
      <c r="MNW734" s="424"/>
      <c r="MNX734" s="424"/>
      <c r="MNY734" s="423" t="s">
        <v>2795</v>
      </c>
      <c r="MNZ734" s="424"/>
      <c r="MOA734" s="424"/>
      <c r="MOB734" s="424"/>
      <c r="MOC734" s="423" t="s">
        <v>2795</v>
      </c>
      <c r="MOD734" s="424"/>
      <c r="MOE734" s="424"/>
      <c r="MOF734" s="424"/>
      <c r="MOG734" s="423" t="s">
        <v>2795</v>
      </c>
      <c r="MOH734" s="424"/>
      <c r="MOI734" s="424"/>
      <c r="MOJ734" s="424"/>
      <c r="MOK734" s="423" t="s">
        <v>2795</v>
      </c>
      <c r="MOL734" s="424"/>
      <c r="MOM734" s="424"/>
      <c r="MON734" s="424"/>
      <c r="MOO734" s="423" t="s">
        <v>2795</v>
      </c>
      <c r="MOP734" s="424"/>
      <c r="MOQ734" s="424"/>
      <c r="MOR734" s="424"/>
      <c r="MOS734" s="423" t="s">
        <v>2795</v>
      </c>
      <c r="MOT734" s="424"/>
      <c r="MOU734" s="424"/>
      <c r="MOV734" s="424"/>
      <c r="MOW734" s="423" t="s">
        <v>2795</v>
      </c>
      <c r="MOX734" s="424"/>
      <c r="MOY734" s="424"/>
      <c r="MOZ734" s="424"/>
      <c r="MPA734" s="423" t="s">
        <v>2795</v>
      </c>
      <c r="MPB734" s="424"/>
      <c r="MPC734" s="424"/>
      <c r="MPD734" s="424"/>
      <c r="MPE734" s="423" t="s">
        <v>2795</v>
      </c>
      <c r="MPF734" s="424"/>
      <c r="MPG734" s="424"/>
      <c r="MPH734" s="424"/>
      <c r="MPI734" s="423" t="s">
        <v>2795</v>
      </c>
      <c r="MPJ734" s="424"/>
      <c r="MPK734" s="424"/>
      <c r="MPL734" s="424"/>
      <c r="MPM734" s="423" t="s">
        <v>2795</v>
      </c>
      <c r="MPN734" s="424"/>
      <c r="MPO734" s="424"/>
      <c r="MPP734" s="424"/>
      <c r="MPQ734" s="423" t="s">
        <v>2795</v>
      </c>
      <c r="MPR734" s="424"/>
      <c r="MPS734" s="424"/>
      <c r="MPT734" s="424"/>
      <c r="MPU734" s="423" t="s">
        <v>2795</v>
      </c>
      <c r="MPV734" s="424"/>
      <c r="MPW734" s="424"/>
      <c r="MPX734" s="424"/>
      <c r="MPY734" s="423" t="s">
        <v>2795</v>
      </c>
      <c r="MPZ734" s="424"/>
      <c r="MQA734" s="424"/>
      <c r="MQB734" s="424"/>
      <c r="MQC734" s="423" t="s">
        <v>2795</v>
      </c>
      <c r="MQD734" s="424"/>
      <c r="MQE734" s="424"/>
      <c r="MQF734" s="424"/>
      <c r="MQG734" s="423" t="s">
        <v>2795</v>
      </c>
      <c r="MQH734" s="424"/>
      <c r="MQI734" s="424"/>
      <c r="MQJ734" s="424"/>
      <c r="MQK734" s="423" t="s">
        <v>2795</v>
      </c>
      <c r="MQL734" s="424"/>
      <c r="MQM734" s="424"/>
      <c r="MQN734" s="424"/>
      <c r="MQO734" s="423" t="s">
        <v>2795</v>
      </c>
      <c r="MQP734" s="424"/>
      <c r="MQQ734" s="424"/>
      <c r="MQR734" s="424"/>
      <c r="MQS734" s="423" t="s">
        <v>2795</v>
      </c>
      <c r="MQT734" s="424"/>
      <c r="MQU734" s="424"/>
      <c r="MQV734" s="424"/>
      <c r="MQW734" s="423" t="s">
        <v>2795</v>
      </c>
      <c r="MQX734" s="424"/>
      <c r="MQY734" s="424"/>
      <c r="MQZ734" s="424"/>
      <c r="MRA734" s="423" t="s">
        <v>2795</v>
      </c>
      <c r="MRB734" s="424"/>
      <c r="MRC734" s="424"/>
      <c r="MRD734" s="424"/>
      <c r="MRE734" s="423" t="s">
        <v>2795</v>
      </c>
      <c r="MRF734" s="424"/>
      <c r="MRG734" s="424"/>
      <c r="MRH734" s="424"/>
      <c r="MRI734" s="423" t="s">
        <v>2795</v>
      </c>
      <c r="MRJ734" s="424"/>
      <c r="MRK734" s="424"/>
      <c r="MRL734" s="424"/>
      <c r="MRM734" s="423" t="s">
        <v>2795</v>
      </c>
      <c r="MRN734" s="424"/>
      <c r="MRO734" s="424"/>
      <c r="MRP734" s="424"/>
      <c r="MRQ734" s="423" t="s">
        <v>2795</v>
      </c>
      <c r="MRR734" s="424"/>
      <c r="MRS734" s="424"/>
      <c r="MRT734" s="424"/>
      <c r="MRU734" s="423" t="s">
        <v>2795</v>
      </c>
      <c r="MRV734" s="424"/>
      <c r="MRW734" s="424"/>
      <c r="MRX734" s="424"/>
      <c r="MRY734" s="423" t="s">
        <v>2795</v>
      </c>
      <c r="MRZ734" s="424"/>
      <c r="MSA734" s="424"/>
      <c r="MSB734" s="424"/>
      <c r="MSC734" s="423" t="s">
        <v>2795</v>
      </c>
      <c r="MSD734" s="424"/>
      <c r="MSE734" s="424"/>
      <c r="MSF734" s="424"/>
      <c r="MSG734" s="423" t="s">
        <v>2795</v>
      </c>
      <c r="MSH734" s="424"/>
      <c r="MSI734" s="424"/>
      <c r="MSJ734" s="424"/>
      <c r="MSK734" s="423" t="s">
        <v>2795</v>
      </c>
      <c r="MSL734" s="424"/>
      <c r="MSM734" s="424"/>
      <c r="MSN734" s="424"/>
      <c r="MSO734" s="423" t="s">
        <v>2795</v>
      </c>
      <c r="MSP734" s="424"/>
      <c r="MSQ734" s="424"/>
      <c r="MSR734" s="424"/>
      <c r="MSS734" s="423" t="s">
        <v>2795</v>
      </c>
      <c r="MST734" s="424"/>
      <c r="MSU734" s="424"/>
      <c r="MSV734" s="424"/>
      <c r="MSW734" s="423" t="s">
        <v>2795</v>
      </c>
      <c r="MSX734" s="424"/>
      <c r="MSY734" s="424"/>
      <c r="MSZ734" s="424"/>
      <c r="MTA734" s="423" t="s">
        <v>2795</v>
      </c>
      <c r="MTB734" s="424"/>
      <c r="MTC734" s="424"/>
      <c r="MTD734" s="424"/>
      <c r="MTE734" s="423" t="s">
        <v>2795</v>
      </c>
      <c r="MTF734" s="424"/>
      <c r="MTG734" s="424"/>
      <c r="MTH734" s="424"/>
      <c r="MTI734" s="423" t="s">
        <v>2795</v>
      </c>
      <c r="MTJ734" s="424"/>
      <c r="MTK734" s="424"/>
      <c r="MTL734" s="424"/>
      <c r="MTM734" s="423" t="s">
        <v>2795</v>
      </c>
      <c r="MTN734" s="424"/>
      <c r="MTO734" s="424"/>
      <c r="MTP734" s="424"/>
      <c r="MTQ734" s="423" t="s">
        <v>2795</v>
      </c>
      <c r="MTR734" s="424"/>
      <c r="MTS734" s="424"/>
      <c r="MTT734" s="424"/>
      <c r="MTU734" s="423" t="s">
        <v>2795</v>
      </c>
      <c r="MTV734" s="424"/>
      <c r="MTW734" s="424"/>
      <c r="MTX734" s="424"/>
      <c r="MTY734" s="423" t="s">
        <v>2795</v>
      </c>
      <c r="MTZ734" s="424"/>
      <c r="MUA734" s="424"/>
      <c r="MUB734" s="424"/>
      <c r="MUC734" s="423" t="s">
        <v>2795</v>
      </c>
      <c r="MUD734" s="424"/>
      <c r="MUE734" s="424"/>
      <c r="MUF734" s="424"/>
      <c r="MUG734" s="423" t="s">
        <v>2795</v>
      </c>
      <c r="MUH734" s="424"/>
      <c r="MUI734" s="424"/>
      <c r="MUJ734" s="424"/>
      <c r="MUK734" s="423" t="s">
        <v>2795</v>
      </c>
      <c r="MUL734" s="424"/>
      <c r="MUM734" s="424"/>
      <c r="MUN734" s="424"/>
      <c r="MUO734" s="423" t="s">
        <v>2795</v>
      </c>
      <c r="MUP734" s="424"/>
      <c r="MUQ734" s="424"/>
      <c r="MUR734" s="424"/>
      <c r="MUS734" s="423" t="s">
        <v>2795</v>
      </c>
      <c r="MUT734" s="424"/>
      <c r="MUU734" s="424"/>
      <c r="MUV734" s="424"/>
      <c r="MUW734" s="423" t="s">
        <v>2795</v>
      </c>
      <c r="MUX734" s="424"/>
      <c r="MUY734" s="424"/>
      <c r="MUZ734" s="424"/>
      <c r="MVA734" s="423" t="s">
        <v>2795</v>
      </c>
      <c r="MVB734" s="424"/>
      <c r="MVC734" s="424"/>
      <c r="MVD734" s="424"/>
      <c r="MVE734" s="423" t="s">
        <v>2795</v>
      </c>
      <c r="MVF734" s="424"/>
      <c r="MVG734" s="424"/>
      <c r="MVH734" s="424"/>
      <c r="MVI734" s="423" t="s">
        <v>2795</v>
      </c>
      <c r="MVJ734" s="424"/>
      <c r="MVK734" s="424"/>
      <c r="MVL734" s="424"/>
      <c r="MVM734" s="423" t="s">
        <v>2795</v>
      </c>
      <c r="MVN734" s="424"/>
      <c r="MVO734" s="424"/>
      <c r="MVP734" s="424"/>
      <c r="MVQ734" s="423" t="s">
        <v>2795</v>
      </c>
      <c r="MVR734" s="424"/>
      <c r="MVS734" s="424"/>
      <c r="MVT734" s="424"/>
      <c r="MVU734" s="423" t="s">
        <v>2795</v>
      </c>
      <c r="MVV734" s="424"/>
      <c r="MVW734" s="424"/>
      <c r="MVX734" s="424"/>
      <c r="MVY734" s="423" t="s">
        <v>2795</v>
      </c>
      <c r="MVZ734" s="424"/>
      <c r="MWA734" s="424"/>
      <c r="MWB734" s="424"/>
      <c r="MWC734" s="423" t="s">
        <v>2795</v>
      </c>
      <c r="MWD734" s="424"/>
      <c r="MWE734" s="424"/>
      <c r="MWF734" s="424"/>
      <c r="MWG734" s="423" t="s">
        <v>2795</v>
      </c>
      <c r="MWH734" s="424"/>
      <c r="MWI734" s="424"/>
      <c r="MWJ734" s="424"/>
      <c r="MWK734" s="423" t="s">
        <v>2795</v>
      </c>
      <c r="MWL734" s="424"/>
      <c r="MWM734" s="424"/>
      <c r="MWN734" s="424"/>
      <c r="MWO734" s="423" t="s">
        <v>2795</v>
      </c>
      <c r="MWP734" s="424"/>
      <c r="MWQ734" s="424"/>
      <c r="MWR734" s="424"/>
      <c r="MWS734" s="423" t="s">
        <v>2795</v>
      </c>
      <c r="MWT734" s="424"/>
      <c r="MWU734" s="424"/>
      <c r="MWV734" s="424"/>
      <c r="MWW734" s="423" t="s">
        <v>2795</v>
      </c>
      <c r="MWX734" s="424"/>
      <c r="MWY734" s="424"/>
      <c r="MWZ734" s="424"/>
      <c r="MXA734" s="423" t="s">
        <v>2795</v>
      </c>
      <c r="MXB734" s="424"/>
      <c r="MXC734" s="424"/>
      <c r="MXD734" s="424"/>
      <c r="MXE734" s="423" t="s">
        <v>2795</v>
      </c>
      <c r="MXF734" s="424"/>
      <c r="MXG734" s="424"/>
      <c r="MXH734" s="424"/>
      <c r="MXI734" s="423" t="s">
        <v>2795</v>
      </c>
      <c r="MXJ734" s="424"/>
      <c r="MXK734" s="424"/>
      <c r="MXL734" s="424"/>
      <c r="MXM734" s="423" t="s">
        <v>2795</v>
      </c>
      <c r="MXN734" s="424"/>
      <c r="MXO734" s="424"/>
      <c r="MXP734" s="424"/>
      <c r="MXQ734" s="423" t="s">
        <v>2795</v>
      </c>
      <c r="MXR734" s="424"/>
      <c r="MXS734" s="424"/>
      <c r="MXT734" s="424"/>
      <c r="MXU734" s="423" t="s">
        <v>2795</v>
      </c>
      <c r="MXV734" s="424"/>
      <c r="MXW734" s="424"/>
      <c r="MXX734" s="424"/>
      <c r="MXY734" s="423" t="s">
        <v>2795</v>
      </c>
      <c r="MXZ734" s="424"/>
      <c r="MYA734" s="424"/>
      <c r="MYB734" s="424"/>
      <c r="MYC734" s="423" t="s">
        <v>2795</v>
      </c>
      <c r="MYD734" s="424"/>
      <c r="MYE734" s="424"/>
      <c r="MYF734" s="424"/>
      <c r="MYG734" s="423" t="s">
        <v>2795</v>
      </c>
      <c r="MYH734" s="424"/>
      <c r="MYI734" s="424"/>
      <c r="MYJ734" s="424"/>
      <c r="MYK734" s="423" t="s">
        <v>2795</v>
      </c>
      <c r="MYL734" s="424"/>
      <c r="MYM734" s="424"/>
      <c r="MYN734" s="424"/>
      <c r="MYO734" s="423" t="s">
        <v>2795</v>
      </c>
      <c r="MYP734" s="424"/>
      <c r="MYQ734" s="424"/>
      <c r="MYR734" s="424"/>
      <c r="MYS734" s="423" t="s">
        <v>2795</v>
      </c>
      <c r="MYT734" s="424"/>
      <c r="MYU734" s="424"/>
      <c r="MYV734" s="424"/>
      <c r="MYW734" s="423" t="s">
        <v>2795</v>
      </c>
      <c r="MYX734" s="424"/>
      <c r="MYY734" s="424"/>
      <c r="MYZ734" s="424"/>
      <c r="MZA734" s="423" t="s">
        <v>2795</v>
      </c>
      <c r="MZB734" s="424"/>
      <c r="MZC734" s="424"/>
      <c r="MZD734" s="424"/>
      <c r="MZE734" s="423" t="s">
        <v>2795</v>
      </c>
      <c r="MZF734" s="424"/>
      <c r="MZG734" s="424"/>
      <c r="MZH734" s="424"/>
      <c r="MZI734" s="423" t="s">
        <v>2795</v>
      </c>
      <c r="MZJ734" s="424"/>
      <c r="MZK734" s="424"/>
      <c r="MZL734" s="424"/>
      <c r="MZM734" s="423" t="s">
        <v>2795</v>
      </c>
      <c r="MZN734" s="424"/>
      <c r="MZO734" s="424"/>
      <c r="MZP734" s="424"/>
      <c r="MZQ734" s="423" t="s">
        <v>2795</v>
      </c>
      <c r="MZR734" s="424"/>
      <c r="MZS734" s="424"/>
      <c r="MZT734" s="424"/>
      <c r="MZU734" s="423" t="s">
        <v>2795</v>
      </c>
      <c r="MZV734" s="424"/>
      <c r="MZW734" s="424"/>
      <c r="MZX734" s="424"/>
      <c r="MZY734" s="423" t="s">
        <v>2795</v>
      </c>
      <c r="MZZ734" s="424"/>
      <c r="NAA734" s="424"/>
      <c r="NAB734" s="424"/>
      <c r="NAC734" s="423" t="s">
        <v>2795</v>
      </c>
      <c r="NAD734" s="424"/>
      <c r="NAE734" s="424"/>
      <c r="NAF734" s="424"/>
      <c r="NAG734" s="423" t="s">
        <v>2795</v>
      </c>
      <c r="NAH734" s="424"/>
      <c r="NAI734" s="424"/>
      <c r="NAJ734" s="424"/>
      <c r="NAK734" s="423" t="s">
        <v>2795</v>
      </c>
      <c r="NAL734" s="424"/>
      <c r="NAM734" s="424"/>
      <c r="NAN734" s="424"/>
      <c r="NAO734" s="423" t="s">
        <v>2795</v>
      </c>
      <c r="NAP734" s="424"/>
      <c r="NAQ734" s="424"/>
      <c r="NAR734" s="424"/>
      <c r="NAS734" s="423" t="s">
        <v>2795</v>
      </c>
      <c r="NAT734" s="424"/>
      <c r="NAU734" s="424"/>
      <c r="NAV734" s="424"/>
      <c r="NAW734" s="423" t="s">
        <v>2795</v>
      </c>
      <c r="NAX734" s="424"/>
      <c r="NAY734" s="424"/>
      <c r="NAZ734" s="424"/>
      <c r="NBA734" s="423" t="s">
        <v>2795</v>
      </c>
      <c r="NBB734" s="424"/>
      <c r="NBC734" s="424"/>
      <c r="NBD734" s="424"/>
      <c r="NBE734" s="423" t="s">
        <v>2795</v>
      </c>
      <c r="NBF734" s="424"/>
      <c r="NBG734" s="424"/>
      <c r="NBH734" s="424"/>
      <c r="NBI734" s="423" t="s">
        <v>2795</v>
      </c>
      <c r="NBJ734" s="424"/>
      <c r="NBK734" s="424"/>
      <c r="NBL734" s="424"/>
      <c r="NBM734" s="423" t="s">
        <v>2795</v>
      </c>
      <c r="NBN734" s="424"/>
      <c r="NBO734" s="424"/>
      <c r="NBP734" s="424"/>
      <c r="NBQ734" s="423" t="s">
        <v>2795</v>
      </c>
      <c r="NBR734" s="424"/>
      <c r="NBS734" s="424"/>
      <c r="NBT734" s="424"/>
      <c r="NBU734" s="423" t="s">
        <v>2795</v>
      </c>
      <c r="NBV734" s="424"/>
      <c r="NBW734" s="424"/>
      <c r="NBX734" s="424"/>
      <c r="NBY734" s="423" t="s">
        <v>2795</v>
      </c>
      <c r="NBZ734" s="424"/>
      <c r="NCA734" s="424"/>
      <c r="NCB734" s="424"/>
      <c r="NCC734" s="423" t="s">
        <v>2795</v>
      </c>
      <c r="NCD734" s="424"/>
      <c r="NCE734" s="424"/>
      <c r="NCF734" s="424"/>
      <c r="NCG734" s="423" t="s">
        <v>2795</v>
      </c>
      <c r="NCH734" s="424"/>
      <c r="NCI734" s="424"/>
      <c r="NCJ734" s="424"/>
      <c r="NCK734" s="423" t="s">
        <v>2795</v>
      </c>
      <c r="NCL734" s="424"/>
      <c r="NCM734" s="424"/>
      <c r="NCN734" s="424"/>
      <c r="NCO734" s="423" t="s">
        <v>2795</v>
      </c>
      <c r="NCP734" s="424"/>
      <c r="NCQ734" s="424"/>
      <c r="NCR734" s="424"/>
      <c r="NCS734" s="423" t="s">
        <v>2795</v>
      </c>
      <c r="NCT734" s="424"/>
      <c r="NCU734" s="424"/>
      <c r="NCV734" s="424"/>
      <c r="NCW734" s="423" t="s">
        <v>2795</v>
      </c>
      <c r="NCX734" s="424"/>
      <c r="NCY734" s="424"/>
      <c r="NCZ734" s="424"/>
      <c r="NDA734" s="423" t="s">
        <v>2795</v>
      </c>
      <c r="NDB734" s="424"/>
      <c r="NDC734" s="424"/>
      <c r="NDD734" s="424"/>
      <c r="NDE734" s="423" t="s">
        <v>2795</v>
      </c>
      <c r="NDF734" s="424"/>
      <c r="NDG734" s="424"/>
      <c r="NDH734" s="424"/>
      <c r="NDI734" s="423" t="s">
        <v>2795</v>
      </c>
      <c r="NDJ734" s="424"/>
      <c r="NDK734" s="424"/>
      <c r="NDL734" s="424"/>
      <c r="NDM734" s="423" t="s">
        <v>2795</v>
      </c>
      <c r="NDN734" s="424"/>
      <c r="NDO734" s="424"/>
      <c r="NDP734" s="424"/>
      <c r="NDQ734" s="423" t="s">
        <v>2795</v>
      </c>
      <c r="NDR734" s="424"/>
      <c r="NDS734" s="424"/>
      <c r="NDT734" s="424"/>
      <c r="NDU734" s="423" t="s">
        <v>2795</v>
      </c>
      <c r="NDV734" s="424"/>
      <c r="NDW734" s="424"/>
      <c r="NDX734" s="424"/>
      <c r="NDY734" s="423" t="s">
        <v>2795</v>
      </c>
      <c r="NDZ734" s="424"/>
      <c r="NEA734" s="424"/>
      <c r="NEB734" s="424"/>
      <c r="NEC734" s="423" t="s">
        <v>2795</v>
      </c>
      <c r="NED734" s="424"/>
      <c r="NEE734" s="424"/>
      <c r="NEF734" s="424"/>
      <c r="NEG734" s="423" t="s">
        <v>2795</v>
      </c>
      <c r="NEH734" s="424"/>
      <c r="NEI734" s="424"/>
      <c r="NEJ734" s="424"/>
      <c r="NEK734" s="423" t="s">
        <v>2795</v>
      </c>
      <c r="NEL734" s="424"/>
      <c r="NEM734" s="424"/>
      <c r="NEN734" s="424"/>
      <c r="NEO734" s="423" t="s">
        <v>2795</v>
      </c>
      <c r="NEP734" s="424"/>
      <c r="NEQ734" s="424"/>
      <c r="NER734" s="424"/>
      <c r="NES734" s="423" t="s">
        <v>2795</v>
      </c>
      <c r="NET734" s="424"/>
      <c r="NEU734" s="424"/>
      <c r="NEV734" s="424"/>
      <c r="NEW734" s="423" t="s">
        <v>2795</v>
      </c>
      <c r="NEX734" s="424"/>
      <c r="NEY734" s="424"/>
      <c r="NEZ734" s="424"/>
      <c r="NFA734" s="423" t="s">
        <v>2795</v>
      </c>
      <c r="NFB734" s="424"/>
      <c r="NFC734" s="424"/>
      <c r="NFD734" s="424"/>
      <c r="NFE734" s="423" t="s">
        <v>2795</v>
      </c>
      <c r="NFF734" s="424"/>
      <c r="NFG734" s="424"/>
      <c r="NFH734" s="424"/>
      <c r="NFI734" s="423" t="s">
        <v>2795</v>
      </c>
      <c r="NFJ734" s="424"/>
      <c r="NFK734" s="424"/>
      <c r="NFL734" s="424"/>
      <c r="NFM734" s="423" t="s">
        <v>2795</v>
      </c>
      <c r="NFN734" s="424"/>
      <c r="NFO734" s="424"/>
      <c r="NFP734" s="424"/>
      <c r="NFQ734" s="423" t="s">
        <v>2795</v>
      </c>
      <c r="NFR734" s="424"/>
      <c r="NFS734" s="424"/>
      <c r="NFT734" s="424"/>
      <c r="NFU734" s="423" t="s">
        <v>2795</v>
      </c>
      <c r="NFV734" s="424"/>
      <c r="NFW734" s="424"/>
      <c r="NFX734" s="424"/>
      <c r="NFY734" s="423" t="s">
        <v>2795</v>
      </c>
      <c r="NFZ734" s="424"/>
      <c r="NGA734" s="424"/>
      <c r="NGB734" s="424"/>
      <c r="NGC734" s="423" t="s">
        <v>2795</v>
      </c>
      <c r="NGD734" s="424"/>
      <c r="NGE734" s="424"/>
      <c r="NGF734" s="424"/>
      <c r="NGG734" s="423" t="s">
        <v>2795</v>
      </c>
      <c r="NGH734" s="424"/>
      <c r="NGI734" s="424"/>
      <c r="NGJ734" s="424"/>
      <c r="NGK734" s="423" t="s">
        <v>2795</v>
      </c>
      <c r="NGL734" s="424"/>
      <c r="NGM734" s="424"/>
      <c r="NGN734" s="424"/>
      <c r="NGO734" s="423" t="s">
        <v>2795</v>
      </c>
      <c r="NGP734" s="424"/>
      <c r="NGQ734" s="424"/>
      <c r="NGR734" s="424"/>
      <c r="NGS734" s="423" t="s">
        <v>2795</v>
      </c>
      <c r="NGT734" s="424"/>
      <c r="NGU734" s="424"/>
      <c r="NGV734" s="424"/>
      <c r="NGW734" s="423" t="s">
        <v>2795</v>
      </c>
      <c r="NGX734" s="424"/>
      <c r="NGY734" s="424"/>
      <c r="NGZ734" s="424"/>
      <c r="NHA734" s="423" t="s">
        <v>2795</v>
      </c>
      <c r="NHB734" s="424"/>
      <c r="NHC734" s="424"/>
      <c r="NHD734" s="424"/>
      <c r="NHE734" s="423" t="s">
        <v>2795</v>
      </c>
      <c r="NHF734" s="424"/>
      <c r="NHG734" s="424"/>
      <c r="NHH734" s="424"/>
      <c r="NHI734" s="423" t="s">
        <v>2795</v>
      </c>
      <c r="NHJ734" s="424"/>
      <c r="NHK734" s="424"/>
      <c r="NHL734" s="424"/>
      <c r="NHM734" s="423" t="s">
        <v>2795</v>
      </c>
      <c r="NHN734" s="424"/>
      <c r="NHO734" s="424"/>
      <c r="NHP734" s="424"/>
      <c r="NHQ734" s="423" t="s">
        <v>2795</v>
      </c>
      <c r="NHR734" s="424"/>
      <c r="NHS734" s="424"/>
      <c r="NHT734" s="424"/>
      <c r="NHU734" s="423" t="s">
        <v>2795</v>
      </c>
      <c r="NHV734" s="424"/>
      <c r="NHW734" s="424"/>
      <c r="NHX734" s="424"/>
      <c r="NHY734" s="423" t="s">
        <v>2795</v>
      </c>
      <c r="NHZ734" s="424"/>
      <c r="NIA734" s="424"/>
      <c r="NIB734" s="424"/>
      <c r="NIC734" s="423" t="s">
        <v>2795</v>
      </c>
      <c r="NID734" s="424"/>
      <c r="NIE734" s="424"/>
      <c r="NIF734" s="424"/>
      <c r="NIG734" s="423" t="s">
        <v>2795</v>
      </c>
      <c r="NIH734" s="424"/>
      <c r="NII734" s="424"/>
      <c r="NIJ734" s="424"/>
      <c r="NIK734" s="423" t="s">
        <v>2795</v>
      </c>
      <c r="NIL734" s="424"/>
      <c r="NIM734" s="424"/>
      <c r="NIN734" s="424"/>
      <c r="NIO734" s="423" t="s">
        <v>2795</v>
      </c>
      <c r="NIP734" s="424"/>
      <c r="NIQ734" s="424"/>
      <c r="NIR734" s="424"/>
      <c r="NIS734" s="423" t="s">
        <v>2795</v>
      </c>
      <c r="NIT734" s="424"/>
      <c r="NIU734" s="424"/>
      <c r="NIV734" s="424"/>
      <c r="NIW734" s="423" t="s">
        <v>2795</v>
      </c>
      <c r="NIX734" s="424"/>
      <c r="NIY734" s="424"/>
      <c r="NIZ734" s="424"/>
      <c r="NJA734" s="423" t="s">
        <v>2795</v>
      </c>
      <c r="NJB734" s="424"/>
      <c r="NJC734" s="424"/>
      <c r="NJD734" s="424"/>
      <c r="NJE734" s="423" t="s">
        <v>2795</v>
      </c>
      <c r="NJF734" s="424"/>
      <c r="NJG734" s="424"/>
      <c r="NJH734" s="424"/>
      <c r="NJI734" s="423" t="s">
        <v>2795</v>
      </c>
      <c r="NJJ734" s="424"/>
      <c r="NJK734" s="424"/>
      <c r="NJL734" s="424"/>
      <c r="NJM734" s="423" t="s">
        <v>2795</v>
      </c>
      <c r="NJN734" s="424"/>
      <c r="NJO734" s="424"/>
      <c r="NJP734" s="424"/>
      <c r="NJQ734" s="423" t="s">
        <v>2795</v>
      </c>
      <c r="NJR734" s="424"/>
      <c r="NJS734" s="424"/>
      <c r="NJT734" s="424"/>
      <c r="NJU734" s="423" t="s">
        <v>2795</v>
      </c>
      <c r="NJV734" s="424"/>
      <c r="NJW734" s="424"/>
      <c r="NJX734" s="424"/>
      <c r="NJY734" s="423" t="s">
        <v>2795</v>
      </c>
      <c r="NJZ734" s="424"/>
      <c r="NKA734" s="424"/>
      <c r="NKB734" s="424"/>
      <c r="NKC734" s="423" t="s">
        <v>2795</v>
      </c>
      <c r="NKD734" s="424"/>
      <c r="NKE734" s="424"/>
      <c r="NKF734" s="424"/>
      <c r="NKG734" s="423" t="s">
        <v>2795</v>
      </c>
      <c r="NKH734" s="424"/>
      <c r="NKI734" s="424"/>
      <c r="NKJ734" s="424"/>
      <c r="NKK734" s="423" t="s">
        <v>2795</v>
      </c>
      <c r="NKL734" s="424"/>
      <c r="NKM734" s="424"/>
      <c r="NKN734" s="424"/>
      <c r="NKO734" s="423" t="s">
        <v>2795</v>
      </c>
      <c r="NKP734" s="424"/>
      <c r="NKQ734" s="424"/>
      <c r="NKR734" s="424"/>
      <c r="NKS734" s="423" t="s">
        <v>2795</v>
      </c>
      <c r="NKT734" s="424"/>
      <c r="NKU734" s="424"/>
      <c r="NKV734" s="424"/>
      <c r="NKW734" s="423" t="s">
        <v>2795</v>
      </c>
      <c r="NKX734" s="424"/>
      <c r="NKY734" s="424"/>
      <c r="NKZ734" s="424"/>
      <c r="NLA734" s="423" t="s">
        <v>2795</v>
      </c>
      <c r="NLB734" s="424"/>
      <c r="NLC734" s="424"/>
      <c r="NLD734" s="424"/>
      <c r="NLE734" s="423" t="s">
        <v>2795</v>
      </c>
      <c r="NLF734" s="424"/>
      <c r="NLG734" s="424"/>
      <c r="NLH734" s="424"/>
      <c r="NLI734" s="423" t="s">
        <v>2795</v>
      </c>
      <c r="NLJ734" s="424"/>
      <c r="NLK734" s="424"/>
      <c r="NLL734" s="424"/>
      <c r="NLM734" s="423" t="s">
        <v>2795</v>
      </c>
      <c r="NLN734" s="424"/>
      <c r="NLO734" s="424"/>
      <c r="NLP734" s="424"/>
      <c r="NLQ734" s="423" t="s">
        <v>2795</v>
      </c>
      <c r="NLR734" s="424"/>
      <c r="NLS734" s="424"/>
      <c r="NLT734" s="424"/>
      <c r="NLU734" s="423" t="s">
        <v>2795</v>
      </c>
      <c r="NLV734" s="424"/>
      <c r="NLW734" s="424"/>
      <c r="NLX734" s="424"/>
      <c r="NLY734" s="423" t="s">
        <v>2795</v>
      </c>
      <c r="NLZ734" s="424"/>
      <c r="NMA734" s="424"/>
      <c r="NMB734" s="424"/>
      <c r="NMC734" s="423" t="s">
        <v>2795</v>
      </c>
      <c r="NMD734" s="424"/>
      <c r="NME734" s="424"/>
      <c r="NMF734" s="424"/>
      <c r="NMG734" s="423" t="s">
        <v>2795</v>
      </c>
      <c r="NMH734" s="424"/>
      <c r="NMI734" s="424"/>
      <c r="NMJ734" s="424"/>
      <c r="NMK734" s="423" t="s">
        <v>2795</v>
      </c>
      <c r="NML734" s="424"/>
      <c r="NMM734" s="424"/>
      <c r="NMN734" s="424"/>
      <c r="NMO734" s="423" t="s">
        <v>2795</v>
      </c>
      <c r="NMP734" s="424"/>
      <c r="NMQ734" s="424"/>
      <c r="NMR734" s="424"/>
      <c r="NMS734" s="423" t="s">
        <v>2795</v>
      </c>
      <c r="NMT734" s="424"/>
      <c r="NMU734" s="424"/>
      <c r="NMV734" s="424"/>
      <c r="NMW734" s="423" t="s">
        <v>2795</v>
      </c>
      <c r="NMX734" s="424"/>
      <c r="NMY734" s="424"/>
      <c r="NMZ734" s="424"/>
      <c r="NNA734" s="423" t="s">
        <v>2795</v>
      </c>
      <c r="NNB734" s="424"/>
      <c r="NNC734" s="424"/>
      <c r="NND734" s="424"/>
      <c r="NNE734" s="423" t="s">
        <v>2795</v>
      </c>
      <c r="NNF734" s="424"/>
      <c r="NNG734" s="424"/>
      <c r="NNH734" s="424"/>
      <c r="NNI734" s="423" t="s">
        <v>2795</v>
      </c>
      <c r="NNJ734" s="424"/>
      <c r="NNK734" s="424"/>
      <c r="NNL734" s="424"/>
      <c r="NNM734" s="423" t="s">
        <v>2795</v>
      </c>
      <c r="NNN734" s="424"/>
      <c r="NNO734" s="424"/>
      <c r="NNP734" s="424"/>
      <c r="NNQ734" s="423" t="s">
        <v>2795</v>
      </c>
      <c r="NNR734" s="424"/>
      <c r="NNS734" s="424"/>
      <c r="NNT734" s="424"/>
      <c r="NNU734" s="423" t="s">
        <v>2795</v>
      </c>
      <c r="NNV734" s="424"/>
      <c r="NNW734" s="424"/>
      <c r="NNX734" s="424"/>
      <c r="NNY734" s="423" t="s">
        <v>2795</v>
      </c>
      <c r="NNZ734" s="424"/>
      <c r="NOA734" s="424"/>
      <c r="NOB734" s="424"/>
      <c r="NOC734" s="423" t="s">
        <v>2795</v>
      </c>
      <c r="NOD734" s="424"/>
      <c r="NOE734" s="424"/>
      <c r="NOF734" s="424"/>
      <c r="NOG734" s="423" t="s">
        <v>2795</v>
      </c>
      <c r="NOH734" s="424"/>
      <c r="NOI734" s="424"/>
      <c r="NOJ734" s="424"/>
      <c r="NOK734" s="423" t="s">
        <v>2795</v>
      </c>
      <c r="NOL734" s="424"/>
      <c r="NOM734" s="424"/>
      <c r="NON734" s="424"/>
      <c r="NOO734" s="423" t="s">
        <v>2795</v>
      </c>
      <c r="NOP734" s="424"/>
      <c r="NOQ734" s="424"/>
      <c r="NOR734" s="424"/>
      <c r="NOS734" s="423" t="s">
        <v>2795</v>
      </c>
      <c r="NOT734" s="424"/>
      <c r="NOU734" s="424"/>
      <c r="NOV734" s="424"/>
      <c r="NOW734" s="423" t="s">
        <v>2795</v>
      </c>
      <c r="NOX734" s="424"/>
      <c r="NOY734" s="424"/>
      <c r="NOZ734" s="424"/>
      <c r="NPA734" s="423" t="s">
        <v>2795</v>
      </c>
      <c r="NPB734" s="424"/>
      <c r="NPC734" s="424"/>
      <c r="NPD734" s="424"/>
      <c r="NPE734" s="423" t="s">
        <v>2795</v>
      </c>
      <c r="NPF734" s="424"/>
      <c r="NPG734" s="424"/>
      <c r="NPH734" s="424"/>
      <c r="NPI734" s="423" t="s">
        <v>2795</v>
      </c>
      <c r="NPJ734" s="424"/>
      <c r="NPK734" s="424"/>
      <c r="NPL734" s="424"/>
      <c r="NPM734" s="423" t="s">
        <v>2795</v>
      </c>
      <c r="NPN734" s="424"/>
      <c r="NPO734" s="424"/>
      <c r="NPP734" s="424"/>
      <c r="NPQ734" s="423" t="s">
        <v>2795</v>
      </c>
      <c r="NPR734" s="424"/>
      <c r="NPS734" s="424"/>
      <c r="NPT734" s="424"/>
      <c r="NPU734" s="423" t="s">
        <v>2795</v>
      </c>
      <c r="NPV734" s="424"/>
      <c r="NPW734" s="424"/>
      <c r="NPX734" s="424"/>
      <c r="NPY734" s="423" t="s">
        <v>2795</v>
      </c>
      <c r="NPZ734" s="424"/>
      <c r="NQA734" s="424"/>
      <c r="NQB734" s="424"/>
      <c r="NQC734" s="423" t="s">
        <v>2795</v>
      </c>
      <c r="NQD734" s="424"/>
      <c r="NQE734" s="424"/>
      <c r="NQF734" s="424"/>
      <c r="NQG734" s="423" t="s">
        <v>2795</v>
      </c>
      <c r="NQH734" s="424"/>
      <c r="NQI734" s="424"/>
      <c r="NQJ734" s="424"/>
      <c r="NQK734" s="423" t="s">
        <v>2795</v>
      </c>
      <c r="NQL734" s="424"/>
      <c r="NQM734" s="424"/>
      <c r="NQN734" s="424"/>
      <c r="NQO734" s="423" t="s">
        <v>2795</v>
      </c>
      <c r="NQP734" s="424"/>
      <c r="NQQ734" s="424"/>
      <c r="NQR734" s="424"/>
      <c r="NQS734" s="423" t="s">
        <v>2795</v>
      </c>
      <c r="NQT734" s="424"/>
      <c r="NQU734" s="424"/>
      <c r="NQV734" s="424"/>
      <c r="NQW734" s="423" t="s">
        <v>2795</v>
      </c>
      <c r="NQX734" s="424"/>
      <c r="NQY734" s="424"/>
      <c r="NQZ734" s="424"/>
      <c r="NRA734" s="423" t="s">
        <v>2795</v>
      </c>
      <c r="NRB734" s="424"/>
      <c r="NRC734" s="424"/>
      <c r="NRD734" s="424"/>
      <c r="NRE734" s="423" t="s">
        <v>2795</v>
      </c>
      <c r="NRF734" s="424"/>
      <c r="NRG734" s="424"/>
      <c r="NRH734" s="424"/>
      <c r="NRI734" s="423" t="s">
        <v>2795</v>
      </c>
      <c r="NRJ734" s="424"/>
      <c r="NRK734" s="424"/>
      <c r="NRL734" s="424"/>
      <c r="NRM734" s="423" t="s">
        <v>2795</v>
      </c>
      <c r="NRN734" s="424"/>
      <c r="NRO734" s="424"/>
      <c r="NRP734" s="424"/>
      <c r="NRQ734" s="423" t="s">
        <v>2795</v>
      </c>
      <c r="NRR734" s="424"/>
      <c r="NRS734" s="424"/>
      <c r="NRT734" s="424"/>
      <c r="NRU734" s="423" t="s">
        <v>2795</v>
      </c>
      <c r="NRV734" s="424"/>
      <c r="NRW734" s="424"/>
      <c r="NRX734" s="424"/>
      <c r="NRY734" s="423" t="s">
        <v>2795</v>
      </c>
      <c r="NRZ734" s="424"/>
      <c r="NSA734" s="424"/>
      <c r="NSB734" s="424"/>
      <c r="NSC734" s="423" t="s">
        <v>2795</v>
      </c>
      <c r="NSD734" s="424"/>
      <c r="NSE734" s="424"/>
      <c r="NSF734" s="424"/>
      <c r="NSG734" s="423" t="s">
        <v>2795</v>
      </c>
      <c r="NSH734" s="424"/>
      <c r="NSI734" s="424"/>
      <c r="NSJ734" s="424"/>
      <c r="NSK734" s="423" t="s">
        <v>2795</v>
      </c>
      <c r="NSL734" s="424"/>
      <c r="NSM734" s="424"/>
      <c r="NSN734" s="424"/>
      <c r="NSO734" s="423" t="s">
        <v>2795</v>
      </c>
      <c r="NSP734" s="424"/>
      <c r="NSQ734" s="424"/>
      <c r="NSR734" s="424"/>
      <c r="NSS734" s="423" t="s">
        <v>2795</v>
      </c>
      <c r="NST734" s="424"/>
      <c r="NSU734" s="424"/>
      <c r="NSV734" s="424"/>
      <c r="NSW734" s="423" t="s">
        <v>2795</v>
      </c>
      <c r="NSX734" s="424"/>
      <c r="NSY734" s="424"/>
      <c r="NSZ734" s="424"/>
      <c r="NTA734" s="423" t="s">
        <v>2795</v>
      </c>
      <c r="NTB734" s="424"/>
      <c r="NTC734" s="424"/>
      <c r="NTD734" s="424"/>
      <c r="NTE734" s="423" t="s">
        <v>2795</v>
      </c>
      <c r="NTF734" s="424"/>
      <c r="NTG734" s="424"/>
      <c r="NTH734" s="424"/>
      <c r="NTI734" s="423" t="s">
        <v>2795</v>
      </c>
      <c r="NTJ734" s="424"/>
      <c r="NTK734" s="424"/>
      <c r="NTL734" s="424"/>
      <c r="NTM734" s="423" t="s">
        <v>2795</v>
      </c>
      <c r="NTN734" s="424"/>
      <c r="NTO734" s="424"/>
      <c r="NTP734" s="424"/>
      <c r="NTQ734" s="423" t="s">
        <v>2795</v>
      </c>
      <c r="NTR734" s="424"/>
      <c r="NTS734" s="424"/>
      <c r="NTT734" s="424"/>
      <c r="NTU734" s="423" t="s">
        <v>2795</v>
      </c>
      <c r="NTV734" s="424"/>
      <c r="NTW734" s="424"/>
      <c r="NTX734" s="424"/>
      <c r="NTY734" s="423" t="s">
        <v>2795</v>
      </c>
      <c r="NTZ734" s="424"/>
      <c r="NUA734" s="424"/>
      <c r="NUB734" s="424"/>
      <c r="NUC734" s="423" t="s">
        <v>2795</v>
      </c>
      <c r="NUD734" s="424"/>
      <c r="NUE734" s="424"/>
      <c r="NUF734" s="424"/>
      <c r="NUG734" s="423" t="s">
        <v>2795</v>
      </c>
      <c r="NUH734" s="424"/>
      <c r="NUI734" s="424"/>
      <c r="NUJ734" s="424"/>
      <c r="NUK734" s="423" t="s">
        <v>2795</v>
      </c>
      <c r="NUL734" s="424"/>
      <c r="NUM734" s="424"/>
      <c r="NUN734" s="424"/>
      <c r="NUO734" s="423" t="s">
        <v>2795</v>
      </c>
      <c r="NUP734" s="424"/>
      <c r="NUQ734" s="424"/>
      <c r="NUR734" s="424"/>
      <c r="NUS734" s="423" t="s">
        <v>2795</v>
      </c>
      <c r="NUT734" s="424"/>
      <c r="NUU734" s="424"/>
      <c r="NUV734" s="424"/>
      <c r="NUW734" s="423" t="s">
        <v>2795</v>
      </c>
      <c r="NUX734" s="424"/>
      <c r="NUY734" s="424"/>
      <c r="NUZ734" s="424"/>
      <c r="NVA734" s="423" t="s">
        <v>2795</v>
      </c>
      <c r="NVB734" s="424"/>
      <c r="NVC734" s="424"/>
      <c r="NVD734" s="424"/>
      <c r="NVE734" s="423" t="s">
        <v>2795</v>
      </c>
      <c r="NVF734" s="424"/>
      <c r="NVG734" s="424"/>
      <c r="NVH734" s="424"/>
      <c r="NVI734" s="423" t="s">
        <v>2795</v>
      </c>
      <c r="NVJ734" s="424"/>
      <c r="NVK734" s="424"/>
      <c r="NVL734" s="424"/>
      <c r="NVM734" s="423" t="s">
        <v>2795</v>
      </c>
      <c r="NVN734" s="424"/>
      <c r="NVO734" s="424"/>
      <c r="NVP734" s="424"/>
      <c r="NVQ734" s="423" t="s">
        <v>2795</v>
      </c>
      <c r="NVR734" s="424"/>
      <c r="NVS734" s="424"/>
      <c r="NVT734" s="424"/>
      <c r="NVU734" s="423" t="s">
        <v>2795</v>
      </c>
      <c r="NVV734" s="424"/>
      <c r="NVW734" s="424"/>
      <c r="NVX734" s="424"/>
      <c r="NVY734" s="423" t="s">
        <v>2795</v>
      </c>
      <c r="NVZ734" s="424"/>
      <c r="NWA734" s="424"/>
      <c r="NWB734" s="424"/>
      <c r="NWC734" s="423" t="s">
        <v>2795</v>
      </c>
      <c r="NWD734" s="424"/>
      <c r="NWE734" s="424"/>
      <c r="NWF734" s="424"/>
      <c r="NWG734" s="423" t="s">
        <v>2795</v>
      </c>
      <c r="NWH734" s="424"/>
      <c r="NWI734" s="424"/>
      <c r="NWJ734" s="424"/>
      <c r="NWK734" s="423" t="s">
        <v>2795</v>
      </c>
      <c r="NWL734" s="424"/>
      <c r="NWM734" s="424"/>
      <c r="NWN734" s="424"/>
      <c r="NWO734" s="423" t="s">
        <v>2795</v>
      </c>
      <c r="NWP734" s="424"/>
      <c r="NWQ734" s="424"/>
      <c r="NWR734" s="424"/>
      <c r="NWS734" s="423" t="s">
        <v>2795</v>
      </c>
      <c r="NWT734" s="424"/>
      <c r="NWU734" s="424"/>
      <c r="NWV734" s="424"/>
      <c r="NWW734" s="423" t="s">
        <v>2795</v>
      </c>
      <c r="NWX734" s="424"/>
      <c r="NWY734" s="424"/>
      <c r="NWZ734" s="424"/>
      <c r="NXA734" s="423" t="s">
        <v>2795</v>
      </c>
      <c r="NXB734" s="424"/>
      <c r="NXC734" s="424"/>
      <c r="NXD734" s="424"/>
      <c r="NXE734" s="423" t="s">
        <v>2795</v>
      </c>
      <c r="NXF734" s="424"/>
      <c r="NXG734" s="424"/>
      <c r="NXH734" s="424"/>
      <c r="NXI734" s="423" t="s">
        <v>2795</v>
      </c>
      <c r="NXJ734" s="424"/>
      <c r="NXK734" s="424"/>
      <c r="NXL734" s="424"/>
      <c r="NXM734" s="423" t="s">
        <v>2795</v>
      </c>
      <c r="NXN734" s="424"/>
      <c r="NXO734" s="424"/>
      <c r="NXP734" s="424"/>
      <c r="NXQ734" s="423" t="s">
        <v>2795</v>
      </c>
      <c r="NXR734" s="424"/>
      <c r="NXS734" s="424"/>
      <c r="NXT734" s="424"/>
      <c r="NXU734" s="423" t="s">
        <v>2795</v>
      </c>
      <c r="NXV734" s="424"/>
      <c r="NXW734" s="424"/>
      <c r="NXX734" s="424"/>
      <c r="NXY734" s="423" t="s">
        <v>2795</v>
      </c>
      <c r="NXZ734" s="424"/>
      <c r="NYA734" s="424"/>
      <c r="NYB734" s="424"/>
      <c r="NYC734" s="423" t="s">
        <v>2795</v>
      </c>
      <c r="NYD734" s="424"/>
      <c r="NYE734" s="424"/>
      <c r="NYF734" s="424"/>
      <c r="NYG734" s="423" t="s">
        <v>2795</v>
      </c>
      <c r="NYH734" s="424"/>
      <c r="NYI734" s="424"/>
      <c r="NYJ734" s="424"/>
      <c r="NYK734" s="423" t="s">
        <v>2795</v>
      </c>
      <c r="NYL734" s="424"/>
      <c r="NYM734" s="424"/>
      <c r="NYN734" s="424"/>
      <c r="NYO734" s="423" t="s">
        <v>2795</v>
      </c>
      <c r="NYP734" s="424"/>
      <c r="NYQ734" s="424"/>
      <c r="NYR734" s="424"/>
      <c r="NYS734" s="423" t="s">
        <v>2795</v>
      </c>
      <c r="NYT734" s="424"/>
      <c r="NYU734" s="424"/>
      <c r="NYV734" s="424"/>
      <c r="NYW734" s="423" t="s">
        <v>2795</v>
      </c>
      <c r="NYX734" s="424"/>
      <c r="NYY734" s="424"/>
      <c r="NYZ734" s="424"/>
      <c r="NZA734" s="423" t="s">
        <v>2795</v>
      </c>
      <c r="NZB734" s="424"/>
      <c r="NZC734" s="424"/>
      <c r="NZD734" s="424"/>
      <c r="NZE734" s="423" t="s">
        <v>2795</v>
      </c>
      <c r="NZF734" s="424"/>
      <c r="NZG734" s="424"/>
      <c r="NZH734" s="424"/>
      <c r="NZI734" s="423" t="s">
        <v>2795</v>
      </c>
      <c r="NZJ734" s="424"/>
      <c r="NZK734" s="424"/>
      <c r="NZL734" s="424"/>
      <c r="NZM734" s="423" t="s">
        <v>2795</v>
      </c>
      <c r="NZN734" s="424"/>
      <c r="NZO734" s="424"/>
      <c r="NZP734" s="424"/>
      <c r="NZQ734" s="423" t="s">
        <v>2795</v>
      </c>
      <c r="NZR734" s="424"/>
      <c r="NZS734" s="424"/>
      <c r="NZT734" s="424"/>
      <c r="NZU734" s="423" t="s">
        <v>2795</v>
      </c>
      <c r="NZV734" s="424"/>
      <c r="NZW734" s="424"/>
      <c r="NZX734" s="424"/>
      <c r="NZY734" s="423" t="s">
        <v>2795</v>
      </c>
      <c r="NZZ734" s="424"/>
      <c r="OAA734" s="424"/>
      <c r="OAB734" s="424"/>
      <c r="OAC734" s="423" t="s">
        <v>2795</v>
      </c>
      <c r="OAD734" s="424"/>
      <c r="OAE734" s="424"/>
      <c r="OAF734" s="424"/>
      <c r="OAG734" s="423" t="s">
        <v>2795</v>
      </c>
      <c r="OAH734" s="424"/>
      <c r="OAI734" s="424"/>
      <c r="OAJ734" s="424"/>
      <c r="OAK734" s="423" t="s">
        <v>2795</v>
      </c>
      <c r="OAL734" s="424"/>
      <c r="OAM734" s="424"/>
      <c r="OAN734" s="424"/>
      <c r="OAO734" s="423" t="s">
        <v>2795</v>
      </c>
      <c r="OAP734" s="424"/>
      <c r="OAQ734" s="424"/>
      <c r="OAR734" s="424"/>
      <c r="OAS734" s="423" t="s">
        <v>2795</v>
      </c>
      <c r="OAT734" s="424"/>
      <c r="OAU734" s="424"/>
      <c r="OAV734" s="424"/>
      <c r="OAW734" s="423" t="s">
        <v>2795</v>
      </c>
      <c r="OAX734" s="424"/>
      <c r="OAY734" s="424"/>
      <c r="OAZ734" s="424"/>
      <c r="OBA734" s="423" t="s">
        <v>2795</v>
      </c>
      <c r="OBB734" s="424"/>
      <c r="OBC734" s="424"/>
      <c r="OBD734" s="424"/>
      <c r="OBE734" s="423" t="s">
        <v>2795</v>
      </c>
      <c r="OBF734" s="424"/>
      <c r="OBG734" s="424"/>
      <c r="OBH734" s="424"/>
      <c r="OBI734" s="423" t="s">
        <v>2795</v>
      </c>
      <c r="OBJ734" s="424"/>
      <c r="OBK734" s="424"/>
      <c r="OBL734" s="424"/>
      <c r="OBM734" s="423" t="s">
        <v>2795</v>
      </c>
      <c r="OBN734" s="424"/>
      <c r="OBO734" s="424"/>
      <c r="OBP734" s="424"/>
      <c r="OBQ734" s="423" t="s">
        <v>2795</v>
      </c>
      <c r="OBR734" s="424"/>
      <c r="OBS734" s="424"/>
      <c r="OBT734" s="424"/>
      <c r="OBU734" s="423" t="s">
        <v>2795</v>
      </c>
      <c r="OBV734" s="424"/>
      <c r="OBW734" s="424"/>
      <c r="OBX734" s="424"/>
      <c r="OBY734" s="423" t="s">
        <v>2795</v>
      </c>
      <c r="OBZ734" s="424"/>
      <c r="OCA734" s="424"/>
      <c r="OCB734" s="424"/>
      <c r="OCC734" s="423" t="s">
        <v>2795</v>
      </c>
      <c r="OCD734" s="424"/>
      <c r="OCE734" s="424"/>
      <c r="OCF734" s="424"/>
      <c r="OCG734" s="423" t="s">
        <v>2795</v>
      </c>
      <c r="OCH734" s="424"/>
      <c r="OCI734" s="424"/>
      <c r="OCJ734" s="424"/>
      <c r="OCK734" s="423" t="s">
        <v>2795</v>
      </c>
      <c r="OCL734" s="424"/>
      <c r="OCM734" s="424"/>
      <c r="OCN734" s="424"/>
      <c r="OCO734" s="423" t="s">
        <v>2795</v>
      </c>
      <c r="OCP734" s="424"/>
      <c r="OCQ734" s="424"/>
      <c r="OCR734" s="424"/>
      <c r="OCS734" s="423" t="s">
        <v>2795</v>
      </c>
      <c r="OCT734" s="424"/>
      <c r="OCU734" s="424"/>
      <c r="OCV734" s="424"/>
      <c r="OCW734" s="423" t="s">
        <v>2795</v>
      </c>
      <c r="OCX734" s="424"/>
      <c r="OCY734" s="424"/>
      <c r="OCZ734" s="424"/>
      <c r="ODA734" s="423" t="s">
        <v>2795</v>
      </c>
      <c r="ODB734" s="424"/>
      <c r="ODC734" s="424"/>
      <c r="ODD734" s="424"/>
      <c r="ODE734" s="423" t="s">
        <v>2795</v>
      </c>
      <c r="ODF734" s="424"/>
      <c r="ODG734" s="424"/>
      <c r="ODH734" s="424"/>
      <c r="ODI734" s="423" t="s">
        <v>2795</v>
      </c>
      <c r="ODJ734" s="424"/>
      <c r="ODK734" s="424"/>
      <c r="ODL734" s="424"/>
      <c r="ODM734" s="423" t="s">
        <v>2795</v>
      </c>
      <c r="ODN734" s="424"/>
      <c r="ODO734" s="424"/>
      <c r="ODP734" s="424"/>
      <c r="ODQ734" s="423" t="s">
        <v>2795</v>
      </c>
      <c r="ODR734" s="424"/>
      <c r="ODS734" s="424"/>
      <c r="ODT734" s="424"/>
      <c r="ODU734" s="423" t="s">
        <v>2795</v>
      </c>
      <c r="ODV734" s="424"/>
      <c r="ODW734" s="424"/>
      <c r="ODX734" s="424"/>
      <c r="ODY734" s="423" t="s">
        <v>2795</v>
      </c>
      <c r="ODZ734" s="424"/>
      <c r="OEA734" s="424"/>
      <c r="OEB734" s="424"/>
      <c r="OEC734" s="423" t="s">
        <v>2795</v>
      </c>
      <c r="OED734" s="424"/>
      <c r="OEE734" s="424"/>
      <c r="OEF734" s="424"/>
      <c r="OEG734" s="423" t="s">
        <v>2795</v>
      </c>
      <c r="OEH734" s="424"/>
      <c r="OEI734" s="424"/>
      <c r="OEJ734" s="424"/>
      <c r="OEK734" s="423" t="s">
        <v>2795</v>
      </c>
      <c r="OEL734" s="424"/>
      <c r="OEM734" s="424"/>
      <c r="OEN734" s="424"/>
      <c r="OEO734" s="423" t="s">
        <v>2795</v>
      </c>
      <c r="OEP734" s="424"/>
      <c r="OEQ734" s="424"/>
      <c r="OER734" s="424"/>
      <c r="OES734" s="423" t="s">
        <v>2795</v>
      </c>
      <c r="OET734" s="424"/>
      <c r="OEU734" s="424"/>
      <c r="OEV734" s="424"/>
      <c r="OEW734" s="423" t="s">
        <v>2795</v>
      </c>
      <c r="OEX734" s="424"/>
      <c r="OEY734" s="424"/>
      <c r="OEZ734" s="424"/>
      <c r="OFA734" s="423" t="s">
        <v>2795</v>
      </c>
      <c r="OFB734" s="424"/>
      <c r="OFC734" s="424"/>
      <c r="OFD734" s="424"/>
      <c r="OFE734" s="423" t="s">
        <v>2795</v>
      </c>
      <c r="OFF734" s="424"/>
      <c r="OFG734" s="424"/>
      <c r="OFH734" s="424"/>
      <c r="OFI734" s="423" t="s">
        <v>2795</v>
      </c>
      <c r="OFJ734" s="424"/>
      <c r="OFK734" s="424"/>
      <c r="OFL734" s="424"/>
      <c r="OFM734" s="423" t="s">
        <v>2795</v>
      </c>
      <c r="OFN734" s="424"/>
      <c r="OFO734" s="424"/>
      <c r="OFP734" s="424"/>
      <c r="OFQ734" s="423" t="s">
        <v>2795</v>
      </c>
      <c r="OFR734" s="424"/>
      <c r="OFS734" s="424"/>
      <c r="OFT734" s="424"/>
      <c r="OFU734" s="423" t="s">
        <v>2795</v>
      </c>
      <c r="OFV734" s="424"/>
      <c r="OFW734" s="424"/>
      <c r="OFX734" s="424"/>
      <c r="OFY734" s="423" t="s">
        <v>2795</v>
      </c>
      <c r="OFZ734" s="424"/>
      <c r="OGA734" s="424"/>
      <c r="OGB734" s="424"/>
      <c r="OGC734" s="423" t="s">
        <v>2795</v>
      </c>
      <c r="OGD734" s="424"/>
      <c r="OGE734" s="424"/>
      <c r="OGF734" s="424"/>
      <c r="OGG734" s="423" t="s">
        <v>2795</v>
      </c>
      <c r="OGH734" s="424"/>
      <c r="OGI734" s="424"/>
      <c r="OGJ734" s="424"/>
      <c r="OGK734" s="423" t="s">
        <v>2795</v>
      </c>
      <c r="OGL734" s="424"/>
      <c r="OGM734" s="424"/>
      <c r="OGN734" s="424"/>
      <c r="OGO734" s="423" t="s">
        <v>2795</v>
      </c>
      <c r="OGP734" s="424"/>
      <c r="OGQ734" s="424"/>
      <c r="OGR734" s="424"/>
      <c r="OGS734" s="423" t="s">
        <v>2795</v>
      </c>
      <c r="OGT734" s="424"/>
      <c r="OGU734" s="424"/>
      <c r="OGV734" s="424"/>
      <c r="OGW734" s="423" t="s">
        <v>2795</v>
      </c>
      <c r="OGX734" s="424"/>
      <c r="OGY734" s="424"/>
      <c r="OGZ734" s="424"/>
      <c r="OHA734" s="423" t="s">
        <v>2795</v>
      </c>
      <c r="OHB734" s="424"/>
      <c r="OHC734" s="424"/>
      <c r="OHD734" s="424"/>
      <c r="OHE734" s="423" t="s">
        <v>2795</v>
      </c>
      <c r="OHF734" s="424"/>
      <c r="OHG734" s="424"/>
      <c r="OHH734" s="424"/>
      <c r="OHI734" s="423" t="s">
        <v>2795</v>
      </c>
      <c r="OHJ734" s="424"/>
      <c r="OHK734" s="424"/>
      <c r="OHL734" s="424"/>
      <c r="OHM734" s="423" t="s">
        <v>2795</v>
      </c>
      <c r="OHN734" s="424"/>
      <c r="OHO734" s="424"/>
      <c r="OHP734" s="424"/>
      <c r="OHQ734" s="423" t="s">
        <v>2795</v>
      </c>
      <c r="OHR734" s="424"/>
      <c r="OHS734" s="424"/>
      <c r="OHT734" s="424"/>
      <c r="OHU734" s="423" t="s">
        <v>2795</v>
      </c>
      <c r="OHV734" s="424"/>
      <c r="OHW734" s="424"/>
      <c r="OHX734" s="424"/>
      <c r="OHY734" s="423" t="s">
        <v>2795</v>
      </c>
      <c r="OHZ734" s="424"/>
      <c r="OIA734" s="424"/>
      <c r="OIB734" s="424"/>
      <c r="OIC734" s="423" t="s">
        <v>2795</v>
      </c>
      <c r="OID734" s="424"/>
      <c r="OIE734" s="424"/>
      <c r="OIF734" s="424"/>
      <c r="OIG734" s="423" t="s">
        <v>2795</v>
      </c>
      <c r="OIH734" s="424"/>
      <c r="OII734" s="424"/>
      <c r="OIJ734" s="424"/>
      <c r="OIK734" s="423" t="s">
        <v>2795</v>
      </c>
      <c r="OIL734" s="424"/>
      <c r="OIM734" s="424"/>
      <c r="OIN734" s="424"/>
      <c r="OIO734" s="423" t="s">
        <v>2795</v>
      </c>
      <c r="OIP734" s="424"/>
      <c r="OIQ734" s="424"/>
      <c r="OIR734" s="424"/>
      <c r="OIS734" s="423" t="s">
        <v>2795</v>
      </c>
      <c r="OIT734" s="424"/>
      <c r="OIU734" s="424"/>
      <c r="OIV734" s="424"/>
      <c r="OIW734" s="423" t="s">
        <v>2795</v>
      </c>
      <c r="OIX734" s="424"/>
      <c r="OIY734" s="424"/>
      <c r="OIZ734" s="424"/>
      <c r="OJA734" s="423" t="s">
        <v>2795</v>
      </c>
      <c r="OJB734" s="424"/>
      <c r="OJC734" s="424"/>
      <c r="OJD734" s="424"/>
      <c r="OJE734" s="423" t="s">
        <v>2795</v>
      </c>
      <c r="OJF734" s="424"/>
      <c r="OJG734" s="424"/>
      <c r="OJH734" s="424"/>
      <c r="OJI734" s="423" t="s">
        <v>2795</v>
      </c>
      <c r="OJJ734" s="424"/>
      <c r="OJK734" s="424"/>
      <c r="OJL734" s="424"/>
      <c r="OJM734" s="423" t="s">
        <v>2795</v>
      </c>
      <c r="OJN734" s="424"/>
      <c r="OJO734" s="424"/>
      <c r="OJP734" s="424"/>
      <c r="OJQ734" s="423" t="s">
        <v>2795</v>
      </c>
      <c r="OJR734" s="424"/>
      <c r="OJS734" s="424"/>
      <c r="OJT734" s="424"/>
      <c r="OJU734" s="423" t="s">
        <v>2795</v>
      </c>
      <c r="OJV734" s="424"/>
      <c r="OJW734" s="424"/>
      <c r="OJX734" s="424"/>
      <c r="OJY734" s="423" t="s">
        <v>2795</v>
      </c>
      <c r="OJZ734" s="424"/>
      <c r="OKA734" s="424"/>
      <c r="OKB734" s="424"/>
      <c r="OKC734" s="423" t="s">
        <v>2795</v>
      </c>
      <c r="OKD734" s="424"/>
      <c r="OKE734" s="424"/>
      <c r="OKF734" s="424"/>
      <c r="OKG734" s="423" t="s">
        <v>2795</v>
      </c>
      <c r="OKH734" s="424"/>
      <c r="OKI734" s="424"/>
      <c r="OKJ734" s="424"/>
      <c r="OKK734" s="423" t="s">
        <v>2795</v>
      </c>
      <c r="OKL734" s="424"/>
      <c r="OKM734" s="424"/>
      <c r="OKN734" s="424"/>
      <c r="OKO734" s="423" t="s">
        <v>2795</v>
      </c>
      <c r="OKP734" s="424"/>
      <c r="OKQ734" s="424"/>
      <c r="OKR734" s="424"/>
      <c r="OKS734" s="423" t="s">
        <v>2795</v>
      </c>
      <c r="OKT734" s="424"/>
      <c r="OKU734" s="424"/>
      <c r="OKV734" s="424"/>
      <c r="OKW734" s="423" t="s">
        <v>2795</v>
      </c>
      <c r="OKX734" s="424"/>
      <c r="OKY734" s="424"/>
      <c r="OKZ734" s="424"/>
      <c r="OLA734" s="423" t="s">
        <v>2795</v>
      </c>
      <c r="OLB734" s="424"/>
      <c r="OLC734" s="424"/>
      <c r="OLD734" s="424"/>
      <c r="OLE734" s="423" t="s">
        <v>2795</v>
      </c>
      <c r="OLF734" s="424"/>
      <c r="OLG734" s="424"/>
      <c r="OLH734" s="424"/>
      <c r="OLI734" s="423" t="s">
        <v>2795</v>
      </c>
      <c r="OLJ734" s="424"/>
      <c r="OLK734" s="424"/>
      <c r="OLL734" s="424"/>
      <c r="OLM734" s="423" t="s">
        <v>2795</v>
      </c>
      <c r="OLN734" s="424"/>
      <c r="OLO734" s="424"/>
      <c r="OLP734" s="424"/>
      <c r="OLQ734" s="423" t="s">
        <v>2795</v>
      </c>
      <c r="OLR734" s="424"/>
      <c r="OLS734" s="424"/>
      <c r="OLT734" s="424"/>
      <c r="OLU734" s="423" t="s">
        <v>2795</v>
      </c>
      <c r="OLV734" s="424"/>
      <c r="OLW734" s="424"/>
      <c r="OLX734" s="424"/>
      <c r="OLY734" s="423" t="s">
        <v>2795</v>
      </c>
      <c r="OLZ734" s="424"/>
      <c r="OMA734" s="424"/>
      <c r="OMB734" s="424"/>
      <c r="OMC734" s="423" t="s">
        <v>2795</v>
      </c>
      <c r="OMD734" s="424"/>
      <c r="OME734" s="424"/>
      <c r="OMF734" s="424"/>
      <c r="OMG734" s="423" t="s">
        <v>2795</v>
      </c>
      <c r="OMH734" s="424"/>
      <c r="OMI734" s="424"/>
      <c r="OMJ734" s="424"/>
      <c r="OMK734" s="423" t="s">
        <v>2795</v>
      </c>
      <c r="OML734" s="424"/>
      <c r="OMM734" s="424"/>
      <c r="OMN734" s="424"/>
      <c r="OMO734" s="423" t="s">
        <v>2795</v>
      </c>
      <c r="OMP734" s="424"/>
      <c r="OMQ734" s="424"/>
      <c r="OMR734" s="424"/>
      <c r="OMS734" s="423" t="s">
        <v>2795</v>
      </c>
      <c r="OMT734" s="424"/>
      <c r="OMU734" s="424"/>
      <c r="OMV734" s="424"/>
      <c r="OMW734" s="423" t="s">
        <v>2795</v>
      </c>
      <c r="OMX734" s="424"/>
      <c r="OMY734" s="424"/>
      <c r="OMZ734" s="424"/>
      <c r="ONA734" s="423" t="s">
        <v>2795</v>
      </c>
      <c r="ONB734" s="424"/>
      <c r="ONC734" s="424"/>
      <c r="OND734" s="424"/>
      <c r="ONE734" s="423" t="s">
        <v>2795</v>
      </c>
      <c r="ONF734" s="424"/>
      <c r="ONG734" s="424"/>
      <c r="ONH734" s="424"/>
      <c r="ONI734" s="423" t="s">
        <v>2795</v>
      </c>
      <c r="ONJ734" s="424"/>
      <c r="ONK734" s="424"/>
      <c r="ONL734" s="424"/>
      <c r="ONM734" s="423" t="s">
        <v>2795</v>
      </c>
      <c r="ONN734" s="424"/>
      <c r="ONO734" s="424"/>
      <c r="ONP734" s="424"/>
      <c r="ONQ734" s="423" t="s">
        <v>2795</v>
      </c>
      <c r="ONR734" s="424"/>
      <c r="ONS734" s="424"/>
      <c r="ONT734" s="424"/>
      <c r="ONU734" s="423" t="s">
        <v>2795</v>
      </c>
      <c r="ONV734" s="424"/>
      <c r="ONW734" s="424"/>
      <c r="ONX734" s="424"/>
      <c r="ONY734" s="423" t="s">
        <v>2795</v>
      </c>
      <c r="ONZ734" s="424"/>
      <c r="OOA734" s="424"/>
      <c r="OOB734" s="424"/>
      <c r="OOC734" s="423" t="s">
        <v>2795</v>
      </c>
      <c r="OOD734" s="424"/>
      <c r="OOE734" s="424"/>
      <c r="OOF734" s="424"/>
      <c r="OOG734" s="423" t="s">
        <v>2795</v>
      </c>
      <c r="OOH734" s="424"/>
      <c r="OOI734" s="424"/>
      <c r="OOJ734" s="424"/>
      <c r="OOK734" s="423" t="s">
        <v>2795</v>
      </c>
      <c r="OOL734" s="424"/>
      <c r="OOM734" s="424"/>
      <c r="OON734" s="424"/>
      <c r="OOO734" s="423" t="s">
        <v>2795</v>
      </c>
      <c r="OOP734" s="424"/>
      <c r="OOQ734" s="424"/>
      <c r="OOR734" s="424"/>
      <c r="OOS734" s="423" t="s">
        <v>2795</v>
      </c>
      <c r="OOT734" s="424"/>
      <c r="OOU734" s="424"/>
      <c r="OOV734" s="424"/>
      <c r="OOW734" s="423" t="s">
        <v>2795</v>
      </c>
      <c r="OOX734" s="424"/>
      <c r="OOY734" s="424"/>
      <c r="OOZ734" s="424"/>
      <c r="OPA734" s="423" t="s">
        <v>2795</v>
      </c>
      <c r="OPB734" s="424"/>
      <c r="OPC734" s="424"/>
      <c r="OPD734" s="424"/>
      <c r="OPE734" s="423" t="s">
        <v>2795</v>
      </c>
      <c r="OPF734" s="424"/>
      <c r="OPG734" s="424"/>
      <c r="OPH734" s="424"/>
      <c r="OPI734" s="423" t="s">
        <v>2795</v>
      </c>
      <c r="OPJ734" s="424"/>
      <c r="OPK734" s="424"/>
      <c r="OPL734" s="424"/>
      <c r="OPM734" s="423" t="s">
        <v>2795</v>
      </c>
      <c r="OPN734" s="424"/>
      <c r="OPO734" s="424"/>
      <c r="OPP734" s="424"/>
      <c r="OPQ734" s="423" t="s">
        <v>2795</v>
      </c>
      <c r="OPR734" s="424"/>
      <c r="OPS734" s="424"/>
      <c r="OPT734" s="424"/>
      <c r="OPU734" s="423" t="s">
        <v>2795</v>
      </c>
      <c r="OPV734" s="424"/>
      <c r="OPW734" s="424"/>
      <c r="OPX734" s="424"/>
      <c r="OPY734" s="423" t="s">
        <v>2795</v>
      </c>
      <c r="OPZ734" s="424"/>
      <c r="OQA734" s="424"/>
      <c r="OQB734" s="424"/>
      <c r="OQC734" s="423" t="s">
        <v>2795</v>
      </c>
      <c r="OQD734" s="424"/>
      <c r="OQE734" s="424"/>
      <c r="OQF734" s="424"/>
      <c r="OQG734" s="423" t="s">
        <v>2795</v>
      </c>
      <c r="OQH734" s="424"/>
      <c r="OQI734" s="424"/>
      <c r="OQJ734" s="424"/>
      <c r="OQK734" s="423" t="s">
        <v>2795</v>
      </c>
      <c r="OQL734" s="424"/>
      <c r="OQM734" s="424"/>
      <c r="OQN734" s="424"/>
      <c r="OQO734" s="423" t="s">
        <v>2795</v>
      </c>
      <c r="OQP734" s="424"/>
      <c r="OQQ734" s="424"/>
      <c r="OQR734" s="424"/>
      <c r="OQS734" s="423" t="s">
        <v>2795</v>
      </c>
      <c r="OQT734" s="424"/>
      <c r="OQU734" s="424"/>
      <c r="OQV734" s="424"/>
      <c r="OQW734" s="423" t="s">
        <v>2795</v>
      </c>
      <c r="OQX734" s="424"/>
      <c r="OQY734" s="424"/>
      <c r="OQZ734" s="424"/>
      <c r="ORA734" s="423" t="s">
        <v>2795</v>
      </c>
      <c r="ORB734" s="424"/>
      <c r="ORC734" s="424"/>
      <c r="ORD734" s="424"/>
      <c r="ORE734" s="423" t="s">
        <v>2795</v>
      </c>
      <c r="ORF734" s="424"/>
      <c r="ORG734" s="424"/>
      <c r="ORH734" s="424"/>
      <c r="ORI734" s="423" t="s">
        <v>2795</v>
      </c>
      <c r="ORJ734" s="424"/>
      <c r="ORK734" s="424"/>
      <c r="ORL734" s="424"/>
      <c r="ORM734" s="423" t="s">
        <v>2795</v>
      </c>
      <c r="ORN734" s="424"/>
      <c r="ORO734" s="424"/>
      <c r="ORP734" s="424"/>
      <c r="ORQ734" s="423" t="s">
        <v>2795</v>
      </c>
      <c r="ORR734" s="424"/>
      <c r="ORS734" s="424"/>
      <c r="ORT734" s="424"/>
      <c r="ORU734" s="423" t="s">
        <v>2795</v>
      </c>
      <c r="ORV734" s="424"/>
      <c r="ORW734" s="424"/>
      <c r="ORX734" s="424"/>
      <c r="ORY734" s="423" t="s">
        <v>2795</v>
      </c>
      <c r="ORZ734" s="424"/>
      <c r="OSA734" s="424"/>
      <c r="OSB734" s="424"/>
      <c r="OSC734" s="423" t="s">
        <v>2795</v>
      </c>
      <c r="OSD734" s="424"/>
      <c r="OSE734" s="424"/>
      <c r="OSF734" s="424"/>
      <c r="OSG734" s="423" t="s">
        <v>2795</v>
      </c>
      <c r="OSH734" s="424"/>
      <c r="OSI734" s="424"/>
      <c r="OSJ734" s="424"/>
      <c r="OSK734" s="423" t="s">
        <v>2795</v>
      </c>
      <c r="OSL734" s="424"/>
      <c r="OSM734" s="424"/>
      <c r="OSN734" s="424"/>
      <c r="OSO734" s="423" t="s">
        <v>2795</v>
      </c>
      <c r="OSP734" s="424"/>
      <c r="OSQ734" s="424"/>
      <c r="OSR734" s="424"/>
      <c r="OSS734" s="423" t="s">
        <v>2795</v>
      </c>
      <c r="OST734" s="424"/>
      <c r="OSU734" s="424"/>
      <c r="OSV734" s="424"/>
      <c r="OSW734" s="423" t="s">
        <v>2795</v>
      </c>
      <c r="OSX734" s="424"/>
      <c r="OSY734" s="424"/>
      <c r="OSZ734" s="424"/>
      <c r="OTA734" s="423" t="s">
        <v>2795</v>
      </c>
      <c r="OTB734" s="424"/>
      <c r="OTC734" s="424"/>
      <c r="OTD734" s="424"/>
      <c r="OTE734" s="423" t="s">
        <v>2795</v>
      </c>
      <c r="OTF734" s="424"/>
      <c r="OTG734" s="424"/>
      <c r="OTH734" s="424"/>
      <c r="OTI734" s="423" t="s">
        <v>2795</v>
      </c>
      <c r="OTJ734" s="424"/>
      <c r="OTK734" s="424"/>
      <c r="OTL734" s="424"/>
      <c r="OTM734" s="423" t="s">
        <v>2795</v>
      </c>
      <c r="OTN734" s="424"/>
      <c r="OTO734" s="424"/>
      <c r="OTP734" s="424"/>
      <c r="OTQ734" s="423" t="s">
        <v>2795</v>
      </c>
      <c r="OTR734" s="424"/>
      <c r="OTS734" s="424"/>
      <c r="OTT734" s="424"/>
      <c r="OTU734" s="423" t="s">
        <v>2795</v>
      </c>
      <c r="OTV734" s="424"/>
      <c r="OTW734" s="424"/>
      <c r="OTX734" s="424"/>
      <c r="OTY734" s="423" t="s">
        <v>2795</v>
      </c>
      <c r="OTZ734" s="424"/>
      <c r="OUA734" s="424"/>
      <c r="OUB734" s="424"/>
      <c r="OUC734" s="423" t="s">
        <v>2795</v>
      </c>
      <c r="OUD734" s="424"/>
      <c r="OUE734" s="424"/>
      <c r="OUF734" s="424"/>
      <c r="OUG734" s="423" t="s">
        <v>2795</v>
      </c>
      <c r="OUH734" s="424"/>
      <c r="OUI734" s="424"/>
      <c r="OUJ734" s="424"/>
      <c r="OUK734" s="423" t="s">
        <v>2795</v>
      </c>
      <c r="OUL734" s="424"/>
      <c r="OUM734" s="424"/>
      <c r="OUN734" s="424"/>
      <c r="OUO734" s="423" t="s">
        <v>2795</v>
      </c>
      <c r="OUP734" s="424"/>
      <c r="OUQ734" s="424"/>
      <c r="OUR734" s="424"/>
      <c r="OUS734" s="423" t="s">
        <v>2795</v>
      </c>
      <c r="OUT734" s="424"/>
      <c r="OUU734" s="424"/>
      <c r="OUV734" s="424"/>
      <c r="OUW734" s="423" t="s">
        <v>2795</v>
      </c>
      <c r="OUX734" s="424"/>
      <c r="OUY734" s="424"/>
      <c r="OUZ734" s="424"/>
      <c r="OVA734" s="423" t="s">
        <v>2795</v>
      </c>
      <c r="OVB734" s="424"/>
      <c r="OVC734" s="424"/>
      <c r="OVD734" s="424"/>
      <c r="OVE734" s="423" t="s">
        <v>2795</v>
      </c>
      <c r="OVF734" s="424"/>
      <c r="OVG734" s="424"/>
      <c r="OVH734" s="424"/>
      <c r="OVI734" s="423" t="s">
        <v>2795</v>
      </c>
      <c r="OVJ734" s="424"/>
      <c r="OVK734" s="424"/>
      <c r="OVL734" s="424"/>
      <c r="OVM734" s="423" t="s">
        <v>2795</v>
      </c>
      <c r="OVN734" s="424"/>
      <c r="OVO734" s="424"/>
      <c r="OVP734" s="424"/>
      <c r="OVQ734" s="423" t="s">
        <v>2795</v>
      </c>
      <c r="OVR734" s="424"/>
      <c r="OVS734" s="424"/>
      <c r="OVT734" s="424"/>
      <c r="OVU734" s="423" t="s">
        <v>2795</v>
      </c>
      <c r="OVV734" s="424"/>
      <c r="OVW734" s="424"/>
      <c r="OVX734" s="424"/>
      <c r="OVY734" s="423" t="s">
        <v>2795</v>
      </c>
      <c r="OVZ734" s="424"/>
      <c r="OWA734" s="424"/>
      <c r="OWB734" s="424"/>
      <c r="OWC734" s="423" t="s">
        <v>2795</v>
      </c>
      <c r="OWD734" s="424"/>
      <c r="OWE734" s="424"/>
      <c r="OWF734" s="424"/>
      <c r="OWG734" s="423" t="s">
        <v>2795</v>
      </c>
      <c r="OWH734" s="424"/>
      <c r="OWI734" s="424"/>
      <c r="OWJ734" s="424"/>
      <c r="OWK734" s="423" t="s">
        <v>2795</v>
      </c>
      <c r="OWL734" s="424"/>
      <c r="OWM734" s="424"/>
      <c r="OWN734" s="424"/>
      <c r="OWO734" s="423" t="s">
        <v>2795</v>
      </c>
      <c r="OWP734" s="424"/>
      <c r="OWQ734" s="424"/>
      <c r="OWR734" s="424"/>
      <c r="OWS734" s="423" t="s">
        <v>2795</v>
      </c>
      <c r="OWT734" s="424"/>
      <c r="OWU734" s="424"/>
      <c r="OWV734" s="424"/>
      <c r="OWW734" s="423" t="s">
        <v>2795</v>
      </c>
      <c r="OWX734" s="424"/>
      <c r="OWY734" s="424"/>
      <c r="OWZ734" s="424"/>
      <c r="OXA734" s="423" t="s">
        <v>2795</v>
      </c>
      <c r="OXB734" s="424"/>
      <c r="OXC734" s="424"/>
      <c r="OXD734" s="424"/>
      <c r="OXE734" s="423" t="s">
        <v>2795</v>
      </c>
      <c r="OXF734" s="424"/>
      <c r="OXG734" s="424"/>
      <c r="OXH734" s="424"/>
      <c r="OXI734" s="423" t="s">
        <v>2795</v>
      </c>
      <c r="OXJ734" s="424"/>
      <c r="OXK734" s="424"/>
      <c r="OXL734" s="424"/>
      <c r="OXM734" s="423" t="s">
        <v>2795</v>
      </c>
      <c r="OXN734" s="424"/>
      <c r="OXO734" s="424"/>
      <c r="OXP734" s="424"/>
      <c r="OXQ734" s="423" t="s">
        <v>2795</v>
      </c>
      <c r="OXR734" s="424"/>
      <c r="OXS734" s="424"/>
      <c r="OXT734" s="424"/>
      <c r="OXU734" s="423" t="s">
        <v>2795</v>
      </c>
      <c r="OXV734" s="424"/>
      <c r="OXW734" s="424"/>
      <c r="OXX734" s="424"/>
      <c r="OXY734" s="423" t="s">
        <v>2795</v>
      </c>
      <c r="OXZ734" s="424"/>
      <c r="OYA734" s="424"/>
      <c r="OYB734" s="424"/>
      <c r="OYC734" s="423" t="s">
        <v>2795</v>
      </c>
      <c r="OYD734" s="424"/>
      <c r="OYE734" s="424"/>
      <c r="OYF734" s="424"/>
      <c r="OYG734" s="423" t="s">
        <v>2795</v>
      </c>
      <c r="OYH734" s="424"/>
      <c r="OYI734" s="424"/>
      <c r="OYJ734" s="424"/>
      <c r="OYK734" s="423" t="s">
        <v>2795</v>
      </c>
      <c r="OYL734" s="424"/>
      <c r="OYM734" s="424"/>
      <c r="OYN734" s="424"/>
      <c r="OYO734" s="423" t="s">
        <v>2795</v>
      </c>
      <c r="OYP734" s="424"/>
      <c r="OYQ734" s="424"/>
      <c r="OYR734" s="424"/>
      <c r="OYS734" s="423" t="s">
        <v>2795</v>
      </c>
      <c r="OYT734" s="424"/>
      <c r="OYU734" s="424"/>
      <c r="OYV734" s="424"/>
      <c r="OYW734" s="423" t="s">
        <v>2795</v>
      </c>
      <c r="OYX734" s="424"/>
      <c r="OYY734" s="424"/>
      <c r="OYZ734" s="424"/>
      <c r="OZA734" s="423" t="s">
        <v>2795</v>
      </c>
      <c r="OZB734" s="424"/>
      <c r="OZC734" s="424"/>
      <c r="OZD734" s="424"/>
      <c r="OZE734" s="423" t="s">
        <v>2795</v>
      </c>
      <c r="OZF734" s="424"/>
      <c r="OZG734" s="424"/>
      <c r="OZH734" s="424"/>
      <c r="OZI734" s="423" t="s">
        <v>2795</v>
      </c>
      <c r="OZJ734" s="424"/>
      <c r="OZK734" s="424"/>
      <c r="OZL734" s="424"/>
      <c r="OZM734" s="423" t="s">
        <v>2795</v>
      </c>
      <c r="OZN734" s="424"/>
      <c r="OZO734" s="424"/>
      <c r="OZP734" s="424"/>
      <c r="OZQ734" s="423" t="s">
        <v>2795</v>
      </c>
      <c r="OZR734" s="424"/>
      <c r="OZS734" s="424"/>
      <c r="OZT734" s="424"/>
      <c r="OZU734" s="423" t="s">
        <v>2795</v>
      </c>
      <c r="OZV734" s="424"/>
      <c r="OZW734" s="424"/>
      <c r="OZX734" s="424"/>
      <c r="OZY734" s="423" t="s">
        <v>2795</v>
      </c>
      <c r="OZZ734" s="424"/>
      <c r="PAA734" s="424"/>
      <c r="PAB734" s="424"/>
      <c r="PAC734" s="423" t="s">
        <v>2795</v>
      </c>
      <c r="PAD734" s="424"/>
      <c r="PAE734" s="424"/>
      <c r="PAF734" s="424"/>
      <c r="PAG734" s="423" t="s">
        <v>2795</v>
      </c>
      <c r="PAH734" s="424"/>
      <c r="PAI734" s="424"/>
      <c r="PAJ734" s="424"/>
      <c r="PAK734" s="423" t="s">
        <v>2795</v>
      </c>
      <c r="PAL734" s="424"/>
      <c r="PAM734" s="424"/>
      <c r="PAN734" s="424"/>
      <c r="PAO734" s="423" t="s">
        <v>2795</v>
      </c>
      <c r="PAP734" s="424"/>
      <c r="PAQ734" s="424"/>
      <c r="PAR734" s="424"/>
      <c r="PAS734" s="423" t="s">
        <v>2795</v>
      </c>
      <c r="PAT734" s="424"/>
      <c r="PAU734" s="424"/>
      <c r="PAV734" s="424"/>
      <c r="PAW734" s="423" t="s">
        <v>2795</v>
      </c>
      <c r="PAX734" s="424"/>
      <c r="PAY734" s="424"/>
      <c r="PAZ734" s="424"/>
      <c r="PBA734" s="423" t="s">
        <v>2795</v>
      </c>
      <c r="PBB734" s="424"/>
      <c r="PBC734" s="424"/>
      <c r="PBD734" s="424"/>
      <c r="PBE734" s="423" t="s">
        <v>2795</v>
      </c>
      <c r="PBF734" s="424"/>
      <c r="PBG734" s="424"/>
      <c r="PBH734" s="424"/>
      <c r="PBI734" s="423" t="s">
        <v>2795</v>
      </c>
      <c r="PBJ734" s="424"/>
      <c r="PBK734" s="424"/>
      <c r="PBL734" s="424"/>
      <c r="PBM734" s="423" t="s">
        <v>2795</v>
      </c>
      <c r="PBN734" s="424"/>
      <c r="PBO734" s="424"/>
      <c r="PBP734" s="424"/>
      <c r="PBQ734" s="423" t="s">
        <v>2795</v>
      </c>
      <c r="PBR734" s="424"/>
      <c r="PBS734" s="424"/>
      <c r="PBT734" s="424"/>
      <c r="PBU734" s="423" t="s">
        <v>2795</v>
      </c>
      <c r="PBV734" s="424"/>
      <c r="PBW734" s="424"/>
      <c r="PBX734" s="424"/>
      <c r="PBY734" s="423" t="s">
        <v>2795</v>
      </c>
      <c r="PBZ734" s="424"/>
      <c r="PCA734" s="424"/>
      <c r="PCB734" s="424"/>
      <c r="PCC734" s="423" t="s">
        <v>2795</v>
      </c>
      <c r="PCD734" s="424"/>
      <c r="PCE734" s="424"/>
      <c r="PCF734" s="424"/>
      <c r="PCG734" s="423" t="s">
        <v>2795</v>
      </c>
      <c r="PCH734" s="424"/>
      <c r="PCI734" s="424"/>
      <c r="PCJ734" s="424"/>
      <c r="PCK734" s="423" t="s">
        <v>2795</v>
      </c>
      <c r="PCL734" s="424"/>
      <c r="PCM734" s="424"/>
      <c r="PCN734" s="424"/>
      <c r="PCO734" s="423" t="s">
        <v>2795</v>
      </c>
      <c r="PCP734" s="424"/>
      <c r="PCQ734" s="424"/>
      <c r="PCR734" s="424"/>
      <c r="PCS734" s="423" t="s">
        <v>2795</v>
      </c>
      <c r="PCT734" s="424"/>
      <c r="PCU734" s="424"/>
      <c r="PCV734" s="424"/>
      <c r="PCW734" s="423" t="s">
        <v>2795</v>
      </c>
      <c r="PCX734" s="424"/>
      <c r="PCY734" s="424"/>
      <c r="PCZ734" s="424"/>
      <c r="PDA734" s="423" t="s">
        <v>2795</v>
      </c>
      <c r="PDB734" s="424"/>
      <c r="PDC734" s="424"/>
      <c r="PDD734" s="424"/>
      <c r="PDE734" s="423" t="s">
        <v>2795</v>
      </c>
      <c r="PDF734" s="424"/>
      <c r="PDG734" s="424"/>
      <c r="PDH734" s="424"/>
      <c r="PDI734" s="423" t="s">
        <v>2795</v>
      </c>
      <c r="PDJ734" s="424"/>
      <c r="PDK734" s="424"/>
      <c r="PDL734" s="424"/>
      <c r="PDM734" s="423" t="s">
        <v>2795</v>
      </c>
      <c r="PDN734" s="424"/>
      <c r="PDO734" s="424"/>
      <c r="PDP734" s="424"/>
      <c r="PDQ734" s="423" t="s">
        <v>2795</v>
      </c>
      <c r="PDR734" s="424"/>
      <c r="PDS734" s="424"/>
      <c r="PDT734" s="424"/>
      <c r="PDU734" s="423" t="s">
        <v>2795</v>
      </c>
      <c r="PDV734" s="424"/>
      <c r="PDW734" s="424"/>
      <c r="PDX734" s="424"/>
      <c r="PDY734" s="423" t="s">
        <v>2795</v>
      </c>
      <c r="PDZ734" s="424"/>
      <c r="PEA734" s="424"/>
      <c r="PEB734" s="424"/>
      <c r="PEC734" s="423" t="s">
        <v>2795</v>
      </c>
      <c r="PED734" s="424"/>
      <c r="PEE734" s="424"/>
      <c r="PEF734" s="424"/>
      <c r="PEG734" s="423" t="s">
        <v>2795</v>
      </c>
      <c r="PEH734" s="424"/>
      <c r="PEI734" s="424"/>
      <c r="PEJ734" s="424"/>
      <c r="PEK734" s="423" t="s">
        <v>2795</v>
      </c>
      <c r="PEL734" s="424"/>
      <c r="PEM734" s="424"/>
      <c r="PEN734" s="424"/>
      <c r="PEO734" s="423" t="s">
        <v>2795</v>
      </c>
      <c r="PEP734" s="424"/>
      <c r="PEQ734" s="424"/>
      <c r="PER734" s="424"/>
      <c r="PES734" s="423" t="s">
        <v>2795</v>
      </c>
      <c r="PET734" s="424"/>
      <c r="PEU734" s="424"/>
      <c r="PEV734" s="424"/>
      <c r="PEW734" s="423" t="s">
        <v>2795</v>
      </c>
      <c r="PEX734" s="424"/>
      <c r="PEY734" s="424"/>
      <c r="PEZ734" s="424"/>
      <c r="PFA734" s="423" t="s">
        <v>2795</v>
      </c>
      <c r="PFB734" s="424"/>
      <c r="PFC734" s="424"/>
      <c r="PFD734" s="424"/>
      <c r="PFE734" s="423" t="s">
        <v>2795</v>
      </c>
      <c r="PFF734" s="424"/>
      <c r="PFG734" s="424"/>
      <c r="PFH734" s="424"/>
      <c r="PFI734" s="423" t="s">
        <v>2795</v>
      </c>
      <c r="PFJ734" s="424"/>
      <c r="PFK734" s="424"/>
      <c r="PFL734" s="424"/>
      <c r="PFM734" s="423" t="s">
        <v>2795</v>
      </c>
      <c r="PFN734" s="424"/>
      <c r="PFO734" s="424"/>
      <c r="PFP734" s="424"/>
      <c r="PFQ734" s="423" t="s">
        <v>2795</v>
      </c>
      <c r="PFR734" s="424"/>
      <c r="PFS734" s="424"/>
      <c r="PFT734" s="424"/>
      <c r="PFU734" s="423" t="s">
        <v>2795</v>
      </c>
      <c r="PFV734" s="424"/>
      <c r="PFW734" s="424"/>
      <c r="PFX734" s="424"/>
      <c r="PFY734" s="423" t="s">
        <v>2795</v>
      </c>
      <c r="PFZ734" s="424"/>
      <c r="PGA734" s="424"/>
      <c r="PGB734" s="424"/>
      <c r="PGC734" s="423" t="s">
        <v>2795</v>
      </c>
      <c r="PGD734" s="424"/>
      <c r="PGE734" s="424"/>
      <c r="PGF734" s="424"/>
      <c r="PGG734" s="423" t="s">
        <v>2795</v>
      </c>
      <c r="PGH734" s="424"/>
      <c r="PGI734" s="424"/>
      <c r="PGJ734" s="424"/>
      <c r="PGK734" s="423" t="s">
        <v>2795</v>
      </c>
      <c r="PGL734" s="424"/>
      <c r="PGM734" s="424"/>
      <c r="PGN734" s="424"/>
      <c r="PGO734" s="423" t="s">
        <v>2795</v>
      </c>
      <c r="PGP734" s="424"/>
      <c r="PGQ734" s="424"/>
      <c r="PGR734" s="424"/>
      <c r="PGS734" s="423" t="s">
        <v>2795</v>
      </c>
      <c r="PGT734" s="424"/>
      <c r="PGU734" s="424"/>
      <c r="PGV734" s="424"/>
      <c r="PGW734" s="423" t="s">
        <v>2795</v>
      </c>
      <c r="PGX734" s="424"/>
      <c r="PGY734" s="424"/>
      <c r="PGZ734" s="424"/>
      <c r="PHA734" s="423" t="s">
        <v>2795</v>
      </c>
      <c r="PHB734" s="424"/>
      <c r="PHC734" s="424"/>
      <c r="PHD734" s="424"/>
      <c r="PHE734" s="423" t="s">
        <v>2795</v>
      </c>
      <c r="PHF734" s="424"/>
      <c r="PHG734" s="424"/>
      <c r="PHH734" s="424"/>
      <c r="PHI734" s="423" t="s">
        <v>2795</v>
      </c>
      <c r="PHJ734" s="424"/>
      <c r="PHK734" s="424"/>
      <c r="PHL734" s="424"/>
      <c r="PHM734" s="423" t="s">
        <v>2795</v>
      </c>
      <c r="PHN734" s="424"/>
      <c r="PHO734" s="424"/>
      <c r="PHP734" s="424"/>
      <c r="PHQ734" s="423" t="s">
        <v>2795</v>
      </c>
      <c r="PHR734" s="424"/>
      <c r="PHS734" s="424"/>
      <c r="PHT734" s="424"/>
      <c r="PHU734" s="423" t="s">
        <v>2795</v>
      </c>
      <c r="PHV734" s="424"/>
      <c r="PHW734" s="424"/>
      <c r="PHX734" s="424"/>
      <c r="PHY734" s="423" t="s">
        <v>2795</v>
      </c>
      <c r="PHZ734" s="424"/>
      <c r="PIA734" s="424"/>
      <c r="PIB734" s="424"/>
      <c r="PIC734" s="423" t="s">
        <v>2795</v>
      </c>
      <c r="PID734" s="424"/>
      <c r="PIE734" s="424"/>
      <c r="PIF734" s="424"/>
      <c r="PIG734" s="423" t="s">
        <v>2795</v>
      </c>
      <c r="PIH734" s="424"/>
      <c r="PII734" s="424"/>
      <c r="PIJ734" s="424"/>
      <c r="PIK734" s="423" t="s">
        <v>2795</v>
      </c>
      <c r="PIL734" s="424"/>
      <c r="PIM734" s="424"/>
      <c r="PIN734" s="424"/>
      <c r="PIO734" s="423" t="s">
        <v>2795</v>
      </c>
      <c r="PIP734" s="424"/>
      <c r="PIQ734" s="424"/>
      <c r="PIR734" s="424"/>
      <c r="PIS734" s="423" t="s">
        <v>2795</v>
      </c>
      <c r="PIT734" s="424"/>
      <c r="PIU734" s="424"/>
      <c r="PIV734" s="424"/>
      <c r="PIW734" s="423" t="s">
        <v>2795</v>
      </c>
      <c r="PIX734" s="424"/>
      <c r="PIY734" s="424"/>
      <c r="PIZ734" s="424"/>
      <c r="PJA734" s="423" t="s">
        <v>2795</v>
      </c>
      <c r="PJB734" s="424"/>
      <c r="PJC734" s="424"/>
      <c r="PJD734" s="424"/>
      <c r="PJE734" s="423" t="s">
        <v>2795</v>
      </c>
      <c r="PJF734" s="424"/>
      <c r="PJG734" s="424"/>
      <c r="PJH734" s="424"/>
      <c r="PJI734" s="423" t="s">
        <v>2795</v>
      </c>
      <c r="PJJ734" s="424"/>
      <c r="PJK734" s="424"/>
      <c r="PJL734" s="424"/>
      <c r="PJM734" s="423" t="s">
        <v>2795</v>
      </c>
      <c r="PJN734" s="424"/>
      <c r="PJO734" s="424"/>
      <c r="PJP734" s="424"/>
      <c r="PJQ734" s="423" t="s">
        <v>2795</v>
      </c>
      <c r="PJR734" s="424"/>
      <c r="PJS734" s="424"/>
      <c r="PJT734" s="424"/>
      <c r="PJU734" s="423" t="s">
        <v>2795</v>
      </c>
      <c r="PJV734" s="424"/>
      <c r="PJW734" s="424"/>
      <c r="PJX734" s="424"/>
      <c r="PJY734" s="423" t="s">
        <v>2795</v>
      </c>
      <c r="PJZ734" s="424"/>
      <c r="PKA734" s="424"/>
      <c r="PKB734" s="424"/>
      <c r="PKC734" s="423" t="s">
        <v>2795</v>
      </c>
      <c r="PKD734" s="424"/>
      <c r="PKE734" s="424"/>
      <c r="PKF734" s="424"/>
      <c r="PKG734" s="423" t="s">
        <v>2795</v>
      </c>
      <c r="PKH734" s="424"/>
      <c r="PKI734" s="424"/>
      <c r="PKJ734" s="424"/>
      <c r="PKK734" s="423" t="s">
        <v>2795</v>
      </c>
      <c r="PKL734" s="424"/>
      <c r="PKM734" s="424"/>
      <c r="PKN734" s="424"/>
      <c r="PKO734" s="423" t="s">
        <v>2795</v>
      </c>
      <c r="PKP734" s="424"/>
      <c r="PKQ734" s="424"/>
      <c r="PKR734" s="424"/>
      <c r="PKS734" s="423" t="s">
        <v>2795</v>
      </c>
      <c r="PKT734" s="424"/>
      <c r="PKU734" s="424"/>
      <c r="PKV734" s="424"/>
      <c r="PKW734" s="423" t="s">
        <v>2795</v>
      </c>
      <c r="PKX734" s="424"/>
      <c r="PKY734" s="424"/>
      <c r="PKZ734" s="424"/>
      <c r="PLA734" s="423" t="s">
        <v>2795</v>
      </c>
      <c r="PLB734" s="424"/>
      <c r="PLC734" s="424"/>
      <c r="PLD734" s="424"/>
      <c r="PLE734" s="423" t="s">
        <v>2795</v>
      </c>
      <c r="PLF734" s="424"/>
      <c r="PLG734" s="424"/>
      <c r="PLH734" s="424"/>
      <c r="PLI734" s="423" t="s">
        <v>2795</v>
      </c>
      <c r="PLJ734" s="424"/>
      <c r="PLK734" s="424"/>
      <c r="PLL734" s="424"/>
      <c r="PLM734" s="423" t="s">
        <v>2795</v>
      </c>
      <c r="PLN734" s="424"/>
      <c r="PLO734" s="424"/>
      <c r="PLP734" s="424"/>
      <c r="PLQ734" s="423" t="s">
        <v>2795</v>
      </c>
      <c r="PLR734" s="424"/>
      <c r="PLS734" s="424"/>
      <c r="PLT734" s="424"/>
      <c r="PLU734" s="423" t="s">
        <v>2795</v>
      </c>
      <c r="PLV734" s="424"/>
      <c r="PLW734" s="424"/>
      <c r="PLX734" s="424"/>
      <c r="PLY734" s="423" t="s">
        <v>2795</v>
      </c>
      <c r="PLZ734" s="424"/>
      <c r="PMA734" s="424"/>
      <c r="PMB734" s="424"/>
      <c r="PMC734" s="423" t="s">
        <v>2795</v>
      </c>
      <c r="PMD734" s="424"/>
      <c r="PME734" s="424"/>
      <c r="PMF734" s="424"/>
      <c r="PMG734" s="423" t="s">
        <v>2795</v>
      </c>
      <c r="PMH734" s="424"/>
      <c r="PMI734" s="424"/>
      <c r="PMJ734" s="424"/>
      <c r="PMK734" s="423" t="s">
        <v>2795</v>
      </c>
      <c r="PML734" s="424"/>
      <c r="PMM734" s="424"/>
      <c r="PMN734" s="424"/>
      <c r="PMO734" s="423" t="s">
        <v>2795</v>
      </c>
      <c r="PMP734" s="424"/>
      <c r="PMQ734" s="424"/>
      <c r="PMR734" s="424"/>
      <c r="PMS734" s="423" t="s">
        <v>2795</v>
      </c>
      <c r="PMT734" s="424"/>
      <c r="PMU734" s="424"/>
      <c r="PMV734" s="424"/>
      <c r="PMW734" s="423" t="s">
        <v>2795</v>
      </c>
      <c r="PMX734" s="424"/>
      <c r="PMY734" s="424"/>
      <c r="PMZ734" s="424"/>
      <c r="PNA734" s="423" t="s">
        <v>2795</v>
      </c>
      <c r="PNB734" s="424"/>
      <c r="PNC734" s="424"/>
      <c r="PND734" s="424"/>
      <c r="PNE734" s="423" t="s">
        <v>2795</v>
      </c>
      <c r="PNF734" s="424"/>
      <c r="PNG734" s="424"/>
      <c r="PNH734" s="424"/>
      <c r="PNI734" s="423" t="s">
        <v>2795</v>
      </c>
      <c r="PNJ734" s="424"/>
      <c r="PNK734" s="424"/>
      <c r="PNL734" s="424"/>
      <c r="PNM734" s="423" t="s">
        <v>2795</v>
      </c>
      <c r="PNN734" s="424"/>
      <c r="PNO734" s="424"/>
      <c r="PNP734" s="424"/>
      <c r="PNQ734" s="423" t="s">
        <v>2795</v>
      </c>
      <c r="PNR734" s="424"/>
      <c r="PNS734" s="424"/>
      <c r="PNT734" s="424"/>
      <c r="PNU734" s="423" t="s">
        <v>2795</v>
      </c>
      <c r="PNV734" s="424"/>
      <c r="PNW734" s="424"/>
      <c r="PNX734" s="424"/>
      <c r="PNY734" s="423" t="s">
        <v>2795</v>
      </c>
      <c r="PNZ734" s="424"/>
      <c r="POA734" s="424"/>
      <c r="POB734" s="424"/>
      <c r="POC734" s="423" t="s">
        <v>2795</v>
      </c>
      <c r="POD734" s="424"/>
      <c r="POE734" s="424"/>
      <c r="POF734" s="424"/>
      <c r="POG734" s="423" t="s">
        <v>2795</v>
      </c>
      <c r="POH734" s="424"/>
      <c r="POI734" s="424"/>
      <c r="POJ734" s="424"/>
      <c r="POK734" s="423" t="s">
        <v>2795</v>
      </c>
      <c r="POL734" s="424"/>
      <c r="POM734" s="424"/>
      <c r="PON734" s="424"/>
      <c r="POO734" s="423" t="s">
        <v>2795</v>
      </c>
      <c r="POP734" s="424"/>
      <c r="POQ734" s="424"/>
      <c r="POR734" s="424"/>
      <c r="POS734" s="423" t="s">
        <v>2795</v>
      </c>
      <c r="POT734" s="424"/>
      <c r="POU734" s="424"/>
      <c r="POV734" s="424"/>
      <c r="POW734" s="423" t="s">
        <v>2795</v>
      </c>
      <c r="POX734" s="424"/>
      <c r="POY734" s="424"/>
      <c r="POZ734" s="424"/>
      <c r="PPA734" s="423" t="s">
        <v>2795</v>
      </c>
      <c r="PPB734" s="424"/>
      <c r="PPC734" s="424"/>
      <c r="PPD734" s="424"/>
      <c r="PPE734" s="423" t="s">
        <v>2795</v>
      </c>
      <c r="PPF734" s="424"/>
      <c r="PPG734" s="424"/>
      <c r="PPH734" s="424"/>
      <c r="PPI734" s="423" t="s">
        <v>2795</v>
      </c>
      <c r="PPJ734" s="424"/>
      <c r="PPK734" s="424"/>
      <c r="PPL734" s="424"/>
      <c r="PPM734" s="423" t="s">
        <v>2795</v>
      </c>
      <c r="PPN734" s="424"/>
      <c r="PPO734" s="424"/>
      <c r="PPP734" s="424"/>
      <c r="PPQ734" s="423" t="s">
        <v>2795</v>
      </c>
      <c r="PPR734" s="424"/>
      <c r="PPS734" s="424"/>
      <c r="PPT734" s="424"/>
      <c r="PPU734" s="423" t="s">
        <v>2795</v>
      </c>
      <c r="PPV734" s="424"/>
      <c r="PPW734" s="424"/>
      <c r="PPX734" s="424"/>
      <c r="PPY734" s="423" t="s">
        <v>2795</v>
      </c>
      <c r="PPZ734" s="424"/>
      <c r="PQA734" s="424"/>
      <c r="PQB734" s="424"/>
      <c r="PQC734" s="423" t="s">
        <v>2795</v>
      </c>
      <c r="PQD734" s="424"/>
      <c r="PQE734" s="424"/>
      <c r="PQF734" s="424"/>
      <c r="PQG734" s="423" t="s">
        <v>2795</v>
      </c>
      <c r="PQH734" s="424"/>
      <c r="PQI734" s="424"/>
      <c r="PQJ734" s="424"/>
      <c r="PQK734" s="423" t="s">
        <v>2795</v>
      </c>
      <c r="PQL734" s="424"/>
      <c r="PQM734" s="424"/>
      <c r="PQN734" s="424"/>
      <c r="PQO734" s="423" t="s">
        <v>2795</v>
      </c>
      <c r="PQP734" s="424"/>
      <c r="PQQ734" s="424"/>
      <c r="PQR734" s="424"/>
      <c r="PQS734" s="423" t="s">
        <v>2795</v>
      </c>
      <c r="PQT734" s="424"/>
      <c r="PQU734" s="424"/>
      <c r="PQV734" s="424"/>
      <c r="PQW734" s="423" t="s">
        <v>2795</v>
      </c>
      <c r="PQX734" s="424"/>
      <c r="PQY734" s="424"/>
      <c r="PQZ734" s="424"/>
      <c r="PRA734" s="423" t="s">
        <v>2795</v>
      </c>
      <c r="PRB734" s="424"/>
      <c r="PRC734" s="424"/>
      <c r="PRD734" s="424"/>
      <c r="PRE734" s="423" t="s">
        <v>2795</v>
      </c>
      <c r="PRF734" s="424"/>
      <c r="PRG734" s="424"/>
      <c r="PRH734" s="424"/>
      <c r="PRI734" s="423" t="s">
        <v>2795</v>
      </c>
      <c r="PRJ734" s="424"/>
      <c r="PRK734" s="424"/>
      <c r="PRL734" s="424"/>
      <c r="PRM734" s="423" t="s">
        <v>2795</v>
      </c>
      <c r="PRN734" s="424"/>
      <c r="PRO734" s="424"/>
      <c r="PRP734" s="424"/>
      <c r="PRQ734" s="423" t="s">
        <v>2795</v>
      </c>
      <c r="PRR734" s="424"/>
      <c r="PRS734" s="424"/>
      <c r="PRT734" s="424"/>
      <c r="PRU734" s="423" t="s">
        <v>2795</v>
      </c>
      <c r="PRV734" s="424"/>
      <c r="PRW734" s="424"/>
      <c r="PRX734" s="424"/>
      <c r="PRY734" s="423" t="s">
        <v>2795</v>
      </c>
      <c r="PRZ734" s="424"/>
      <c r="PSA734" s="424"/>
      <c r="PSB734" s="424"/>
      <c r="PSC734" s="423" t="s">
        <v>2795</v>
      </c>
      <c r="PSD734" s="424"/>
      <c r="PSE734" s="424"/>
      <c r="PSF734" s="424"/>
      <c r="PSG734" s="423" t="s">
        <v>2795</v>
      </c>
      <c r="PSH734" s="424"/>
      <c r="PSI734" s="424"/>
      <c r="PSJ734" s="424"/>
      <c r="PSK734" s="423" t="s">
        <v>2795</v>
      </c>
      <c r="PSL734" s="424"/>
      <c r="PSM734" s="424"/>
      <c r="PSN734" s="424"/>
      <c r="PSO734" s="423" t="s">
        <v>2795</v>
      </c>
      <c r="PSP734" s="424"/>
      <c r="PSQ734" s="424"/>
      <c r="PSR734" s="424"/>
      <c r="PSS734" s="423" t="s">
        <v>2795</v>
      </c>
      <c r="PST734" s="424"/>
      <c r="PSU734" s="424"/>
      <c r="PSV734" s="424"/>
      <c r="PSW734" s="423" t="s">
        <v>2795</v>
      </c>
      <c r="PSX734" s="424"/>
      <c r="PSY734" s="424"/>
      <c r="PSZ734" s="424"/>
      <c r="PTA734" s="423" t="s">
        <v>2795</v>
      </c>
      <c r="PTB734" s="424"/>
      <c r="PTC734" s="424"/>
      <c r="PTD734" s="424"/>
      <c r="PTE734" s="423" t="s">
        <v>2795</v>
      </c>
      <c r="PTF734" s="424"/>
      <c r="PTG734" s="424"/>
      <c r="PTH734" s="424"/>
      <c r="PTI734" s="423" t="s">
        <v>2795</v>
      </c>
      <c r="PTJ734" s="424"/>
      <c r="PTK734" s="424"/>
      <c r="PTL734" s="424"/>
      <c r="PTM734" s="423" t="s">
        <v>2795</v>
      </c>
      <c r="PTN734" s="424"/>
      <c r="PTO734" s="424"/>
      <c r="PTP734" s="424"/>
      <c r="PTQ734" s="423" t="s">
        <v>2795</v>
      </c>
      <c r="PTR734" s="424"/>
      <c r="PTS734" s="424"/>
      <c r="PTT734" s="424"/>
      <c r="PTU734" s="423" t="s">
        <v>2795</v>
      </c>
      <c r="PTV734" s="424"/>
      <c r="PTW734" s="424"/>
      <c r="PTX734" s="424"/>
      <c r="PTY734" s="423" t="s">
        <v>2795</v>
      </c>
      <c r="PTZ734" s="424"/>
      <c r="PUA734" s="424"/>
      <c r="PUB734" s="424"/>
      <c r="PUC734" s="423" t="s">
        <v>2795</v>
      </c>
      <c r="PUD734" s="424"/>
      <c r="PUE734" s="424"/>
      <c r="PUF734" s="424"/>
      <c r="PUG734" s="423" t="s">
        <v>2795</v>
      </c>
      <c r="PUH734" s="424"/>
      <c r="PUI734" s="424"/>
      <c r="PUJ734" s="424"/>
      <c r="PUK734" s="423" t="s">
        <v>2795</v>
      </c>
      <c r="PUL734" s="424"/>
      <c r="PUM734" s="424"/>
      <c r="PUN734" s="424"/>
      <c r="PUO734" s="423" t="s">
        <v>2795</v>
      </c>
      <c r="PUP734" s="424"/>
      <c r="PUQ734" s="424"/>
      <c r="PUR734" s="424"/>
      <c r="PUS734" s="423" t="s">
        <v>2795</v>
      </c>
      <c r="PUT734" s="424"/>
      <c r="PUU734" s="424"/>
      <c r="PUV734" s="424"/>
      <c r="PUW734" s="423" t="s">
        <v>2795</v>
      </c>
      <c r="PUX734" s="424"/>
      <c r="PUY734" s="424"/>
      <c r="PUZ734" s="424"/>
      <c r="PVA734" s="423" t="s">
        <v>2795</v>
      </c>
      <c r="PVB734" s="424"/>
      <c r="PVC734" s="424"/>
      <c r="PVD734" s="424"/>
      <c r="PVE734" s="423" t="s">
        <v>2795</v>
      </c>
      <c r="PVF734" s="424"/>
      <c r="PVG734" s="424"/>
      <c r="PVH734" s="424"/>
      <c r="PVI734" s="423" t="s">
        <v>2795</v>
      </c>
      <c r="PVJ734" s="424"/>
      <c r="PVK734" s="424"/>
      <c r="PVL734" s="424"/>
      <c r="PVM734" s="423" t="s">
        <v>2795</v>
      </c>
      <c r="PVN734" s="424"/>
      <c r="PVO734" s="424"/>
      <c r="PVP734" s="424"/>
      <c r="PVQ734" s="423" t="s">
        <v>2795</v>
      </c>
      <c r="PVR734" s="424"/>
      <c r="PVS734" s="424"/>
      <c r="PVT734" s="424"/>
      <c r="PVU734" s="423" t="s">
        <v>2795</v>
      </c>
      <c r="PVV734" s="424"/>
      <c r="PVW734" s="424"/>
      <c r="PVX734" s="424"/>
      <c r="PVY734" s="423" t="s">
        <v>2795</v>
      </c>
      <c r="PVZ734" s="424"/>
      <c r="PWA734" s="424"/>
      <c r="PWB734" s="424"/>
      <c r="PWC734" s="423" t="s">
        <v>2795</v>
      </c>
      <c r="PWD734" s="424"/>
      <c r="PWE734" s="424"/>
      <c r="PWF734" s="424"/>
      <c r="PWG734" s="423" t="s">
        <v>2795</v>
      </c>
      <c r="PWH734" s="424"/>
      <c r="PWI734" s="424"/>
      <c r="PWJ734" s="424"/>
      <c r="PWK734" s="423" t="s">
        <v>2795</v>
      </c>
      <c r="PWL734" s="424"/>
      <c r="PWM734" s="424"/>
      <c r="PWN734" s="424"/>
      <c r="PWO734" s="423" t="s">
        <v>2795</v>
      </c>
      <c r="PWP734" s="424"/>
      <c r="PWQ734" s="424"/>
      <c r="PWR734" s="424"/>
      <c r="PWS734" s="423" t="s">
        <v>2795</v>
      </c>
      <c r="PWT734" s="424"/>
      <c r="PWU734" s="424"/>
      <c r="PWV734" s="424"/>
      <c r="PWW734" s="423" t="s">
        <v>2795</v>
      </c>
      <c r="PWX734" s="424"/>
      <c r="PWY734" s="424"/>
      <c r="PWZ734" s="424"/>
      <c r="PXA734" s="423" t="s">
        <v>2795</v>
      </c>
      <c r="PXB734" s="424"/>
      <c r="PXC734" s="424"/>
      <c r="PXD734" s="424"/>
      <c r="PXE734" s="423" t="s">
        <v>2795</v>
      </c>
      <c r="PXF734" s="424"/>
      <c r="PXG734" s="424"/>
      <c r="PXH734" s="424"/>
      <c r="PXI734" s="423" t="s">
        <v>2795</v>
      </c>
      <c r="PXJ734" s="424"/>
      <c r="PXK734" s="424"/>
      <c r="PXL734" s="424"/>
      <c r="PXM734" s="423" t="s">
        <v>2795</v>
      </c>
      <c r="PXN734" s="424"/>
      <c r="PXO734" s="424"/>
      <c r="PXP734" s="424"/>
      <c r="PXQ734" s="423" t="s">
        <v>2795</v>
      </c>
      <c r="PXR734" s="424"/>
      <c r="PXS734" s="424"/>
      <c r="PXT734" s="424"/>
      <c r="PXU734" s="423" t="s">
        <v>2795</v>
      </c>
      <c r="PXV734" s="424"/>
      <c r="PXW734" s="424"/>
      <c r="PXX734" s="424"/>
      <c r="PXY734" s="423" t="s">
        <v>2795</v>
      </c>
      <c r="PXZ734" s="424"/>
      <c r="PYA734" s="424"/>
      <c r="PYB734" s="424"/>
      <c r="PYC734" s="423" t="s">
        <v>2795</v>
      </c>
      <c r="PYD734" s="424"/>
      <c r="PYE734" s="424"/>
      <c r="PYF734" s="424"/>
      <c r="PYG734" s="423" t="s">
        <v>2795</v>
      </c>
      <c r="PYH734" s="424"/>
      <c r="PYI734" s="424"/>
      <c r="PYJ734" s="424"/>
      <c r="PYK734" s="423" t="s">
        <v>2795</v>
      </c>
      <c r="PYL734" s="424"/>
      <c r="PYM734" s="424"/>
      <c r="PYN734" s="424"/>
      <c r="PYO734" s="423" t="s">
        <v>2795</v>
      </c>
      <c r="PYP734" s="424"/>
      <c r="PYQ734" s="424"/>
      <c r="PYR734" s="424"/>
      <c r="PYS734" s="423" t="s">
        <v>2795</v>
      </c>
      <c r="PYT734" s="424"/>
      <c r="PYU734" s="424"/>
      <c r="PYV734" s="424"/>
      <c r="PYW734" s="423" t="s">
        <v>2795</v>
      </c>
      <c r="PYX734" s="424"/>
      <c r="PYY734" s="424"/>
      <c r="PYZ734" s="424"/>
      <c r="PZA734" s="423" t="s">
        <v>2795</v>
      </c>
      <c r="PZB734" s="424"/>
      <c r="PZC734" s="424"/>
      <c r="PZD734" s="424"/>
      <c r="PZE734" s="423" t="s">
        <v>2795</v>
      </c>
      <c r="PZF734" s="424"/>
      <c r="PZG734" s="424"/>
      <c r="PZH734" s="424"/>
      <c r="PZI734" s="423" t="s">
        <v>2795</v>
      </c>
      <c r="PZJ734" s="424"/>
      <c r="PZK734" s="424"/>
      <c r="PZL734" s="424"/>
      <c r="PZM734" s="423" t="s">
        <v>2795</v>
      </c>
      <c r="PZN734" s="424"/>
      <c r="PZO734" s="424"/>
      <c r="PZP734" s="424"/>
      <c r="PZQ734" s="423" t="s">
        <v>2795</v>
      </c>
      <c r="PZR734" s="424"/>
      <c r="PZS734" s="424"/>
      <c r="PZT734" s="424"/>
      <c r="PZU734" s="423" t="s">
        <v>2795</v>
      </c>
      <c r="PZV734" s="424"/>
      <c r="PZW734" s="424"/>
      <c r="PZX734" s="424"/>
      <c r="PZY734" s="423" t="s">
        <v>2795</v>
      </c>
      <c r="PZZ734" s="424"/>
      <c r="QAA734" s="424"/>
      <c r="QAB734" s="424"/>
      <c r="QAC734" s="423" t="s">
        <v>2795</v>
      </c>
      <c r="QAD734" s="424"/>
      <c r="QAE734" s="424"/>
      <c r="QAF734" s="424"/>
      <c r="QAG734" s="423" t="s">
        <v>2795</v>
      </c>
      <c r="QAH734" s="424"/>
      <c r="QAI734" s="424"/>
      <c r="QAJ734" s="424"/>
      <c r="QAK734" s="423" t="s">
        <v>2795</v>
      </c>
      <c r="QAL734" s="424"/>
      <c r="QAM734" s="424"/>
      <c r="QAN734" s="424"/>
      <c r="QAO734" s="423" t="s">
        <v>2795</v>
      </c>
      <c r="QAP734" s="424"/>
      <c r="QAQ734" s="424"/>
      <c r="QAR734" s="424"/>
      <c r="QAS734" s="423" t="s">
        <v>2795</v>
      </c>
      <c r="QAT734" s="424"/>
      <c r="QAU734" s="424"/>
      <c r="QAV734" s="424"/>
      <c r="QAW734" s="423" t="s">
        <v>2795</v>
      </c>
      <c r="QAX734" s="424"/>
      <c r="QAY734" s="424"/>
      <c r="QAZ734" s="424"/>
      <c r="QBA734" s="423" t="s">
        <v>2795</v>
      </c>
      <c r="QBB734" s="424"/>
      <c r="QBC734" s="424"/>
      <c r="QBD734" s="424"/>
      <c r="QBE734" s="423" t="s">
        <v>2795</v>
      </c>
      <c r="QBF734" s="424"/>
      <c r="QBG734" s="424"/>
      <c r="QBH734" s="424"/>
      <c r="QBI734" s="423" t="s">
        <v>2795</v>
      </c>
      <c r="QBJ734" s="424"/>
      <c r="QBK734" s="424"/>
      <c r="QBL734" s="424"/>
      <c r="QBM734" s="423" t="s">
        <v>2795</v>
      </c>
      <c r="QBN734" s="424"/>
      <c r="QBO734" s="424"/>
      <c r="QBP734" s="424"/>
      <c r="QBQ734" s="423" t="s">
        <v>2795</v>
      </c>
      <c r="QBR734" s="424"/>
      <c r="QBS734" s="424"/>
      <c r="QBT734" s="424"/>
      <c r="QBU734" s="423" t="s">
        <v>2795</v>
      </c>
      <c r="QBV734" s="424"/>
      <c r="QBW734" s="424"/>
      <c r="QBX734" s="424"/>
      <c r="QBY734" s="423" t="s">
        <v>2795</v>
      </c>
      <c r="QBZ734" s="424"/>
      <c r="QCA734" s="424"/>
      <c r="QCB734" s="424"/>
      <c r="QCC734" s="423" t="s">
        <v>2795</v>
      </c>
      <c r="QCD734" s="424"/>
      <c r="QCE734" s="424"/>
      <c r="QCF734" s="424"/>
      <c r="QCG734" s="423" t="s">
        <v>2795</v>
      </c>
      <c r="QCH734" s="424"/>
      <c r="QCI734" s="424"/>
      <c r="QCJ734" s="424"/>
      <c r="QCK734" s="423" t="s">
        <v>2795</v>
      </c>
      <c r="QCL734" s="424"/>
      <c r="QCM734" s="424"/>
      <c r="QCN734" s="424"/>
      <c r="QCO734" s="423" t="s">
        <v>2795</v>
      </c>
      <c r="QCP734" s="424"/>
      <c r="QCQ734" s="424"/>
      <c r="QCR734" s="424"/>
      <c r="QCS734" s="423" t="s">
        <v>2795</v>
      </c>
      <c r="QCT734" s="424"/>
      <c r="QCU734" s="424"/>
      <c r="QCV734" s="424"/>
      <c r="QCW734" s="423" t="s">
        <v>2795</v>
      </c>
      <c r="QCX734" s="424"/>
      <c r="QCY734" s="424"/>
      <c r="QCZ734" s="424"/>
      <c r="QDA734" s="423" t="s">
        <v>2795</v>
      </c>
      <c r="QDB734" s="424"/>
      <c r="QDC734" s="424"/>
      <c r="QDD734" s="424"/>
      <c r="QDE734" s="423" t="s">
        <v>2795</v>
      </c>
      <c r="QDF734" s="424"/>
      <c r="QDG734" s="424"/>
      <c r="QDH734" s="424"/>
      <c r="QDI734" s="423" t="s">
        <v>2795</v>
      </c>
      <c r="QDJ734" s="424"/>
      <c r="QDK734" s="424"/>
      <c r="QDL734" s="424"/>
      <c r="QDM734" s="423" t="s">
        <v>2795</v>
      </c>
      <c r="QDN734" s="424"/>
      <c r="QDO734" s="424"/>
      <c r="QDP734" s="424"/>
      <c r="QDQ734" s="423" t="s">
        <v>2795</v>
      </c>
      <c r="QDR734" s="424"/>
      <c r="QDS734" s="424"/>
      <c r="QDT734" s="424"/>
      <c r="QDU734" s="423" t="s">
        <v>2795</v>
      </c>
      <c r="QDV734" s="424"/>
      <c r="QDW734" s="424"/>
      <c r="QDX734" s="424"/>
      <c r="QDY734" s="423" t="s">
        <v>2795</v>
      </c>
      <c r="QDZ734" s="424"/>
      <c r="QEA734" s="424"/>
      <c r="QEB734" s="424"/>
      <c r="QEC734" s="423" t="s">
        <v>2795</v>
      </c>
      <c r="QED734" s="424"/>
      <c r="QEE734" s="424"/>
      <c r="QEF734" s="424"/>
      <c r="QEG734" s="423" t="s">
        <v>2795</v>
      </c>
      <c r="QEH734" s="424"/>
      <c r="QEI734" s="424"/>
      <c r="QEJ734" s="424"/>
      <c r="QEK734" s="423" t="s">
        <v>2795</v>
      </c>
      <c r="QEL734" s="424"/>
      <c r="QEM734" s="424"/>
      <c r="QEN734" s="424"/>
      <c r="QEO734" s="423" t="s">
        <v>2795</v>
      </c>
      <c r="QEP734" s="424"/>
      <c r="QEQ734" s="424"/>
      <c r="QER734" s="424"/>
      <c r="QES734" s="423" t="s">
        <v>2795</v>
      </c>
      <c r="QET734" s="424"/>
      <c r="QEU734" s="424"/>
      <c r="QEV734" s="424"/>
      <c r="QEW734" s="423" t="s">
        <v>2795</v>
      </c>
      <c r="QEX734" s="424"/>
      <c r="QEY734" s="424"/>
      <c r="QEZ734" s="424"/>
      <c r="QFA734" s="423" t="s">
        <v>2795</v>
      </c>
      <c r="QFB734" s="424"/>
      <c r="QFC734" s="424"/>
      <c r="QFD734" s="424"/>
      <c r="QFE734" s="423" t="s">
        <v>2795</v>
      </c>
      <c r="QFF734" s="424"/>
      <c r="QFG734" s="424"/>
      <c r="QFH734" s="424"/>
      <c r="QFI734" s="423" t="s">
        <v>2795</v>
      </c>
      <c r="QFJ734" s="424"/>
      <c r="QFK734" s="424"/>
      <c r="QFL734" s="424"/>
      <c r="QFM734" s="423" t="s">
        <v>2795</v>
      </c>
      <c r="QFN734" s="424"/>
      <c r="QFO734" s="424"/>
      <c r="QFP734" s="424"/>
      <c r="QFQ734" s="423" t="s">
        <v>2795</v>
      </c>
      <c r="QFR734" s="424"/>
      <c r="QFS734" s="424"/>
      <c r="QFT734" s="424"/>
      <c r="QFU734" s="423" t="s">
        <v>2795</v>
      </c>
      <c r="QFV734" s="424"/>
      <c r="QFW734" s="424"/>
      <c r="QFX734" s="424"/>
      <c r="QFY734" s="423" t="s">
        <v>2795</v>
      </c>
      <c r="QFZ734" s="424"/>
      <c r="QGA734" s="424"/>
      <c r="QGB734" s="424"/>
      <c r="QGC734" s="423" t="s">
        <v>2795</v>
      </c>
      <c r="QGD734" s="424"/>
      <c r="QGE734" s="424"/>
      <c r="QGF734" s="424"/>
      <c r="QGG734" s="423" t="s">
        <v>2795</v>
      </c>
      <c r="QGH734" s="424"/>
      <c r="QGI734" s="424"/>
      <c r="QGJ734" s="424"/>
      <c r="QGK734" s="423" t="s">
        <v>2795</v>
      </c>
      <c r="QGL734" s="424"/>
      <c r="QGM734" s="424"/>
      <c r="QGN734" s="424"/>
      <c r="QGO734" s="423" t="s">
        <v>2795</v>
      </c>
      <c r="QGP734" s="424"/>
      <c r="QGQ734" s="424"/>
      <c r="QGR734" s="424"/>
      <c r="QGS734" s="423" t="s">
        <v>2795</v>
      </c>
      <c r="QGT734" s="424"/>
      <c r="QGU734" s="424"/>
      <c r="QGV734" s="424"/>
      <c r="QGW734" s="423" t="s">
        <v>2795</v>
      </c>
      <c r="QGX734" s="424"/>
      <c r="QGY734" s="424"/>
      <c r="QGZ734" s="424"/>
      <c r="QHA734" s="423" t="s">
        <v>2795</v>
      </c>
      <c r="QHB734" s="424"/>
      <c r="QHC734" s="424"/>
      <c r="QHD734" s="424"/>
      <c r="QHE734" s="423" t="s">
        <v>2795</v>
      </c>
      <c r="QHF734" s="424"/>
      <c r="QHG734" s="424"/>
      <c r="QHH734" s="424"/>
      <c r="QHI734" s="423" t="s">
        <v>2795</v>
      </c>
      <c r="QHJ734" s="424"/>
      <c r="QHK734" s="424"/>
      <c r="QHL734" s="424"/>
      <c r="QHM734" s="423" t="s">
        <v>2795</v>
      </c>
      <c r="QHN734" s="424"/>
      <c r="QHO734" s="424"/>
      <c r="QHP734" s="424"/>
      <c r="QHQ734" s="423" t="s">
        <v>2795</v>
      </c>
      <c r="QHR734" s="424"/>
      <c r="QHS734" s="424"/>
      <c r="QHT734" s="424"/>
      <c r="QHU734" s="423" t="s">
        <v>2795</v>
      </c>
      <c r="QHV734" s="424"/>
      <c r="QHW734" s="424"/>
      <c r="QHX734" s="424"/>
      <c r="QHY734" s="423" t="s">
        <v>2795</v>
      </c>
      <c r="QHZ734" s="424"/>
      <c r="QIA734" s="424"/>
      <c r="QIB734" s="424"/>
      <c r="QIC734" s="423" t="s">
        <v>2795</v>
      </c>
      <c r="QID734" s="424"/>
      <c r="QIE734" s="424"/>
      <c r="QIF734" s="424"/>
      <c r="QIG734" s="423" t="s">
        <v>2795</v>
      </c>
      <c r="QIH734" s="424"/>
      <c r="QII734" s="424"/>
      <c r="QIJ734" s="424"/>
      <c r="QIK734" s="423" t="s">
        <v>2795</v>
      </c>
      <c r="QIL734" s="424"/>
      <c r="QIM734" s="424"/>
      <c r="QIN734" s="424"/>
      <c r="QIO734" s="423" t="s">
        <v>2795</v>
      </c>
      <c r="QIP734" s="424"/>
      <c r="QIQ734" s="424"/>
      <c r="QIR734" s="424"/>
      <c r="QIS734" s="423" t="s">
        <v>2795</v>
      </c>
      <c r="QIT734" s="424"/>
      <c r="QIU734" s="424"/>
      <c r="QIV734" s="424"/>
      <c r="QIW734" s="423" t="s">
        <v>2795</v>
      </c>
      <c r="QIX734" s="424"/>
      <c r="QIY734" s="424"/>
      <c r="QIZ734" s="424"/>
      <c r="QJA734" s="423" t="s">
        <v>2795</v>
      </c>
      <c r="QJB734" s="424"/>
      <c r="QJC734" s="424"/>
      <c r="QJD734" s="424"/>
      <c r="QJE734" s="423" t="s">
        <v>2795</v>
      </c>
      <c r="QJF734" s="424"/>
      <c r="QJG734" s="424"/>
      <c r="QJH734" s="424"/>
      <c r="QJI734" s="423" t="s">
        <v>2795</v>
      </c>
      <c r="QJJ734" s="424"/>
      <c r="QJK734" s="424"/>
      <c r="QJL734" s="424"/>
      <c r="QJM734" s="423" t="s">
        <v>2795</v>
      </c>
      <c r="QJN734" s="424"/>
      <c r="QJO734" s="424"/>
      <c r="QJP734" s="424"/>
      <c r="QJQ734" s="423" t="s">
        <v>2795</v>
      </c>
      <c r="QJR734" s="424"/>
      <c r="QJS734" s="424"/>
      <c r="QJT734" s="424"/>
      <c r="QJU734" s="423" t="s">
        <v>2795</v>
      </c>
      <c r="QJV734" s="424"/>
      <c r="QJW734" s="424"/>
      <c r="QJX734" s="424"/>
      <c r="QJY734" s="423" t="s">
        <v>2795</v>
      </c>
      <c r="QJZ734" s="424"/>
      <c r="QKA734" s="424"/>
      <c r="QKB734" s="424"/>
      <c r="QKC734" s="423" t="s">
        <v>2795</v>
      </c>
      <c r="QKD734" s="424"/>
      <c r="QKE734" s="424"/>
      <c r="QKF734" s="424"/>
      <c r="QKG734" s="423" t="s">
        <v>2795</v>
      </c>
      <c r="QKH734" s="424"/>
      <c r="QKI734" s="424"/>
      <c r="QKJ734" s="424"/>
      <c r="QKK734" s="423" t="s">
        <v>2795</v>
      </c>
      <c r="QKL734" s="424"/>
      <c r="QKM734" s="424"/>
      <c r="QKN734" s="424"/>
      <c r="QKO734" s="423" t="s">
        <v>2795</v>
      </c>
      <c r="QKP734" s="424"/>
      <c r="QKQ734" s="424"/>
      <c r="QKR734" s="424"/>
      <c r="QKS734" s="423" t="s">
        <v>2795</v>
      </c>
      <c r="QKT734" s="424"/>
      <c r="QKU734" s="424"/>
      <c r="QKV734" s="424"/>
      <c r="QKW734" s="423" t="s">
        <v>2795</v>
      </c>
      <c r="QKX734" s="424"/>
      <c r="QKY734" s="424"/>
      <c r="QKZ734" s="424"/>
      <c r="QLA734" s="423" t="s">
        <v>2795</v>
      </c>
      <c r="QLB734" s="424"/>
      <c r="QLC734" s="424"/>
      <c r="QLD734" s="424"/>
      <c r="QLE734" s="423" t="s">
        <v>2795</v>
      </c>
      <c r="QLF734" s="424"/>
      <c r="QLG734" s="424"/>
      <c r="QLH734" s="424"/>
      <c r="QLI734" s="423" t="s">
        <v>2795</v>
      </c>
      <c r="QLJ734" s="424"/>
      <c r="QLK734" s="424"/>
      <c r="QLL734" s="424"/>
      <c r="QLM734" s="423" t="s">
        <v>2795</v>
      </c>
      <c r="QLN734" s="424"/>
      <c r="QLO734" s="424"/>
      <c r="QLP734" s="424"/>
      <c r="QLQ734" s="423" t="s">
        <v>2795</v>
      </c>
      <c r="QLR734" s="424"/>
      <c r="QLS734" s="424"/>
      <c r="QLT734" s="424"/>
      <c r="QLU734" s="423" t="s">
        <v>2795</v>
      </c>
      <c r="QLV734" s="424"/>
      <c r="QLW734" s="424"/>
      <c r="QLX734" s="424"/>
      <c r="QLY734" s="423" t="s">
        <v>2795</v>
      </c>
      <c r="QLZ734" s="424"/>
      <c r="QMA734" s="424"/>
      <c r="QMB734" s="424"/>
      <c r="QMC734" s="423" t="s">
        <v>2795</v>
      </c>
      <c r="QMD734" s="424"/>
      <c r="QME734" s="424"/>
      <c r="QMF734" s="424"/>
      <c r="QMG734" s="423" t="s">
        <v>2795</v>
      </c>
      <c r="QMH734" s="424"/>
      <c r="QMI734" s="424"/>
      <c r="QMJ734" s="424"/>
      <c r="QMK734" s="423" t="s">
        <v>2795</v>
      </c>
      <c r="QML734" s="424"/>
      <c r="QMM734" s="424"/>
      <c r="QMN734" s="424"/>
      <c r="QMO734" s="423" t="s">
        <v>2795</v>
      </c>
      <c r="QMP734" s="424"/>
      <c r="QMQ734" s="424"/>
      <c r="QMR734" s="424"/>
      <c r="QMS734" s="423" t="s">
        <v>2795</v>
      </c>
      <c r="QMT734" s="424"/>
      <c r="QMU734" s="424"/>
      <c r="QMV734" s="424"/>
      <c r="QMW734" s="423" t="s">
        <v>2795</v>
      </c>
      <c r="QMX734" s="424"/>
      <c r="QMY734" s="424"/>
      <c r="QMZ734" s="424"/>
      <c r="QNA734" s="423" t="s">
        <v>2795</v>
      </c>
      <c r="QNB734" s="424"/>
      <c r="QNC734" s="424"/>
      <c r="QND734" s="424"/>
      <c r="QNE734" s="423" t="s">
        <v>2795</v>
      </c>
      <c r="QNF734" s="424"/>
      <c r="QNG734" s="424"/>
      <c r="QNH734" s="424"/>
      <c r="QNI734" s="423" t="s">
        <v>2795</v>
      </c>
      <c r="QNJ734" s="424"/>
      <c r="QNK734" s="424"/>
      <c r="QNL734" s="424"/>
      <c r="QNM734" s="423" t="s">
        <v>2795</v>
      </c>
      <c r="QNN734" s="424"/>
      <c r="QNO734" s="424"/>
      <c r="QNP734" s="424"/>
      <c r="QNQ734" s="423" t="s">
        <v>2795</v>
      </c>
      <c r="QNR734" s="424"/>
      <c r="QNS734" s="424"/>
      <c r="QNT734" s="424"/>
      <c r="QNU734" s="423" t="s">
        <v>2795</v>
      </c>
      <c r="QNV734" s="424"/>
      <c r="QNW734" s="424"/>
      <c r="QNX734" s="424"/>
      <c r="QNY734" s="423" t="s">
        <v>2795</v>
      </c>
      <c r="QNZ734" s="424"/>
      <c r="QOA734" s="424"/>
      <c r="QOB734" s="424"/>
      <c r="QOC734" s="423" t="s">
        <v>2795</v>
      </c>
      <c r="QOD734" s="424"/>
      <c r="QOE734" s="424"/>
      <c r="QOF734" s="424"/>
      <c r="QOG734" s="423" t="s">
        <v>2795</v>
      </c>
      <c r="QOH734" s="424"/>
      <c r="QOI734" s="424"/>
      <c r="QOJ734" s="424"/>
      <c r="QOK734" s="423" t="s">
        <v>2795</v>
      </c>
      <c r="QOL734" s="424"/>
      <c r="QOM734" s="424"/>
      <c r="QON734" s="424"/>
      <c r="QOO734" s="423" t="s">
        <v>2795</v>
      </c>
      <c r="QOP734" s="424"/>
      <c r="QOQ734" s="424"/>
      <c r="QOR734" s="424"/>
      <c r="QOS734" s="423" t="s">
        <v>2795</v>
      </c>
      <c r="QOT734" s="424"/>
      <c r="QOU734" s="424"/>
      <c r="QOV734" s="424"/>
      <c r="QOW734" s="423" t="s">
        <v>2795</v>
      </c>
      <c r="QOX734" s="424"/>
      <c r="QOY734" s="424"/>
      <c r="QOZ734" s="424"/>
      <c r="QPA734" s="423" t="s">
        <v>2795</v>
      </c>
      <c r="QPB734" s="424"/>
      <c r="QPC734" s="424"/>
      <c r="QPD734" s="424"/>
      <c r="QPE734" s="423" t="s">
        <v>2795</v>
      </c>
      <c r="QPF734" s="424"/>
      <c r="QPG734" s="424"/>
      <c r="QPH734" s="424"/>
      <c r="QPI734" s="423" t="s">
        <v>2795</v>
      </c>
      <c r="QPJ734" s="424"/>
      <c r="QPK734" s="424"/>
      <c r="QPL734" s="424"/>
      <c r="QPM734" s="423" t="s">
        <v>2795</v>
      </c>
      <c r="QPN734" s="424"/>
      <c r="QPO734" s="424"/>
      <c r="QPP734" s="424"/>
      <c r="QPQ734" s="423" t="s">
        <v>2795</v>
      </c>
      <c r="QPR734" s="424"/>
      <c r="QPS734" s="424"/>
      <c r="QPT734" s="424"/>
      <c r="QPU734" s="423" t="s">
        <v>2795</v>
      </c>
      <c r="QPV734" s="424"/>
      <c r="QPW734" s="424"/>
      <c r="QPX734" s="424"/>
      <c r="QPY734" s="423" t="s">
        <v>2795</v>
      </c>
      <c r="QPZ734" s="424"/>
      <c r="QQA734" s="424"/>
      <c r="QQB734" s="424"/>
      <c r="QQC734" s="423" t="s">
        <v>2795</v>
      </c>
      <c r="QQD734" s="424"/>
      <c r="QQE734" s="424"/>
      <c r="QQF734" s="424"/>
      <c r="QQG734" s="423" t="s">
        <v>2795</v>
      </c>
      <c r="QQH734" s="424"/>
      <c r="QQI734" s="424"/>
      <c r="QQJ734" s="424"/>
      <c r="QQK734" s="423" t="s">
        <v>2795</v>
      </c>
      <c r="QQL734" s="424"/>
      <c r="QQM734" s="424"/>
      <c r="QQN734" s="424"/>
      <c r="QQO734" s="423" t="s">
        <v>2795</v>
      </c>
      <c r="QQP734" s="424"/>
      <c r="QQQ734" s="424"/>
      <c r="QQR734" s="424"/>
      <c r="QQS734" s="423" t="s">
        <v>2795</v>
      </c>
      <c r="QQT734" s="424"/>
      <c r="QQU734" s="424"/>
      <c r="QQV734" s="424"/>
      <c r="QQW734" s="423" t="s">
        <v>2795</v>
      </c>
      <c r="QQX734" s="424"/>
      <c r="QQY734" s="424"/>
      <c r="QQZ734" s="424"/>
      <c r="QRA734" s="423" t="s">
        <v>2795</v>
      </c>
      <c r="QRB734" s="424"/>
      <c r="QRC734" s="424"/>
      <c r="QRD734" s="424"/>
      <c r="QRE734" s="423" t="s">
        <v>2795</v>
      </c>
      <c r="QRF734" s="424"/>
      <c r="QRG734" s="424"/>
      <c r="QRH734" s="424"/>
      <c r="QRI734" s="423" t="s">
        <v>2795</v>
      </c>
      <c r="QRJ734" s="424"/>
      <c r="QRK734" s="424"/>
      <c r="QRL734" s="424"/>
      <c r="QRM734" s="423" t="s">
        <v>2795</v>
      </c>
      <c r="QRN734" s="424"/>
      <c r="QRO734" s="424"/>
      <c r="QRP734" s="424"/>
      <c r="QRQ734" s="423" t="s">
        <v>2795</v>
      </c>
      <c r="QRR734" s="424"/>
      <c r="QRS734" s="424"/>
      <c r="QRT734" s="424"/>
      <c r="QRU734" s="423" t="s">
        <v>2795</v>
      </c>
      <c r="QRV734" s="424"/>
      <c r="QRW734" s="424"/>
      <c r="QRX734" s="424"/>
      <c r="QRY734" s="423" t="s">
        <v>2795</v>
      </c>
      <c r="QRZ734" s="424"/>
      <c r="QSA734" s="424"/>
      <c r="QSB734" s="424"/>
      <c r="QSC734" s="423" t="s">
        <v>2795</v>
      </c>
      <c r="QSD734" s="424"/>
      <c r="QSE734" s="424"/>
      <c r="QSF734" s="424"/>
      <c r="QSG734" s="423" t="s">
        <v>2795</v>
      </c>
      <c r="QSH734" s="424"/>
      <c r="QSI734" s="424"/>
      <c r="QSJ734" s="424"/>
      <c r="QSK734" s="423" t="s">
        <v>2795</v>
      </c>
      <c r="QSL734" s="424"/>
      <c r="QSM734" s="424"/>
      <c r="QSN734" s="424"/>
      <c r="QSO734" s="423" t="s">
        <v>2795</v>
      </c>
      <c r="QSP734" s="424"/>
      <c r="QSQ734" s="424"/>
      <c r="QSR734" s="424"/>
      <c r="QSS734" s="423" t="s">
        <v>2795</v>
      </c>
      <c r="QST734" s="424"/>
      <c r="QSU734" s="424"/>
      <c r="QSV734" s="424"/>
      <c r="QSW734" s="423" t="s">
        <v>2795</v>
      </c>
      <c r="QSX734" s="424"/>
      <c r="QSY734" s="424"/>
      <c r="QSZ734" s="424"/>
      <c r="QTA734" s="423" t="s">
        <v>2795</v>
      </c>
      <c r="QTB734" s="424"/>
      <c r="QTC734" s="424"/>
      <c r="QTD734" s="424"/>
      <c r="QTE734" s="423" t="s">
        <v>2795</v>
      </c>
      <c r="QTF734" s="424"/>
      <c r="QTG734" s="424"/>
      <c r="QTH734" s="424"/>
      <c r="QTI734" s="423" t="s">
        <v>2795</v>
      </c>
      <c r="QTJ734" s="424"/>
      <c r="QTK734" s="424"/>
      <c r="QTL734" s="424"/>
      <c r="QTM734" s="423" t="s">
        <v>2795</v>
      </c>
      <c r="QTN734" s="424"/>
      <c r="QTO734" s="424"/>
      <c r="QTP734" s="424"/>
      <c r="QTQ734" s="423" t="s">
        <v>2795</v>
      </c>
      <c r="QTR734" s="424"/>
      <c r="QTS734" s="424"/>
      <c r="QTT734" s="424"/>
      <c r="QTU734" s="423" t="s">
        <v>2795</v>
      </c>
      <c r="QTV734" s="424"/>
      <c r="QTW734" s="424"/>
      <c r="QTX734" s="424"/>
      <c r="QTY734" s="423" t="s">
        <v>2795</v>
      </c>
      <c r="QTZ734" s="424"/>
      <c r="QUA734" s="424"/>
      <c r="QUB734" s="424"/>
      <c r="QUC734" s="423" t="s">
        <v>2795</v>
      </c>
      <c r="QUD734" s="424"/>
      <c r="QUE734" s="424"/>
      <c r="QUF734" s="424"/>
      <c r="QUG734" s="423" t="s">
        <v>2795</v>
      </c>
      <c r="QUH734" s="424"/>
      <c r="QUI734" s="424"/>
      <c r="QUJ734" s="424"/>
      <c r="QUK734" s="423" t="s">
        <v>2795</v>
      </c>
      <c r="QUL734" s="424"/>
      <c r="QUM734" s="424"/>
      <c r="QUN734" s="424"/>
      <c r="QUO734" s="423" t="s">
        <v>2795</v>
      </c>
      <c r="QUP734" s="424"/>
      <c r="QUQ734" s="424"/>
      <c r="QUR734" s="424"/>
      <c r="QUS734" s="423" t="s">
        <v>2795</v>
      </c>
      <c r="QUT734" s="424"/>
      <c r="QUU734" s="424"/>
      <c r="QUV734" s="424"/>
      <c r="QUW734" s="423" t="s">
        <v>2795</v>
      </c>
      <c r="QUX734" s="424"/>
      <c r="QUY734" s="424"/>
      <c r="QUZ734" s="424"/>
      <c r="QVA734" s="423" t="s">
        <v>2795</v>
      </c>
      <c r="QVB734" s="424"/>
      <c r="QVC734" s="424"/>
      <c r="QVD734" s="424"/>
      <c r="QVE734" s="423" t="s">
        <v>2795</v>
      </c>
      <c r="QVF734" s="424"/>
      <c r="QVG734" s="424"/>
      <c r="QVH734" s="424"/>
      <c r="QVI734" s="423" t="s">
        <v>2795</v>
      </c>
      <c r="QVJ734" s="424"/>
      <c r="QVK734" s="424"/>
      <c r="QVL734" s="424"/>
      <c r="QVM734" s="423" t="s">
        <v>2795</v>
      </c>
      <c r="QVN734" s="424"/>
      <c r="QVO734" s="424"/>
      <c r="QVP734" s="424"/>
      <c r="QVQ734" s="423" t="s">
        <v>2795</v>
      </c>
      <c r="QVR734" s="424"/>
      <c r="QVS734" s="424"/>
      <c r="QVT734" s="424"/>
      <c r="QVU734" s="423" t="s">
        <v>2795</v>
      </c>
      <c r="QVV734" s="424"/>
      <c r="QVW734" s="424"/>
      <c r="QVX734" s="424"/>
      <c r="QVY734" s="423" t="s">
        <v>2795</v>
      </c>
      <c r="QVZ734" s="424"/>
      <c r="QWA734" s="424"/>
      <c r="QWB734" s="424"/>
      <c r="QWC734" s="423" t="s">
        <v>2795</v>
      </c>
      <c r="QWD734" s="424"/>
      <c r="QWE734" s="424"/>
      <c r="QWF734" s="424"/>
      <c r="QWG734" s="423" t="s">
        <v>2795</v>
      </c>
      <c r="QWH734" s="424"/>
      <c r="QWI734" s="424"/>
      <c r="QWJ734" s="424"/>
      <c r="QWK734" s="423" t="s">
        <v>2795</v>
      </c>
      <c r="QWL734" s="424"/>
      <c r="QWM734" s="424"/>
      <c r="QWN734" s="424"/>
      <c r="QWO734" s="423" t="s">
        <v>2795</v>
      </c>
      <c r="QWP734" s="424"/>
      <c r="QWQ734" s="424"/>
      <c r="QWR734" s="424"/>
      <c r="QWS734" s="423" t="s">
        <v>2795</v>
      </c>
      <c r="QWT734" s="424"/>
      <c r="QWU734" s="424"/>
      <c r="QWV734" s="424"/>
      <c r="QWW734" s="423" t="s">
        <v>2795</v>
      </c>
      <c r="QWX734" s="424"/>
      <c r="QWY734" s="424"/>
      <c r="QWZ734" s="424"/>
      <c r="QXA734" s="423" t="s">
        <v>2795</v>
      </c>
      <c r="QXB734" s="424"/>
      <c r="QXC734" s="424"/>
      <c r="QXD734" s="424"/>
      <c r="QXE734" s="423" t="s">
        <v>2795</v>
      </c>
      <c r="QXF734" s="424"/>
      <c r="QXG734" s="424"/>
      <c r="QXH734" s="424"/>
      <c r="QXI734" s="423" t="s">
        <v>2795</v>
      </c>
      <c r="QXJ734" s="424"/>
      <c r="QXK734" s="424"/>
      <c r="QXL734" s="424"/>
      <c r="QXM734" s="423" t="s">
        <v>2795</v>
      </c>
      <c r="QXN734" s="424"/>
      <c r="QXO734" s="424"/>
      <c r="QXP734" s="424"/>
      <c r="QXQ734" s="423" t="s">
        <v>2795</v>
      </c>
      <c r="QXR734" s="424"/>
      <c r="QXS734" s="424"/>
      <c r="QXT734" s="424"/>
      <c r="QXU734" s="423" t="s">
        <v>2795</v>
      </c>
      <c r="QXV734" s="424"/>
      <c r="QXW734" s="424"/>
      <c r="QXX734" s="424"/>
      <c r="QXY734" s="423" t="s">
        <v>2795</v>
      </c>
      <c r="QXZ734" s="424"/>
      <c r="QYA734" s="424"/>
      <c r="QYB734" s="424"/>
      <c r="QYC734" s="423" t="s">
        <v>2795</v>
      </c>
      <c r="QYD734" s="424"/>
      <c r="QYE734" s="424"/>
      <c r="QYF734" s="424"/>
      <c r="QYG734" s="423" t="s">
        <v>2795</v>
      </c>
      <c r="QYH734" s="424"/>
      <c r="QYI734" s="424"/>
      <c r="QYJ734" s="424"/>
      <c r="QYK734" s="423" t="s">
        <v>2795</v>
      </c>
      <c r="QYL734" s="424"/>
      <c r="QYM734" s="424"/>
      <c r="QYN734" s="424"/>
      <c r="QYO734" s="423" t="s">
        <v>2795</v>
      </c>
      <c r="QYP734" s="424"/>
      <c r="QYQ734" s="424"/>
      <c r="QYR734" s="424"/>
      <c r="QYS734" s="423" t="s">
        <v>2795</v>
      </c>
      <c r="QYT734" s="424"/>
      <c r="QYU734" s="424"/>
      <c r="QYV734" s="424"/>
      <c r="QYW734" s="423" t="s">
        <v>2795</v>
      </c>
      <c r="QYX734" s="424"/>
      <c r="QYY734" s="424"/>
      <c r="QYZ734" s="424"/>
      <c r="QZA734" s="423" t="s">
        <v>2795</v>
      </c>
      <c r="QZB734" s="424"/>
      <c r="QZC734" s="424"/>
      <c r="QZD734" s="424"/>
      <c r="QZE734" s="423" t="s">
        <v>2795</v>
      </c>
      <c r="QZF734" s="424"/>
      <c r="QZG734" s="424"/>
      <c r="QZH734" s="424"/>
      <c r="QZI734" s="423" t="s">
        <v>2795</v>
      </c>
      <c r="QZJ734" s="424"/>
      <c r="QZK734" s="424"/>
      <c r="QZL734" s="424"/>
      <c r="QZM734" s="423" t="s">
        <v>2795</v>
      </c>
      <c r="QZN734" s="424"/>
      <c r="QZO734" s="424"/>
      <c r="QZP734" s="424"/>
      <c r="QZQ734" s="423" t="s">
        <v>2795</v>
      </c>
      <c r="QZR734" s="424"/>
      <c r="QZS734" s="424"/>
      <c r="QZT734" s="424"/>
      <c r="QZU734" s="423" t="s">
        <v>2795</v>
      </c>
      <c r="QZV734" s="424"/>
      <c r="QZW734" s="424"/>
      <c r="QZX734" s="424"/>
      <c r="QZY734" s="423" t="s">
        <v>2795</v>
      </c>
      <c r="QZZ734" s="424"/>
      <c r="RAA734" s="424"/>
      <c r="RAB734" s="424"/>
      <c r="RAC734" s="423" t="s">
        <v>2795</v>
      </c>
      <c r="RAD734" s="424"/>
      <c r="RAE734" s="424"/>
      <c r="RAF734" s="424"/>
      <c r="RAG734" s="423" t="s">
        <v>2795</v>
      </c>
      <c r="RAH734" s="424"/>
      <c r="RAI734" s="424"/>
      <c r="RAJ734" s="424"/>
      <c r="RAK734" s="423" t="s">
        <v>2795</v>
      </c>
      <c r="RAL734" s="424"/>
      <c r="RAM734" s="424"/>
      <c r="RAN734" s="424"/>
      <c r="RAO734" s="423" t="s">
        <v>2795</v>
      </c>
      <c r="RAP734" s="424"/>
      <c r="RAQ734" s="424"/>
      <c r="RAR734" s="424"/>
      <c r="RAS734" s="423" t="s">
        <v>2795</v>
      </c>
      <c r="RAT734" s="424"/>
      <c r="RAU734" s="424"/>
      <c r="RAV734" s="424"/>
      <c r="RAW734" s="423" t="s">
        <v>2795</v>
      </c>
      <c r="RAX734" s="424"/>
      <c r="RAY734" s="424"/>
      <c r="RAZ734" s="424"/>
      <c r="RBA734" s="423" t="s">
        <v>2795</v>
      </c>
      <c r="RBB734" s="424"/>
      <c r="RBC734" s="424"/>
      <c r="RBD734" s="424"/>
      <c r="RBE734" s="423" t="s">
        <v>2795</v>
      </c>
      <c r="RBF734" s="424"/>
      <c r="RBG734" s="424"/>
      <c r="RBH734" s="424"/>
      <c r="RBI734" s="423" t="s">
        <v>2795</v>
      </c>
      <c r="RBJ734" s="424"/>
      <c r="RBK734" s="424"/>
      <c r="RBL734" s="424"/>
      <c r="RBM734" s="423" t="s">
        <v>2795</v>
      </c>
      <c r="RBN734" s="424"/>
      <c r="RBO734" s="424"/>
      <c r="RBP734" s="424"/>
      <c r="RBQ734" s="423" t="s">
        <v>2795</v>
      </c>
      <c r="RBR734" s="424"/>
      <c r="RBS734" s="424"/>
      <c r="RBT734" s="424"/>
      <c r="RBU734" s="423" t="s">
        <v>2795</v>
      </c>
      <c r="RBV734" s="424"/>
      <c r="RBW734" s="424"/>
      <c r="RBX734" s="424"/>
      <c r="RBY734" s="423" t="s">
        <v>2795</v>
      </c>
      <c r="RBZ734" s="424"/>
      <c r="RCA734" s="424"/>
      <c r="RCB734" s="424"/>
      <c r="RCC734" s="423" t="s">
        <v>2795</v>
      </c>
      <c r="RCD734" s="424"/>
      <c r="RCE734" s="424"/>
      <c r="RCF734" s="424"/>
      <c r="RCG734" s="423" t="s">
        <v>2795</v>
      </c>
      <c r="RCH734" s="424"/>
      <c r="RCI734" s="424"/>
      <c r="RCJ734" s="424"/>
      <c r="RCK734" s="423" t="s">
        <v>2795</v>
      </c>
      <c r="RCL734" s="424"/>
      <c r="RCM734" s="424"/>
      <c r="RCN734" s="424"/>
      <c r="RCO734" s="423" t="s">
        <v>2795</v>
      </c>
      <c r="RCP734" s="424"/>
      <c r="RCQ734" s="424"/>
      <c r="RCR734" s="424"/>
      <c r="RCS734" s="423" t="s">
        <v>2795</v>
      </c>
      <c r="RCT734" s="424"/>
      <c r="RCU734" s="424"/>
      <c r="RCV734" s="424"/>
      <c r="RCW734" s="423" t="s">
        <v>2795</v>
      </c>
      <c r="RCX734" s="424"/>
      <c r="RCY734" s="424"/>
      <c r="RCZ734" s="424"/>
      <c r="RDA734" s="423" t="s">
        <v>2795</v>
      </c>
      <c r="RDB734" s="424"/>
      <c r="RDC734" s="424"/>
      <c r="RDD734" s="424"/>
      <c r="RDE734" s="423" t="s">
        <v>2795</v>
      </c>
      <c r="RDF734" s="424"/>
      <c r="RDG734" s="424"/>
      <c r="RDH734" s="424"/>
      <c r="RDI734" s="423" t="s">
        <v>2795</v>
      </c>
      <c r="RDJ734" s="424"/>
      <c r="RDK734" s="424"/>
      <c r="RDL734" s="424"/>
      <c r="RDM734" s="423" t="s">
        <v>2795</v>
      </c>
      <c r="RDN734" s="424"/>
      <c r="RDO734" s="424"/>
      <c r="RDP734" s="424"/>
      <c r="RDQ734" s="423" t="s">
        <v>2795</v>
      </c>
      <c r="RDR734" s="424"/>
      <c r="RDS734" s="424"/>
      <c r="RDT734" s="424"/>
      <c r="RDU734" s="423" t="s">
        <v>2795</v>
      </c>
      <c r="RDV734" s="424"/>
      <c r="RDW734" s="424"/>
      <c r="RDX734" s="424"/>
      <c r="RDY734" s="423" t="s">
        <v>2795</v>
      </c>
      <c r="RDZ734" s="424"/>
      <c r="REA734" s="424"/>
      <c r="REB734" s="424"/>
      <c r="REC734" s="423" t="s">
        <v>2795</v>
      </c>
      <c r="RED734" s="424"/>
      <c r="REE734" s="424"/>
      <c r="REF734" s="424"/>
      <c r="REG734" s="423" t="s">
        <v>2795</v>
      </c>
      <c r="REH734" s="424"/>
      <c r="REI734" s="424"/>
      <c r="REJ734" s="424"/>
      <c r="REK734" s="423" t="s">
        <v>2795</v>
      </c>
      <c r="REL734" s="424"/>
      <c r="REM734" s="424"/>
      <c r="REN734" s="424"/>
      <c r="REO734" s="423" t="s">
        <v>2795</v>
      </c>
      <c r="REP734" s="424"/>
      <c r="REQ734" s="424"/>
      <c r="RER734" s="424"/>
      <c r="RES734" s="423" t="s">
        <v>2795</v>
      </c>
      <c r="RET734" s="424"/>
      <c r="REU734" s="424"/>
      <c r="REV734" s="424"/>
      <c r="REW734" s="423" t="s">
        <v>2795</v>
      </c>
      <c r="REX734" s="424"/>
      <c r="REY734" s="424"/>
      <c r="REZ734" s="424"/>
      <c r="RFA734" s="423" t="s">
        <v>2795</v>
      </c>
      <c r="RFB734" s="424"/>
      <c r="RFC734" s="424"/>
      <c r="RFD734" s="424"/>
      <c r="RFE734" s="423" t="s">
        <v>2795</v>
      </c>
      <c r="RFF734" s="424"/>
      <c r="RFG734" s="424"/>
      <c r="RFH734" s="424"/>
      <c r="RFI734" s="423" t="s">
        <v>2795</v>
      </c>
      <c r="RFJ734" s="424"/>
      <c r="RFK734" s="424"/>
      <c r="RFL734" s="424"/>
      <c r="RFM734" s="423" t="s">
        <v>2795</v>
      </c>
      <c r="RFN734" s="424"/>
      <c r="RFO734" s="424"/>
      <c r="RFP734" s="424"/>
      <c r="RFQ734" s="423" t="s">
        <v>2795</v>
      </c>
      <c r="RFR734" s="424"/>
      <c r="RFS734" s="424"/>
      <c r="RFT734" s="424"/>
      <c r="RFU734" s="423" t="s">
        <v>2795</v>
      </c>
      <c r="RFV734" s="424"/>
      <c r="RFW734" s="424"/>
      <c r="RFX734" s="424"/>
      <c r="RFY734" s="423" t="s">
        <v>2795</v>
      </c>
      <c r="RFZ734" s="424"/>
      <c r="RGA734" s="424"/>
      <c r="RGB734" s="424"/>
      <c r="RGC734" s="423" t="s">
        <v>2795</v>
      </c>
      <c r="RGD734" s="424"/>
      <c r="RGE734" s="424"/>
      <c r="RGF734" s="424"/>
      <c r="RGG734" s="423" t="s">
        <v>2795</v>
      </c>
      <c r="RGH734" s="424"/>
      <c r="RGI734" s="424"/>
      <c r="RGJ734" s="424"/>
      <c r="RGK734" s="423" t="s">
        <v>2795</v>
      </c>
      <c r="RGL734" s="424"/>
      <c r="RGM734" s="424"/>
      <c r="RGN734" s="424"/>
      <c r="RGO734" s="423" t="s">
        <v>2795</v>
      </c>
      <c r="RGP734" s="424"/>
      <c r="RGQ734" s="424"/>
      <c r="RGR734" s="424"/>
      <c r="RGS734" s="423" t="s">
        <v>2795</v>
      </c>
      <c r="RGT734" s="424"/>
      <c r="RGU734" s="424"/>
      <c r="RGV734" s="424"/>
      <c r="RGW734" s="423" t="s">
        <v>2795</v>
      </c>
      <c r="RGX734" s="424"/>
      <c r="RGY734" s="424"/>
      <c r="RGZ734" s="424"/>
      <c r="RHA734" s="423" t="s">
        <v>2795</v>
      </c>
      <c r="RHB734" s="424"/>
      <c r="RHC734" s="424"/>
      <c r="RHD734" s="424"/>
      <c r="RHE734" s="423" t="s">
        <v>2795</v>
      </c>
      <c r="RHF734" s="424"/>
      <c r="RHG734" s="424"/>
      <c r="RHH734" s="424"/>
      <c r="RHI734" s="423" t="s">
        <v>2795</v>
      </c>
      <c r="RHJ734" s="424"/>
      <c r="RHK734" s="424"/>
      <c r="RHL734" s="424"/>
      <c r="RHM734" s="423" t="s">
        <v>2795</v>
      </c>
      <c r="RHN734" s="424"/>
      <c r="RHO734" s="424"/>
      <c r="RHP734" s="424"/>
      <c r="RHQ734" s="423" t="s">
        <v>2795</v>
      </c>
      <c r="RHR734" s="424"/>
      <c r="RHS734" s="424"/>
      <c r="RHT734" s="424"/>
      <c r="RHU734" s="423" t="s">
        <v>2795</v>
      </c>
      <c r="RHV734" s="424"/>
      <c r="RHW734" s="424"/>
      <c r="RHX734" s="424"/>
      <c r="RHY734" s="423" t="s">
        <v>2795</v>
      </c>
      <c r="RHZ734" s="424"/>
      <c r="RIA734" s="424"/>
      <c r="RIB734" s="424"/>
      <c r="RIC734" s="423" t="s">
        <v>2795</v>
      </c>
      <c r="RID734" s="424"/>
      <c r="RIE734" s="424"/>
      <c r="RIF734" s="424"/>
      <c r="RIG734" s="423" t="s">
        <v>2795</v>
      </c>
      <c r="RIH734" s="424"/>
      <c r="RII734" s="424"/>
      <c r="RIJ734" s="424"/>
      <c r="RIK734" s="423" t="s">
        <v>2795</v>
      </c>
      <c r="RIL734" s="424"/>
      <c r="RIM734" s="424"/>
      <c r="RIN734" s="424"/>
      <c r="RIO734" s="423" t="s">
        <v>2795</v>
      </c>
      <c r="RIP734" s="424"/>
      <c r="RIQ734" s="424"/>
      <c r="RIR734" s="424"/>
      <c r="RIS734" s="423" t="s">
        <v>2795</v>
      </c>
      <c r="RIT734" s="424"/>
      <c r="RIU734" s="424"/>
      <c r="RIV734" s="424"/>
      <c r="RIW734" s="423" t="s">
        <v>2795</v>
      </c>
      <c r="RIX734" s="424"/>
      <c r="RIY734" s="424"/>
      <c r="RIZ734" s="424"/>
      <c r="RJA734" s="423" t="s">
        <v>2795</v>
      </c>
      <c r="RJB734" s="424"/>
      <c r="RJC734" s="424"/>
      <c r="RJD734" s="424"/>
      <c r="RJE734" s="423" t="s">
        <v>2795</v>
      </c>
      <c r="RJF734" s="424"/>
      <c r="RJG734" s="424"/>
      <c r="RJH734" s="424"/>
      <c r="RJI734" s="423" t="s">
        <v>2795</v>
      </c>
      <c r="RJJ734" s="424"/>
      <c r="RJK734" s="424"/>
      <c r="RJL734" s="424"/>
      <c r="RJM734" s="423" t="s">
        <v>2795</v>
      </c>
      <c r="RJN734" s="424"/>
      <c r="RJO734" s="424"/>
      <c r="RJP734" s="424"/>
      <c r="RJQ734" s="423" t="s">
        <v>2795</v>
      </c>
      <c r="RJR734" s="424"/>
      <c r="RJS734" s="424"/>
      <c r="RJT734" s="424"/>
      <c r="RJU734" s="423" t="s">
        <v>2795</v>
      </c>
      <c r="RJV734" s="424"/>
      <c r="RJW734" s="424"/>
      <c r="RJX734" s="424"/>
      <c r="RJY734" s="423" t="s">
        <v>2795</v>
      </c>
      <c r="RJZ734" s="424"/>
      <c r="RKA734" s="424"/>
      <c r="RKB734" s="424"/>
      <c r="RKC734" s="423" t="s">
        <v>2795</v>
      </c>
      <c r="RKD734" s="424"/>
      <c r="RKE734" s="424"/>
      <c r="RKF734" s="424"/>
      <c r="RKG734" s="423" t="s">
        <v>2795</v>
      </c>
      <c r="RKH734" s="424"/>
      <c r="RKI734" s="424"/>
      <c r="RKJ734" s="424"/>
      <c r="RKK734" s="423" t="s">
        <v>2795</v>
      </c>
      <c r="RKL734" s="424"/>
      <c r="RKM734" s="424"/>
      <c r="RKN734" s="424"/>
      <c r="RKO734" s="423" t="s">
        <v>2795</v>
      </c>
      <c r="RKP734" s="424"/>
      <c r="RKQ734" s="424"/>
      <c r="RKR734" s="424"/>
      <c r="RKS734" s="423" t="s">
        <v>2795</v>
      </c>
      <c r="RKT734" s="424"/>
      <c r="RKU734" s="424"/>
      <c r="RKV734" s="424"/>
      <c r="RKW734" s="423" t="s">
        <v>2795</v>
      </c>
      <c r="RKX734" s="424"/>
      <c r="RKY734" s="424"/>
      <c r="RKZ734" s="424"/>
      <c r="RLA734" s="423" t="s">
        <v>2795</v>
      </c>
      <c r="RLB734" s="424"/>
      <c r="RLC734" s="424"/>
      <c r="RLD734" s="424"/>
      <c r="RLE734" s="423" t="s">
        <v>2795</v>
      </c>
      <c r="RLF734" s="424"/>
      <c r="RLG734" s="424"/>
      <c r="RLH734" s="424"/>
      <c r="RLI734" s="423" t="s">
        <v>2795</v>
      </c>
      <c r="RLJ734" s="424"/>
      <c r="RLK734" s="424"/>
      <c r="RLL734" s="424"/>
      <c r="RLM734" s="423" t="s">
        <v>2795</v>
      </c>
      <c r="RLN734" s="424"/>
      <c r="RLO734" s="424"/>
      <c r="RLP734" s="424"/>
      <c r="RLQ734" s="423" t="s">
        <v>2795</v>
      </c>
      <c r="RLR734" s="424"/>
      <c r="RLS734" s="424"/>
      <c r="RLT734" s="424"/>
      <c r="RLU734" s="423" t="s">
        <v>2795</v>
      </c>
      <c r="RLV734" s="424"/>
      <c r="RLW734" s="424"/>
      <c r="RLX734" s="424"/>
      <c r="RLY734" s="423" t="s">
        <v>2795</v>
      </c>
      <c r="RLZ734" s="424"/>
      <c r="RMA734" s="424"/>
      <c r="RMB734" s="424"/>
      <c r="RMC734" s="423" t="s">
        <v>2795</v>
      </c>
      <c r="RMD734" s="424"/>
      <c r="RME734" s="424"/>
      <c r="RMF734" s="424"/>
      <c r="RMG734" s="423" t="s">
        <v>2795</v>
      </c>
      <c r="RMH734" s="424"/>
      <c r="RMI734" s="424"/>
      <c r="RMJ734" s="424"/>
      <c r="RMK734" s="423" t="s">
        <v>2795</v>
      </c>
      <c r="RML734" s="424"/>
      <c r="RMM734" s="424"/>
      <c r="RMN734" s="424"/>
      <c r="RMO734" s="423" t="s">
        <v>2795</v>
      </c>
      <c r="RMP734" s="424"/>
      <c r="RMQ734" s="424"/>
      <c r="RMR734" s="424"/>
      <c r="RMS734" s="423" t="s">
        <v>2795</v>
      </c>
      <c r="RMT734" s="424"/>
      <c r="RMU734" s="424"/>
      <c r="RMV734" s="424"/>
      <c r="RMW734" s="423" t="s">
        <v>2795</v>
      </c>
      <c r="RMX734" s="424"/>
      <c r="RMY734" s="424"/>
      <c r="RMZ734" s="424"/>
      <c r="RNA734" s="423" t="s">
        <v>2795</v>
      </c>
      <c r="RNB734" s="424"/>
      <c r="RNC734" s="424"/>
      <c r="RND734" s="424"/>
      <c r="RNE734" s="423" t="s">
        <v>2795</v>
      </c>
      <c r="RNF734" s="424"/>
      <c r="RNG734" s="424"/>
      <c r="RNH734" s="424"/>
      <c r="RNI734" s="423" t="s">
        <v>2795</v>
      </c>
      <c r="RNJ734" s="424"/>
      <c r="RNK734" s="424"/>
      <c r="RNL734" s="424"/>
      <c r="RNM734" s="423" t="s">
        <v>2795</v>
      </c>
      <c r="RNN734" s="424"/>
      <c r="RNO734" s="424"/>
      <c r="RNP734" s="424"/>
      <c r="RNQ734" s="423" t="s">
        <v>2795</v>
      </c>
      <c r="RNR734" s="424"/>
      <c r="RNS734" s="424"/>
      <c r="RNT734" s="424"/>
      <c r="RNU734" s="423" t="s">
        <v>2795</v>
      </c>
      <c r="RNV734" s="424"/>
      <c r="RNW734" s="424"/>
      <c r="RNX734" s="424"/>
      <c r="RNY734" s="423" t="s">
        <v>2795</v>
      </c>
      <c r="RNZ734" s="424"/>
      <c r="ROA734" s="424"/>
      <c r="ROB734" s="424"/>
      <c r="ROC734" s="423" t="s">
        <v>2795</v>
      </c>
      <c r="ROD734" s="424"/>
      <c r="ROE734" s="424"/>
      <c r="ROF734" s="424"/>
      <c r="ROG734" s="423" t="s">
        <v>2795</v>
      </c>
      <c r="ROH734" s="424"/>
      <c r="ROI734" s="424"/>
      <c r="ROJ734" s="424"/>
      <c r="ROK734" s="423" t="s">
        <v>2795</v>
      </c>
      <c r="ROL734" s="424"/>
      <c r="ROM734" s="424"/>
      <c r="RON734" s="424"/>
      <c r="ROO734" s="423" t="s">
        <v>2795</v>
      </c>
      <c r="ROP734" s="424"/>
      <c r="ROQ734" s="424"/>
      <c r="ROR734" s="424"/>
      <c r="ROS734" s="423" t="s">
        <v>2795</v>
      </c>
      <c r="ROT734" s="424"/>
      <c r="ROU734" s="424"/>
      <c r="ROV734" s="424"/>
      <c r="ROW734" s="423" t="s">
        <v>2795</v>
      </c>
      <c r="ROX734" s="424"/>
      <c r="ROY734" s="424"/>
      <c r="ROZ734" s="424"/>
      <c r="RPA734" s="423" t="s">
        <v>2795</v>
      </c>
      <c r="RPB734" s="424"/>
      <c r="RPC734" s="424"/>
      <c r="RPD734" s="424"/>
      <c r="RPE734" s="423" t="s">
        <v>2795</v>
      </c>
      <c r="RPF734" s="424"/>
      <c r="RPG734" s="424"/>
      <c r="RPH734" s="424"/>
      <c r="RPI734" s="423" t="s">
        <v>2795</v>
      </c>
      <c r="RPJ734" s="424"/>
      <c r="RPK734" s="424"/>
      <c r="RPL734" s="424"/>
      <c r="RPM734" s="423" t="s">
        <v>2795</v>
      </c>
      <c r="RPN734" s="424"/>
      <c r="RPO734" s="424"/>
      <c r="RPP734" s="424"/>
      <c r="RPQ734" s="423" t="s">
        <v>2795</v>
      </c>
      <c r="RPR734" s="424"/>
      <c r="RPS734" s="424"/>
      <c r="RPT734" s="424"/>
      <c r="RPU734" s="423" t="s">
        <v>2795</v>
      </c>
      <c r="RPV734" s="424"/>
      <c r="RPW734" s="424"/>
      <c r="RPX734" s="424"/>
      <c r="RPY734" s="423" t="s">
        <v>2795</v>
      </c>
      <c r="RPZ734" s="424"/>
      <c r="RQA734" s="424"/>
      <c r="RQB734" s="424"/>
      <c r="RQC734" s="423" t="s">
        <v>2795</v>
      </c>
      <c r="RQD734" s="424"/>
      <c r="RQE734" s="424"/>
      <c r="RQF734" s="424"/>
      <c r="RQG734" s="423" t="s">
        <v>2795</v>
      </c>
      <c r="RQH734" s="424"/>
      <c r="RQI734" s="424"/>
      <c r="RQJ734" s="424"/>
      <c r="RQK734" s="423" t="s">
        <v>2795</v>
      </c>
      <c r="RQL734" s="424"/>
      <c r="RQM734" s="424"/>
      <c r="RQN734" s="424"/>
      <c r="RQO734" s="423" t="s">
        <v>2795</v>
      </c>
      <c r="RQP734" s="424"/>
      <c r="RQQ734" s="424"/>
      <c r="RQR734" s="424"/>
      <c r="RQS734" s="423" t="s">
        <v>2795</v>
      </c>
      <c r="RQT734" s="424"/>
      <c r="RQU734" s="424"/>
      <c r="RQV734" s="424"/>
      <c r="RQW734" s="423" t="s">
        <v>2795</v>
      </c>
      <c r="RQX734" s="424"/>
      <c r="RQY734" s="424"/>
      <c r="RQZ734" s="424"/>
      <c r="RRA734" s="423" t="s">
        <v>2795</v>
      </c>
      <c r="RRB734" s="424"/>
      <c r="RRC734" s="424"/>
      <c r="RRD734" s="424"/>
      <c r="RRE734" s="423" t="s">
        <v>2795</v>
      </c>
      <c r="RRF734" s="424"/>
      <c r="RRG734" s="424"/>
      <c r="RRH734" s="424"/>
      <c r="RRI734" s="423" t="s">
        <v>2795</v>
      </c>
      <c r="RRJ734" s="424"/>
      <c r="RRK734" s="424"/>
      <c r="RRL734" s="424"/>
      <c r="RRM734" s="423" t="s">
        <v>2795</v>
      </c>
      <c r="RRN734" s="424"/>
      <c r="RRO734" s="424"/>
      <c r="RRP734" s="424"/>
      <c r="RRQ734" s="423" t="s">
        <v>2795</v>
      </c>
      <c r="RRR734" s="424"/>
      <c r="RRS734" s="424"/>
      <c r="RRT734" s="424"/>
      <c r="RRU734" s="423" t="s">
        <v>2795</v>
      </c>
      <c r="RRV734" s="424"/>
      <c r="RRW734" s="424"/>
      <c r="RRX734" s="424"/>
      <c r="RRY734" s="423" t="s">
        <v>2795</v>
      </c>
      <c r="RRZ734" s="424"/>
      <c r="RSA734" s="424"/>
      <c r="RSB734" s="424"/>
      <c r="RSC734" s="423" t="s">
        <v>2795</v>
      </c>
      <c r="RSD734" s="424"/>
      <c r="RSE734" s="424"/>
      <c r="RSF734" s="424"/>
      <c r="RSG734" s="423" t="s">
        <v>2795</v>
      </c>
      <c r="RSH734" s="424"/>
      <c r="RSI734" s="424"/>
      <c r="RSJ734" s="424"/>
      <c r="RSK734" s="423" t="s">
        <v>2795</v>
      </c>
      <c r="RSL734" s="424"/>
      <c r="RSM734" s="424"/>
      <c r="RSN734" s="424"/>
      <c r="RSO734" s="423" t="s">
        <v>2795</v>
      </c>
      <c r="RSP734" s="424"/>
      <c r="RSQ734" s="424"/>
      <c r="RSR734" s="424"/>
      <c r="RSS734" s="423" t="s">
        <v>2795</v>
      </c>
      <c r="RST734" s="424"/>
      <c r="RSU734" s="424"/>
      <c r="RSV734" s="424"/>
      <c r="RSW734" s="423" t="s">
        <v>2795</v>
      </c>
      <c r="RSX734" s="424"/>
      <c r="RSY734" s="424"/>
      <c r="RSZ734" s="424"/>
      <c r="RTA734" s="423" t="s">
        <v>2795</v>
      </c>
      <c r="RTB734" s="424"/>
      <c r="RTC734" s="424"/>
      <c r="RTD734" s="424"/>
      <c r="RTE734" s="423" t="s">
        <v>2795</v>
      </c>
      <c r="RTF734" s="424"/>
      <c r="RTG734" s="424"/>
      <c r="RTH734" s="424"/>
      <c r="RTI734" s="423" t="s">
        <v>2795</v>
      </c>
      <c r="RTJ734" s="424"/>
      <c r="RTK734" s="424"/>
      <c r="RTL734" s="424"/>
      <c r="RTM734" s="423" t="s">
        <v>2795</v>
      </c>
      <c r="RTN734" s="424"/>
      <c r="RTO734" s="424"/>
      <c r="RTP734" s="424"/>
      <c r="RTQ734" s="423" t="s">
        <v>2795</v>
      </c>
      <c r="RTR734" s="424"/>
      <c r="RTS734" s="424"/>
      <c r="RTT734" s="424"/>
      <c r="RTU734" s="423" t="s">
        <v>2795</v>
      </c>
      <c r="RTV734" s="424"/>
      <c r="RTW734" s="424"/>
      <c r="RTX734" s="424"/>
      <c r="RTY734" s="423" t="s">
        <v>2795</v>
      </c>
      <c r="RTZ734" s="424"/>
      <c r="RUA734" s="424"/>
      <c r="RUB734" s="424"/>
      <c r="RUC734" s="423" t="s">
        <v>2795</v>
      </c>
      <c r="RUD734" s="424"/>
      <c r="RUE734" s="424"/>
      <c r="RUF734" s="424"/>
      <c r="RUG734" s="423" t="s">
        <v>2795</v>
      </c>
      <c r="RUH734" s="424"/>
      <c r="RUI734" s="424"/>
      <c r="RUJ734" s="424"/>
      <c r="RUK734" s="423" t="s">
        <v>2795</v>
      </c>
      <c r="RUL734" s="424"/>
      <c r="RUM734" s="424"/>
      <c r="RUN734" s="424"/>
      <c r="RUO734" s="423" t="s">
        <v>2795</v>
      </c>
      <c r="RUP734" s="424"/>
      <c r="RUQ734" s="424"/>
      <c r="RUR734" s="424"/>
      <c r="RUS734" s="423" t="s">
        <v>2795</v>
      </c>
      <c r="RUT734" s="424"/>
      <c r="RUU734" s="424"/>
      <c r="RUV734" s="424"/>
      <c r="RUW734" s="423" t="s">
        <v>2795</v>
      </c>
      <c r="RUX734" s="424"/>
      <c r="RUY734" s="424"/>
      <c r="RUZ734" s="424"/>
      <c r="RVA734" s="423" t="s">
        <v>2795</v>
      </c>
      <c r="RVB734" s="424"/>
      <c r="RVC734" s="424"/>
      <c r="RVD734" s="424"/>
      <c r="RVE734" s="423" t="s">
        <v>2795</v>
      </c>
      <c r="RVF734" s="424"/>
      <c r="RVG734" s="424"/>
      <c r="RVH734" s="424"/>
      <c r="RVI734" s="423" t="s">
        <v>2795</v>
      </c>
      <c r="RVJ734" s="424"/>
      <c r="RVK734" s="424"/>
      <c r="RVL734" s="424"/>
      <c r="RVM734" s="423" t="s">
        <v>2795</v>
      </c>
      <c r="RVN734" s="424"/>
      <c r="RVO734" s="424"/>
      <c r="RVP734" s="424"/>
      <c r="RVQ734" s="423" t="s">
        <v>2795</v>
      </c>
      <c r="RVR734" s="424"/>
      <c r="RVS734" s="424"/>
      <c r="RVT734" s="424"/>
      <c r="RVU734" s="423" t="s">
        <v>2795</v>
      </c>
      <c r="RVV734" s="424"/>
      <c r="RVW734" s="424"/>
      <c r="RVX734" s="424"/>
      <c r="RVY734" s="423" t="s">
        <v>2795</v>
      </c>
      <c r="RVZ734" s="424"/>
      <c r="RWA734" s="424"/>
      <c r="RWB734" s="424"/>
      <c r="RWC734" s="423" t="s">
        <v>2795</v>
      </c>
      <c r="RWD734" s="424"/>
      <c r="RWE734" s="424"/>
      <c r="RWF734" s="424"/>
      <c r="RWG734" s="423" t="s">
        <v>2795</v>
      </c>
      <c r="RWH734" s="424"/>
      <c r="RWI734" s="424"/>
      <c r="RWJ734" s="424"/>
      <c r="RWK734" s="423" t="s">
        <v>2795</v>
      </c>
      <c r="RWL734" s="424"/>
      <c r="RWM734" s="424"/>
      <c r="RWN734" s="424"/>
      <c r="RWO734" s="423" t="s">
        <v>2795</v>
      </c>
      <c r="RWP734" s="424"/>
      <c r="RWQ734" s="424"/>
      <c r="RWR734" s="424"/>
      <c r="RWS734" s="423" t="s">
        <v>2795</v>
      </c>
      <c r="RWT734" s="424"/>
      <c r="RWU734" s="424"/>
      <c r="RWV734" s="424"/>
      <c r="RWW734" s="423" t="s">
        <v>2795</v>
      </c>
      <c r="RWX734" s="424"/>
      <c r="RWY734" s="424"/>
      <c r="RWZ734" s="424"/>
      <c r="RXA734" s="423" t="s">
        <v>2795</v>
      </c>
      <c r="RXB734" s="424"/>
      <c r="RXC734" s="424"/>
      <c r="RXD734" s="424"/>
      <c r="RXE734" s="423" t="s">
        <v>2795</v>
      </c>
      <c r="RXF734" s="424"/>
      <c r="RXG734" s="424"/>
      <c r="RXH734" s="424"/>
      <c r="RXI734" s="423" t="s">
        <v>2795</v>
      </c>
      <c r="RXJ734" s="424"/>
      <c r="RXK734" s="424"/>
      <c r="RXL734" s="424"/>
      <c r="RXM734" s="423" t="s">
        <v>2795</v>
      </c>
      <c r="RXN734" s="424"/>
      <c r="RXO734" s="424"/>
      <c r="RXP734" s="424"/>
      <c r="RXQ734" s="423" t="s">
        <v>2795</v>
      </c>
      <c r="RXR734" s="424"/>
      <c r="RXS734" s="424"/>
      <c r="RXT734" s="424"/>
      <c r="RXU734" s="423" t="s">
        <v>2795</v>
      </c>
      <c r="RXV734" s="424"/>
      <c r="RXW734" s="424"/>
      <c r="RXX734" s="424"/>
      <c r="RXY734" s="423" t="s">
        <v>2795</v>
      </c>
      <c r="RXZ734" s="424"/>
      <c r="RYA734" s="424"/>
      <c r="RYB734" s="424"/>
      <c r="RYC734" s="423" t="s">
        <v>2795</v>
      </c>
      <c r="RYD734" s="424"/>
      <c r="RYE734" s="424"/>
      <c r="RYF734" s="424"/>
      <c r="RYG734" s="423" t="s">
        <v>2795</v>
      </c>
      <c r="RYH734" s="424"/>
      <c r="RYI734" s="424"/>
      <c r="RYJ734" s="424"/>
      <c r="RYK734" s="423" t="s">
        <v>2795</v>
      </c>
      <c r="RYL734" s="424"/>
      <c r="RYM734" s="424"/>
      <c r="RYN734" s="424"/>
      <c r="RYO734" s="423" t="s">
        <v>2795</v>
      </c>
      <c r="RYP734" s="424"/>
      <c r="RYQ734" s="424"/>
      <c r="RYR734" s="424"/>
      <c r="RYS734" s="423" t="s">
        <v>2795</v>
      </c>
      <c r="RYT734" s="424"/>
      <c r="RYU734" s="424"/>
      <c r="RYV734" s="424"/>
      <c r="RYW734" s="423" t="s">
        <v>2795</v>
      </c>
      <c r="RYX734" s="424"/>
      <c r="RYY734" s="424"/>
      <c r="RYZ734" s="424"/>
      <c r="RZA734" s="423" t="s">
        <v>2795</v>
      </c>
      <c r="RZB734" s="424"/>
      <c r="RZC734" s="424"/>
      <c r="RZD734" s="424"/>
      <c r="RZE734" s="423" t="s">
        <v>2795</v>
      </c>
      <c r="RZF734" s="424"/>
      <c r="RZG734" s="424"/>
      <c r="RZH734" s="424"/>
      <c r="RZI734" s="423" t="s">
        <v>2795</v>
      </c>
      <c r="RZJ734" s="424"/>
      <c r="RZK734" s="424"/>
      <c r="RZL734" s="424"/>
      <c r="RZM734" s="423" t="s">
        <v>2795</v>
      </c>
      <c r="RZN734" s="424"/>
      <c r="RZO734" s="424"/>
      <c r="RZP734" s="424"/>
      <c r="RZQ734" s="423" t="s">
        <v>2795</v>
      </c>
      <c r="RZR734" s="424"/>
      <c r="RZS734" s="424"/>
      <c r="RZT734" s="424"/>
      <c r="RZU734" s="423" t="s">
        <v>2795</v>
      </c>
      <c r="RZV734" s="424"/>
      <c r="RZW734" s="424"/>
      <c r="RZX734" s="424"/>
      <c r="RZY734" s="423" t="s">
        <v>2795</v>
      </c>
      <c r="RZZ734" s="424"/>
      <c r="SAA734" s="424"/>
      <c r="SAB734" s="424"/>
      <c r="SAC734" s="423" t="s">
        <v>2795</v>
      </c>
      <c r="SAD734" s="424"/>
      <c r="SAE734" s="424"/>
      <c r="SAF734" s="424"/>
      <c r="SAG734" s="423" t="s">
        <v>2795</v>
      </c>
      <c r="SAH734" s="424"/>
      <c r="SAI734" s="424"/>
      <c r="SAJ734" s="424"/>
      <c r="SAK734" s="423" t="s">
        <v>2795</v>
      </c>
      <c r="SAL734" s="424"/>
      <c r="SAM734" s="424"/>
      <c r="SAN734" s="424"/>
      <c r="SAO734" s="423" t="s">
        <v>2795</v>
      </c>
      <c r="SAP734" s="424"/>
      <c r="SAQ734" s="424"/>
      <c r="SAR734" s="424"/>
      <c r="SAS734" s="423" t="s">
        <v>2795</v>
      </c>
      <c r="SAT734" s="424"/>
      <c r="SAU734" s="424"/>
      <c r="SAV734" s="424"/>
      <c r="SAW734" s="423" t="s">
        <v>2795</v>
      </c>
      <c r="SAX734" s="424"/>
      <c r="SAY734" s="424"/>
      <c r="SAZ734" s="424"/>
      <c r="SBA734" s="423" t="s">
        <v>2795</v>
      </c>
      <c r="SBB734" s="424"/>
      <c r="SBC734" s="424"/>
      <c r="SBD734" s="424"/>
      <c r="SBE734" s="423" t="s">
        <v>2795</v>
      </c>
      <c r="SBF734" s="424"/>
      <c r="SBG734" s="424"/>
      <c r="SBH734" s="424"/>
      <c r="SBI734" s="423" t="s">
        <v>2795</v>
      </c>
      <c r="SBJ734" s="424"/>
      <c r="SBK734" s="424"/>
      <c r="SBL734" s="424"/>
      <c r="SBM734" s="423" t="s">
        <v>2795</v>
      </c>
      <c r="SBN734" s="424"/>
      <c r="SBO734" s="424"/>
      <c r="SBP734" s="424"/>
      <c r="SBQ734" s="423" t="s">
        <v>2795</v>
      </c>
      <c r="SBR734" s="424"/>
      <c r="SBS734" s="424"/>
      <c r="SBT734" s="424"/>
      <c r="SBU734" s="423" t="s">
        <v>2795</v>
      </c>
      <c r="SBV734" s="424"/>
      <c r="SBW734" s="424"/>
      <c r="SBX734" s="424"/>
      <c r="SBY734" s="423" t="s">
        <v>2795</v>
      </c>
      <c r="SBZ734" s="424"/>
      <c r="SCA734" s="424"/>
      <c r="SCB734" s="424"/>
      <c r="SCC734" s="423" t="s">
        <v>2795</v>
      </c>
      <c r="SCD734" s="424"/>
      <c r="SCE734" s="424"/>
      <c r="SCF734" s="424"/>
      <c r="SCG734" s="423" t="s">
        <v>2795</v>
      </c>
      <c r="SCH734" s="424"/>
      <c r="SCI734" s="424"/>
      <c r="SCJ734" s="424"/>
      <c r="SCK734" s="423" t="s">
        <v>2795</v>
      </c>
      <c r="SCL734" s="424"/>
      <c r="SCM734" s="424"/>
      <c r="SCN734" s="424"/>
      <c r="SCO734" s="423" t="s">
        <v>2795</v>
      </c>
      <c r="SCP734" s="424"/>
      <c r="SCQ734" s="424"/>
      <c r="SCR734" s="424"/>
      <c r="SCS734" s="423" t="s">
        <v>2795</v>
      </c>
      <c r="SCT734" s="424"/>
      <c r="SCU734" s="424"/>
      <c r="SCV734" s="424"/>
      <c r="SCW734" s="423" t="s">
        <v>2795</v>
      </c>
      <c r="SCX734" s="424"/>
      <c r="SCY734" s="424"/>
      <c r="SCZ734" s="424"/>
      <c r="SDA734" s="423" t="s">
        <v>2795</v>
      </c>
      <c r="SDB734" s="424"/>
      <c r="SDC734" s="424"/>
      <c r="SDD734" s="424"/>
      <c r="SDE734" s="423" t="s">
        <v>2795</v>
      </c>
      <c r="SDF734" s="424"/>
      <c r="SDG734" s="424"/>
      <c r="SDH734" s="424"/>
      <c r="SDI734" s="423" t="s">
        <v>2795</v>
      </c>
      <c r="SDJ734" s="424"/>
      <c r="SDK734" s="424"/>
      <c r="SDL734" s="424"/>
      <c r="SDM734" s="423" t="s">
        <v>2795</v>
      </c>
      <c r="SDN734" s="424"/>
      <c r="SDO734" s="424"/>
      <c r="SDP734" s="424"/>
      <c r="SDQ734" s="423" t="s">
        <v>2795</v>
      </c>
      <c r="SDR734" s="424"/>
      <c r="SDS734" s="424"/>
      <c r="SDT734" s="424"/>
      <c r="SDU734" s="423" t="s">
        <v>2795</v>
      </c>
      <c r="SDV734" s="424"/>
      <c r="SDW734" s="424"/>
      <c r="SDX734" s="424"/>
      <c r="SDY734" s="423" t="s">
        <v>2795</v>
      </c>
      <c r="SDZ734" s="424"/>
      <c r="SEA734" s="424"/>
      <c r="SEB734" s="424"/>
      <c r="SEC734" s="423" t="s">
        <v>2795</v>
      </c>
      <c r="SED734" s="424"/>
      <c r="SEE734" s="424"/>
      <c r="SEF734" s="424"/>
      <c r="SEG734" s="423" t="s">
        <v>2795</v>
      </c>
      <c r="SEH734" s="424"/>
      <c r="SEI734" s="424"/>
      <c r="SEJ734" s="424"/>
      <c r="SEK734" s="423" t="s">
        <v>2795</v>
      </c>
      <c r="SEL734" s="424"/>
      <c r="SEM734" s="424"/>
      <c r="SEN734" s="424"/>
      <c r="SEO734" s="423" t="s">
        <v>2795</v>
      </c>
      <c r="SEP734" s="424"/>
      <c r="SEQ734" s="424"/>
      <c r="SER734" s="424"/>
      <c r="SES734" s="423" t="s">
        <v>2795</v>
      </c>
      <c r="SET734" s="424"/>
      <c r="SEU734" s="424"/>
      <c r="SEV734" s="424"/>
      <c r="SEW734" s="423" t="s">
        <v>2795</v>
      </c>
      <c r="SEX734" s="424"/>
      <c r="SEY734" s="424"/>
      <c r="SEZ734" s="424"/>
      <c r="SFA734" s="423" t="s">
        <v>2795</v>
      </c>
      <c r="SFB734" s="424"/>
      <c r="SFC734" s="424"/>
      <c r="SFD734" s="424"/>
      <c r="SFE734" s="423" t="s">
        <v>2795</v>
      </c>
      <c r="SFF734" s="424"/>
      <c r="SFG734" s="424"/>
      <c r="SFH734" s="424"/>
      <c r="SFI734" s="423" t="s">
        <v>2795</v>
      </c>
      <c r="SFJ734" s="424"/>
      <c r="SFK734" s="424"/>
      <c r="SFL734" s="424"/>
      <c r="SFM734" s="423" t="s">
        <v>2795</v>
      </c>
      <c r="SFN734" s="424"/>
      <c r="SFO734" s="424"/>
      <c r="SFP734" s="424"/>
      <c r="SFQ734" s="423" t="s">
        <v>2795</v>
      </c>
      <c r="SFR734" s="424"/>
      <c r="SFS734" s="424"/>
      <c r="SFT734" s="424"/>
      <c r="SFU734" s="423" t="s">
        <v>2795</v>
      </c>
      <c r="SFV734" s="424"/>
      <c r="SFW734" s="424"/>
      <c r="SFX734" s="424"/>
      <c r="SFY734" s="423" t="s">
        <v>2795</v>
      </c>
      <c r="SFZ734" s="424"/>
      <c r="SGA734" s="424"/>
      <c r="SGB734" s="424"/>
      <c r="SGC734" s="423" t="s">
        <v>2795</v>
      </c>
      <c r="SGD734" s="424"/>
      <c r="SGE734" s="424"/>
      <c r="SGF734" s="424"/>
      <c r="SGG734" s="423" t="s">
        <v>2795</v>
      </c>
      <c r="SGH734" s="424"/>
      <c r="SGI734" s="424"/>
      <c r="SGJ734" s="424"/>
      <c r="SGK734" s="423" t="s">
        <v>2795</v>
      </c>
      <c r="SGL734" s="424"/>
      <c r="SGM734" s="424"/>
      <c r="SGN734" s="424"/>
      <c r="SGO734" s="423" t="s">
        <v>2795</v>
      </c>
      <c r="SGP734" s="424"/>
      <c r="SGQ734" s="424"/>
      <c r="SGR734" s="424"/>
      <c r="SGS734" s="423" t="s">
        <v>2795</v>
      </c>
      <c r="SGT734" s="424"/>
      <c r="SGU734" s="424"/>
      <c r="SGV734" s="424"/>
      <c r="SGW734" s="423" t="s">
        <v>2795</v>
      </c>
      <c r="SGX734" s="424"/>
      <c r="SGY734" s="424"/>
      <c r="SGZ734" s="424"/>
      <c r="SHA734" s="423" t="s">
        <v>2795</v>
      </c>
      <c r="SHB734" s="424"/>
      <c r="SHC734" s="424"/>
      <c r="SHD734" s="424"/>
      <c r="SHE734" s="423" t="s">
        <v>2795</v>
      </c>
      <c r="SHF734" s="424"/>
      <c r="SHG734" s="424"/>
      <c r="SHH734" s="424"/>
      <c r="SHI734" s="423" t="s">
        <v>2795</v>
      </c>
      <c r="SHJ734" s="424"/>
      <c r="SHK734" s="424"/>
      <c r="SHL734" s="424"/>
      <c r="SHM734" s="423" t="s">
        <v>2795</v>
      </c>
      <c r="SHN734" s="424"/>
      <c r="SHO734" s="424"/>
      <c r="SHP734" s="424"/>
      <c r="SHQ734" s="423" t="s">
        <v>2795</v>
      </c>
      <c r="SHR734" s="424"/>
      <c r="SHS734" s="424"/>
      <c r="SHT734" s="424"/>
      <c r="SHU734" s="423" t="s">
        <v>2795</v>
      </c>
      <c r="SHV734" s="424"/>
      <c r="SHW734" s="424"/>
      <c r="SHX734" s="424"/>
      <c r="SHY734" s="423" t="s">
        <v>2795</v>
      </c>
      <c r="SHZ734" s="424"/>
      <c r="SIA734" s="424"/>
      <c r="SIB734" s="424"/>
      <c r="SIC734" s="423" t="s">
        <v>2795</v>
      </c>
      <c r="SID734" s="424"/>
      <c r="SIE734" s="424"/>
      <c r="SIF734" s="424"/>
      <c r="SIG734" s="423" t="s">
        <v>2795</v>
      </c>
      <c r="SIH734" s="424"/>
      <c r="SII734" s="424"/>
      <c r="SIJ734" s="424"/>
      <c r="SIK734" s="423" t="s">
        <v>2795</v>
      </c>
      <c r="SIL734" s="424"/>
      <c r="SIM734" s="424"/>
      <c r="SIN734" s="424"/>
      <c r="SIO734" s="423" t="s">
        <v>2795</v>
      </c>
      <c r="SIP734" s="424"/>
      <c r="SIQ734" s="424"/>
      <c r="SIR734" s="424"/>
      <c r="SIS734" s="423" t="s">
        <v>2795</v>
      </c>
      <c r="SIT734" s="424"/>
      <c r="SIU734" s="424"/>
      <c r="SIV734" s="424"/>
      <c r="SIW734" s="423" t="s">
        <v>2795</v>
      </c>
      <c r="SIX734" s="424"/>
      <c r="SIY734" s="424"/>
      <c r="SIZ734" s="424"/>
      <c r="SJA734" s="423" t="s">
        <v>2795</v>
      </c>
      <c r="SJB734" s="424"/>
      <c r="SJC734" s="424"/>
      <c r="SJD734" s="424"/>
      <c r="SJE734" s="423" t="s">
        <v>2795</v>
      </c>
      <c r="SJF734" s="424"/>
      <c r="SJG734" s="424"/>
      <c r="SJH734" s="424"/>
      <c r="SJI734" s="423" t="s">
        <v>2795</v>
      </c>
      <c r="SJJ734" s="424"/>
      <c r="SJK734" s="424"/>
      <c r="SJL734" s="424"/>
      <c r="SJM734" s="423" t="s">
        <v>2795</v>
      </c>
      <c r="SJN734" s="424"/>
      <c r="SJO734" s="424"/>
      <c r="SJP734" s="424"/>
      <c r="SJQ734" s="423" t="s">
        <v>2795</v>
      </c>
      <c r="SJR734" s="424"/>
      <c r="SJS734" s="424"/>
      <c r="SJT734" s="424"/>
      <c r="SJU734" s="423" t="s">
        <v>2795</v>
      </c>
      <c r="SJV734" s="424"/>
      <c r="SJW734" s="424"/>
      <c r="SJX734" s="424"/>
      <c r="SJY734" s="423" t="s">
        <v>2795</v>
      </c>
      <c r="SJZ734" s="424"/>
      <c r="SKA734" s="424"/>
      <c r="SKB734" s="424"/>
      <c r="SKC734" s="423" t="s">
        <v>2795</v>
      </c>
      <c r="SKD734" s="424"/>
      <c r="SKE734" s="424"/>
      <c r="SKF734" s="424"/>
      <c r="SKG734" s="423" t="s">
        <v>2795</v>
      </c>
      <c r="SKH734" s="424"/>
      <c r="SKI734" s="424"/>
      <c r="SKJ734" s="424"/>
      <c r="SKK734" s="423" t="s">
        <v>2795</v>
      </c>
      <c r="SKL734" s="424"/>
      <c r="SKM734" s="424"/>
      <c r="SKN734" s="424"/>
      <c r="SKO734" s="423" t="s">
        <v>2795</v>
      </c>
      <c r="SKP734" s="424"/>
      <c r="SKQ734" s="424"/>
      <c r="SKR734" s="424"/>
      <c r="SKS734" s="423" t="s">
        <v>2795</v>
      </c>
      <c r="SKT734" s="424"/>
      <c r="SKU734" s="424"/>
      <c r="SKV734" s="424"/>
      <c r="SKW734" s="423" t="s">
        <v>2795</v>
      </c>
      <c r="SKX734" s="424"/>
      <c r="SKY734" s="424"/>
      <c r="SKZ734" s="424"/>
      <c r="SLA734" s="423" t="s">
        <v>2795</v>
      </c>
      <c r="SLB734" s="424"/>
      <c r="SLC734" s="424"/>
      <c r="SLD734" s="424"/>
      <c r="SLE734" s="423" t="s">
        <v>2795</v>
      </c>
      <c r="SLF734" s="424"/>
      <c r="SLG734" s="424"/>
      <c r="SLH734" s="424"/>
      <c r="SLI734" s="423" t="s">
        <v>2795</v>
      </c>
      <c r="SLJ734" s="424"/>
      <c r="SLK734" s="424"/>
      <c r="SLL734" s="424"/>
      <c r="SLM734" s="423" t="s">
        <v>2795</v>
      </c>
      <c r="SLN734" s="424"/>
      <c r="SLO734" s="424"/>
      <c r="SLP734" s="424"/>
      <c r="SLQ734" s="423" t="s">
        <v>2795</v>
      </c>
      <c r="SLR734" s="424"/>
      <c r="SLS734" s="424"/>
      <c r="SLT734" s="424"/>
      <c r="SLU734" s="423" t="s">
        <v>2795</v>
      </c>
      <c r="SLV734" s="424"/>
      <c r="SLW734" s="424"/>
      <c r="SLX734" s="424"/>
      <c r="SLY734" s="423" t="s">
        <v>2795</v>
      </c>
      <c r="SLZ734" s="424"/>
      <c r="SMA734" s="424"/>
      <c r="SMB734" s="424"/>
      <c r="SMC734" s="423" t="s">
        <v>2795</v>
      </c>
      <c r="SMD734" s="424"/>
      <c r="SME734" s="424"/>
      <c r="SMF734" s="424"/>
      <c r="SMG734" s="423" t="s">
        <v>2795</v>
      </c>
      <c r="SMH734" s="424"/>
      <c r="SMI734" s="424"/>
      <c r="SMJ734" s="424"/>
      <c r="SMK734" s="423" t="s">
        <v>2795</v>
      </c>
      <c r="SML734" s="424"/>
      <c r="SMM734" s="424"/>
      <c r="SMN734" s="424"/>
      <c r="SMO734" s="423" t="s">
        <v>2795</v>
      </c>
      <c r="SMP734" s="424"/>
      <c r="SMQ734" s="424"/>
      <c r="SMR734" s="424"/>
      <c r="SMS734" s="423" t="s">
        <v>2795</v>
      </c>
      <c r="SMT734" s="424"/>
      <c r="SMU734" s="424"/>
      <c r="SMV734" s="424"/>
      <c r="SMW734" s="423" t="s">
        <v>2795</v>
      </c>
      <c r="SMX734" s="424"/>
      <c r="SMY734" s="424"/>
      <c r="SMZ734" s="424"/>
      <c r="SNA734" s="423" t="s">
        <v>2795</v>
      </c>
      <c r="SNB734" s="424"/>
      <c r="SNC734" s="424"/>
      <c r="SND734" s="424"/>
      <c r="SNE734" s="423" t="s">
        <v>2795</v>
      </c>
      <c r="SNF734" s="424"/>
      <c r="SNG734" s="424"/>
      <c r="SNH734" s="424"/>
      <c r="SNI734" s="423" t="s">
        <v>2795</v>
      </c>
      <c r="SNJ734" s="424"/>
      <c r="SNK734" s="424"/>
      <c r="SNL734" s="424"/>
      <c r="SNM734" s="423" t="s">
        <v>2795</v>
      </c>
      <c r="SNN734" s="424"/>
      <c r="SNO734" s="424"/>
      <c r="SNP734" s="424"/>
      <c r="SNQ734" s="423" t="s">
        <v>2795</v>
      </c>
      <c r="SNR734" s="424"/>
      <c r="SNS734" s="424"/>
      <c r="SNT734" s="424"/>
      <c r="SNU734" s="423" t="s">
        <v>2795</v>
      </c>
      <c r="SNV734" s="424"/>
      <c r="SNW734" s="424"/>
      <c r="SNX734" s="424"/>
      <c r="SNY734" s="423" t="s">
        <v>2795</v>
      </c>
      <c r="SNZ734" s="424"/>
      <c r="SOA734" s="424"/>
      <c r="SOB734" s="424"/>
      <c r="SOC734" s="423" t="s">
        <v>2795</v>
      </c>
      <c r="SOD734" s="424"/>
      <c r="SOE734" s="424"/>
      <c r="SOF734" s="424"/>
      <c r="SOG734" s="423" t="s">
        <v>2795</v>
      </c>
      <c r="SOH734" s="424"/>
      <c r="SOI734" s="424"/>
      <c r="SOJ734" s="424"/>
      <c r="SOK734" s="423" t="s">
        <v>2795</v>
      </c>
      <c r="SOL734" s="424"/>
      <c r="SOM734" s="424"/>
      <c r="SON734" s="424"/>
      <c r="SOO734" s="423" t="s">
        <v>2795</v>
      </c>
      <c r="SOP734" s="424"/>
      <c r="SOQ734" s="424"/>
      <c r="SOR734" s="424"/>
      <c r="SOS734" s="423" t="s">
        <v>2795</v>
      </c>
      <c r="SOT734" s="424"/>
      <c r="SOU734" s="424"/>
      <c r="SOV734" s="424"/>
      <c r="SOW734" s="423" t="s">
        <v>2795</v>
      </c>
      <c r="SOX734" s="424"/>
      <c r="SOY734" s="424"/>
      <c r="SOZ734" s="424"/>
      <c r="SPA734" s="423" t="s">
        <v>2795</v>
      </c>
      <c r="SPB734" s="424"/>
      <c r="SPC734" s="424"/>
      <c r="SPD734" s="424"/>
      <c r="SPE734" s="423" t="s">
        <v>2795</v>
      </c>
      <c r="SPF734" s="424"/>
      <c r="SPG734" s="424"/>
      <c r="SPH734" s="424"/>
      <c r="SPI734" s="423" t="s">
        <v>2795</v>
      </c>
      <c r="SPJ734" s="424"/>
      <c r="SPK734" s="424"/>
      <c r="SPL734" s="424"/>
      <c r="SPM734" s="423" t="s">
        <v>2795</v>
      </c>
      <c r="SPN734" s="424"/>
      <c r="SPO734" s="424"/>
      <c r="SPP734" s="424"/>
      <c r="SPQ734" s="423" t="s">
        <v>2795</v>
      </c>
      <c r="SPR734" s="424"/>
      <c r="SPS734" s="424"/>
      <c r="SPT734" s="424"/>
      <c r="SPU734" s="423" t="s">
        <v>2795</v>
      </c>
      <c r="SPV734" s="424"/>
      <c r="SPW734" s="424"/>
      <c r="SPX734" s="424"/>
      <c r="SPY734" s="423" t="s">
        <v>2795</v>
      </c>
      <c r="SPZ734" s="424"/>
      <c r="SQA734" s="424"/>
      <c r="SQB734" s="424"/>
      <c r="SQC734" s="423" t="s">
        <v>2795</v>
      </c>
      <c r="SQD734" s="424"/>
      <c r="SQE734" s="424"/>
      <c r="SQF734" s="424"/>
      <c r="SQG734" s="423" t="s">
        <v>2795</v>
      </c>
      <c r="SQH734" s="424"/>
      <c r="SQI734" s="424"/>
      <c r="SQJ734" s="424"/>
      <c r="SQK734" s="423" t="s">
        <v>2795</v>
      </c>
      <c r="SQL734" s="424"/>
      <c r="SQM734" s="424"/>
      <c r="SQN734" s="424"/>
      <c r="SQO734" s="423" t="s">
        <v>2795</v>
      </c>
      <c r="SQP734" s="424"/>
      <c r="SQQ734" s="424"/>
      <c r="SQR734" s="424"/>
      <c r="SQS734" s="423" t="s">
        <v>2795</v>
      </c>
      <c r="SQT734" s="424"/>
      <c r="SQU734" s="424"/>
      <c r="SQV734" s="424"/>
      <c r="SQW734" s="423" t="s">
        <v>2795</v>
      </c>
      <c r="SQX734" s="424"/>
      <c r="SQY734" s="424"/>
      <c r="SQZ734" s="424"/>
      <c r="SRA734" s="423" t="s">
        <v>2795</v>
      </c>
      <c r="SRB734" s="424"/>
      <c r="SRC734" s="424"/>
      <c r="SRD734" s="424"/>
      <c r="SRE734" s="423" t="s">
        <v>2795</v>
      </c>
      <c r="SRF734" s="424"/>
      <c r="SRG734" s="424"/>
      <c r="SRH734" s="424"/>
      <c r="SRI734" s="423" t="s">
        <v>2795</v>
      </c>
      <c r="SRJ734" s="424"/>
      <c r="SRK734" s="424"/>
      <c r="SRL734" s="424"/>
      <c r="SRM734" s="423" t="s">
        <v>2795</v>
      </c>
      <c r="SRN734" s="424"/>
      <c r="SRO734" s="424"/>
      <c r="SRP734" s="424"/>
      <c r="SRQ734" s="423" t="s">
        <v>2795</v>
      </c>
      <c r="SRR734" s="424"/>
      <c r="SRS734" s="424"/>
      <c r="SRT734" s="424"/>
      <c r="SRU734" s="423" t="s">
        <v>2795</v>
      </c>
      <c r="SRV734" s="424"/>
      <c r="SRW734" s="424"/>
      <c r="SRX734" s="424"/>
      <c r="SRY734" s="423" t="s">
        <v>2795</v>
      </c>
      <c r="SRZ734" s="424"/>
      <c r="SSA734" s="424"/>
      <c r="SSB734" s="424"/>
      <c r="SSC734" s="423" t="s">
        <v>2795</v>
      </c>
      <c r="SSD734" s="424"/>
      <c r="SSE734" s="424"/>
      <c r="SSF734" s="424"/>
      <c r="SSG734" s="423" t="s">
        <v>2795</v>
      </c>
      <c r="SSH734" s="424"/>
      <c r="SSI734" s="424"/>
      <c r="SSJ734" s="424"/>
      <c r="SSK734" s="423" t="s">
        <v>2795</v>
      </c>
      <c r="SSL734" s="424"/>
      <c r="SSM734" s="424"/>
      <c r="SSN734" s="424"/>
      <c r="SSO734" s="423" t="s">
        <v>2795</v>
      </c>
      <c r="SSP734" s="424"/>
      <c r="SSQ734" s="424"/>
      <c r="SSR734" s="424"/>
      <c r="SSS734" s="423" t="s">
        <v>2795</v>
      </c>
      <c r="SST734" s="424"/>
      <c r="SSU734" s="424"/>
      <c r="SSV734" s="424"/>
      <c r="SSW734" s="423" t="s">
        <v>2795</v>
      </c>
      <c r="SSX734" s="424"/>
      <c r="SSY734" s="424"/>
      <c r="SSZ734" s="424"/>
      <c r="STA734" s="423" t="s">
        <v>2795</v>
      </c>
      <c r="STB734" s="424"/>
      <c r="STC734" s="424"/>
      <c r="STD734" s="424"/>
      <c r="STE734" s="423" t="s">
        <v>2795</v>
      </c>
      <c r="STF734" s="424"/>
      <c r="STG734" s="424"/>
      <c r="STH734" s="424"/>
      <c r="STI734" s="423" t="s">
        <v>2795</v>
      </c>
      <c r="STJ734" s="424"/>
      <c r="STK734" s="424"/>
      <c r="STL734" s="424"/>
      <c r="STM734" s="423" t="s">
        <v>2795</v>
      </c>
      <c r="STN734" s="424"/>
      <c r="STO734" s="424"/>
      <c r="STP734" s="424"/>
      <c r="STQ734" s="423" t="s">
        <v>2795</v>
      </c>
      <c r="STR734" s="424"/>
      <c r="STS734" s="424"/>
      <c r="STT734" s="424"/>
      <c r="STU734" s="423" t="s">
        <v>2795</v>
      </c>
      <c r="STV734" s="424"/>
      <c r="STW734" s="424"/>
      <c r="STX734" s="424"/>
      <c r="STY734" s="423" t="s">
        <v>2795</v>
      </c>
      <c r="STZ734" s="424"/>
      <c r="SUA734" s="424"/>
      <c r="SUB734" s="424"/>
      <c r="SUC734" s="423" t="s">
        <v>2795</v>
      </c>
      <c r="SUD734" s="424"/>
      <c r="SUE734" s="424"/>
      <c r="SUF734" s="424"/>
      <c r="SUG734" s="423" t="s">
        <v>2795</v>
      </c>
      <c r="SUH734" s="424"/>
      <c r="SUI734" s="424"/>
      <c r="SUJ734" s="424"/>
      <c r="SUK734" s="423" t="s">
        <v>2795</v>
      </c>
      <c r="SUL734" s="424"/>
      <c r="SUM734" s="424"/>
      <c r="SUN734" s="424"/>
      <c r="SUO734" s="423" t="s">
        <v>2795</v>
      </c>
      <c r="SUP734" s="424"/>
      <c r="SUQ734" s="424"/>
      <c r="SUR734" s="424"/>
      <c r="SUS734" s="423" t="s">
        <v>2795</v>
      </c>
      <c r="SUT734" s="424"/>
      <c r="SUU734" s="424"/>
      <c r="SUV734" s="424"/>
      <c r="SUW734" s="423" t="s">
        <v>2795</v>
      </c>
      <c r="SUX734" s="424"/>
      <c r="SUY734" s="424"/>
      <c r="SUZ734" s="424"/>
      <c r="SVA734" s="423" t="s">
        <v>2795</v>
      </c>
      <c r="SVB734" s="424"/>
      <c r="SVC734" s="424"/>
      <c r="SVD734" s="424"/>
      <c r="SVE734" s="423" t="s">
        <v>2795</v>
      </c>
      <c r="SVF734" s="424"/>
      <c r="SVG734" s="424"/>
      <c r="SVH734" s="424"/>
      <c r="SVI734" s="423" t="s">
        <v>2795</v>
      </c>
      <c r="SVJ734" s="424"/>
      <c r="SVK734" s="424"/>
      <c r="SVL734" s="424"/>
      <c r="SVM734" s="423" t="s">
        <v>2795</v>
      </c>
      <c r="SVN734" s="424"/>
      <c r="SVO734" s="424"/>
      <c r="SVP734" s="424"/>
      <c r="SVQ734" s="423" t="s">
        <v>2795</v>
      </c>
      <c r="SVR734" s="424"/>
      <c r="SVS734" s="424"/>
      <c r="SVT734" s="424"/>
      <c r="SVU734" s="423" t="s">
        <v>2795</v>
      </c>
      <c r="SVV734" s="424"/>
      <c r="SVW734" s="424"/>
      <c r="SVX734" s="424"/>
      <c r="SVY734" s="423" t="s">
        <v>2795</v>
      </c>
      <c r="SVZ734" s="424"/>
      <c r="SWA734" s="424"/>
      <c r="SWB734" s="424"/>
      <c r="SWC734" s="423" t="s">
        <v>2795</v>
      </c>
      <c r="SWD734" s="424"/>
      <c r="SWE734" s="424"/>
      <c r="SWF734" s="424"/>
      <c r="SWG734" s="423" t="s">
        <v>2795</v>
      </c>
      <c r="SWH734" s="424"/>
      <c r="SWI734" s="424"/>
      <c r="SWJ734" s="424"/>
      <c r="SWK734" s="423" t="s">
        <v>2795</v>
      </c>
      <c r="SWL734" s="424"/>
      <c r="SWM734" s="424"/>
      <c r="SWN734" s="424"/>
      <c r="SWO734" s="423" t="s">
        <v>2795</v>
      </c>
      <c r="SWP734" s="424"/>
      <c r="SWQ734" s="424"/>
      <c r="SWR734" s="424"/>
      <c r="SWS734" s="423" t="s">
        <v>2795</v>
      </c>
      <c r="SWT734" s="424"/>
      <c r="SWU734" s="424"/>
      <c r="SWV734" s="424"/>
      <c r="SWW734" s="423" t="s">
        <v>2795</v>
      </c>
      <c r="SWX734" s="424"/>
      <c r="SWY734" s="424"/>
      <c r="SWZ734" s="424"/>
      <c r="SXA734" s="423" t="s">
        <v>2795</v>
      </c>
      <c r="SXB734" s="424"/>
      <c r="SXC734" s="424"/>
      <c r="SXD734" s="424"/>
      <c r="SXE734" s="423" t="s">
        <v>2795</v>
      </c>
      <c r="SXF734" s="424"/>
      <c r="SXG734" s="424"/>
      <c r="SXH734" s="424"/>
      <c r="SXI734" s="423" t="s">
        <v>2795</v>
      </c>
      <c r="SXJ734" s="424"/>
      <c r="SXK734" s="424"/>
      <c r="SXL734" s="424"/>
      <c r="SXM734" s="423" t="s">
        <v>2795</v>
      </c>
      <c r="SXN734" s="424"/>
      <c r="SXO734" s="424"/>
      <c r="SXP734" s="424"/>
      <c r="SXQ734" s="423" t="s">
        <v>2795</v>
      </c>
      <c r="SXR734" s="424"/>
      <c r="SXS734" s="424"/>
      <c r="SXT734" s="424"/>
      <c r="SXU734" s="423" t="s">
        <v>2795</v>
      </c>
      <c r="SXV734" s="424"/>
      <c r="SXW734" s="424"/>
      <c r="SXX734" s="424"/>
      <c r="SXY734" s="423" t="s">
        <v>2795</v>
      </c>
      <c r="SXZ734" s="424"/>
      <c r="SYA734" s="424"/>
      <c r="SYB734" s="424"/>
      <c r="SYC734" s="423" t="s">
        <v>2795</v>
      </c>
      <c r="SYD734" s="424"/>
      <c r="SYE734" s="424"/>
      <c r="SYF734" s="424"/>
      <c r="SYG734" s="423" t="s">
        <v>2795</v>
      </c>
      <c r="SYH734" s="424"/>
      <c r="SYI734" s="424"/>
      <c r="SYJ734" s="424"/>
      <c r="SYK734" s="423" t="s">
        <v>2795</v>
      </c>
      <c r="SYL734" s="424"/>
      <c r="SYM734" s="424"/>
      <c r="SYN734" s="424"/>
      <c r="SYO734" s="423" t="s">
        <v>2795</v>
      </c>
      <c r="SYP734" s="424"/>
      <c r="SYQ734" s="424"/>
      <c r="SYR734" s="424"/>
      <c r="SYS734" s="423" t="s">
        <v>2795</v>
      </c>
      <c r="SYT734" s="424"/>
      <c r="SYU734" s="424"/>
      <c r="SYV734" s="424"/>
      <c r="SYW734" s="423" t="s">
        <v>2795</v>
      </c>
      <c r="SYX734" s="424"/>
      <c r="SYY734" s="424"/>
      <c r="SYZ734" s="424"/>
      <c r="SZA734" s="423" t="s">
        <v>2795</v>
      </c>
      <c r="SZB734" s="424"/>
      <c r="SZC734" s="424"/>
      <c r="SZD734" s="424"/>
      <c r="SZE734" s="423" t="s">
        <v>2795</v>
      </c>
      <c r="SZF734" s="424"/>
      <c r="SZG734" s="424"/>
      <c r="SZH734" s="424"/>
      <c r="SZI734" s="423" t="s">
        <v>2795</v>
      </c>
      <c r="SZJ734" s="424"/>
      <c r="SZK734" s="424"/>
      <c r="SZL734" s="424"/>
      <c r="SZM734" s="423" t="s">
        <v>2795</v>
      </c>
      <c r="SZN734" s="424"/>
      <c r="SZO734" s="424"/>
      <c r="SZP734" s="424"/>
      <c r="SZQ734" s="423" t="s">
        <v>2795</v>
      </c>
      <c r="SZR734" s="424"/>
      <c r="SZS734" s="424"/>
      <c r="SZT734" s="424"/>
      <c r="SZU734" s="423" t="s">
        <v>2795</v>
      </c>
      <c r="SZV734" s="424"/>
      <c r="SZW734" s="424"/>
      <c r="SZX734" s="424"/>
      <c r="SZY734" s="423" t="s">
        <v>2795</v>
      </c>
      <c r="SZZ734" s="424"/>
      <c r="TAA734" s="424"/>
      <c r="TAB734" s="424"/>
      <c r="TAC734" s="423" t="s">
        <v>2795</v>
      </c>
      <c r="TAD734" s="424"/>
      <c r="TAE734" s="424"/>
      <c r="TAF734" s="424"/>
      <c r="TAG734" s="423" t="s">
        <v>2795</v>
      </c>
      <c r="TAH734" s="424"/>
      <c r="TAI734" s="424"/>
      <c r="TAJ734" s="424"/>
      <c r="TAK734" s="423" t="s">
        <v>2795</v>
      </c>
      <c r="TAL734" s="424"/>
      <c r="TAM734" s="424"/>
      <c r="TAN734" s="424"/>
      <c r="TAO734" s="423" t="s">
        <v>2795</v>
      </c>
      <c r="TAP734" s="424"/>
      <c r="TAQ734" s="424"/>
      <c r="TAR734" s="424"/>
      <c r="TAS734" s="423" t="s">
        <v>2795</v>
      </c>
      <c r="TAT734" s="424"/>
      <c r="TAU734" s="424"/>
      <c r="TAV734" s="424"/>
      <c r="TAW734" s="423" t="s">
        <v>2795</v>
      </c>
      <c r="TAX734" s="424"/>
      <c r="TAY734" s="424"/>
      <c r="TAZ734" s="424"/>
      <c r="TBA734" s="423" t="s">
        <v>2795</v>
      </c>
      <c r="TBB734" s="424"/>
      <c r="TBC734" s="424"/>
      <c r="TBD734" s="424"/>
      <c r="TBE734" s="423" t="s">
        <v>2795</v>
      </c>
      <c r="TBF734" s="424"/>
      <c r="TBG734" s="424"/>
      <c r="TBH734" s="424"/>
      <c r="TBI734" s="423" t="s">
        <v>2795</v>
      </c>
      <c r="TBJ734" s="424"/>
      <c r="TBK734" s="424"/>
      <c r="TBL734" s="424"/>
      <c r="TBM734" s="423" t="s">
        <v>2795</v>
      </c>
      <c r="TBN734" s="424"/>
      <c r="TBO734" s="424"/>
      <c r="TBP734" s="424"/>
      <c r="TBQ734" s="423" t="s">
        <v>2795</v>
      </c>
      <c r="TBR734" s="424"/>
      <c r="TBS734" s="424"/>
      <c r="TBT734" s="424"/>
      <c r="TBU734" s="423" t="s">
        <v>2795</v>
      </c>
      <c r="TBV734" s="424"/>
      <c r="TBW734" s="424"/>
      <c r="TBX734" s="424"/>
      <c r="TBY734" s="423" t="s">
        <v>2795</v>
      </c>
      <c r="TBZ734" s="424"/>
      <c r="TCA734" s="424"/>
      <c r="TCB734" s="424"/>
      <c r="TCC734" s="423" t="s">
        <v>2795</v>
      </c>
      <c r="TCD734" s="424"/>
      <c r="TCE734" s="424"/>
      <c r="TCF734" s="424"/>
      <c r="TCG734" s="423" t="s">
        <v>2795</v>
      </c>
      <c r="TCH734" s="424"/>
      <c r="TCI734" s="424"/>
      <c r="TCJ734" s="424"/>
      <c r="TCK734" s="423" t="s">
        <v>2795</v>
      </c>
      <c r="TCL734" s="424"/>
      <c r="TCM734" s="424"/>
      <c r="TCN734" s="424"/>
      <c r="TCO734" s="423" t="s">
        <v>2795</v>
      </c>
      <c r="TCP734" s="424"/>
      <c r="TCQ734" s="424"/>
      <c r="TCR734" s="424"/>
      <c r="TCS734" s="423" t="s">
        <v>2795</v>
      </c>
      <c r="TCT734" s="424"/>
      <c r="TCU734" s="424"/>
      <c r="TCV734" s="424"/>
      <c r="TCW734" s="423" t="s">
        <v>2795</v>
      </c>
      <c r="TCX734" s="424"/>
      <c r="TCY734" s="424"/>
      <c r="TCZ734" s="424"/>
      <c r="TDA734" s="423" t="s">
        <v>2795</v>
      </c>
      <c r="TDB734" s="424"/>
      <c r="TDC734" s="424"/>
      <c r="TDD734" s="424"/>
      <c r="TDE734" s="423" t="s">
        <v>2795</v>
      </c>
      <c r="TDF734" s="424"/>
      <c r="TDG734" s="424"/>
      <c r="TDH734" s="424"/>
      <c r="TDI734" s="423" t="s">
        <v>2795</v>
      </c>
      <c r="TDJ734" s="424"/>
      <c r="TDK734" s="424"/>
      <c r="TDL734" s="424"/>
      <c r="TDM734" s="423" t="s">
        <v>2795</v>
      </c>
      <c r="TDN734" s="424"/>
      <c r="TDO734" s="424"/>
      <c r="TDP734" s="424"/>
      <c r="TDQ734" s="423" t="s">
        <v>2795</v>
      </c>
      <c r="TDR734" s="424"/>
      <c r="TDS734" s="424"/>
      <c r="TDT734" s="424"/>
      <c r="TDU734" s="423" t="s">
        <v>2795</v>
      </c>
      <c r="TDV734" s="424"/>
      <c r="TDW734" s="424"/>
      <c r="TDX734" s="424"/>
      <c r="TDY734" s="423" t="s">
        <v>2795</v>
      </c>
      <c r="TDZ734" s="424"/>
      <c r="TEA734" s="424"/>
      <c r="TEB734" s="424"/>
      <c r="TEC734" s="423" t="s">
        <v>2795</v>
      </c>
      <c r="TED734" s="424"/>
      <c r="TEE734" s="424"/>
      <c r="TEF734" s="424"/>
      <c r="TEG734" s="423" t="s">
        <v>2795</v>
      </c>
      <c r="TEH734" s="424"/>
      <c r="TEI734" s="424"/>
      <c r="TEJ734" s="424"/>
      <c r="TEK734" s="423" t="s">
        <v>2795</v>
      </c>
      <c r="TEL734" s="424"/>
      <c r="TEM734" s="424"/>
      <c r="TEN734" s="424"/>
      <c r="TEO734" s="423" t="s">
        <v>2795</v>
      </c>
      <c r="TEP734" s="424"/>
      <c r="TEQ734" s="424"/>
      <c r="TER734" s="424"/>
      <c r="TES734" s="423" t="s">
        <v>2795</v>
      </c>
      <c r="TET734" s="424"/>
      <c r="TEU734" s="424"/>
      <c r="TEV734" s="424"/>
      <c r="TEW734" s="423" t="s">
        <v>2795</v>
      </c>
      <c r="TEX734" s="424"/>
      <c r="TEY734" s="424"/>
      <c r="TEZ734" s="424"/>
      <c r="TFA734" s="423" t="s">
        <v>2795</v>
      </c>
      <c r="TFB734" s="424"/>
      <c r="TFC734" s="424"/>
      <c r="TFD734" s="424"/>
      <c r="TFE734" s="423" t="s">
        <v>2795</v>
      </c>
      <c r="TFF734" s="424"/>
      <c r="TFG734" s="424"/>
      <c r="TFH734" s="424"/>
      <c r="TFI734" s="423" t="s">
        <v>2795</v>
      </c>
      <c r="TFJ734" s="424"/>
      <c r="TFK734" s="424"/>
      <c r="TFL734" s="424"/>
      <c r="TFM734" s="423" t="s">
        <v>2795</v>
      </c>
      <c r="TFN734" s="424"/>
      <c r="TFO734" s="424"/>
      <c r="TFP734" s="424"/>
      <c r="TFQ734" s="423" t="s">
        <v>2795</v>
      </c>
      <c r="TFR734" s="424"/>
      <c r="TFS734" s="424"/>
      <c r="TFT734" s="424"/>
      <c r="TFU734" s="423" t="s">
        <v>2795</v>
      </c>
      <c r="TFV734" s="424"/>
      <c r="TFW734" s="424"/>
      <c r="TFX734" s="424"/>
      <c r="TFY734" s="423" t="s">
        <v>2795</v>
      </c>
      <c r="TFZ734" s="424"/>
      <c r="TGA734" s="424"/>
      <c r="TGB734" s="424"/>
      <c r="TGC734" s="423" t="s">
        <v>2795</v>
      </c>
      <c r="TGD734" s="424"/>
      <c r="TGE734" s="424"/>
      <c r="TGF734" s="424"/>
      <c r="TGG734" s="423" t="s">
        <v>2795</v>
      </c>
      <c r="TGH734" s="424"/>
      <c r="TGI734" s="424"/>
      <c r="TGJ734" s="424"/>
      <c r="TGK734" s="423" t="s">
        <v>2795</v>
      </c>
      <c r="TGL734" s="424"/>
      <c r="TGM734" s="424"/>
      <c r="TGN734" s="424"/>
      <c r="TGO734" s="423" t="s">
        <v>2795</v>
      </c>
      <c r="TGP734" s="424"/>
      <c r="TGQ734" s="424"/>
      <c r="TGR734" s="424"/>
      <c r="TGS734" s="423" t="s">
        <v>2795</v>
      </c>
      <c r="TGT734" s="424"/>
      <c r="TGU734" s="424"/>
      <c r="TGV734" s="424"/>
      <c r="TGW734" s="423" t="s">
        <v>2795</v>
      </c>
      <c r="TGX734" s="424"/>
      <c r="TGY734" s="424"/>
      <c r="TGZ734" s="424"/>
      <c r="THA734" s="423" t="s">
        <v>2795</v>
      </c>
      <c r="THB734" s="424"/>
      <c r="THC734" s="424"/>
      <c r="THD734" s="424"/>
      <c r="THE734" s="423" t="s">
        <v>2795</v>
      </c>
      <c r="THF734" s="424"/>
      <c r="THG734" s="424"/>
      <c r="THH734" s="424"/>
      <c r="THI734" s="423" t="s">
        <v>2795</v>
      </c>
      <c r="THJ734" s="424"/>
      <c r="THK734" s="424"/>
      <c r="THL734" s="424"/>
      <c r="THM734" s="423" t="s">
        <v>2795</v>
      </c>
      <c r="THN734" s="424"/>
      <c r="THO734" s="424"/>
      <c r="THP734" s="424"/>
      <c r="THQ734" s="423" t="s">
        <v>2795</v>
      </c>
      <c r="THR734" s="424"/>
      <c r="THS734" s="424"/>
      <c r="THT734" s="424"/>
      <c r="THU734" s="423" t="s">
        <v>2795</v>
      </c>
      <c r="THV734" s="424"/>
      <c r="THW734" s="424"/>
      <c r="THX734" s="424"/>
      <c r="THY734" s="423" t="s">
        <v>2795</v>
      </c>
      <c r="THZ734" s="424"/>
      <c r="TIA734" s="424"/>
      <c r="TIB734" s="424"/>
      <c r="TIC734" s="423" t="s">
        <v>2795</v>
      </c>
      <c r="TID734" s="424"/>
      <c r="TIE734" s="424"/>
      <c r="TIF734" s="424"/>
      <c r="TIG734" s="423" t="s">
        <v>2795</v>
      </c>
      <c r="TIH734" s="424"/>
      <c r="TII734" s="424"/>
      <c r="TIJ734" s="424"/>
      <c r="TIK734" s="423" t="s">
        <v>2795</v>
      </c>
      <c r="TIL734" s="424"/>
      <c r="TIM734" s="424"/>
      <c r="TIN734" s="424"/>
      <c r="TIO734" s="423" t="s">
        <v>2795</v>
      </c>
      <c r="TIP734" s="424"/>
      <c r="TIQ734" s="424"/>
      <c r="TIR734" s="424"/>
      <c r="TIS734" s="423" t="s">
        <v>2795</v>
      </c>
      <c r="TIT734" s="424"/>
      <c r="TIU734" s="424"/>
      <c r="TIV734" s="424"/>
      <c r="TIW734" s="423" t="s">
        <v>2795</v>
      </c>
      <c r="TIX734" s="424"/>
      <c r="TIY734" s="424"/>
      <c r="TIZ734" s="424"/>
      <c r="TJA734" s="423" t="s">
        <v>2795</v>
      </c>
      <c r="TJB734" s="424"/>
      <c r="TJC734" s="424"/>
      <c r="TJD734" s="424"/>
      <c r="TJE734" s="423" t="s">
        <v>2795</v>
      </c>
      <c r="TJF734" s="424"/>
      <c r="TJG734" s="424"/>
      <c r="TJH734" s="424"/>
      <c r="TJI734" s="423" t="s">
        <v>2795</v>
      </c>
      <c r="TJJ734" s="424"/>
      <c r="TJK734" s="424"/>
      <c r="TJL734" s="424"/>
      <c r="TJM734" s="423" t="s">
        <v>2795</v>
      </c>
      <c r="TJN734" s="424"/>
      <c r="TJO734" s="424"/>
      <c r="TJP734" s="424"/>
      <c r="TJQ734" s="423" t="s">
        <v>2795</v>
      </c>
      <c r="TJR734" s="424"/>
      <c r="TJS734" s="424"/>
      <c r="TJT734" s="424"/>
      <c r="TJU734" s="423" t="s">
        <v>2795</v>
      </c>
      <c r="TJV734" s="424"/>
      <c r="TJW734" s="424"/>
      <c r="TJX734" s="424"/>
      <c r="TJY734" s="423" t="s">
        <v>2795</v>
      </c>
      <c r="TJZ734" s="424"/>
      <c r="TKA734" s="424"/>
      <c r="TKB734" s="424"/>
      <c r="TKC734" s="423" t="s">
        <v>2795</v>
      </c>
      <c r="TKD734" s="424"/>
      <c r="TKE734" s="424"/>
      <c r="TKF734" s="424"/>
      <c r="TKG734" s="423" t="s">
        <v>2795</v>
      </c>
      <c r="TKH734" s="424"/>
      <c r="TKI734" s="424"/>
      <c r="TKJ734" s="424"/>
      <c r="TKK734" s="423" t="s">
        <v>2795</v>
      </c>
      <c r="TKL734" s="424"/>
      <c r="TKM734" s="424"/>
      <c r="TKN734" s="424"/>
      <c r="TKO734" s="423" t="s">
        <v>2795</v>
      </c>
      <c r="TKP734" s="424"/>
      <c r="TKQ734" s="424"/>
      <c r="TKR734" s="424"/>
      <c r="TKS734" s="423" t="s">
        <v>2795</v>
      </c>
      <c r="TKT734" s="424"/>
      <c r="TKU734" s="424"/>
      <c r="TKV734" s="424"/>
      <c r="TKW734" s="423" t="s">
        <v>2795</v>
      </c>
      <c r="TKX734" s="424"/>
      <c r="TKY734" s="424"/>
      <c r="TKZ734" s="424"/>
      <c r="TLA734" s="423" t="s">
        <v>2795</v>
      </c>
      <c r="TLB734" s="424"/>
      <c r="TLC734" s="424"/>
      <c r="TLD734" s="424"/>
      <c r="TLE734" s="423" t="s">
        <v>2795</v>
      </c>
      <c r="TLF734" s="424"/>
      <c r="TLG734" s="424"/>
      <c r="TLH734" s="424"/>
      <c r="TLI734" s="423" t="s">
        <v>2795</v>
      </c>
      <c r="TLJ734" s="424"/>
      <c r="TLK734" s="424"/>
      <c r="TLL734" s="424"/>
      <c r="TLM734" s="423" t="s">
        <v>2795</v>
      </c>
      <c r="TLN734" s="424"/>
      <c r="TLO734" s="424"/>
      <c r="TLP734" s="424"/>
      <c r="TLQ734" s="423" t="s">
        <v>2795</v>
      </c>
      <c r="TLR734" s="424"/>
      <c r="TLS734" s="424"/>
      <c r="TLT734" s="424"/>
      <c r="TLU734" s="423" t="s">
        <v>2795</v>
      </c>
      <c r="TLV734" s="424"/>
      <c r="TLW734" s="424"/>
      <c r="TLX734" s="424"/>
      <c r="TLY734" s="423" t="s">
        <v>2795</v>
      </c>
      <c r="TLZ734" s="424"/>
      <c r="TMA734" s="424"/>
      <c r="TMB734" s="424"/>
      <c r="TMC734" s="423" t="s">
        <v>2795</v>
      </c>
      <c r="TMD734" s="424"/>
      <c r="TME734" s="424"/>
      <c r="TMF734" s="424"/>
      <c r="TMG734" s="423" t="s">
        <v>2795</v>
      </c>
      <c r="TMH734" s="424"/>
      <c r="TMI734" s="424"/>
      <c r="TMJ734" s="424"/>
      <c r="TMK734" s="423" t="s">
        <v>2795</v>
      </c>
      <c r="TML734" s="424"/>
      <c r="TMM734" s="424"/>
      <c r="TMN734" s="424"/>
      <c r="TMO734" s="423" t="s">
        <v>2795</v>
      </c>
      <c r="TMP734" s="424"/>
      <c r="TMQ734" s="424"/>
      <c r="TMR734" s="424"/>
      <c r="TMS734" s="423" t="s">
        <v>2795</v>
      </c>
      <c r="TMT734" s="424"/>
      <c r="TMU734" s="424"/>
      <c r="TMV734" s="424"/>
      <c r="TMW734" s="423" t="s">
        <v>2795</v>
      </c>
      <c r="TMX734" s="424"/>
      <c r="TMY734" s="424"/>
      <c r="TMZ734" s="424"/>
      <c r="TNA734" s="423" t="s">
        <v>2795</v>
      </c>
      <c r="TNB734" s="424"/>
      <c r="TNC734" s="424"/>
      <c r="TND734" s="424"/>
      <c r="TNE734" s="423" t="s">
        <v>2795</v>
      </c>
      <c r="TNF734" s="424"/>
      <c r="TNG734" s="424"/>
      <c r="TNH734" s="424"/>
      <c r="TNI734" s="423" t="s">
        <v>2795</v>
      </c>
      <c r="TNJ734" s="424"/>
      <c r="TNK734" s="424"/>
      <c r="TNL734" s="424"/>
      <c r="TNM734" s="423" t="s">
        <v>2795</v>
      </c>
      <c r="TNN734" s="424"/>
      <c r="TNO734" s="424"/>
      <c r="TNP734" s="424"/>
      <c r="TNQ734" s="423" t="s">
        <v>2795</v>
      </c>
      <c r="TNR734" s="424"/>
      <c r="TNS734" s="424"/>
      <c r="TNT734" s="424"/>
      <c r="TNU734" s="423" t="s">
        <v>2795</v>
      </c>
      <c r="TNV734" s="424"/>
      <c r="TNW734" s="424"/>
      <c r="TNX734" s="424"/>
      <c r="TNY734" s="423" t="s">
        <v>2795</v>
      </c>
      <c r="TNZ734" s="424"/>
      <c r="TOA734" s="424"/>
      <c r="TOB734" s="424"/>
      <c r="TOC734" s="423" t="s">
        <v>2795</v>
      </c>
      <c r="TOD734" s="424"/>
      <c r="TOE734" s="424"/>
      <c r="TOF734" s="424"/>
      <c r="TOG734" s="423" t="s">
        <v>2795</v>
      </c>
      <c r="TOH734" s="424"/>
      <c r="TOI734" s="424"/>
      <c r="TOJ734" s="424"/>
      <c r="TOK734" s="423" t="s">
        <v>2795</v>
      </c>
      <c r="TOL734" s="424"/>
      <c r="TOM734" s="424"/>
      <c r="TON734" s="424"/>
      <c r="TOO734" s="423" t="s">
        <v>2795</v>
      </c>
      <c r="TOP734" s="424"/>
      <c r="TOQ734" s="424"/>
      <c r="TOR734" s="424"/>
      <c r="TOS734" s="423" t="s">
        <v>2795</v>
      </c>
      <c r="TOT734" s="424"/>
      <c r="TOU734" s="424"/>
      <c r="TOV734" s="424"/>
      <c r="TOW734" s="423" t="s">
        <v>2795</v>
      </c>
      <c r="TOX734" s="424"/>
      <c r="TOY734" s="424"/>
      <c r="TOZ734" s="424"/>
      <c r="TPA734" s="423" t="s">
        <v>2795</v>
      </c>
      <c r="TPB734" s="424"/>
      <c r="TPC734" s="424"/>
      <c r="TPD734" s="424"/>
      <c r="TPE734" s="423" t="s">
        <v>2795</v>
      </c>
      <c r="TPF734" s="424"/>
      <c r="TPG734" s="424"/>
      <c r="TPH734" s="424"/>
      <c r="TPI734" s="423" t="s">
        <v>2795</v>
      </c>
      <c r="TPJ734" s="424"/>
      <c r="TPK734" s="424"/>
      <c r="TPL734" s="424"/>
      <c r="TPM734" s="423" t="s">
        <v>2795</v>
      </c>
      <c r="TPN734" s="424"/>
      <c r="TPO734" s="424"/>
      <c r="TPP734" s="424"/>
      <c r="TPQ734" s="423" t="s">
        <v>2795</v>
      </c>
      <c r="TPR734" s="424"/>
      <c r="TPS734" s="424"/>
      <c r="TPT734" s="424"/>
      <c r="TPU734" s="423" t="s">
        <v>2795</v>
      </c>
      <c r="TPV734" s="424"/>
      <c r="TPW734" s="424"/>
      <c r="TPX734" s="424"/>
      <c r="TPY734" s="423" t="s">
        <v>2795</v>
      </c>
      <c r="TPZ734" s="424"/>
      <c r="TQA734" s="424"/>
      <c r="TQB734" s="424"/>
      <c r="TQC734" s="423" t="s">
        <v>2795</v>
      </c>
      <c r="TQD734" s="424"/>
      <c r="TQE734" s="424"/>
      <c r="TQF734" s="424"/>
      <c r="TQG734" s="423" t="s">
        <v>2795</v>
      </c>
      <c r="TQH734" s="424"/>
      <c r="TQI734" s="424"/>
      <c r="TQJ734" s="424"/>
      <c r="TQK734" s="423" t="s">
        <v>2795</v>
      </c>
      <c r="TQL734" s="424"/>
      <c r="TQM734" s="424"/>
      <c r="TQN734" s="424"/>
      <c r="TQO734" s="423" t="s">
        <v>2795</v>
      </c>
      <c r="TQP734" s="424"/>
      <c r="TQQ734" s="424"/>
      <c r="TQR734" s="424"/>
      <c r="TQS734" s="423" t="s">
        <v>2795</v>
      </c>
      <c r="TQT734" s="424"/>
      <c r="TQU734" s="424"/>
      <c r="TQV734" s="424"/>
      <c r="TQW734" s="423" t="s">
        <v>2795</v>
      </c>
      <c r="TQX734" s="424"/>
      <c r="TQY734" s="424"/>
      <c r="TQZ734" s="424"/>
      <c r="TRA734" s="423" t="s">
        <v>2795</v>
      </c>
      <c r="TRB734" s="424"/>
      <c r="TRC734" s="424"/>
      <c r="TRD734" s="424"/>
      <c r="TRE734" s="423" t="s">
        <v>2795</v>
      </c>
      <c r="TRF734" s="424"/>
      <c r="TRG734" s="424"/>
      <c r="TRH734" s="424"/>
      <c r="TRI734" s="423" t="s">
        <v>2795</v>
      </c>
      <c r="TRJ734" s="424"/>
      <c r="TRK734" s="424"/>
      <c r="TRL734" s="424"/>
      <c r="TRM734" s="423" t="s">
        <v>2795</v>
      </c>
      <c r="TRN734" s="424"/>
      <c r="TRO734" s="424"/>
      <c r="TRP734" s="424"/>
      <c r="TRQ734" s="423" t="s">
        <v>2795</v>
      </c>
      <c r="TRR734" s="424"/>
      <c r="TRS734" s="424"/>
      <c r="TRT734" s="424"/>
      <c r="TRU734" s="423" t="s">
        <v>2795</v>
      </c>
      <c r="TRV734" s="424"/>
      <c r="TRW734" s="424"/>
      <c r="TRX734" s="424"/>
      <c r="TRY734" s="423" t="s">
        <v>2795</v>
      </c>
      <c r="TRZ734" s="424"/>
      <c r="TSA734" s="424"/>
      <c r="TSB734" s="424"/>
      <c r="TSC734" s="423" t="s">
        <v>2795</v>
      </c>
      <c r="TSD734" s="424"/>
      <c r="TSE734" s="424"/>
      <c r="TSF734" s="424"/>
      <c r="TSG734" s="423" t="s">
        <v>2795</v>
      </c>
      <c r="TSH734" s="424"/>
      <c r="TSI734" s="424"/>
      <c r="TSJ734" s="424"/>
      <c r="TSK734" s="423" t="s">
        <v>2795</v>
      </c>
      <c r="TSL734" s="424"/>
      <c r="TSM734" s="424"/>
      <c r="TSN734" s="424"/>
      <c r="TSO734" s="423" t="s">
        <v>2795</v>
      </c>
      <c r="TSP734" s="424"/>
      <c r="TSQ734" s="424"/>
      <c r="TSR734" s="424"/>
      <c r="TSS734" s="423" t="s">
        <v>2795</v>
      </c>
      <c r="TST734" s="424"/>
      <c r="TSU734" s="424"/>
      <c r="TSV734" s="424"/>
      <c r="TSW734" s="423" t="s">
        <v>2795</v>
      </c>
      <c r="TSX734" s="424"/>
      <c r="TSY734" s="424"/>
      <c r="TSZ734" s="424"/>
      <c r="TTA734" s="423" t="s">
        <v>2795</v>
      </c>
      <c r="TTB734" s="424"/>
      <c r="TTC734" s="424"/>
      <c r="TTD734" s="424"/>
      <c r="TTE734" s="423" t="s">
        <v>2795</v>
      </c>
      <c r="TTF734" s="424"/>
      <c r="TTG734" s="424"/>
      <c r="TTH734" s="424"/>
      <c r="TTI734" s="423" t="s">
        <v>2795</v>
      </c>
      <c r="TTJ734" s="424"/>
      <c r="TTK734" s="424"/>
      <c r="TTL734" s="424"/>
      <c r="TTM734" s="423" t="s">
        <v>2795</v>
      </c>
      <c r="TTN734" s="424"/>
      <c r="TTO734" s="424"/>
      <c r="TTP734" s="424"/>
      <c r="TTQ734" s="423" t="s">
        <v>2795</v>
      </c>
      <c r="TTR734" s="424"/>
      <c r="TTS734" s="424"/>
      <c r="TTT734" s="424"/>
      <c r="TTU734" s="423" t="s">
        <v>2795</v>
      </c>
      <c r="TTV734" s="424"/>
      <c r="TTW734" s="424"/>
      <c r="TTX734" s="424"/>
      <c r="TTY734" s="423" t="s">
        <v>2795</v>
      </c>
      <c r="TTZ734" s="424"/>
      <c r="TUA734" s="424"/>
      <c r="TUB734" s="424"/>
      <c r="TUC734" s="423" t="s">
        <v>2795</v>
      </c>
      <c r="TUD734" s="424"/>
      <c r="TUE734" s="424"/>
      <c r="TUF734" s="424"/>
      <c r="TUG734" s="423" t="s">
        <v>2795</v>
      </c>
      <c r="TUH734" s="424"/>
      <c r="TUI734" s="424"/>
      <c r="TUJ734" s="424"/>
      <c r="TUK734" s="423" t="s">
        <v>2795</v>
      </c>
      <c r="TUL734" s="424"/>
      <c r="TUM734" s="424"/>
      <c r="TUN734" s="424"/>
      <c r="TUO734" s="423" t="s">
        <v>2795</v>
      </c>
      <c r="TUP734" s="424"/>
      <c r="TUQ734" s="424"/>
      <c r="TUR734" s="424"/>
      <c r="TUS734" s="423" t="s">
        <v>2795</v>
      </c>
      <c r="TUT734" s="424"/>
      <c r="TUU734" s="424"/>
      <c r="TUV734" s="424"/>
      <c r="TUW734" s="423" t="s">
        <v>2795</v>
      </c>
      <c r="TUX734" s="424"/>
      <c r="TUY734" s="424"/>
      <c r="TUZ734" s="424"/>
      <c r="TVA734" s="423" t="s">
        <v>2795</v>
      </c>
      <c r="TVB734" s="424"/>
      <c r="TVC734" s="424"/>
      <c r="TVD734" s="424"/>
      <c r="TVE734" s="423" t="s">
        <v>2795</v>
      </c>
      <c r="TVF734" s="424"/>
      <c r="TVG734" s="424"/>
      <c r="TVH734" s="424"/>
      <c r="TVI734" s="423" t="s">
        <v>2795</v>
      </c>
      <c r="TVJ734" s="424"/>
      <c r="TVK734" s="424"/>
      <c r="TVL734" s="424"/>
      <c r="TVM734" s="423" t="s">
        <v>2795</v>
      </c>
      <c r="TVN734" s="424"/>
      <c r="TVO734" s="424"/>
      <c r="TVP734" s="424"/>
      <c r="TVQ734" s="423" t="s">
        <v>2795</v>
      </c>
      <c r="TVR734" s="424"/>
      <c r="TVS734" s="424"/>
      <c r="TVT734" s="424"/>
      <c r="TVU734" s="423" t="s">
        <v>2795</v>
      </c>
      <c r="TVV734" s="424"/>
      <c r="TVW734" s="424"/>
      <c r="TVX734" s="424"/>
      <c r="TVY734" s="423" t="s">
        <v>2795</v>
      </c>
      <c r="TVZ734" s="424"/>
      <c r="TWA734" s="424"/>
      <c r="TWB734" s="424"/>
      <c r="TWC734" s="423" t="s">
        <v>2795</v>
      </c>
      <c r="TWD734" s="424"/>
      <c r="TWE734" s="424"/>
      <c r="TWF734" s="424"/>
      <c r="TWG734" s="423" t="s">
        <v>2795</v>
      </c>
      <c r="TWH734" s="424"/>
      <c r="TWI734" s="424"/>
      <c r="TWJ734" s="424"/>
      <c r="TWK734" s="423" t="s">
        <v>2795</v>
      </c>
      <c r="TWL734" s="424"/>
      <c r="TWM734" s="424"/>
      <c r="TWN734" s="424"/>
      <c r="TWO734" s="423" t="s">
        <v>2795</v>
      </c>
      <c r="TWP734" s="424"/>
      <c r="TWQ734" s="424"/>
      <c r="TWR734" s="424"/>
      <c r="TWS734" s="423" t="s">
        <v>2795</v>
      </c>
      <c r="TWT734" s="424"/>
      <c r="TWU734" s="424"/>
      <c r="TWV734" s="424"/>
      <c r="TWW734" s="423" t="s">
        <v>2795</v>
      </c>
      <c r="TWX734" s="424"/>
      <c r="TWY734" s="424"/>
      <c r="TWZ734" s="424"/>
      <c r="TXA734" s="423" t="s">
        <v>2795</v>
      </c>
      <c r="TXB734" s="424"/>
      <c r="TXC734" s="424"/>
      <c r="TXD734" s="424"/>
      <c r="TXE734" s="423" t="s">
        <v>2795</v>
      </c>
      <c r="TXF734" s="424"/>
      <c r="TXG734" s="424"/>
      <c r="TXH734" s="424"/>
      <c r="TXI734" s="423" t="s">
        <v>2795</v>
      </c>
      <c r="TXJ734" s="424"/>
      <c r="TXK734" s="424"/>
      <c r="TXL734" s="424"/>
      <c r="TXM734" s="423" t="s">
        <v>2795</v>
      </c>
      <c r="TXN734" s="424"/>
      <c r="TXO734" s="424"/>
      <c r="TXP734" s="424"/>
      <c r="TXQ734" s="423" t="s">
        <v>2795</v>
      </c>
      <c r="TXR734" s="424"/>
      <c r="TXS734" s="424"/>
      <c r="TXT734" s="424"/>
      <c r="TXU734" s="423" t="s">
        <v>2795</v>
      </c>
      <c r="TXV734" s="424"/>
      <c r="TXW734" s="424"/>
      <c r="TXX734" s="424"/>
      <c r="TXY734" s="423" t="s">
        <v>2795</v>
      </c>
      <c r="TXZ734" s="424"/>
      <c r="TYA734" s="424"/>
      <c r="TYB734" s="424"/>
      <c r="TYC734" s="423" t="s">
        <v>2795</v>
      </c>
      <c r="TYD734" s="424"/>
      <c r="TYE734" s="424"/>
      <c r="TYF734" s="424"/>
      <c r="TYG734" s="423" t="s">
        <v>2795</v>
      </c>
      <c r="TYH734" s="424"/>
      <c r="TYI734" s="424"/>
      <c r="TYJ734" s="424"/>
      <c r="TYK734" s="423" t="s">
        <v>2795</v>
      </c>
      <c r="TYL734" s="424"/>
      <c r="TYM734" s="424"/>
      <c r="TYN734" s="424"/>
      <c r="TYO734" s="423" t="s">
        <v>2795</v>
      </c>
      <c r="TYP734" s="424"/>
      <c r="TYQ734" s="424"/>
      <c r="TYR734" s="424"/>
      <c r="TYS734" s="423" t="s">
        <v>2795</v>
      </c>
      <c r="TYT734" s="424"/>
      <c r="TYU734" s="424"/>
      <c r="TYV734" s="424"/>
      <c r="TYW734" s="423" t="s">
        <v>2795</v>
      </c>
      <c r="TYX734" s="424"/>
      <c r="TYY734" s="424"/>
      <c r="TYZ734" s="424"/>
      <c r="TZA734" s="423" t="s">
        <v>2795</v>
      </c>
      <c r="TZB734" s="424"/>
      <c r="TZC734" s="424"/>
      <c r="TZD734" s="424"/>
      <c r="TZE734" s="423" t="s">
        <v>2795</v>
      </c>
      <c r="TZF734" s="424"/>
      <c r="TZG734" s="424"/>
      <c r="TZH734" s="424"/>
      <c r="TZI734" s="423" t="s">
        <v>2795</v>
      </c>
      <c r="TZJ734" s="424"/>
      <c r="TZK734" s="424"/>
      <c r="TZL734" s="424"/>
      <c r="TZM734" s="423" t="s">
        <v>2795</v>
      </c>
      <c r="TZN734" s="424"/>
      <c r="TZO734" s="424"/>
      <c r="TZP734" s="424"/>
      <c r="TZQ734" s="423" t="s">
        <v>2795</v>
      </c>
      <c r="TZR734" s="424"/>
      <c r="TZS734" s="424"/>
      <c r="TZT734" s="424"/>
      <c r="TZU734" s="423" t="s">
        <v>2795</v>
      </c>
      <c r="TZV734" s="424"/>
      <c r="TZW734" s="424"/>
      <c r="TZX734" s="424"/>
      <c r="TZY734" s="423" t="s">
        <v>2795</v>
      </c>
      <c r="TZZ734" s="424"/>
      <c r="UAA734" s="424"/>
      <c r="UAB734" s="424"/>
      <c r="UAC734" s="423" t="s">
        <v>2795</v>
      </c>
      <c r="UAD734" s="424"/>
      <c r="UAE734" s="424"/>
      <c r="UAF734" s="424"/>
      <c r="UAG734" s="423" t="s">
        <v>2795</v>
      </c>
      <c r="UAH734" s="424"/>
      <c r="UAI734" s="424"/>
      <c r="UAJ734" s="424"/>
      <c r="UAK734" s="423" t="s">
        <v>2795</v>
      </c>
      <c r="UAL734" s="424"/>
      <c r="UAM734" s="424"/>
      <c r="UAN734" s="424"/>
      <c r="UAO734" s="423" t="s">
        <v>2795</v>
      </c>
      <c r="UAP734" s="424"/>
      <c r="UAQ734" s="424"/>
      <c r="UAR734" s="424"/>
      <c r="UAS734" s="423" t="s">
        <v>2795</v>
      </c>
      <c r="UAT734" s="424"/>
      <c r="UAU734" s="424"/>
      <c r="UAV734" s="424"/>
      <c r="UAW734" s="423" t="s">
        <v>2795</v>
      </c>
      <c r="UAX734" s="424"/>
      <c r="UAY734" s="424"/>
      <c r="UAZ734" s="424"/>
      <c r="UBA734" s="423" t="s">
        <v>2795</v>
      </c>
      <c r="UBB734" s="424"/>
      <c r="UBC734" s="424"/>
      <c r="UBD734" s="424"/>
      <c r="UBE734" s="423" t="s">
        <v>2795</v>
      </c>
      <c r="UBF734" s="424"/>
      <c r="UBG734" s="424"/>
      <c r="UBH734" s="424"/>
      <c r="UBI734" s="423" t="s">
        <v>2795</v>
      </c>
      <c r="UBJ734" s="424"/>
      <c r="UBK734" s="424"/>
      <c r="UBL734" s="424"/>
      <c r="UBM734" s="423" t="s">
        <v>2795</v>
      </c>
      <c r="UBN734" s="424"/>
      <c r="UBO734" s="424"/>
      <c r="UBP734" s="424"/>
      <c r="UBQ734" s="423" t="s">
        <v>2795</v>
      </c>
      <c r="UBR734" s="424"/>
      <c r="UBS734" s="424"/>
      <c r="UBT734" s="424"/>
      <c r="UBU734" s="423" t="s">
        <v>2795</v>
      </c>
      <c r="UBV734" s="424"/>
      <c r="UBW734" s="424"/>
      <c r="UBX734" s="424"/>
      <c r="UBY734" s="423" t="s">
        <v>2795</v>
      </c>
      <c r="UBZ734" s="424"/>
      <c r="UCA734" s="424"/>
      <c r="UCB734" s="424"/>
      <c r="UCC734" s="423" t="s">
        <v>2795</v>
      </c>
      <c r="UCD734" s="424"/>
      <c r="UCE734" s="424"/>
      <c r="UCF734" s="424"/>
      <c r="UCG734" s="423" t="s">
        <v>2795</v>
      </c>
      <c r="UCH734" s="424"/>
      <c r="UCI734" s="424"/>
      <c r="UCJ734" s="424"/>
      <c r="UCK734" s="423" t="s">
        <v>2795</v>
      </c>
      <c r="UCL734" s="424"/>
      <c r="UCM734" s="424"/>
      <c r="UCN734" s="424"/>
      <c r="UCO734" s="423" t="s">
        <v>2795</v>
      </c>
      <c r="UCP734" s="424"/>
      <c r="UCQ734" s="424"/>
      <c r="UCR734" s="424"/>
      <c r="UCS734" s="423" t="s">
        <v>2795</v>
      </c>
      <c r="UCT734" s="424"/>
      <c r="UCU734" s="424"/>
      <c r="UCV734" s="424"/>
      <c r="UCW734" s="423" t="s">
        <v>2795</v>
      </c>
      <c r="UCX734" s="424"/>
      <c r="UCY734" s="424"/>
      <c r="UCZ734" s="424"/>
      <c r="UDA734" s="423" t="s">
        <v>2795</v>
      </c>
      <c r="UDB734" s="424"/>
      <c r="UDC734" s="424"/>
      <c r="UDD734" s="424"/>
      <c r="UDE734" s="423" t="s">
        <v>2795</v>
      </c>
      <c r="UDF734" s="424"/>
      <c r="UDG734" s="424"/>
      <c r="UDH734" s="424"/>
      <c r="UDI734" s="423" t="s">
        <v>2795</v>
      </c>
      <c r="UDJ734" s="424"/>
      <c r="UDK734" s="424"/>
      <c r="UDL734" s="424"/>
      <c r="UDM734" s="423" t="s">
        <v>2795</v>
      </c>
      <c r="UDN734" s="424"/>
      <c r="UDO734" s="424"/>
      <c r="UDP734" s="424"/>
      <c r="UDQ734" s="423" t="s">
        <v>2795</v>
      </c>
      <c r="UDR734" s="424"/>
      <c r="UDS734" s="424"/>
      <c r="UDT734" s="424"/>
      <c r="UDU734" s="423" t="s">
        <v>2795</v>
      </c>
      <c r="UDV734" s="424"/>
      <c r="UDW734" s="424"/>
      <c r="UDX734" s="424"/>
      <c r="UDY734" s="423" t="s">
        <v>2795</v>
      </c>
      <c r="UDZ734" s="424"/>
      <c r="UEA734" s="424"/>
      <c r="UEB734" s="424"/>
      <c r="UEC734" s="423" t="s">
        <v>2795</v>
      </c>
      <c r="UED734" s="424"/>
      <c r="UEE734" s="424"/>
      <c r="UEF734" s="424"/>
      <c r="UEG734" s="423" t="s">
        <v>2795</v>
      </c>
      <c r="UEH734" s="424"/>
      <c r="UEI734" s="424"/>
      <c r="UEJ734" s="424"/>
      <c r="UEK734" s="423" t="s">
        <v>2795</v>
      </c>
      <c r="UEL734" s="424"/>
      <c r="UEM734" s="424"/>
      <c r="UEN734" s="424"/>
      <c r="UEO734" s="423" t="s">
        <v>2795</v>
      </c>
      <c r="UEP734" s="424"/>
      <c r="UEQ734" s="424"/>
      <c r="UER734" s="424"/>
      <c r="UES734" s="423" t="s">
        <v>2795</v>
      </c>
      <c r="UET734" s="424"/>
      <c r="UEU734" s="424"/>
      <c r="UEV734" s="424"/>
      <c r="UEW734" s="423" t="s">
        <v>2795</v>
      </c>
      <c r="UEX734" s="424"/>
      <c r="UEY734" s="424"/>
      <c r="UEZ734" s="424"/>
      <c r="UFA734" s="423" t="s">
        <v>2795</v>
      </c>
      <c r="UFB734" s="424"/>
      <c r="UFC734" s="424"/>
      <c r="UFD734" s="424"/>
      <c r="UFE734" s="423" t="s">
        <v>2795</v>
      </c>
      <c r="UFF734" s="424"/>
      <c r="UFG734" s="424"/>
      <c r="UFH734" s="424"/>
      <c r="UFI734" s="423" t="s">
        <v>2795</v>
      </c>
      <c r="UFJ734" s="424"/>
      <c r="UFK734" s="424"/>
      <c r="UFL734" s="424"/>
      <c r="UFM734" s="423" t="s">
        <v>2795</v>
      </c>
      <c r="UFN734" s="424"/>
      <c r="UFO734" s="424"/>
      <c r="UFP734" s="424"/>
      <c r="UFQ734" s="423" t="s">
        <v>2795</v>
      </c>
      <c r="UFR734" s="424"/>
      <c r="UFS734" s="424"/>
      <c r="UFT734" s="424"/>
      <c r="UFU734" s="423" t="s">
        <v>2795</v>
      </c>
      <c r="UFV734" s="424"/>
      <c r="UFW734" s="424"/>
      <c r="UFX734" s="424"/>
      <c r="UFY734" s="423" t="s">
        <v>2795</v>
      </c>
      <c r="UFZ734" s="424"/>
      <c r="UGA734" s="424"/>
      <c r="UGB734" s="424"/>
      <c r="UGC734" s="423" t="s">
        <v>2795</v>
      </c>
      <c r="UGD734" s="424"/>
      <c r="UGE734" s="424"/>
      <c r="UGF734" s="424"/>
      <c r="UGG734" s="423" t="s">
        <v>2795</v>
      </c>
      <c r="UGH734" s="424"/>
      <c r="UGI734" s="424"/>
      <c r="UGJ734" s="424"/>
      <c r="UGK734" s="423" t="s">
        <v>2795</v>
      </c>
      <c r="UGL734" s="424"/>
      <c r="UGM734" s="424"/>
      <c r="UGN734" s="424"/>
      <c r="UGO734" s="423" t="s">
        <v>2795</v>
      </c>
      <c r="UGP734" s="424"/>
      <c r="UGQ734" s="424"/>
      <c r="UGR734" s="424"/>
      <c r="UGS734" s="423" t="s">
        <v>2795</v>
      </c>
      <c r="UGT734" s="424"/>
      <c r="UGU734" s="424"/>
      <c r="UGV734" s="424"/>
      <c r="UGW734" s="423" t="s">
        <v>2795</v>
      </c>
      <c r="UGX734" s="424"/>
      <c r="UGY734" s="424"/>
      <c r="UGZ734" s="424"/>
      <c r="UHA734" s="423" t="s">
        <v>2795</v>
      </c>
      <c r="UHB734" s="424"/>
      <c r="UHC734" s="424"/>
      <c r="UHD734" s="424"/>
      <c r="UHE734" s="423" t="s">
        <v>2795</v>
      </c>
      <c r="UHF734" s="424"/>
      <c r="UHG734" s="424"/>
      <c r="UHH734" s="424"/>
      <c r="UHI734" s="423" t="s">
        <v>2795</v>
      </c>
      <c r="UHJ734" s="424"/>
      <c r="UHK734" s="424"/>
      <c r="UHL734" s="424"/>
      <c r="UHM734" s="423" t="s">
        <v>2795</v>
      </c>
      <c r="UHN734" s="424"/>
      <c r="UHO734" s="424"/>
      <c r="UHP734" s="424"/>
      <c r="UHQ734" s="423" t="s">
        <v>2795</v>
      </c>
      <c r="UHR734" s="424"/>
      <c r="UHS734" s="424"/>
      <c r="UHT734" s="424"/>
      <c r="UHU734" s="423" t="s">
        <v>2795</v>
      </c>
      <c r="UHV734" s="424"/>
      <c r="UHW734" s="424"/>
      <c r="UHX734" s="424"/>
      <c r="UHY734" s="423" t="s">
        <v>2795</v>
      </c>
      <c r="UHZ734" s="424"/>
      <c r="UIA734" s="424"/>
      <c r="UIB734" s="424"/>
      <c r="UIC734" s="423" t="s">
        <v>2795</v>
      </c>
      <c r="UID734" s="424"/>
      <c r="UIE734" s="424"/>
      <c r="UIF734" s="424"/>
      <c r="UIG734" s="423" t="s">
        <v>2795</v>
      </c>
      <c r="UIH734" s="424"/>
      <c r="UII734" s="424"/>
      <c r="UIJ734" s="424"/>
      <c r="UIK734" s="423" t="s">
        <v>2795</v>
      </c>
      <c r="UIL734" s="424"/>
      <c r="UIM734" s="424"/>
      <c r="UIN734" s="424"/>
      <c r="UIO734" s="423" t="s">
        <v>2795</v>
      </c>
      <c r="UIP734" s="424"/>
      <c r="UIQ734" s="424"/>
      <c r="UIR734" s="424"/>
      <c r="UIS734" s="423" t="s">
        <v>2795</v>
      </c>
      <c r="UIT734" s="424"/>
      <c r="UIU734" s="424"/>
      <c r="UIV734" s="424"/>
      <c r="UIW734" s="423" t="s">
        <v>2795</v>
      </c>
      <c r="UIX734" s="424"/>
      <c r="UIY734" s="424"/>
      <c r="UIZ734" s="424"/>
      <c r="UJA734" s="423" t="s">
        <v>2795</v>
      </c>
      <c r="UJB734" s="424"/>
      <c r="UJC734" s="424"/>
      <c r="UJD734" s="424"/>
      <c r="UJE734" s="423" t="s">
        <v>2795</v>
      </c>
      <c r="UJF734" s="424"/>
      <c r="UJG734" s="424"/>
      <c r="UJH734" s="424"/>
      <c r="UJI734" s="423" t="s">
        <v>2795</v>
      </c>
      <c r="UJJ734" s="424"/>
      <c r="UJK734" s="424"/>
      <c r="UJL734" s="424"/>
      <c r="UJM734" s="423" t="s">
        <v>2795</v>
      </c>
      <c r="UJN734" s="424"/>
      <c r="UJO734" s="424"/>
      <c r="UJP734" s="424"/>
      <c r="UJQ734" s="423" t="s">
        <v>2795</v>
      </c>
      <c r="UJR734" s="424"/>
      <c r="UJS734" s="424"/>
      <c r="UJT734" s="424"/>
      <c r="UJU734" s="423" t="s">
        <v>2795</v>
      </c>
      <c r="UJV734" s="424"/>
      <c r="UJW734" s="424"/>
      <c r="UJX734" s="424"/>
      <c r="UJY734" s="423" t="s">
        <v>2795</v>
      </c>
      <c r="UJZ734" s="424"/>
      <c r="UKA734" s="424"/>
      <c r="UKB734" s="424"/>
      <c r="UKC734" s="423" t="s">
        <v>2795</v>
      </c>
      <c r="UKD734" s="424"/>
      <c r="UKE734" s="424"/>
      <c r="UKF734" s="424"/>
      <c r="UKG734" s="423" t="s">
        <v>2795</v>
      </c>
      <c r="UKH734" s="424"/>
      <c r="UKI734" s="424"/>
      <c r="UKJ734" s="424"/>
      <c r="UKK734" s="423" t="s">
        <v>2795</v>
      </c>
      <c r="UKL734" s="424"/>
      <c r="UKM734" s="424"/>
      <c r="UKN734" s="424"/>
      <c r="UKO734" s="423" t="s">
        <v>2795</v>
      </c>
      <c r="UKP734" s="424"/>
      <c r="UKQ734" s="424"/>
      <c r="UKR734" s="424"/>
      <c r="UKS734" s="423" t="s">
        <v>2795</v>
      </c>
      <c r="UKT734" s="424"/>
      <c r="UKU734" s="424"/>
      <c r="UKV734" s="424"/>
      <c r="UKW734" s="423" t="s">
        <v>2795</v>
      </c>
      <c r="UKX734" s="424"/>
      <c r="UKY734" s="424"/>
      <c r="UKZ734" s="424"/>
      <c r="ULA734" s="423" t="s">
        <v>2795</v>
      </c>
      <c r="ULB734" s="424"/>
      <c r="ULC734" s="424"/>
      <c r="ULD734" s="424"/>
      <c r="ULE734" s="423" t="s">
        <v>2795</v>
      </c>
      <c r="ULF734" s="424"/>
      <c r="ULG734" s="424"/>
      <c r="ULH734" s="424"/>
      <c r="ULI734" s="423" t="s">
        <v>2795</v>
      </c>
      <c r="ULJ734" s="424"/>
      <c r="ULK734" s="424"/>
      <c r="ULL734" s="424"/>
      <c r="ULM734" s="423" t="s">
        <v>2795</v>
      </c>
      <c r="ULN734" s="424"/>
      <c r="ULO734" s="424"/>
      <c r="ULP734" s="424"/>
      <c r="ULQ734" s="423" t="s">
        <v>2795</v>
      </c>
      <c r="ULR734" s="424"/>
      <c r="ULS734" s="424"/>
      <c r="ULT734" s="424"/>
      <c r="ULU734" s="423" t="s">
        <v>2795</v>
      </c>
      <c r="ULV734" s="424"/>
      <c r="ULW734" s="424"/>
      <c r="ULX734" s="424"/>
      <c r="ULY734" s="423" t="s">
        <v>2795</v>
      </c>
      <c r="ULZ734" s="424"/>
      <c r="UMA734" s="424"/>
      <c r="UMB734" s="424"/>
      <c r="UMC734" s="423" t="s">
        <v>2795</v>
      </c>
      <c r="UMD734" s="424"/>
      <c r="UME734" s="424"/>
      <c r="UMF734" s="424"/>
      <c r="UMG734" s="423" t="s">
        <v>2795</v>
      </c>
      <c r="UMH734" s="424"/>
      <c r="UMI734" s="424"/>
      <c r="UMJ734" s="424"/>
      <c r="UMK734" s="423" t="s">
        <v>2795</v>
      </c>
      <c r="UML734" s="424"/>
      <c r="UMM734" s="424"/>
      <c r="UMN734" s="424"/>
      <c r="UMO734" s="423" t="s">
        <v>2795</v>
      </c>
      <c r="UMP734" s="424"/>
      <c r="UMQ734" s="424"/>
      <c r="UMR734" s="424"/>
      <c r="UMS734" s="423" t="s">
        <v>2795</v>
      </c>
      <c r="UMT734" s="424"/>
      <c r="UMU734" s="424"/>
      <c r="UMV734" s="424"/>
      <c r="UMW734" s="423" t="s">
        <v>2795</v>
      </c>
      <c r="UMX734" s="424"/>
      <c r="UMY734" s="424"/>
      <c r="UMZ734" s="424"/>
      <c r="UNA734" s="423" t="s">
        <v>2795</v>
      </c>
      <c r="UNB734" s="424"/>
      <c r="UNC734" s="424"/>
      <c r="UND734" s="424"/>
      <c r="UNE734" s="423" t="s">
        <v>2795</v>
      </c>
      <c r="UNF734" s="424"/>
      <c r="UNG734" s="424"/>
      <c r="UNH734" s="424"/>
      <c r="UNI734" s="423" t="s">
        <v>2795</v>
      </c>
      <c r="UNJ734" s="424"/>
      <c r="UNK734" s="424"/>
      <c r="UNL734" s="424"/>
      <c r="UNM734" s="423" t="s">
        <v>2795</v>
      </c>
      <c r="UNN734" s="424"/>
      <c r="UNO734" s="424"/>
      <c r="UNP734" s="424"/>
      <c r="UNQ734" s="423" t="s">
        <v>2795</v>
      </c>
      <c r="UNR734" s="424"/>
      <c r="UNS734" s="424"/>
      <c r="UNT734" s="424"/>
      <c r="UNU734" s="423" t="s">
        <v>2795</v>
      </c>
      <c r="UNV734" s="424"/>
      <c r="UNW734" s="424"/>
      <c r="UNX734" s="424"/>
      <c r="UNY734" s="423" t="s">
        <v>2795</v>
      </c>
      <c r="UNZ734" s="424"/>
      <c r="UOA734" s="424"/>
      <c r="UOB734" s="424"/>
      <c r="UOC734" s="423" t="s">
        <v>2795</v>
      </c>
      <c r="UOD734" s="424"/>
      <c r="UOE734" s="424"/>
      <c r="UOF734" s="424"/>
      <c r="UOG734" s="423" t="s">
        <v>2795</v>
      </c>
      <c r="UOH734" s="424"/>
      <c r="UOI734" s="424"/>
      <c r="UOJ734" s="424"/>
      <c r="UOK734" s="423" t="s">
        <v>2795</v>
      </c>
      <c r="UOL734" s="424"/>
      <c r="UOM734" s="424"/>
      <c r="UON734" s="424"/>
      <c r="UOO734" s="423" t="s">
        <v>2795</v>
      </c>
      <c r="UOP734" s="424"/>
      <c r="UOQ734" s="424"/>
      <c r="UOR734" s="424"/>
      <c r="UOS734" s="423" t="s">
        <v>2795</v>
      </c>
      <c r="UOT734" s="424"/>
      <c r="UOU734" s="424"/>
      <c r="UOV734" s="424"/>
      <c r="UOW734" s="423" t="s">
        <v>2795</v>
      </c>
      <c r="UOX734" s="424"/>
      <c r="UOY734" s="424"/>
      <c r="UOZ734" s="424"/>
      <c r="UPA734" s="423" t="s">
        <v>2795</v>
      </c>
      <c r="UPB734" s="424"/>
      <c r="UPC734" s="424"/>
      <c r="UPD734" s="424"/>
      <c r="UPE734" s="423" t="s">
        <v>2795</v>
      </c>
      <c r="UPF734" s="424"/>
      <c r="UPG734" s="424"/>
      <c r="UPH734" s="424"/>
      <c r="UPI734" s="423" t="s">
        <v>2795</v>
      </c>
      <c r="UPJ734" s="424"/>
      <c r="UPK734" s="424"/>
      <c r="UPL734" s="424"/>
      <c r="UPM734" s="423" t="s">
        <v>2795</v>
      </c>
      <c r="UPN734" s="424"/>
      <c r="UPO734" s="424"/>
      <c r="UPP734" s="424"/>
      <c r="UPQ734" s="423" t="s">
        <v>2795</v>
      </c>
      <c r="UPR734" s="424"/>
      <c r="UPS734" s="424"/>
      <c r="UPT734" s="424"/>
      <c r="UPU734" s="423" t="s">
        <v>2795</v>
      </c>
      <c r="UPV734" s="424"/>
      <c r="UPW734" s="424"/>
      <c r="UPX734" s="424"/>
      <c r="UPY734" s="423" t="s">
        <v>2795</v>
      </c>
      <c r="UPZ734" s="424"/>
      <c r="UQA734" s="424"/>
      <c r="UQB734" s="424"/>
      <c r="UQC734" s="423" t="s">
        <v>2795</v>
      </c>
      <c r="UQD734" s="424"/>
      <c r="UQE734" s="424"/>
      <c r="UQF734" s="424"/>
      <c r="UQG734" s="423" t="s">
        <v>2795</v>
      </c>
      <c r="UQH734" s="424"/>
      <c r="UQI734" s="424"/>
      <c r="UQJ734" s="424"/>
      <c r="UQK734" s="423" t="s">
        <v>2795</v>
      </c>
      <c r="UQL734" s="424"/>
      <c r="UQM734" s="424"/>
      <c r="UQN734" s="424"/>
      <c r="UQO734" s="423" t="s">
        <v>2795</v>
      </c>
      <c r="UQP734" s="424"/>
      <c r="UQQ734" s="424"/>
      <c r="UQR734" s="424"/>
      <c r="UQS734" s="423" t="s">
        <v>2795</v>
      </c>
      <c r="UQT734" s="424"/>
      <c r="UQU734" s="424"/>
      <c r="UQV734" s="424"/>
      <c r="UQW734" s="423" t="s">
        <v>2795</v>
      </c>
      <c r="UQX734" s="424"/>
      <c r="UQY734" s="424"/>
      <c r="UQZ734" s="424"/>
      <c r="URA734" s="423" t="s">
        <v>2795</v>
      </c>
      <c r="URB734" s="424"/>
      <c r="URC734" s="424"/>
      <c r="URD734" s="424"/>
      <c r="URE734" s="423" t="s">
        <v>2795</v>
      </c>
      <c r="URF734" s="424"/>
      <c r="URG734" s="424"/>
      <c r="URH734" s="424"/>
      <c r="URI734" s="423" t="s">
        <v>2795</v>
      </c>
      <c r="URJ734" s="424"/>
      <c r="URK734" s="424"/>
      <c r="URL734" s="424"/>
      <c r="URM734" s="423" t="s">
        <v>2795</v>
      </c>
      <c r="URN734" s="424"/>
      <c r="URO734" s="424"/>
      <c r="URP734" s="424"/>
      <c r="URQ734" s="423" t="s">
        <v>2795</v>
      </c>
      <c r="URR734" s="424"/>
      <c r="URS734" s="424"/>
      <c r="URT734" s="424"/>
      <c r="URU734" s="423" t="s">
        <v>2795</v>
      </c>
      <c r="URV734" s="424"/>
      <c r="URW734" s="424"/>
      <c r="URX734" s="424"/>
      <c r="URY734" s="423" t="s">
        <v>2795</v>
      </c>
      <c r="URZ734" s="424"/>
      <c r="USA734" s="424"/>
      <c r="USB734" s="424"/>
      <c r="USC734" s="423" t="s">
        <v>2795</v>
      </c>
      <c r="USD734" s="424"/>
      <c r="USE734" s="424"/>
      <c r="USF734" s="424"/>
      <c r="USG734" s="423" t="s">
        <v>2795</v>
      </c>
      <c r="USH734" s="424"/>
      <c r="USI734" s="424"/>
      <c r="USJ734" s="424"/>
      <c r="USK734" s="423" t="s">
        <v>2795</v>
      </c>
      <c r="USL734" s="424"/>
      <c r="USM734" s="424"/>
      <c r="USN734" s="424"/>
      <c r="USO734" s="423" t="s">
        <v>2795</v>
      </c>
      <c r="USP734" s="424"/>
      <c r="USQ734" s="424"/>
      <c r="USR734" s="424"/>
      <c r="USS734" s="423" t="s">
        <v>2795</v>
      </c>
      <c r="UST734" s="424"/>
      <c r="USU734" s="424"/>
      <c r="USV734" s="424"/>
      <c r="USW734" s="423" t="s">
        <v>2795</v>
      </c>
      <c r="USX734" s="424"/>
      <c r="USY734" s="424"/>
      <c r="USZ734" s="424"/>
      <c r="UTA734" s="423" t="s">
        <v>2795</v>
      </c>
      <c r="UTB734" s="424"/>
      <c r="UTC734" s="424"/>
      <c r="UTD734" s="424"/>
      <c r="UTE734" s="423" t="s">
        <v>2795</v>
      </c>
      <c r="UTF734" s="424"/>
      <c r="UTG734" s="424"/>
      <c r="UTH734" s="424"/>
      <c r="UTI734" s="423" t="s">
        <v>2795</v>
      </c>
      <c r="UTJ734" s="424"/>
      <c r="UTK734" s="424"/>
      <c r="UTL734" s="424"/>
      <c r="UTM734" s="423" t="s">
        <v>2795</v>
      </c>
      <c r="UTN734" s="424"/>
      <c r="UTO734" s="424"/>
      <c r="UTP734" s="424"/>
      <c r="UTQ734" s="423" t="s">
        <v>2795</v>
      </c>
      <c r="UTR734" s="424"/>
      <c r="UTS734" s="424"/>
      <c r="UTT734" s="424"/>
      <c r="UTU734" s="423" t="s">
        <v>2795</v>
      </c>
      <c r="UTV734" s="424"/>
      <c r="UTW734" s="424"/>
      <c r="UTX734" s="424"/>
      <c r="UTY734" s="423" t="s">
        <v>2795</v>
      </c>
      <c r="UTZ734" s="424"/>
      <c r="UUA734" s="424"/>
      <c r="UUB734" s="424"/>
      <c r="UUC734" s="423" t="s">
        <v>2795</v>
      </c>
      <c r="UUD734" s="424"/>
      <c r="UUE734" s="424"/>
      <c r="UUF734" s="424"/>
      <c r="UUG734" s="423" t="s">
        <v>2795</v>
      </c>
      <c r="UUH734" s="424"/>
      <c r="UUI734" s="424"/>
      <c r="UUJ734" s="424"/>
      <c r="UUK734" s="423" t="s">
        <v>2795</v>
      </c>
      <c r="UUL734" s="424"/>
      <c r="UUM734" s="424"/>
      <c r="UUN734" s="424"/>
      <c r="UUO734" s="423" t="s">
        <v>2795</v>
      </c>
      <c r="UUP734" s="424"/>
      <c r="UUQ734" s="424"/>
      <c r="UUR734" s="424"/>
      <c r="UUS734" s="423" t="s">
        <v>2795</v>
      </c>
      <c r="UUT734" s="424"/>
      <c r="UUU734" s="424"/>
      <c r="UUV734" s="424"/>
      <c r="UUW734" s="423" t="s">
        <v>2795</v>
      </c>
      <c r="UUX734" s="424"/>
      <c r="UUY734" s="424"/>
      <c r="UUZ734" s="424"/>
      <c r="UVA734" s="423" t="s">
        <v>2795</v>
      </c>
      <c r="UVB734" s="424"/>
      <c r="UVC734" s="424"/>
      <c r="UVD734" s="424"/>
      <c r="UVE734" s="423" t="s">
        <v>2795</v>
      </c>
      <c r="UVF734" s="424"/>
      <c r="UVG734" s="424"/>
      <c r="UVH734" s="424"/>
      <c r="UVI734" s="423" t="s">
        <v>2795</v>
      </c>
      <c r="UVJ734" s="424"/>
      <c r="UVK734" s="424"/>
      <c r="UVL734" s="424"/>
      <c r="UVM734" s="423" t="s">
        <v>2795</v>
      </c>
      <c r="UVN734" s="424"/>
      <c r="UVO734" s="424"/>
      <c r="UVP734" s="424"/>
      <c r="UVQ734" s="423" t="s">
        <v>2795</v>
      </c>
      <c r="UVR734" s="424"/>
      <c r="UVS734" s="424"/>
      <c r="UVT734" s="424"/>
      <c r="UVU734" s="423" t="s">
        <v>2795</v>
      </c>
      <c r="UVV734" s="424"/>
      <c r="UVW734" s="424"/>
      <c r="UVX734" s="424"/>
      <c r="UVY734" s="423" t="s">
        <v>2795</v>
      </c>
      <c r="UVZ734" s="424"/>
      <c r="UWA734" s="424"/>
      <c r="UWB734" s="424"/>
      <c r="UWC734" s="423" t="s">
        <v>2795</v>
      </c>
      <c r="UWD734" s="424"/>
      <c r="UWE734" s="424"/>
      <c r="UWF734" s="424"/>
      <c r="UWG734" s="423" t="s">
        <v>2795</v>
      </c>
      <c r="UWH734" s="424"/>
      <c r="UWI734" s="424"/>
      <c r="UWJ734" s="424"/>
      <c r="UWK734" s="423" t="s">
        <v>2795</v>
      </c>
      <c r="UWL734" s="424"/>
      <c r="UWM734" s="424"/>
      <c r="UWN734" s="424"/>
      <c r="UWO734" s="423" t="s">
        <v>2795</v>
      </c>
      <c r="UWP734" s="424"/>
      <c r="UWQ734" s="424"/>
      <c r="UWR734" s="424"/>
      <c r="UWS734" s="423" t="s">
        <v>2795</v>
      </c>
      <c r="UWT734" s="424"/>
      <c r="UWU734" s="424"/>
      <c r="UWV734" s="424"/>
      <c r="UWW734" s="423" t="s">
        <v>2795</v>
      </c>
      <c r="UWX734" s="424"/>
      <c r="UWY734" s="424"/>
      <c r="UWZ734" s="424"/>
      <c r="UXA734" s="423" t="s">
        <v>2795</v>
      </c>
      <c r="UXB734" s="424"/>
      <c r="UXC734" s="424"/>
      <c r="UXD734" s="424"/>
      <c r="UXE734" s="423" t="s">
        <v>2795</v>
      </c>
      <c r="UXF734" s="424"/>
      <c r="UXG734" s="424"/>
      <c r="UXH734" s="424"/>
      <c r="UXI734" s="423" t="s">
        <v>2795</v>
      </c>
      <c r="UXJ734" s="424"/>
      <c r="UXK734" s="424"/>
      <c r="UXL734" s="424"/>
      <c r="UXM734" s="423" t="s">
        <v>2795</v>
      </c>
      <c r="UXN734" s="424"/>
      <c r="UXO734" s="424"/>
      <c r="UXP734" s="424"/>
      <c r="UXQ734" s="423" t="s">
        <v>2795</v>
      </c>
      <c r="UXR734" s="424"/>
      <c r="UXS734" s="424"/>
      <c r="UXT734" s="424"/>
      <c r="UXU734" s="423" t="s">
        <v>2795</v>
      </c>
      <c r="UXV734" s="424"/>
      <c r="UXW734" s="424"/>
      <c r="UXX734" s="424"/>
      <c r="UXY734" s="423" t="s">
        <v>2795</v>
      </c>
      <c r="UXZ734" s="424"/>
      <c r="UYA734" s="424"/>
      <c r="UYB734" s="424"/>
      <c r="UYC734" s="423" t="s">
        <v>2795</v>
      </c>
      <c r="UYD734" s="424"/>
      <c r="UYE734" s="424"/>
      <c r="UYF734" s="424"/>
      <c r="UYG734" s="423" t="s">
        <v>2795</v>
      </c>
      <c r="UYH734" s="424"/>
      <c r="UYI734" s="424"/>
      <c r="UYJ734" s="424"/>
      <c r="UYK734" s="423" t="s">
        <v>2795</v>
      </c>
      <c r="UYL734" s="424"/>
      <c r="UYM734" s="424"/>
      <c r="UYN734" s="424"/>
      <c r="UYO734" s="423" t="s">
        <v>2795</v>
      </c>
      <c r="UYP734" s="424"/>
      <c r="UYQ734" s="424"/>
      <c r="UYR734" s="424"/>
      <c r="UYS734" s="423" t="s">
        <v>2795</v>
      </c>
      <c r="UYT734" s="424"/>
      <c r="UYU734" s="424"/>
      <c r="UYV734" s="424"/>
      <c r="UYW734" s="423" t="s">
        <v>2795</v>
      </c>
      <c r="UYX734" s="424"/>
      <c r="UYY734" s="424"/>
      <c r="UYZ734" s="424"/>
      <c r="UZA734" s="423" t="s">
        <v>2795</v>
      </c>
      <c r="UZB734" s="424"/>
      <c r="UZC734" s="424"/>
      <c r="UZD734" s="424"/>
      <c r="UZE734" s="423" t="s">
        <v>2795</v>
      </c>
      <c r="UZF734" s="424"/>
      <c r="UZG734" s="424"/>
      <c r="UZH734" s="424"/>
      <c r="UZI734" s="423" t="s">
        <v>2795</v>
      </c>
      <c r="UZJ734" s="424"/>
      <c r="UZK734" s="424"/>
      <c r="UZL734" s="424"/>
      <c r="UZM734" s="423" t="s">
        <v>2795</v>
      </c>
      <c r="UZN734" s="424"/>
      <c r="UZO734" s="424"/>
      <c r="UZP734" s="424"/>
      <c r="UZQ734" s="423" t="s">
        <v>2795</v>
      </c>
      <c r="UZR734" s="424"/>
      <c r="UZS734" s="424"/>
      <c r="UZT734" s="424"/>
      <c r="UZU734" s="423" t="s">
        <v>2795</v>
      </c>
      <c r="UZV734" s="424"/>
      <c r="UZW734" s="424"/>
      <c r="UZX734" s="424"/>
      <c r="UZY734" s="423" t="s">
        <v>2795</v>
      </c>
      <c r="UZZ734" s="424"/>
      <c r="VAA734" s="424"/>
      <c r="VAB734" s="424"/>
      <c r="VAC734" s="423" t="s">
        <v>2795</v>
      </c>
      <c r="VAD734" s="424"/>
      <c r="VAE734" s="424"/>
      <c r="VAF734" s="424"/>
      <c r="VAG734" s="423" t="s">
        <v>2795</v>
      </c>
      <c r="VAH734" s="424"/>
      <c r="VAI734" s="424"/>
      <c r="VAJ734" s="424"/>
      <c r="VAK734" s="423" t="s">
        <v>2795</v>
      </c>
      <c r="VAL734" s="424"/>
      <c r="VAM734" s="424"/>
      <c r="VAN734" s="424"/>
      <c r="VAO734" s="423" t="s">
        <v>2795</v>
      </c>
      <c r="VAP734" s="424"/>
      <c r="VAQ734" s="424"/>
      <c r="VAR734" s="424"/>
      <c r="VAS734" s="423" t="s">
        <v>2795</v>
      </c>
      <c r="VAT734" s="424"/>
      <c r="VAU734" s="424"/>
      <c r="VAV734" s="424"/>
      <c r="VAW734" s="423" t="s">
        <v>2795</v>
      </c>
      <c r="VAX734" s="424"/>
      <c r="VAY734" s="424"/>
      <c r="VAZ734" s="424"/>
      <c r="VBA734" s="423" t="s">
        <v>2795</v>
      </c>
      <c r="VBB734" s="424"/>
      <c r="VBC734" s="424"/>
      <c r="VBD734" s="424"/>
      <c r="VBE734" s="423" t="s">
        <v>2795</v>
      </c>
      <c r="VBF734" s="424"/>
      <c r="VBG734" s="424"/>
      <c r="VBH734" s="424"/>
      <c r="VBI734" s="423" t="s">
        <v>2795</v>
      </c>
      <c r="VBJ734" s="424"/>
      <c r="VBK734" s="424"/>
      <c r="VBL734" s="424"/>
      <c r="VBM734" s="423" t="s">
        <v>2795</v>
      </c>
      <c r="VBN734" s="424"/>
      <c r="VBO734" s="424"/>
      <c r="VBP734" s="424"/>
      <c r="VBQ734" s="423" t="s">
        <v>2795</v>
      </c>
      <c r="VBR734" s="424"/>
      <c r="VBS734" s="424"/>
      <c r="VBT734" s="424"/>
      <c r="VBU734" s="423" t="s">
        <v>2795</v>
      </c>
      <c r="VBV734" s="424"/>
      <c r="VBW734" s="424"/>
      <c r="VBX734" s="424"/>
      <c r="VBY734" s="423" t="s">
        <v>2795</v>
      </c>
      <c r="VBZ734" s="424"/>
      <c r="VCA734" s="424"/>
      <c r="VCB734" s="424"/>
      <c r="VCC734" s="423" t="s">
        <v>2795</v>
      </c>
      <c r="VCD734" s="424"/>
      <c r="VCE734" s="424"/>
      <c r="VCF734" s="424"/>
      <c r="VCG734" s="423" t="s">
        <v>2795</v>
      </c>
      <c r="VCH734" s="424"/>
      <c r="VCI734" s="424"/>
      <c r="VCJ734" s="424"/>
      <c r="VCK734" s="423" t="s">
        <v>2795</v>
      </c>
      <c r="VCL734" s="424"/>
      <c r="VCM734" s="424"/>
      <c r="VCN734" s="424"/>
      <c r="VCO734" s="423" t="s">
        <v>2795</v>
      </c>
      <c r="VCP734" s="424"/>
      <c r="VCQ734" s="424"/>
      <c r="VCR734" s="424"/>
      <c r="VCS734" s="423" t="s">
        <v>2795</v>
      </c>
      <c r="VCT734" s="424"/>
      <c r="VCU734" s="424"/>
      <c r="VCV734" s="424"/>
      <c r="VCW734" s="423" t="s">
        <v>2795</v>
      </c>
      <c r="VCX734" s="424"/>
      <c r="VCY734" s="424"/>
      <c r="VCZ734" s="424"/>
      <c r="VDA734" s="423" t="s">
        <v>2795</v>
      </c>
      <c r="VDB734" s="424"/>
      <c r="VDC734" s="424"/>
      <c r="VDD734" s="424"/>
      <c r="VDE734" s="423" t="s">
        <v>2795</v>
      </c>
      <c r="VDF734" s="424"/>
      <c r="VDG734" s="424"/>
      <c r="VDH734" s="424"/>
      <c r="VDI734" s="423" t="s">
        <v>2795</v>
      </c>
      <c r="VDJ734" s="424"/>
      <c r="VDK734" s="424"/>
      <c r="VDL734" s="424"/>
      <c r="VDM734" s="423" t="s">
        <v>2795</v>
      </c>
      <c r="VDN734" s="424"/>
      <c r="VDO734" s="424"/>
      <c r="VDP734" s="424"/>
      <c r="VDQ734" s="423" t="s">
        <v>2795</v>
      </c>
      <c r="VDR734" s="424"/>
      <c r="VDS734" s="424"/>
      <c r="VDT734" s="424"/>
      <c r="VDU734" s="423" t="s">
        <v>2795</v>
      </c>
      <c r="VDV734" s="424"/>
      <c r="VDW734" s="424"/>
      <c r="VDX734" s="424"/>
      <c r="VDY734" s="423" t="s">
        <v>2795</v>
      </c>
      <c r="VDZ734" s="424"/>
      <c r="VEA734" s="424"/>
      <c r="VEB734" s="424"/>
      <c r="VEC734" s="423" t="s">
        <v>2795</v>
      </c>
      <c r="VED734" s="424"/>
      <c r="VEE734" s="424"/>
      <c r="VEF734" s="424"/>
      <c r="VEG734" s="423" t="s">
        <v>2795</v>
      </c>
      <c r="VEH734" s="424"/>
      <c r="VEI734" s="424"/>
      <c r="VEJ734" s="424"/>
      <c r="VEK734" s="423" t="s">
        <v>2795</v>
      </c>
      <c r="VEL734" s="424"/>
      <c r="VEM734" s="424"/>
      <c r="VEN734" s="424"/>
      <c r="VEO734" s="423" t="s">
        <v>2795</v>
      </c>
      <c r="VEP734" s="424"/>
      <c r="VEQ734" s="424"/>
      <c r="VER734" s="424"/>
      <c r="VES734" s="423" t="s">
        <v>2795</v>
      </c>
      <c r="VET734" s="424"/>
      <c r="VEU734" s="424"/>
      <c r="VEV734" s="424"/>
      <c r="VEW734" s="423" t="s">
        <v>2795</v>
      </c>
      <c r="VEX734" s="424"/>
      <c r="VEY734" s="424"/>
      <c r="VEZ734" s="424"/>
      <c r="VFA734" s="423" t="s">
        <v>2795</v>
      </c>
      <c r="VFB734" s="424"/>
      <c r="VFC734" s="424"/>
      <c r="VFD734" s="424"/>
      <c r="VFE734" s="423" t="s">
        <v>2795</v>
      </c>
      <c r="VFF734" s="424"/>
      <c r="VFG734" s="424"/>
      <c r="VFH734" s="424"/>
      <c r="VFI734" s="423" t="s">
        <v>2795</v>
      </c>
      <c r="VFJ734" s="424"/>
      <c r="VFK734" s="424"/>
      <c r="VFL734" s="424"/>
      <c r="VFM734" s="423" t="s">
        <v>2795</v>
      </c>
      <c r="VFN734" s="424"/>
      <c r="VFO734" s="424"/>
      <c r="VFP734" s="424"/>
      <c r="VFQ734" s="423" t="s">
        <v>2795</v>
      </c>
      <c r="VFR734" s="424"/>
      <c r="VFS734" s="424"/>
      <c r="VFT734" s="424"/>
      <c r="VFU734" s="423" t="s">
        <v>2795</v>
      </c>
      <c r="VFV734" s="424"/>
      <c r="VFW734" s="424"/>
      <c r="VFX734" s="424"/>
      <c r="VFY734" s="423" t="s">
        <v>2795</v>
      </c>
      <c r="VFZ734" s="424"/>
      <c r="VGA734" s="424"/>
      <c r="VGB734" s="424"/>
      <c r="VGC734" s="423" t="s">
        <v>2795</v>
      </c>
      <c r="VGD734" s="424"/>
      <c r="VGE734" s="424"/>
      <c r="VGF734" s="424"/>
      <c r="VGG734" s="423" t="s">
        <v>2795</v>
      </c>
      <c r="VGH734" s="424"/>
      <c r="VGI734" s="424"/>
      <c r="VGJ734" s="424"/>
      <c r="VGK734" s="423" t="s">
        <v>2795</v>
      </c>
      <c r="VGL734" s="424"/>
      <c r="VGM734" s="424"/>
      <c r="VGN734" s="424"/>
      <c r="VGO734" s="423" t="s">
        <v>2795</v>
      </c>
      <c r="VGP734" s="424"/>
      <c r="VGQ734" s="424"/>
      <c r="VGR734" s="424"/>
      <c r="VGS734" s="423" t="s">
        <v>2795</v>
      </c>
      <c r="VGT734" s="424"/>
      <c r="VGU734" s="424"/>
      <c r="VGV734" s="424"/>
      <c r="VGW734" s="423" t="s">
        <v>2795</v>
      </c>
      <c r="VGX734" s="424"/>
      <c r="VGY734" s="424"/>
      <c r="VGZ734" s="424"/>
      <c r="VHA734" s="423" t="s">
        <v>2795</v>
      </c>
      <c r="VHB734" s="424"/>
      <c r="VHC734" s="424"/>
      <c r="VHD734" s="424"/>
      <c r="VHE734" s="423" t="s">
        <v>2795</v>
      </c>
      <c r="VHF734" s="424"/>
      <c r="VHG734" s="424"/>
      <c r="VHH734" s="424"/>
      <c r="VHI734" s="423" t="s">
        <v>2795</v>
      </c>
      <c r="VHJ734" s="424"/>
      <c r="VHK734" s="424"/>
      <c r="VHL734" s="424"/>
      <c r="VHM734" s="423" t="s">
        <v>2795</v>
      </c>
      <c r="VHN734" s="424"/>
      <c r="VHO734" s="424"/>
      <c r="VHP734" s="424"/>
      <c r="VHQ734" s="423" t="s">
        <v>2795</v>
      </c>
      <c r="VHR734" s="424"/>
      <c r="VHS734" s="424"/>
      <c r="VHT734" s="424"/>
      <c r="VHU734" s="423" t="s">
        <v>2795</v>
      </c>
      <c r="VHV734" s="424"/>
      <c r="VHW734" s="424"/>
      <c r="VHX734" s="424"/>
      <c r="VHY734" s="423" t="s">
        <v>2795</v>
      </c>
      <c r="VHZ734" s="424"/>
      <c r="VIA734" s="424"/>
      <c r="VIB734" s="424"/>
      <c r="VIC734" s="423" t="s">
        <v>2795</v>
      </c>
      <c r="VID734" s="424"/>
      <c r="VIE734" s="424"/>
      <c r="VIF734" s="424"/>
      <c r="VIG734" s="423" t="s">
        <v>2795</v>
      </c>
      <c r="VIH734" s="424"/>
      <c r="VII734" s="424"/>
      <c r="VIJ734" s="424"/>
      <c r="VIK734" s="423" t="s">
        <v>2795</v>
      </c>
      <c r="VIL734" s="424"/>
      <c r="VIM734" s="424"/>
      <c r="VIN734" s="424"/>
      <c r="VIO734" s="423" t="s">
        <v>2795</v>
      </c>
      <c r="VIP734" s="424"/>
      <c r="VIQ734" s="424"/>
      <c r="VIR734" s="424"/>
      <c r="VIS734" s="423" t="s">
        <v>2795</v>
      </c>
      <c r="VIT734" s="424"/>
      <c r="VIU734" s="424"/>
      <c r="VIV734" s="424"/>
      <c r="VIW734" s="423" t="s">
        <v>2795</v>
      </c>
      <c r="VIX734" s="424"/>
      <c r="VIY734" s="424"/>
      <c r="VIZ734" s="424"/>
      <c r="VJA734" s="423" t="s">
        <v>2795</v>
      </c>
      <c r="VJB734" s="424"/>
      <c r="VJC734" s="424"/>
      <c r="VJD734" s="424"/>
      <c r="VJE734" s="423" t="s">
        <v>2795</v>
      </c>
      <c r="VJF734" s="424"/>
      <c r="VJG734" s="424"/>
      <c r="VJH734" s="424"/>
      <c r="VJI734" s="423" t="s">
        <v>2795</v>
      </c>
      <c r="VJJ734" s="424"/>
      <c r="VJK734" s="424"/>
      <c r="VJL734" s="424"/>
      <c r="VJM734" s="423" t="s">
        <v>2795</v>
      </c>
      <c r="VJN734" s="424"/>
      <c r="VJO734" s="424"/>
      <c r="VJP734" s="424"/>
      <c r="VJQ734" s="423" t="s">
        <v>2795</v>
      </c>
      <c r="VJR734" s="424"/>
      <c r="VJS734" s="424"/>
      <c r="VJT734" s="424"/>
      <c r="VJU734" s="423" t="s">
        <v>2795</v>
      </c>
      <c r="VJV734" s="424"/>
      <c r="VJW734" s="424"/>
      <c r="VJX734" s="424"/>
      <c r="VJY734" s="423" t="s">
        <v>2795</v>
      </c>
      <c r="VJZ734" s="424"/>
      <c r="VKA734" s="424"/>
      <c r="VKB734" s="424"/>
      <c r="VKC734" s="423" t="s">
        <v>2795</v>
      </c>
      <c r="VKD734" s="424"/>
      <c r="VKE734" s="424"/>
      <c r="VKF734" s="424"/>
      <c r="VKG734" s="423" t="s">
        <v>2795</v>
      </c>
      <c r="VKH734" s="424"/>
      <c r="VKI734" s="424"/>
      <c r="VKJ734" s="424"/>
      <c r="VKK734" s="423" t="s">
        <v>2795</v>
      </c>
      <c r="VKL734" s="424"/>
      <c r="VKM734" s="424"/>
      <c r="VKN734" s="424"/>
      <c r="VKO734" s="423" t="s">
        <v>2795</v>
      </c>
      <c r="VKP734" s="424"/>
      <c r="VKQ734" s="424"/>
      <c r="VKR734" s="424"/>
      <c r="VKS734" s="423" t="s">
        <v>2795</v>
      </c>
      <c r="VKT734" s="424"/>
      <c r="VKU734" s="424"/>
      <c r="VKV734" s="424"/>
      <c r="VKW734" s="423" t="s">
        <v>2795</v>
      </c>
      <c r="VKX734" s="424"/>
      <c r="VKY734" s="424"/>
      <c r="VKZ734" s="424"/>
      <c r="VLA734" s="423" t="s">
        <v>2795</v>
      </c>
      <c r="VLB734" s="424"/>
      <c r="VLC734" s="424"/>
      <c r="VLD734" s="424"/>
      <c r="VLE734" s="423" t="s">
        <v>2795</v>
      </c>
      <c r="VLF734" s="424"/>
      <c r="VLG734" s="424"/>
      <c r="VLH734" s="424"/>
      <c r="VLI734" s="423" t="s">
        <v>2795</v>
      </c>
      <c r="VLJ734" s="424"/>
      <c r="VLK734" s="424"/>
      <c r="VLL734" s="424"/>
      <c r="VLM734" s="423" t="s">
        <v>2795</v>
      </c>
      <c r="VLN734" s="424"/>
      <c r="VLO734" s="424"/>
      <c r="VLP734" s="424"/>
      <c r="VLQ734" s="423" t="s">
        <v>2795</v>
      </c>
      <c r="VLR734" s="424"/>
      <c r="VLS734" s="424"/>
      <c r="VLT734" s="424"/>
      <c r="VLU734" s="423" t="s">
        <v>2795</v>
      </c>
      <c r="VLV734" s="424"/>
      <c r="VLW734" s="424"/>
      <c r="VLX734" s="424"/>
      <c r="VLY734" s="423" t="s">
        <v>2795</v>
      </c>
      <c r="VLZ734" s="424"/>
      <c r="VMA734" s="424"/>
      <c r="VMB734" s="424"/>
      <c r="VMC734" s="423" t="s">
        <v>2795</v>
      </c>
      <c r="VMD734" s="424"/>
      <c r="VME734" s="424"/>
      <c r="VMF734" s="424"/>
      <c r="VMG734" s="423" t="s">
        <v>2795</v>
      </c>
      <c r="VMH734" s="424"/>
      <c r="VMI734" s="424"/>
      <c r="VMJ734" s="424"/>
      <c r="VMK734" s="423" t="s">
        <v>2795</v>
      </c>
      <c r="VML734" s="424"/>
      <c r="VMM734" s="424"/>
      <c r="VMN734" s="424"/>
      <c r="VMO734" s="423" t="s">
        <v>2795</v>
      </c>
      <c r="VMP734" s="424"/>
      <c r="VMQ734" s="424"/>
      <c r="VMR734" s="424"/>
      <c r="VMS734" s="423" t="s">
        <v>2795</v>
      </c>
      <c r="VMT734" s="424"/>
      <c r="VMU734" s="424"/>
      <c r="VMV734" s="424"/>
      <c r="VMW734" s="423" t="s">
        <v>2795</v>
      </c>
      <c r="VMX734" s="424"/>
      <c r="VMY734" s="424"/>
      <c r="VMZ734" s="424"/>
      <c r="VNA734" s="423" t="s">
        <v>2795</v>
      </c>
      <c r="VNB734" s="424"/>
      <c r="VNC734" s="424"/>
      <c r="VND734" s="424"/>
      <c r="VNE734" s="423" t="s">
        <v>2795</v>
      </c>
      <c r="VNF734" s="424"/>
      <c r="VNG734" s="424"/>
      <c r="VNH734" s="424"/>
      <c r="VNI734" s="423" t="s">
        <v>2795</v>
      </c>
      <c r="VNJ734" s="424"/>
      <c r="VNK734" s="424"/>
      <c r="VNL734" s="424"/>
      <c r="VNM734" s="423" t="s">
        <v>2795</v>
      </c>
      <c r="VNN734" s="424"/>
      <c r="VNO734" s="424"/>
      <c r="VNP734" s="424"/>
      <c r="VNQ734" s="423" t="s">
        <v>2795</v>
      </c>
      <c r="VNR734" s="424"/>
      <c r="VNS734" s="424"/>
      <c r="VNT734" s="424"/>
      <c r="VNU734" s="423" t="s">
        <v>2795</v>
      </c>
      <c r="VNV734" s="424"/>
      <c r="VNW734" s="424"/>
      <c r="VNX734" s="424"/>
      <c r="VNY734" s="423" t="s">
        <v>2795</v>
      </c>
      <c r="VNZ734" s="424"/>
      <c r="VOA734" s="424"/>
      <c r="VOB734" s="424"/>
      <c r="VOC734" s="423" t="s">
        <v>2795</v>
      </c>
      <c r="VOD734" s="424"/>
      <c r="VOE734" s="424"/>
      <c r="VOF734" s="424"/>
      <c r="VOG734" s="423" t="s">
        <v>2795</v>
      </c>
      <c r="VOH734" s="424"/>
      <c r="VOI734" s="424"/>
      <c r="VOJ734" s="424"/>
      <c r="VOK734" s="423" t="s">
        <v>2795</v>
      </c>
      <c r="VOL734" s="424"/>
      <c r="VOM734" s="424"/>
      <c r="VON734" s="424"/>
      <c r="VOO734" s="423" t="s">
        <v>2795</v>
      </c>
      <c r="VOP734" s="424"/>
      <c r="VOQ734" s="424"/>
      <c r="VOR734" s="424"/>
      <c r="VOS734" s="423" t="s">
        <v>2795</v>
      </c>
      <c r="VOT734" s="424"/>
      <c r="VOU734" s="424"/>
      <c r="VOV734" s="424"/>
      <c r="VOW734" s="423" t="s">
        <v>2795</v>
      </c>
      <c r="VOX734" s="424"/>
      <c r="VOY734" s="424"/>
      <c r="VOZ734" s="424"/>
      <c r="VPA734" s="423" t="s">
        <v>2795</v>
      </c>
      <c r="VPB734" s="424"/>
      <c r="VPC734" s="424"/>
      <c r="VPD734" s="424"/>
      <c r="VPE734" s="423" t="s">
        <v>2795</v>
      </c>
      <c r="VPF734" s="424"/>
      <c r="VPG734" s="424"/>
      <c r="VPH734" s="424"/>
      <c r="VPI734" s="423" t="s">
        <v>2795</v>
      </c>
      <c r="VPJ734" s="424"/>
      <c r="VPK734" s="424"/>
      <c r="VPL734" s="424"/>
      <c r="VPM734" s="423" t="s">
        <v>2795</v>
      </c>
      <c r="VPN734" s="424"/>
      <c r="VPO734" s="424"/>
      <c r="VPP734" s="424"/>
      <c r="VPQ734" s="423" t="s">
        <v>2795</v>
      </c>
      <c r="VPR734" s="424"/>
      <c r="VPS734" s="424"/>
      <c r="VPT734" s="424"/>
      <c r="VPU734" s="423" t="s">
        <v>2795</v>
      </c>
      <c r="VPV734" s="424"/>
      <c r="VPW734" s="424"/>
      <c r="VPX734" s="424"/>
      <c r="VPY734" s="423" t="s">
        <v>2795</v>
      </c>
      <c r="VPZ734" s="424"/>
      <c r="VQA734" s="424"/>
      <c r="VQB734" s="424"/>
      <c r="VQC734" s="423" t="s">
        <v>2795</v>
      </c>
      <c r="VQD734" s="424"/>
      <c r="VQE734" s="424"/>
      <c r="VQF734" s="424"/>
      <c r="VQG734" s="423" t="s">
        <v>2795</v>
      </c>
      <c r="VQH734" s="424"/>
      <c r="VQI734" s="424"/>
      <c r="VQJ734" s="424"/>
      <c r="VQK734" s="423" t="s">
        <v>2795</v>
      </c>
      <c r="VQL734" s="424"/>
      <c r="VQM734" s="424"/>
      <c r="VQN734" s="424"/>
      <c r="VQO734" s="423" t="s">
        <v>2795</v>
      </c>
      <c r="VQP734" s="424"/>
      <c r="VQQ734" s="424"/>
      <c r="VQR734" s="424"/>
      <c r="VQS734" s="423" t="s">
        <v>2795</v>
      </c>
      <c r="VQT734" s="424"/>
      <c r="VQU734" s="424"/>
      <c r="VQV734" s="424"/>
      <c r="VQW734" s="423" t="s">
        <v>2795</v>
      </c>
      <c r="VQX734" s="424"/>
      <c r="VQY734" s="424"/>
      <c r="VQZ734" s="424"/>
      <c r="VRA734" s="423" t="s">
        <v>2795</v>
      </c>
      <c r="VRB734" s="424"/>
      <c r="VRC734" s="424"/>
      <c r="VRD734" s="424"/>
      <c r="VRE734" s="423" t="s">
        <v>2795</v>
      </c>
      <c r="VRF734" s="424"/>
      <c r="VRG734" s="424"/>
      <c r="VRH734" s="424"/>
      <c r="VRI734" s="423" t="s">
        <v>2795</v>
      </c>
      <c r="VRJ734" s="424"/>
      <c r="VRK734" s="424"/>
      <c r="VRL734" s="424"/>
      <c r="VRM734" s="423" t="s">
        <v>2795</v>
      </c>
      <c r="VRN734" s="424"/>
      <c r="VRO734" s="424"/>
      <c r="VRP734" s="424"/>
      <c r="VRQ734" s="423" t="s">
        <v>2795</v>
      </c>
      <c r="VRR734" s="424"/>
      <c r="VRS734" s="424"/>
      <c r="VRT734" s="424"/>
      <c r="VRU734" s="423" t="s">
        <v>2795</v>
      </c>
      <c r="VRV734" s="424"/>
      <c r="VRW734" s="424"/>
      <c r="VRX734" s="424"/>
      <c r="VRY734" s="423" t="s">
        <v>2795</v>
      </c>
      <c r="VRZ734" s="424"/>
      <c r="VSA734" s="424"/>
      <c r="VSB734" s="424"/>
      <c r="VSC734" s="423" t="s">
        <v>2795</v>
      </c>
      <c r="VSD734" s="424"/>
      <c r="VSE734" s="424"/>
      <c r="VSF734" s="424"/>
      <c r="VSG734" s="423" t="s">
        <v>2795</v>
      </c>
      <c r="VSH734" s="424"/>
      <c r="VSI734" s="424"/>
      <c r="VSJ734" s="424"/>
      <c r="VSK734" s="423" t="s">
        <v>2795</v>
      </c>
      <c r="VSL734" s="424"/>
      <c r="VSM734" s="424"/>
      <c r="VSN734" s="424"/>
      <c r="VSO734" s="423" t="s">
        <v>2795</v>
      </c>
      <c r="VSP734" s="424"/>
      <c r="VSQ734" s="424"/>
      <c r="VSR734" s="424"/>
      <c r="VSS734" s="423" t="s">
        <v>2795</v>
      </c>
      <c r="VST734" s="424"/>
      <c r="VSU734" s="424"/>
      <c r="VSV734" s="424"/>
      <c r="VSW734" s="423" t="s">
        <v>2795</v>
      </c>
      <c r="VSX734" s="424"/>
      <c r="VSY734" s="424"/>
      <c r="VSZ734" s="424"/>
      <c r="VTA734" s="423" t="s">
        <v>2795</v>
      </c>
      <c r="VTB734" s="424"/>
      <c r="VTC734" s="424"/>
      <c r="VTD734" s="424"/>
      <c r="VTE734" s="423" t="s">
        <v>2795</v>
      </c>
      <c r="VTF734" s="424"/>
      <c r="VTG734" s="424"/>
      <c r="VTH734" s="424"/>
      <c r="VTI734" s="423" t="s">
        <v>2795</v>
      </c>
      <c r="VTJ734" s="424"/>
      <c r="VTK734" s="424"/>
      <c r="VTL734" s="424"/>
      <c r="VTM734" s="423" t="s">
        <v>2795</v>
      </c>
      <c r="VTN734" s="424"/>
      <c r="VTO734" s="424"/>
      <c r="VTP734" s="424"/>
      <c r="VTQ734" s="423" t="s">
        <v>2795</v>
      </c>
      <c r="VTR734" s="424"/>
      <c r="VTS734" s="424"/>
      <c r="VTT734" s="424"/>
      <c r="VTU734" s="423" t="s">
        <v>2795</v>
      </c>
      <c r="VTV734" s="424"/>
      <c r="VTW734" s="424"/>
      <c r="VTX734" s="424"/>
      <c r="VTY734" s="423" t="s">
        <v>2795</v>
      </c>
      <c r="VTZ734" s="424"/>
      <c r="VUA734" s="424"/>
      <c r="VUB734" s="424"/>
      <c r="VUC734" s="423" t="s">
        <v>2795</v>
      </c>
      <c r="VUD734" s="424"/>
      <c r="VUE734" s="424"/>
      <c r="VUF734" s="424"/>
      <c r="VUG734" s="423" t="s">
        <v>2795</v>
      </c>
      <c r="VUH734" s="424"/>
      <c r="VUI734" s="424"/>
      <c r="VUJ734" s="424"/>
      <c r="VUK734" s="423" t="s">
        <v>2795</v>
      </c>
      <c r="VUL734" s="424"/>
      <c r="VUM734" s="424"/>
      <c r="VUN734" s="424"/>
      <c r="VUO734" s="423" t="s">
        <v>2795</v>
      </c>
      <c r="VUP734" s="424"/>
      <c r="VUQ734" s="424"/>
      <c r="VUR734" s="424"/>
      <c r="VUS734" s="423" t="s">
        <v>2795</v>
      </c>
      <c r="VUT734" s="424"/>
      <c r="VUU734" s="424"/>
      <c r="VUV734" s="424"/>
      <c r="VUW734" s="423" t="s">
        <v>2795</v>
      </c>
      <c r="VUX734" s="424"/>
      <c r="VUY734" s="424"/>
      <c r="VUZ734" s="424"/>
      <c r="VVA734" s="423" t="s">
        <v>2795</v>
      </c>
      <c r="VVB734" s="424"/>
      <c r="VVC734" s="424"/>
      <c r="VVD734" s="424"/>
      <c r="VVE734" s="423" t="s">
        <v>2795</v>
      </c>
      <c r="VVF734" s="424"/>
      <c r="VVG734" s="424"/>
      <c r="VVH734" s="424"/>
      <c r="VVI734" s="423" t="s">
        <v>2795</v>
      </c>
      <c r="VVJ734" s="424"/>
      <c r="VVK734" s="424"/>
      <c r="VVL734" s="424"/>
      <c r="VVM734" s="423" t="s">
        <v>2795</v>
      </c>
      <c r="VVN734" s="424"/>
      <c r="VVO734" s="424"/>
      <c r="VVP734" s="424"/>
      <c r="VVQ734" s="423" t="s">
        <v>2795</v>
      </c>
      <c r="VVR734" s="424"/>
      <c r="VVS734" s="424"/>
      <c r="VVT734" s="424"/>
      <c r="VVU734" s="423" t="s">
        <v>2795</v>
      </c>
      <c r="VVV734" s="424"/>
      <c r="VVW734" s="424"/>
      <c r="VVX734" s="424"/>
      <c r="VVY734" s="423" t="s">
        <v>2795</v>
      </c>
      <c r="VVZ734" s="424"/>
      <c r="VWA734" s="424"/>
      <c r="VWB734" s="424"/>
      <c r="VWC734" s="423" t="s">
        <v>2795</v>
      </c>
      <c r="VWD734" s="424"/>
      <c r="VWE734" s="424"/>
      <c r="VWF734" s="424"/>
      <c r="VWG734" s="423" t="s">
        <v>2795</v>
      </c>
      <c r="VWH734" s="424"/>
      <c r="VWI734" s="424"/>
      <c r="VWJ734" s="424"/>
      <c r="VWK734" s="423" t="s">
        <v>2795</v>
      </c>
      <c r="VWL734" s="424"/>
      <c r="VWM734" s="424"/>
      <c r="VWN734" s="424"/>
      <c r="VWO734" s="423" t="s">
        <v>2795</v>
      </c>
      <c r="VWP734" s="424"/>
      <c r="VWQ734" s="424"/>
      <c r="VWR734" s="424"/>
      <c r="VWS734" s="423" t="s">
        <v>2795</v>
      </c>
      <c r="VWT734" s="424"/>
      <c r="VWU734" s="424"/>
      <c r="VWV734" s="424"/>
      <c r="VWW734" s="423" t="s">
        <v>2795</v>
      </c>
      <c r="VWX734" s="424"/>
      <c r="VWY734" s="424"/>
      <c r="VWZ734" s="424"/>
      <c r="VXA734" s="423" t="s">
        <v>2795</v>
      </c>
      <c r="VXB734" s="424"/>
      <c r="VXC734" s="424"/>
      <c r="VXD734" s="424"/>
      <c r="VXE734" s="423" t="s">
        <v>2795</v>
      </c>
      <c r="VXF734" s="424"/>
      <c r="VXG734" s="424"/>
      <c r="VXH734" s="424"/>
      <c r="VXI734" s="423" t="s">
        <v>2795</v>
      </c>
      <c r="VXJ734" s="424"/>
      <c r="VXK734" s="424"/>
      <c r="VXL734" s="424"/>
      <c r="VXM734" s="423" t="s">
        <v>2795</v>
      </c>
      <c r="VXN734" s="424"/>
      <c r="VXO734" s="424"/>
      <c r="VXP734" s="424"/>
      <c r="VXQ734" s="423" t="s">
        <v>2795</v>
      </c>
      <c r="VXR734" s="424"/>
      <c r="VXS734" s="424"/>
      <c r="VXT734" s="424"/>
      <c r="VXU734" s="423" t="s">
        <v>2795</v>
      </c>
      <c r="VXV734" s="424"/>
      <c r="VXW734" s="424"/>
      <c r="VXX734" s="424"/>
      <c r="VXY734" s="423" t="s">
        <v>2795</v>
      </c>
      <c r="VXZ734" s="424"/>
      <c r="VYA734" s="424"/>
      <c r="VYB734" s="424"/>
      <c r="VYC734" s="423" t="s">
        <v>2795</v>
      </c>
      <c r="VYD734" s="424"/>
      <c r="VYE734" s="424"/>
      <c r="VYF734" s="424"/>
      <c r="VYG734" s="423" t="s">
        <v>2795</v>
      </c>
      <c r="VYH734" s="424"/>
      <c r="VYI734" s="424"/>
      <c r="VYJ734" s="424"/>
      <c r="VYK734" s="423" t="s">
        <v>2795</v>
      </c>
      <c r="VYL734" s="424"/>
      <c r="VYM734" s="424"/>
      <c r="VYN734" s="424"/>
      <c r="VYO734" s="423" t="s">
        <v>2795</v>
      </c>
      <c r="VYP734" s="424"/>
      <c r="VYQ734" s="424"/>
      <c r="VYR734" s="424"/>
      <c r="VYS734" s="423" t="s">
        <v>2795</v>
      </c>
      <c r="VYT734" s="424"/>
      <c r="VYU734" s="424"/>
      <c r="VYV734" s="424"/>
      <c r="VYW734" s="423" t="s">
        <v>2795</v>
      </c>
      <c r="VYX734" s="424"/>
      <c r="VYY734" s="424"/>
      <c r="VYZ734" s="424"/>
      <c r="VZA734" s="423" t="s">
        <v>2795</v>
      </c>
      <c r="VZB734" s="424"/>
      <c r="VZC734" s="424"/>
      <c r="VZD734" s="424"/>
      <c r="VZE734" s="423" t="s">
        <v>2795</v>
      </c>
      <c r="VZF734" s="424"/>
      <c r="VZG734" s="424"/>
      <c r="VZH734" s="424"/>
      <c r="VZI734" s="423" t="s">
        <v>2795</v>
      </c>
      <c r="VZJ734" s="424"/>
      <c r="VZK734" s="424"/>
      <c r="VZL734" s="424"/>
      <c r="VZM734" s="423" t="s">
        <v>2795</v>
      </c>
      <c r="VZN734" s="424"/>
      <c r="VZO734" s="424"/>
      <c r="VZP734" s="424"/>
      <c r="VZQ734" s="423" t="s">
        <v>2795</v>
      </c>
      <c r="VZR734" s="424"/>
      <c r="VZS734" s="424"/>
      <c r="VZT734" s="424"/>
      <c r="VZU734" s="423" t="s">
        <v>2795</v>
      </c>
      <c r="VZV734" s="424"/>
      <c r="VZW734" s="424"/>
      <c r="VZX734" s="424"/>
      <c r="VZY734" s="423" t="s">
        <v>2795</v>
      </c>
      <c r="VZZ734" s="424"/>
      <c r="WAA734" s="424"/>
      <c r="WAB734" s="424"/>
      <c r="WAC734" s="423" t="s">
        <v>2795</v>
      </c>
      <c r="WAD734" s="424"/>
      <c r="WAE734" s="424"/>
      <c r="WAF734" s="424"/>
      <c r="WAG734" s="423" t="s">
        <v>2795</v>
      </c>
      <c r="WAH734" s="424"/>
      <c r="WAI734" s="424"/>
      <c r="WAJ734" s="424"/>
      <c r="WAK734" s="423" t="s">
        <v>2795</v>
      </c>
      <c r="WAL734" s="424"/>
      <c r="WAM734" s="424"/>
      <c r="WAN734" s="424"/>
      <c r="WAO734" s="423" t="s">
        <v>2795</v>
      </c>
      <c r="WAP734" s="424"/>
      <c r="WAQ734" s="424"/>
      <c r="WAR734" s="424"/>
      <c r="WAS734" s="423" t="s">
        <v>2795</v>
      </c>
      <c r="WAT734" s="424"/>
      <c r="WAU734" s="424"/>
      <c r="WAV734" s="424"/>
      <c r="WAW734" s="423" t="s">
        <v>2795</v>
      </c>
      <c r="WAX734" s="424"/>
      <c r="WAY734" s="424"/>
      <c r="WAZ734" s="424"/>
      <c r="WBA734" s="423" t="s">
        <v>2795</v>
      </c>
      <c r="WBB734" s="424"/>
      <c r="WBC734" s="424"/>
      <c r="WBD734" s="424"/>
      <c r="WBE734" s="423" t="s">
        <v>2795</v>
      </c>
      <c r="WBF734" s="424"/>
      <c r="WBG734" s="424"/>
      <c r="WBH734" s="424"/>
      <c r="WBI734" s="423" t="s">
        <v>2795</v>
      </c>
      <c r="WBJ734" s="424"/>
      <c r="WBK734" s="424"/>
      <c r="WBL734" s="424"/>
      <c r="WBM734" s="423" t="s">
        <v>2795</v>
      </c>
      <c r="WBN734" s="424"/>
      <c r="WBO734" s="424"/>
      <c r="WBP734" s="424"/>
      <c r="WBQ734" s="423" t="s">
        <v>2795</v>
      </c>
      <c r="WBR734" s="424"/>
      <c r="WBS734" s="424"/>
      <c r="WBT734" s="424"/>
      <c r="WBU734" s="423" t="s">
        <v>2795</v>
      </c>
      <c r="WBV734" s="424"/>
      <c r="WBW734" s="424"/>
      <c r="WBX734" s="424"/>
      <c r="WBY734" s="423" t="s">
        <v>2795</v>
      </c>
      <c r="WBZ734" s="424"/>
      <c r="WCA734" s="424"/>
      <c r="WCB734" s="424"/>
      <c r="WCC734" s="423" t="s">
        <v>2795</v>
      </c>
      <c r="WCD734" s="424"/>
      <c r="WCE734" s="424"/>
      <c r="WCF734" s="424"/>
      <c r="WCG734" s="423" t="s">
        <v>2795</v>
      </c>
      <c r="WCH734" s="424"/>
      <c r="WCI734" s="424"/>
      <c r="WCJ734" s="424"/>
      <c r="WCK734" s="423" t="s">
        <v>2795</v>
      </c>
      <c r="WCL734" s="424"/>
      <c r="WCM734" s="424"/>
      <c r="WCN734" s="424"/>
      <c r="WCO734" s="423" t="s">
        <v>2795</v>
      </c>
      <c r="WCP734" s="424"/>
      <c r="WCQ734" s="424"/>
      <c r="WCR734" s="424"/>
      <c r="WCS734" s="423" t="s">
        <v>2795</v>
      </c>
      <c r="WCT734" s="424"/>
      <c r="WCU734" s="424"/>
      <c r="WCV734" s="424"/>
      <c r="WCW734" s="423" t="s">
        <v>2795</v>
      </c>
      <c r="WCX734" s="424"/>
      <c r="WCY734" s="424"/>
      <c r="WCZ734" s="424"/>
      <c r="WDA734" s="423" t="s">
        <v>2795</v>
      </c>
      <c r="WDB734" s="424"/>
      <c r="WDC734" s="424"/>
      <c r="WDD734" s="424"/>
      <c r="WDE734" s="423" t="s">
        <v>2795</v>
      </c>
      <c r="WDF734" s="424"/>
      <c r="WDG734" s="424"/>
      <c r="WDH734" s="424"/>
      <c r="WDI734" s="423" t="s">
        <v>2795</v>
      </c>
      <c r="WDJ734" s="424"/>
      <c r="WDK734" s="424"/>
      <c r="WDL734" s="424"/>
      <c r="WDM734" s="423" t="s">
        <v>2795</v>
      </c>
      <c r="WDN734" s="424"/>
      <c r="WDO734" s="424"/>
      <c r="WDP734" s="424"/>
      <c r="WDQ734" s="423" t="s">
        <v>2795</v>
      </c>
      <c r="WDR734" s="424"/>
      <c r="WDS734" s="424"/>
      <c r="WDT734" s="424"/>
      <c r="WDU734" s="423" t="s">
        <v>2795</v>
      </c>
      <c r="WDV734" s="424"/>
      <c r="WDW734" s="424"/>
      <c r="WDX734" s="424"/>
      <c r="WDY734" s="423" t="s">
        <v>2795</v>
      </c>
      <c r="WDZ734" s="424"/>
      <c r="WEA734" s="424"/>
      <c r="WEB734" s="424"/>
      <c r="WEC734" s="423" t="s">
        <v>2795</v>
      </c>
      <c r="WED734" s="424"/>
      <c r="WEE734" s="424"/>
      <c r="WEF734" s="424"/>
      <c r="WEG734" s="423" t="s">
        <v>2795</v>
      </c>
      <c r="WEH734" s="424"/>
      <c r="WEI734" s="424"/>
      <c r="WEJ734" s="424"/>
      <c r="WEK734" s="423" t="s">
        <v>2795</v>
      </c>
      <c r="WEL734" s="424"/>
      <c r="WEM734" s="424"/>
      <c r="WEN734" s="424"/>
      <c r="WEO734" s="423" t="s">
        <v>2795</v>
      </c>
      <c r="WEP734" s="424"/>
      <c r="WEQ734" s="424"/>
      <c r="WER734" s="424"/>
      <c r="WES734" s="423" t="s">
        <v>2795</v>
      </c>
      <c r="WET734" s="424"/>
      <c r="WEU734" s="424"/>
      <c r="WEV734" s="424"/>
      <c r="WEW734" s="423" t="s">
        <v>2795</v>
      </c>
      <c r="WEX734" s="424"/>
      <c r="WEY734" s="424"/>
      <c r="WEZ734" s="424"/>
      <c r="WFA734" s="423" t="s">
        <v>2795</v>
      </c>
      <c r="WFB734" s="424"/>
      <c r="WFC734" s="424"/>
      <c r="WFD734" s="424"/>
      <c r="WFE734" s="423" t="s">
        <v>2795</v>
      </c>
      <c r="WFF734" s="424"/>
      <c r="WFG734" s="424"/>
      <c r="WFH734" s="424"/>
      <c r="WFI734" s="423" t="s">
        <v>2795</v>
      </c>
      <c r="WFJ734" s="424"/>
      <c r="WFK734" s="424"/>
      <c r="WFL734" s="424"/>
      <c r="WFM734" s="423" t="s">
        <v>2795</v>
      </c>
      <c r="WFN734" s="424"/>
      <c r="WFO734" s="424"/>
      <c r="WFP734" s="424"/>
      <c r="WFQ734" s="423" t="s">
        <v>2795</v>
      </c>
      <c r="WFR734" s="424"/>
      <c r="WFS734" s="424"/>
      <c r="WFT734" s="424"/>
      <c r="WFU734" s="423" t="s">
        <v>2795</v>
      </c>
      <c r="WFV734" s="424"/>
      <c r="WFW734" s="424"/>
      <c r="WFX734" s="424"/>
      <c r="WFY734" s="423" t="s">
        <v>2795</v>
      </c>
      <c r="WFZ734" s="424"/>
      <c r="WGA734" s="424"/>
      <c r="WGB734" s="424"/>
      <c r="WGC734" s="423" t="s">
        <v>2795</v>
      </c>
      <c r="WGD734" s="424"/>
      <c r="WGE734" s="424"/>
      <c r="WGF734" s="424"/>
      <c r="WGG734" s="423" t="s">
        <v>2795</v>
      </c>
      <c r="WGH734" s="424"/>
      <c r="WGI734" s="424"/>
      <c r="WGJ734" s="424"/>
      <c r="WGK734" s="423" t="s">
        <v>2795</v>
      </c>
      <c r="WGL734" s="424"/>
      <c r="WGM734" s="424"/>
      <c r="WGN734" s="424"/>
      <c r="WGO734" s="423" t="s">
        <v>2795</v>
      </c>
      <c r="WGP734" s="424"/>
      <c r="WGQ734" s="424"/>
      <c r="WGR734" s="424"/>
      <c r="WGS734" s="423" t="s">
        <v>2795</v>
      </c>
      <c r="WGT734" s="424"/>
      <c r="WGU734" s="424"/>
      <c r="WGV734" s="424"/>
      <c r="WGW734" s="423" t="s">
        <v>2795</v>
      </c>
      <c r="WGX734" s="424"/>
      <c r="WGY734" s="424"/>
      <c r="WGZ734" s="424"/>
      <c r="WHA734" s="423" t="s">
        <v>2795</v>
      </c>
      <c r="WHB734" s="424"/>
      <c r="WHC734" s="424"/>
      <c r="WHD734" s="424"/>
      <c r="WHE734" s="423" t="s">
        <v>2795</v>
      </c>
      <c r="WHF734" s="424"/>
      <c r="WHG734" s="424"/>
      <c r="WHH734" s="424"/>
      <c r="WHI734" s="423" t="s">
        <v>2795</v>
      </c>
      <c r="WHJ734" s="424"/>
      <c r="WHK734" s="424"/>
      <c r="WHL734" s="424"/>
      <c r="WHM734" s="423" t="s">
        <v>2795</v>
      </c>
      <c r="WHN734" s="424"/>
      <c r="WHO734" s="424"/>
      <c r="WHP734" s="424"/>
      <c r="WHQ734" s="423" t="s">
        <v>2795</v>
      </c>
      <c r="WHR734" s="424"/>
      <c r="WHS734" s="424"/>
      <c r="WHT734" s="424"/>
      <c r="WHU734" s="423" t="s">
        <v>2795</v>
      </c>
      <c r="WHV734" s="424"/>
      <c r="WHW734" s="424"/>
      <c r="WHX734" s="424"/>
      <c r="WHY734" s="423" t="s">
        <v>2795</v>
      </c>
      <c r="WHZ734" s="424"/>
      <c r="WIA734" s="424"/>
      <c r="WIB734" s="424"/>
      <c r="WIC734" s="423" t="s">
        <v>2795</v>
      </c>
      <c r="WID734" s="424"/>
      <c r="WIE734" s="424"/>
      <c r="WIF734" s="424"/>
      <c r="WIG734" s="423" t="s">
        <v>2795</v>
      </c>
      <c r="WIH734" s="424"/>
      <c r="WII734" s="424"/>
      <c r="WIJ734" s="424"/>
      <c r="WIK734" s="423" t="s">
        <v>2795</v>
      </c>
      <c r="WIL734" s="424"/>
      <c r="WIM734" s="424"/>
      <c r="WIN734" s="424"/>
      <c r="WIO734" s="423" t="s">
        <v>2795</v>
      </c>
      <c r="WIP734" s="424"/>
      <c r="WIQ734" s="424"/>
      <c r="WIR734" s="424"/>
      <c r="WIS734" s="423" t="s">
        <v>2795</v>
      </c>
      <c r="WIT734" s="424"/>
      <c r="WIU734" s="424"/>
      <c r="WIV734" s="424"/>
      <c r="WIW734" s="423" t="s">
        <v>2795</v>
      </c>
      <c r="WIX734" s="424"/>
      <c r="WIY734" s="424"/>
      <c r="WIZ734" s="424"/>
      <c r="WJA734" s="423" t="s">
        <v>2795</v>
      </c>
      <c r="WJB734" s="424"/>
      <c r="WJC734" s="424"/>
      <c r="WJD734" s="424"/>
      <c r="WJE734" s="423" t="s">
        <v>2795</v>
      </c>
      <c r="WJF734" s="424"/>
      <c r="WJG734" s="424"/>
      <c r="WJH734" s="424"/>
      <c r="WJI734" s="423" t="s">
        <v>2795</v>
      </c>
      <c r="WJJ734" s="424"/>
      <c r="WJK734" s="424"/>
      <c r="WJL734" s="424"/>
      <c r="WJM734" s="423" t="s">
        <v>2795</v>
      </c>
      <c r="WJN734" s="424"/>
      <c r="WJO734" s="424"/>
      <c r="WJP734" s="424"/>
      <c r="WJQ734" s="423" t="s">
        <v>2795</v>
      </c>
      <c r="WJR734" s="424"/>
      <c r="WJS734" s="424"/>
      <c r="WJT734" s="424"/>
      <c r="WJU734" s="423" t="s">
        <v>2795</v>
      </c>
      <c r="WJV734" s="424"/>
      <c r="WJW734" s="424"/>
      <c r="WJX734" s="424"/>
      <c r="WJY734" s="423" t="s">
        <v>2795</v>
      </c>
      <c r="WJZ734" s="424"/>
      <c r="WKA734" s="424"/>
      <c r="WKB734" s="424"/>
      <c r="WKC734" s="423" t="s">
        <v>2795</v>
      </c>
      <c r="WKD734" s="424"/>
      <c r="WKE734" s="424"/>
      <c r="WKF734" s="424"/>
      <c r="WKG734" s="423" t="s">
        <v>2795</v>
      </c>
      <c r="WKH734" s="424"/>
      <c r="WKI734" s="424"/>
      <c r="WKJ734" s="424"/>
      <c r="WKK734" s="423" t="s">
        <v>2795</v>
      </c>
      <c r="WKL734" s="424"/>
      <c r="WKM734" s="424"/>
      <c r="WKN734" s="424"/>
      <c r="WKO734" s="423" t="s">
        <v>2795</v>
      </c>
      <c r="WKP734" s="424"/>
      <c r="WKQ734" s="424"/>
      <c r="WKR734" s="424"/>
      <c r="WKS734" s="423" t="s">
        <v>2795</v>
      </c>
      <c r="WKT734" s="424"/>
      <c r="WKU734" s="424"/>
      <c r="WKV734" s="424"/>
      <c r="WKW734" s="423" t="s">
        <v>2795</v>
      </c>
      <c r="WKX734" s="424"/>
      <c r="WKY734" s="424"/>
      <c r="WKZ734" s="424"/>
      <c r="WLA734" s="423" t="s">
        <v>2795</v>
      </c>
      <c r="WLB734" s="424"/>
      <c r="WLC734" s="424"/>
      <c r="WLD734" s="424"/>
      <c r="WLE734" s="423" t="s">
        <v>2795</v>
      </c>
      <c r="WLF734" s="424"/>
      <c r="WLG734" s="424"/>
      <c r="WLH734" s="424"/>
      <c r="WLI734" s="423" t="s">
        <v>2795</v>
      </c>
      <c r="WLJ734" s="424"/>
      <c r="WLK734" s="424"/>
      <c r="WLL734" s="424"/>
      <c r="WLM734" s="423" t="s">
        <v>2795</v>
      </c>
      <c r="WLN734" s="424"/>
      <c r="WLO734" s="424"/>
      <c r="WLP734" s="424"/>
      <c r="WLQ734" s="423" t="s">
        <v>2795</v>
      </c>
      <c r="WLR734" s="424"/>
      <c r="WLS734" s="424"/>
      <c r="WLT734" s="424"/>
      <c r="WLU734" s="423" t="s">
        <v>2795</v>
      </c>
      <c r="WLV734" s="424"/>
      <c r="WLW734" s="424"/>
      <c r="WLX734" s="424"/>
      <c r="WLY734" s="423" t="s">
        <v>2795</v>
      </c>
      <c r="WLZ734" s="424"/>
      <c r="WMA734" s="424"/>
      <c r="WMB734" s="424"/>
      <c r="WMC734" s="423" t="s">
        <v>2795</v>
      </c>
      <c r="WMD734" s="424"/>
      <c r="WME734" s="424"/>
      <c r="WMF734" s="424"/>
      <c r="WMG734" s="423" t="s">
        <v>2795</v>
      </c>
      <c r="WMH734" s="424"/>
      <c r="WMI734" s="424"/>
      <c r="WMJ734" s="424"/>
      <c r="WMK734" s="423" t="s">
        <v>2795</v>
      </c>
      <c r="WML734" s="424"/>
      <c r="WMM734" s="424"/>
      <c r="WMN734" s="424"/>
      <c r="WMO734" s="423" t="s">
        <v>2795</v>
      </c>
      <c r="WMP734" s="424"/>
      <c r="WMQ734" s="424"/>
      <c r="WMR734" s="424"/>
      <c r="WMS734" s="423" t="s">
        <v>2795</v>
      </c>
      <c r="WMT734" s="424"/>
      <c r="WMU734" s="424"/>
      <c r="WMV734" s="424"/>
      <c r="WMW734" s="423" t="s">
        <v>2795</v>
      </c>
      <c r="WMX734" s="424"/>
      <c r="WMY734" s="424"/>
      <c r="WMZ734" s="424"/>
      <c r="WNA734" s="423" t="s">
        <v>2795</v>
      </c>
      <c r="WNB734" s="424"/>
      <c r="WNC734" s="424"/>
      <c r="WND734" s="424"/>
      <c r="WNE734" s="423" t="s">
        <v>2795</v>
      </c>
      <c r="WNF734" s="424"/>
      <c r="WNG734" s="424"/>
      <c r="WNH734" s="424"/>
      <c r="WNI734" s="423" t="s">
        <v>2795</v>
      </c>
      <c r="WNJ734" s="424"/>
      <c r="WNK734" s="424"/>
      <c r="WNL734" s="424"/>
      <c r="WNM734" s="423" t="s">
        <v>2795</v>
      </c>
      <c r="WNN734" s="424"/>
      <c r="WNO734" s="424"/>
      <c r="WNP734" s="424"/>
      <c r="WNQ734" s="423" t="s">
        <v>2795</v>
      </c>
      <c r="WNR734" s="424"/>
      <c r="WNS734" s="424"/>
      <c r="WNT734" s="424"/>
      <c r="WNU734" s="423" t="s">
        <v>2795</v>
      </c>
      <c r="WNV734" s="424"/>
      <c r="WNW734" s="424"/>
      <c r="WNX734" s="424"/>
      <c r="WNY734" s="423" t="s">
        <v>2795</v>
      </c>
      <c r="WNZ734" s="424"/>
      <c r="WOA734" s="424"/>
      <c r="WOB734" s="424"/>
      <c r="WOC734" s="423" t="s">
        <v>2795</v>
      </c>
      <c r="WOD734" s="424"/>
      <c r="WOE734" s="424"/>
      <c r="WOF734" s="424"/>
      <c r="WOG734" s="423" t="s">
        <v>2795</v>
      </c>
      <c r="WOH734" s="424"/>
      <c r="WOI734" s="424"/>
      <c r="WOJ734" s="424"/>
      <c r="WOK734" s="423" t="s">
        <v>2795</v>
      </c>
      <c r="WOL734" s="424"/>
      <c r="WOM734" s="424"/>
      <c r="WON734" s="424"/>
      <c r="WOO734" s="423" t="s">
        <v>2795</v>
      </c>
      <c r="WOP734" s="424"/>
      <c r="WOQ734" s="424"/>
      <c r="WOR734" s="424"/>
      <c r="WOS734" s="423" t="s">
        <v>2795</v>
      </c>
      <c r="WOT734" s="424"/>
      <c r="WOU734" s="424"/>
      <c r="WOV734" s="424"/>
      <c r="WOW734" s="423" t="s">
        <v>2795</v>
      </c>
      <c r="WOX734" s="424"/>
      <c r="WOY734" s="424"/>
      <c r="WOZ734" s="424"/>
      <c r="WPA734" s="423" t="s">
        <v>2795</v>
      </c>
      <c r="WPB734" s="424"/>
      <c r="WPC734" s="424"/>
      <c r="WPD734" s="424"/>
      <c r="WPE734" s="423" t="s">
        <v>2795</v>
      </c>
      <c r="WPF734" s="424"/>
      <c r="WPG734" s="424"/>
      <c r="WPH734" s="424"/>
      <c r="WPI734" s="423" t="s">
        <v>2795</v>
      </c>
      <c r="WPJ734" s="424"/>
      <c r="WPK734" s="424"/>
      <c r="WPL734" s="424"/>
      <c r="WPM734" s="423" t="s">
        <v>2795</v>
      </c>
      <c r="WPN734" s="424"/>
      <c r="WPO734" s="424"/>
      <c r="WPP734" s="424"/>
      <c r="WPQ734" s="423" t="s">
        <v>2795</v>
      </c>
      <c r="WPR734" s="424"/>
      <c r="WPS734" s="424"/>
      <c r="WPT734" s="424"/>
      <c r="WPU734" s="423" t="s">
        <v>2795</v>
      </c>
      <c r="WPV734" s="424"/>
      <c r="WPW734" s="424"/>
      <c r="WPX734" s="424"/>
      <c r="WPY734" s="423" t="s">
        <v>2795</v>
      </c>
      <c r="WPZ734" s="424"/>
      <c r="WQA734" s="424"/>
      <c r="WQB734" s="424"/>
      <c r="WQC734" s="423" t="s">
        <v>2795</v>
      </c>
      <c r="WQD734" s="424"/>
      <c r="WQE734" s="424"/>
      <c r="WQF734" s="424"/>
      <c r="WQG734" s="423" t="s">
        <v>2795</v>
      </c>
      <c r="WQH734" s="424"/>
      <c r="WQI734" s="424"/>
      <c r="WQJ734" s="424"/>
      <c r="WQK734" s="423" t="s">
        <v>2795</v>
      </c>
      <c r="WQL734" s="424"/>
      <c r="WQM734" s="424"/>
      <c r="WQN734" s="424"/>
      <c r="WQO734" s="423" t="s">
        <v>2795</v>
      </c>
      <c r="WQP734" s="424"/>
      <c r="WQQ734" s="424"/>
      <c r="WQR734" s="424"/>
      <c r="WQS734" s="423" t="s">
        <v>2795</v>
      </c>
      <c r="WQT734" s="424"/>
      <c r="WQU734" s="424"/>
      <c r="WQV734" s="424"/>
      <c r="WQW734" s="423" t="s">
        <v>2795</v>
      </c>
      <c r="WQX734" s="424"/>
      <c r="WQY734" s="424"/>
      <c r="WQZ734" s="424"/>
      <c r="WRA734" s="423" t="s">
        <v>2795</v>
      </c>
      <c r="WRB734" s="424"/>
      <c r="WRC734" s="424"/>
      <c r="WRD734" s="424"/>
      <c r="WRE734" s="423" t="s">
        <v>2795</v>
      </c>
      <c r="WRF734" s="424"/>
      <c r="WRG734" s="424"/>
      <c r="WRH734" s="424"/>
      <c r="WRI734" s="423" t="s">
        <v>2795</v>
      </c>
      <c r="WRJ734" s="424"/>
      <c r="WRK734" s="424"/>
      <c r="WRL734" s="424"/>
      <c r="WRM734" s="423" t="s">
        <v>2795</v>
      </c>
      <c r="WRN734" s="424"/>
      <c r="WRO734" s="424"/>
      <c r="WRP734" s="424"/>
      <c r="WRQ734" s="423" t="s">
        <v>2795</v>
      </c>
      <c r="WRR734" s="424"/>
      <c r="WRS734" s="424"/>
      <c r="WRT734" s="424"/>
      <c r="WRU734" s="423" t="s">
        <v>2795</v>
      </c>
      <c r="WRV734" s="424"/>
      <c r="WRW734" s="424"/>
      <c r="WRX734" s="424"/>
      <c r="WRY734" s="423" t="s">
        <v>2795</v>
      </c>
      <c r="WRZ734" s="424"/>
      <c r="WSA734" s="424"/>
      <c r="WSB734" s="424"/>
      <c r="WSC734" s="423" t="s">
        <v>2795</v>
      </c>
      <c r="WSD734" s="424"/>
      <c r="WSE734" s="424"/>
      <c r="WSF734" s="424"/>
      <c r="WSG734" s="423" t="s">
        <v>2795</v>
      </c>
      <c r="WSH734" s="424"/>
      <c r="WSI734" s="424"/>
      <c r="WSJ734" s="424"/>
      <c r="WSK734" s="423" t="s">
        <v>2795</v>
      </c>
      <c r="WSL734" s="424"/>
      <c r="WSM734" s="424"/>
      <c r="WSN734" s="424"/>
      <c r="WSO734" s="423" t="s">
        <v>2795</v>
      </c>
      <c r="WSP734" s="424"/>
      <c r="WSQ734" s="424"/>
      <c r="WSR734" s="424"/>
      <c r="WSS734" s="423" t="s">
        <v>2795</v>
      </c>
      <c r="WST734" s="424"/>
      <c r="WSU734" s="424"/>
      <c r="WSV734" s="424"/>
      <c r="WSW734" s="423" t="s">
        <v>2795</v>
      </c>
      <c r="WSX734" s="424"/>
      <c r="WSY734" s="424"/>
      <c r="WSZ734" s="424"/>
      <c r="WTA734" s="423" t="s">
        <v>2795</v>
      </c>
      <c r="WTB734" s="424"/>
      <c r="WTC734" s="424"/>
      <c r="WTD734" s="424"/>
      <c r="WTE734" s="423" t="s">
        <v>2795</v>
      </c>
      <c r="WTF734" s="424"/>
      <c r="WTG734" s="424"/>
      <c r="WTH734" s="424"/>
      <c r="WTI734" s="423" t="s">
        <v>2795</v>
      </c>
      <c r="WTJ734" s="424"/>
      <c r="WTK734" s="424"/>
      <c r="WTL734" s="424"/>
      <c r="WTM734" s="423" t="s">
        <v>2795</v>
      </c>
      <c r="WTN734" s="424"/>
      <c r="WTO734" s="424"/>
      <c r="WTP734" s="424"/>
      <c r="WTQ734" s="423" t="s">
        <v>2795</v>
      </c>
      <c r="WTR734" s="424"/>
      <c r="WTS734" s="424"/>
      <c r="WTT734" s="424"/>
      <c r="WTU734" s="423" t="s">
        <v>2795</v>
      </c>
      <c r="WTV734" s="424"/>
      <c r="WTW734" s="424"/>
      <c r="WTX734" s="424"/>
      <c r="WTY734" s="423" t="s">
        <v>2795</v>
      </c>
      <c r="WTZ734" s="424"/>
      <c r="WUA734" s="424"/>
      <c r="WUB734" s="424"/>
      <c r="WUC734" s="423" t="s">
        <v>2795</v>
      </c>
      <c r="WUD734" s="424"/>
      <c r="WUE734" s="424"/>
      <c r="WUF734" s="424"/>
      <c r="WUG734" s="423" t="s">
        <v>2795</v>
      </c>
      <c r="WUH734" s="424"/>
      <c r="WUI734" s="424"/>
      <c r="WUJ734" s="424"/>
      <c r="WUK734" s="423" t="s">
        <v>2795</v>
      </c>
      <c r="WUL734" s="424"/>
      <c r="WUM734" s="424"/>
      <c r="WUN734" s="424"/>
      <c r="WUO734" s="423" t="s">
        <v>2795</v>
      </c>
      <c r="WUP734" s="424"/>
      <c r="WUQ734" s="424"/>
      <c r="WUR734" s="424"/>
      <c r="WUS734" s="423" t="s">
        <v>2795</v>
      </c>
      <c r="WUT734" s="424"/>
      <c r="WUU734" s="424"/>
      <c r="WUV734" s="424"/>
      <c r="WUW734" s="423" t="s">
        <v>2795</v>
      </c>
      <c r="WUX734" s="424"/>
      <c r="WUY734" s="424"/>
      <c r="WUZ734" s="424"/>
      <c r="WVA734" s="423" t="s">
        <v>2795</v>
      </c>
      <c r="WVB734" s="424"/>
      <c r="WVC734" s="424"/>
      <c r="WVD734" s="424"/>
      <c r="WVE734" s="423" t="s">
        <v>2795</v>
      </c>
      <c r="WVF734" s="424"/>
      <c r="WVG734" s="424"/>
      <c r="WVH734" s="424"/>
      <c r="WVI734" s="423" t="s">
        <v>2795</v>
      </c>
      <c r="WVJ734" s="424"/>
      <c r="WVK734" s="424"/>
      <c r="WVL734" s="424"/>
      <c r="WVM734" s="423" t="s">
        <v>2795</v>
      </c>
      <c r="WVN734" s="424"/>
      <c r="WVO734" s="424"/>
      <c r="WVP734" s="424"/>
      <c r="WVQ734" s="423" t="s">
        <v>2795</v>
      </c>
      <c r="WVR734" s="424"/>
      <c r="WVS734" s="424"/>
      <c r="WVT734" s="424"/>
      <c r="WVU734" s="423" t="s">
        <v>2795</v>
      </c>
      <c r="WVV734" s="424"/>
      <c r="WVW734" s="424"/>
      <c r="WVX734" s="424"/>
      <c r="WVY734" s="423" t="s">
        <v>2795</v>
      </c>
      <c r="WVZ734" s="424"/>
      <c r="WWA734" s="424"/>
      <c r="WWB734" s="424"/>
      <c r="WWC734" s="423" t="s">
        <v>2795</v>
      </c>
      <c r="WWD734" s="424"/>
      <c r="WWE734" s="424"/>
      <c r="WWF734" s="424"/>
      <c r="WWG734" s="423" t="s">
        <v>2795</v>
      </c>
      <c r="WWH734" s="424"/>
      <c r="WWI734" s="424"/>
      <c r="WWJ734" s="424"/>
      <c r="WWK734" s="423" t="s">
        <v>2795</v>
      </c>
      <c r="WWL734" s="424"/>
      <c r="WWM734" s="424"/>
      <c r="WWN734" s="424"/>
      <c r="WWO734" s="423" t="s">
        <v>2795</v>
      </c>
      <c r="WWP734" s="424"/>
      <c r="WWQ734" s="424"/>
      <c r="WWR734" s="424"/>
      <c r="WWS734" s="423" t="s">
        <v>2795</v>
      </c>
      <c r="WWT734" s="424"/>
      <c r="WWU734" s="424"/>
      <c r="WWV734" s="424"/>
      <c r="WWW734" s="423" t="s">
        <v>2795</v>
      </c>
      <c r="WWX734" s="424"/>
      <c r="WWY734" s="424"/>
      <c r="WWZ734" s="424"/>
      <c r="WXA734" s="423" t="s">
        <v>2795</v>
      </c>
      <c r="WXB734" s="424"/>
      <c r="WXC734" s="424"/>
      <c r="WXD734" s="424"/>
      <c r="WXE734" s="423" t="s">
        <v>2795</v>
      </c>
      <c r="WXF734" s="424"/>
      <c r="WXG734" s="424"/>
      <c r="WXH734" s="424"/>
      <c r="WXI734" s="423" t="s">
        <v>2795</v>
      </c>
      <c r="WXJ734" s="424"/>
      <c r="WXK734" s="424"/>
      <c r="WXL734" s="424"/>
      <c r="WXM734" s="423" t="s">
        <v>2795</v>
      </c>
      <c r="WXN734" s="424"/>
      <c r="WXO734" s="424"/>
      <c r="WXP734" s="424"/>
      <c r="WXQ734" s="423" t="s">
        <v>2795</v>
      </c>
      <c r="WXR734" s="424"/>
      <c r="WXS734" s="424"/>
      <c r="WXT734" s="424"/>
      <c r="WXU734" s="423" t="s">
        <v>2795</v>
      </c>
      <c r="WXV734" s="424"/>
      <c r="WXW734" s="424"/>
      <c r="WXX734" s="424"/>
      <c r="WXY734" s="423" t="s">
        <v>2795</v>
      </c>
      <c r="WXZ734" s="424"/>
      <c r="WYA734" s="424"/>
      <c r="WYB734" s="424"/>
      <c r="WYC734" s="423" t="s">
        <v>2795</v>
      </c>
      <c r="WYD734" s="424"/>
      <c r="WYE734" s="424"/>
      <c r="WYF734" s="424"/>
      <c r="WYG734" s="423" t="s">
        <v>2795</v>
      </c>
      <c r="WYH734" s="424"/>
      <c r="WYI734" s="424"/>
      <c r="WYJ734" s="424"/>
      <c r="WYK734" s="423" t="s">
        <v>2795</v>
      </c>
      <c r="WYL734" s="424"/>
      <c r="WYM734" s="424"/>
      <c r="WYN734" s="424"/>
      <c r="WYO734" s="423" t="s">
        <v>2795</v>
      </c>
      <c r="WYP734" s="424"/>
      <c r="WYQ734" s="424"/>
      <c r="WYR734" s="424"/>
      <c r="WYS734" s="423" t="s">
        <v>2795</v>
      </c>
      <c r="WYT734" s="424"/>
      <c r="WYU734" s="424"/>
      <c r="WYV734" s="424"/>
      <c r="WYW734" s="423" t="s">
        <v>2795</v>
      </c>
      <c r="WYX734" s="424"/>
      <c r="WYY734" s="424"/>
      <c r="WYZ734" s="424"/>
      <c r="WZA734" s="423" t="s">
        <v>2795</v>
      </c>
      <c r="WZB734" s="424"/>
      <c r="WZC734" s="424"/>
      <c r="WZD734" s="424"/>
      <c r="WZE734" s="423" t="s">
        <v>2795</v>
      </c>
      <c r="WZF734" s="424"/>
      <c r="WZG734" s="424"/>
      <c r="WZH734" s="424"/>
      <c r="WZI734" s="423" t="s">
        <v>2795</v>
      </c>
      <c r="WZJ734" s="424"/>
      <c r="WZK734" s="424"/>
      <c r="WZL734" s="424"/>
      <c r="WZM734" s="423" t="s">
        <v>2795</v>
      </c>
      <c r="WZN734" s="424"/>
      <c r="WZO734" s="424"/>
      <c r="WZP734" s="424"/>
      <c r="WZQ734" s="423" t="s">
        <v>2795</v>
      </c>
      <c r="WZR734" s="424"/>
      <c r="WZS734" s="424"/>
      <c r="WZT734" s="424"/>
      <c r="WZU734" s="423" t="s">
        <v>2795</v>
      </c>
      <c r="WZV734" s="424"/>
      <c r="WZW734" s="424"/>
      <c r="WZX734" s="424"/>
      <c r="WZY734" s="423" t="s">
        <v>2795</v>
      </c>
      <c r="WZZ734" s="424"/>
      <c r="XAA734" s="424"/>
      <c r="XAB734" s="424"/>
      <c r="XAC734" s="423" t="s">
        <v>2795</v>
      </c>
      <c r="XAD734" s="424"/>
      <c r="XAE734" s="424"/>
      <c r="XAF734" s="424"/>
      <c r="XAG734" s="423" t="s">
        <v>2795</v>
      </c>
      <c r="XAH734" s="424"/>
      <c r="XAI734" s="424"/>
      <c r="XAJ734" s="424"/>
      <c r="XAK734" s="423" t="s">
        <v>2795</v>
      </c>
      <c r="XAL734" s="424"/>
      <c r="XAM734" s="424"/>
      <c r="XAN734" s="424"/>
      <c r="XAO734" s="423" t="s">
        <v>2795</v>
      </c>
      <c r="XAP734" s="424"/>
      <c r="XAQ734" s="424"/>
      <c r="XAR734" s="424"/>
      <c r="XAS734" s="423" t="s">
        <v>2795</v>
      </c>
      <c r="XAT734" s="424"/>
      <c r="XAU734" s="424"/>
      <c r="XAV734" s="424"/>
      <c r="XAW734" s="423" t="s">
        <v>2795</v>
      </c>
      <c r="XAX734" s="424"/>
      <c r="XAY734" s="424"/>
      <c r="XAZ734" s="424"/>
      <c r="XBA734" s="423" t="s">
        <v>2795</v>
      </c>
      <c r="XBB734" s="424"/>
      <c r="XBC734" s="424"/>
      <c r="XBD734" s="424"/>
      <c r="XBE734" s="423" t="s">
        <v>2795</v>
      </c>
      <c r="XBF734" s="424"/>
      <c r="XBG734" s="424"/>
      <c r="XBH734" s="424"/>
      <c r="XBI734" s="423" t="s">
        <v>2795</v>
      </c>
      <c r="XBJ734" s="424"/>
      <c r="XBK734" s="424"/>
      <c r="XBL734" s="424"/>
      <c r="XBM734" s="423" t="s">
        <v>2795</v>
      </c>
      <c r="XBN734" s="424"/>
      <c r="XBO734" s="424"/>
      <c r="XBP734" s="424"/>
      <c r="XBQ734" s="423" t="s">
        <v>2795</v>
      </c>
      <c r="XBR734" s="424"/>
      <c r="XBS734" s="424"/>
      <c r="XBT734" s="424"/>
      <c r="XBU734" s="423" t="s">
        <v>2795</v>
      </c>
      <c r="XBV734" s="424"/>
      <c r="XBW734" s="424"/>
      <c r="XBX734" s="424"/>
      <c r="XBY734" s="423" t="s">
        <v>2795</v>
      </c>
      <c r="XBZ734" s="424"/>
      <c r="XCA734" s="424"/>
      <c r="XCB734" s="424"/>
      <c r="XCC734" s="423" t="s">
        <v>2795</v>
      </c>
      <c r="XCD734" s="424"/>
      <c r="XCE734" s="424"/>
      <c r="XCF734" s="424"/>
      <c r="XCG734" s="423" t="s">
        <v>2795</v>
      </c>
      <c r="XCH734" s="424"/>
      <c r="XCI734" s="424"/>
      <c r="XCJ734" s="424"/>
      <c r="XCK734" s="423" t="s">
        <v>2795</v>
      </c>
      <c r="XCL734" s="424"/>
      <c r="XCM734" s="424"/>
      <c r="XCN734" s="424"/>
      <c r="XCO734" s="423" t="s">
        <v>2795</v>
      </c>
      <c r="XCP734" s="424"/>
      <c r="XCQ734" s="424"/>
      <c r="XCR734" s="424"/>
      <c r="XCS734" s="423" t="s">
        <v>2795</v>
      </c>
      <c r="XCT734" s="424"/>
      <c r="XCU734" s="424"/>
      <c r="XCV734" s="424"/>
      <c r="XCW734" s="423" t="s">
        <v>2795</v>
      </c>
      <c r="XCX734" s="424"/>
      <c r="XCY734" s="424"/>
      <c r="XCZ734" s="424"/>
      <c r="XDA734" s="423" t="s">
        <v>2795</v>
      </c>
      <c r="XDB734" s="424"/>
      <c r="XDC734" s="424"/>
      <c r="XDD734" s="424"/>
      <c r="XDE734" s="423" t="s">
        <v>2795</v>
      </c>
      <c r="XDF734" s="424"/>
      <c r="XDG734" s="424"/>
      <c r="XDH734" s="424"/>
      <c r="XDI734" s="423" t="s">
        <v>2795</v>
      </c>
      <c r="XDJ734" s="424"/>
      <c r="XDK734" s="424"/>
      <c r="XDL734" s="424"/>
      <c r="XDM734" s="423" t="s">
        <v>2795</v>
      </c>
      <c r="XDN734" s="424"/>
      <c r="XDO734" s="424"/>
      <c r="XDP734" s="424"/>
      <c r="XDQ734" s="423" t="s">
        <v>2795</v>
      </c>
      <c r="XDR734" s="424"/>
      <c r="XDS734" s="424"/>
      <c r="XDT734" s="424"/>
      <c r="XDU734" s="423" t="s">
        <v>2795</v>
      </c>
      <c r="XDV734" s="424"/>
      <c r="XDW734" s="424"/>
      <c r="XDX734" s="424"/>
      <c r="XDY734" s="423" t="s">
        <v>2795</v>
      </c>
      <c r="XDZ734" s="424"/>
      <c r="XEA734" s="424"/>
      <c r="XEB734" s="424"/>
      <c r="XEC734" s="423" t="s">
        <v>2795</v>
      </c>
      <c r="XED734" s="424"/>
      <c r="XEE734" s="424"/>
      <c r="XEF734" s="424"/>
      <c r="XEG734" s="423" t="s">
        <v>2795</v>
      </c>
      <c r="XEH734" s="424"/>
      <c r="XEI734" s="424"/>
      <c r="XEJ734" s="424"/>
      <c r="XEK734" s="423" t="s">
        <v>2795</v>
      </c>
      <c r="XEL734" s="424"/>
      <c r="XEM734" s="424"/>
      <c r="XEN734" s="424"/>
      <c r="XEO734" s="423" t="s">
        <v>2795</v>
      </c>
      <c r="XEP734" s="424"/>
      <c r="XEQ734" s="424"/>
      <c r="XER734" s="424"/>
      <c r="XES734" s="423" t="s">
        <v>2795</v>
      </c>
      <c r="XET734" s="424"/>
      <c r="XEU734" s="424"/>
      <c r="XEV734" s="424"/>
      <c r="XEW734" s="423" t="s">
        <v>2795</v>
      </c>
      <c r="XEX734" s="424"/>
      <c r="XEY734" s="424"/>
      <c r="XEZ734" s="424"/>
      <c r="XFA734" s="423" t="s">
        <v>2795</v>
      </c>
      <c r="XFB734" s="424"/>
      <c r="XFC734" s="424"/>
      <c r="XFD734" s="424"/>
    </row>
    <row r="735" spans="1:16384" s="271" customFormat="1" ht="20" hidden="1">
      <c r="A735" s="423" t="s">
        <v>2795</v>
      </c>
      <c r="B735" s="424"/>
      <c r="C735" s="424"/>
      <c r="D735" s="424"/>
      <c r="E735" s="423" t="s">
        <v>2795</v>
      </c>
      <c r="F735" s="424"/>
      <c r="G735" s="424"/>
      <c r="H735" s="424"/>
      <c r="I735" s="423" t="s">
        <v>2795</v>
      </c>
      <c r="J735" s="424"/>
      <c r="K735" s="424"/>
      <c r="L735" s="424"/>
      <c r="M735" s="423" t="s">
        <v>2795</v>
      </c>
      <c r="N735" s="424"/>
      <c r="O735" s="424"/>
      <c r="P735" s="424"/>
      <c r="Q735" s="426" t="s">
        <v>2795</v>
      </c>
      <c r="R735" s="427"/>
      <c r="S735" s="427"/>
      <c r="T735" s="427"/>
      <c r="U735" s="423" t="s">
        <v>2795</v>
      </c>
      <c r="V735" s="424"/>
      <c r="W735" s="424"/>
      <c r="X735" s="424"/>
      <c r="Y735" s="423" t="s">
        <v>2795</v>
      </c>
      <c r="Z735" s="424"/>
      <c r="AA735" s="424"/>
      <c r="AB735" s="424"/>
      <c r="AC735" s="423" t="s">
        <v>2795</v>
      </c>
      <c r="AD735" s="424"/>
      <c r="AE735" s="424"/>
      <c r="AF735" s="424"/>
      <c r="AG735" s="423" t="s">
        <v>2795</v>
      </c>
      <c r="AH735" s="424"/>
      <c r="AI735" s="424"/>
      <c r="AJ735" s="424"/>
      <c r="AK735" s="423" t="s">
        <v>2795</v>
      </c>
      <c r="AL735" s="424"/>
      <c r="AM735" s="424"/>
      <c r="AN735" s="424"/>
      <c r="AO735" s="423" t="s">
        <v>2795</v>
      </c>
      <c r="AP735" s="424"/>
      <c r="AQ735" s="424"/>
      <c r="AR735" s="424"/>
      <c r="AS735" s="423" t="s">
        <v>2795</v>
      </c>
      <c r="AT735" s="424"/>
      <c r="AU735" s="424"/>
      <c r="AV735" s="424"/>
      <c r="AW735" s="423" t="s">
        <v>2795</v>
      </c>
      <c r="AX735" s="424"/>
      <c r="AY735" s="424"/>
      <c r="AZ735" s="424"/>
      <c r="BA735" s="423" t="s">
        <v>2795</v>
      </c>
      <c r="BB735" s="424"/>
      <c r="BC735" s="424"/>
      <c r="BD735" s="424"/>
      <c r="BE735" s="423" t="s">
        <v>2795</v>
      </c>
      <c r="BF735" s="424"/>
      <c r="BG735" s="424"/>
      <c r="BH735" s="424"/>
      <c r="BI735" s="423" t="s">
        <v>2795</v>
      </c>
      <c r="BJ735" s="424"/>
      <c r="BK735" s="424"/>
      <c r="BL735" s="424"/>
      <c r="BM735" s="423" t="s">
        <v>2795</v>
      </c>
      <c r="BN735" s="424"/>
      <c r="BO735" s="424"/>
      <c r="BP735" s="424"/>
      <c r="BQ735" s="423" t="s">
        <v>2795</v>
      </c>
      <c r="BR735" s="424"/>
      <c r="BS735" s="424"/>
      <c r="BT735" s="424"/>
      <c r="BU735" s="423" t="s">
        <v>2795</v>
      </c>
      <c r="BV735" s="424"/>
      <c r="BW735" s="424"/>
      <c r="BX735" s="424"/>
      <c r="BY735" s="423" t="s">
        <v>2795</v>
      </c>
      <c r="BZ735" s="424"/>
      <c r="CA735" s="424"/>
      <c r="CB735" s="424"/>
      <c r="CC735" s="423" t="s">
        <v>2795</v>
      </c>
      <c r="CD735" s="424"/>
      <c r="CE735" s="424"/>
      <c r="CF735" s="424"/>
      <c r="CG735" s="423" t="s">
        <v>2795</v>
      </c>
      <c r="CH735" s="424"/>
      <c r="CI735" s="424"/>
      <c r="CJ735" s="424"/>
      <c r="CK735" s="423" t="s">
        <v>2795</v>
      </c>
      <c r="CL735" s="424"/>
      <c r="CM735" s="424"/>
      <c r="CN735" s="424"/>
      <c r="CO735" s="423" t="s">
        <v>2795</v>
      </c>
      <c r="CP735" s="424"/>
      <c r="CQ735" s="424"/>
      <c r="CR735" s="424"/>
      <c r="CS735" s="423" t="s">
        <v>2795</v>
      </c>
      <c r="CT735" s="424"/>
      <c r="CU735" s="424"/>
      <c r="CV735" s="424"/>
      <c r="CW735" s="423" t="s">
        <v>2795</v>
      </c>
      <c r="CX735" s="424"/>
      <c r="CY735" s="424"/>
      <c r="CZ735" s="424"/>
      <c r="DA735" s="423" t="s">
        <v>2795</v>
      </c>
      <c r="DB735" s="424"/>
      <c r="DC735" s="424"/>
      <c r="DD735" s="424"/>
      <c r="DE735" s="423" t="s">
        <v>2795</v>
      </c>
      <c r="DF735" s="424"/>
      <c r="DG735" s="424"/>
      <c r="DH735" s="424"/>
      <c r="DI735" s="423" t="s">
        <v>2795</v>
      </c>
      <c r="DJ735" s="424"/>
      <c r="DK735" s="424"/>
      <c r="DL735" s="424"/>
      <c r="DM735" s="423" t="s">
        <v>2795</v>
      </c>
      <c r="DN735" s="424"/>
      <c r="DO735" s="424"/>
      <c r="DP735" s="424"/>
      <c r="DQ735" s="423" t="s">
        <v>2795</v>
      </c>
      <c r="DR735" s="424"/>
      <c r="DS735" s="424"/>
      <c r="DT735" s="424"/>
      <c r="DU735" s="423" t="s">
        <v>2795</v>
      </c>
      <c r="DV735" s="424"/>
      <c r="DW735" s="424"/>
      <c r="DX735" s="424"/>
      <c r="DY735" s="423" t="s">
        <v>2795</v>
      </c>
      <c r="DZ735" s="424"/>
      <c r="EA735" s="424"/>
      <c r="EB735" s="424"/>
      <c r="EC735" s="423" t="s">
        <v>2795</v>
      </c>
      <c r="ED735" s="424"/>
      <c r="EE735" s="424"/>
      <c r="EF735" s="424"/>
      <c r="EG735" s="423" t="s">
        <v>2795</v>
      </c>
      <c r="EH735" s="424"/>
      <c r="EI735" s="424"/>
      <c r="EJ735" s="424"/>
      <c r="EK735" s="423" t="s">
        <v>2795</v>
      </c>
      <c r="EL735" s="424"/>
      <c r="EM735" s="424"/>
      <c r="EN735" s="424"/>
      <c r="EO735" s="423" t="s">
        <v>2795</v>
      </c>
      <c r="EP735" s="424"/>
      <c r="EQ735" s="424"/>
      <c r="ER735" s="424"/>
      <c r="ES735" s="423" t="s">
        <v>2795</v>
      </c>
      <c r="ET735" s="424"/>
      <c r="EU735" s="424"/>
      <c r="EV735" s="424"/>
      <c r="EW735" s="423" t="s">
        <v>2795</v>
      </c>
      <c r="EX735" s="424"/>
      <c r="EY735" s="424"/>
      <c r="EZ735" s="424"/>
      <c r="FA735" s="423" t="s">
        <v>2795</v>
      </c>
      <c r="FB735" s="424"/>
      <c r="FC735" s="424"/>
      <c r="FD735" s="424"/>
      <c r="FE735" s="423" t="s">
        <v>2795</v>
      </c>
      <c r="FF735" s="424"/>
      <c r="FG735" s="424"/>
      <c r="FH735" s="424"/>
      <c r="FI735" s="423" t="s">
        <v>2795</v>
      </c>
      <c r="FJ735" s="424"/>
      <c r="FK735" s="424"/>
      <c r="FL735" s="424"/>
      <c r="FM735" s="423" t="s">
        <v>2795</v>
      </c>
      <c r="FN735" s="424"/>
      <c r="FO735" s="424"/>
      <c r="FP735" s="424"/>
      <c r="FQ735" s="423" t="s">
        <v>2795</v>
      </c>
      <c r="FR735" s="424"/>
      <c r="FS735" s="424"/>
      <c r="FT735" s="424"/>
      <c r="FU735" s="423" t="s">
        <v>2795</v>
      </c>
      <c r="FV735" s="424"/>
      <c r="FW735" s="424"/>
      <c r="FX735" s="424"/>
      <c r="FY735" s="423" t="s">
        <v>2795</v>
      </c>
      <c r="FZ735" s="424"/>
      <c r="GA735" s="424"/>
      <c r="GB735" s="424"/>
      <c r="GC735" s="423" t="s">
        <v>2795</v>
      </c>
      <c r="GD735" s="424"/>
      <c r="GE735" s="424"/>
      <c r="GF735" s="424"/>
      <c r="GG735" s="423" t="s">
        <v>2795</v>
      </c>
      <c r="GH735" s="424"/>
      <c r="GI735" s="424"/>
      <c r="GJ735" s="424"/>
      <c r="GK735" s="423" t="s">
        <v>2795</v>
      </c>
      <c r="GL735" s="424"/>
      <c r="GM735" s="424"/>
      <c r="GN735" s="424"/>
      <c r="GO735" s="423" t="s">
        <v>2795</v>
      </c>
      <c r="GP735" s="424"/>
      <c r="GQ735" s="424"/>
      <c r="GR735" s="424"/>
      <c r="GS735" s="423" t="s">
        <v>2795</v>
      </c>
      <c r="GT735" s="424"/>
      <c r="GU735" s="424"/>
      <c r="GV735" s="424"/>
      <c r="GW735" s="423" t="s">
        <v>2795</v>
      </c>
      <c r="GX735" s="424"/>
      <c r="GY735" s="424"/>
      <c r="GZ735" s="424"/>
      <c r="HA735" s="423" t="s">
        <v>2795</v>
      </c>
      <c r="HB735" s="424"/>
      <c r="HC735" s="424"/>
      <c r="HD735" s="424"/>
      <c r="HE735" s="423" t="s">
        <v>2795</v>
      </c>
      <c r="HF735" s="424"/>
      <c r="HG735" s="424"/>
      <c r="HH735" s="424"/>
      <c r="HI735" s="423" t="s">
        <v>2795</v>
      </c>
      <c r="HJ735" s="424"/>
      <c r="HK735" s="424"/>
      <c r="HL735" s="424"/>
      <c r="HM735" s="423" t="s">
        <v>2795</v>
      </c>
      <c r="HN735" s="424"/>
      <c r="HO735" s="424"/>
      <c r="HP735" s="424"/>
      <c r="HQ735" s="423" t="s">
        <v>2795</v>
      </c>
      <c r="HR735" s="424"/>
      <c r="HS735" s="424"/>
      <c r="HT735" s="424"/>
      <c r="HU735" s="423" t="s">
        <v>2795</v>
      </c>
      <c r="HV735" s="424"/>
      <c r="HW735" s="424"/>
      <c r="HX735" s="424"/>
      <c r="HY735" s="423" t="s">
        <v>2795</v>
      </c>
      <c r="HZ735" s="424"/>
      <c r="IA735" s="424"/>
      <c r="IB735" s="424"/>
      <c r="IC735" s="423" t="s">
        <v>2795</v>
      </c>
      <c r="ID735" s="424"/>
      <c r="IE735" s="424"/>
      <c r="IF735" s="424"/>
      <c r="IG735" s="423" t="s">
        <v>2795</v>
      </c>
      <c r="IH735" s="424"/>
      <c r="II735" s="424"/>
      <c r="IJ735" s="424"/>
      <c r="IK735" s="423" t="s">
        <v>2795</v>
      </c>
      <c r="IL735" s="424"/>
      <c r="IM735" s="424"/>
      <c r="IN735" s="424"/>
      <c r="IO735" s="423" t="s">
        <v>2795</v>
      </c>
      <c r="IP735" s="424"/>
      <c r="IQ735" s="424"/>
      <c r="IR735" s="424"/>
      <c r="IS735" s="423" t="s">
        <v>2795</v>
      </c>
      <c r="IT735" s="424"/>
      <c r="IU735" s="424"/>
      <c r="IV735" s="424"/>
      <c r="IW735" s="423" t="s">
        <v>2795</v>
      </c>
      <c r="IX735" s="424"/>
      <c r="IY735" s="424"/>
      <c r="IZ735" s="424"/>
      <c r="JA735" s="423" t="s">
        <v>2795</v>
      </c>
      <c r="JB735" s="424"/>
      <c r="JC735" s="424"/>
      <c r="JD735" s="424"/>
      <c r="JE735" s="423" t="s">
        <v>2795</v>
      </c>
      <c r="JF735" s="424"/>
      <c r="JG735" s="424"/>
      <c r="JH735" s="424"/>
      <c r="JI735" s="423" t="s">
        <v>2795</v>
      </c>
      <c r="JJ735" s="424"/>
      <c r="JK735" s="424"/>
      <c r="JL735" s="424"/>
      <c r="JM735" s="423" t="s">
        <v>2795</v>
      </c>
      <c r="JN735" s="424"/>
      <c r="JO735" s="424"/>
      <c r="JP735" s="424"/>
      <c r="JQ735" s="423" t="s">
        <v>2795</v>
      </c>
      <c r="JR735" s="424"/>
      <c r="JS735" s="424"/>
      <c r="JT735" s="424"/>
      <c r="JU735" s="423" t="s">
        <v>2795</v>
      </c>
      <c r="JV735" s="424"/>
      <c r="JW735" s="424"/>
      <c r="JX735" s="424"/>
      <c r="JY735" s="423" t="s">
        <v>2795</v>
      </c>
      <c r="JZ735" s="424"/>
      <c r="KA735" s="424"/>
      <c r="KB735" s="424"/>
      <c r="KC735" s="423" t="s">
        <v>2795</v>
      </c>
      <c r="KD735" s="424"/>
      <c r="KE735" s="424"/>
      <c r="KF735" s="424"/>
      <c r="KG735" s="423" t="s">
        <v>2795</v>
      </c>
      <c r="KH735" s="424"/>
      <c r="KI735" s="424"/>
      <c r="KJ735" s="424"/>
      <c r="KK735" s="423" t="s">
        <v>2795</v>
      </c>
      <c r="KL735" s="424"/>
      <c r="KM735" s="424"/>
      <c r="KN735" s="424"/>
      <c r="KO735" s="423" t="s">
        <v>2795</v>
      </c>
      <c r="KP735" s="424"/>
      <c r="KQ735" s="424"/>
      <c r="KR735" s="424"/>
      <c r="KS735" s="423" t="s">
        <v>2795</v>
      </c>
      <c r="KT735" s="424"/>
      <c r="KU735" s="424"/>
      <c r="KV735" s="424"/>
      <c r="KW735" s="423" t="s">
        <v>2795</v>
      </c>
      <c r="KX735" s="424"/>
      <c r="KY735" s="424"/>
      <c r="KZ735" s="424"/>
      <c r="LA735" s="423" t="s">
        <v>2795</v>
      </c>
      <c r="LB735" s="424"/>
      <c r="LC735" s="424"/>
      <c r="LD735" s="424"/>
      <c r="LE735" s="423" t="s">
        <v>2795</v>
      </c>
      <c r="LF735" s="424"/>
      <c r="LG735" s="424"/>
      <c r="LH735" s="424"/>
      <c r="LI735" s="423" t="s">
        <v>2795</v>
      </c>
      <c r="LJ735" s="424"/>
      <c r="LK735" s="424"/>
      <c r="LL735" s="424"/>
      <c r="LM735" s="423" t="s">
        <v>2795</v>
      </c>
      <c r="LN735" s="424"/>
      <c r="LO735" s="424"/>
      <c r="LP735" s="424"/>
      <c r="LQ735" s="423" t="s">
        <v>2795</v>
      </c>
      <c r="LR735" s="424"/>
      <c r="LS735" s="424"/>
      <c r="LT735" s="424"/>
      <c r="LU735" s="423" t="s">
        <v>2795</v>
      </c>
      <c r="LV735" s="424"/>
      <c r="LW735" s="424"/>
      <c r="LX735" s="424"/>
      <c r="LY735" s="423" t="s">
        <v>2795</v>
      </c>
      <c r="LZ735" s="424"/>
      <c r="MA735" s="424"/>
      <c r="MB735" s="424"/>
      <c r="MC735" s="423" t="s">
        <v>2795</v>
      </c>
      <c r="MD735" s="424"/>
      <c r="ME735" s="424"/>
      <c r="MF735" s="424"/>
      <c r="MG735" s="423" t="s">
        <v>2795</v>
      </c>
      <c r="MH735" s="424"/>
      <c r="MI735" s="424"/>
      <c r="MJ735" s="424"/>
      <c r="MK735" s="423" t="s">
        <v>2795</v>
      </c>
      <c r="ML735" s="424"/>
      <c r="MM735" s="424"/>
      <c r="MN735" s="424"/>
      <c r="MO735" s="423" t="s">
        <v>2795</v>
      </c>
      <c r="MP735" s="424"/>
      <c r="MQ735" s="424"/>
      <c r="MR735" s="424"/>
      <c r="MS735" s="423" t="s">
        <v>2795</v>
      </c>
      <c r="MT735" s="424"/>
      <c r="MU735" s="424"/>
      <c r="MV735" s="424"/>
      <c r="MW735" s="423" t="s">
        <v>2795</v>
      </c>
      <c r="MX735" s="424"/>
      <c r="MY735" s="424"/>
      <c r="MZ735" s="424"/>
      <c r="NA735" s="423" t="s">
        <v>2795</v>
      </c>
      <c r="NB735" s="424"/>
      <c r="NC735" s="424"/>
      <c r="ND735" s="424"/>
      <c r="NE735" s="423" t="s">
        <v>2795</v>
      </c>
      <c r="NF735" s="424"/>
      <c r="NG735" s="424"/>
      <c r="NH735" s="424"/>
      <c r="NI735" s="423" t="s">
        <v>2795</v>
      </c>
      <c r="NJ735" s="424"/>
      <c r="NK735" s="424"/>
      <c r="NL735" s="424"/>
      <c r="NM735" s="423" t="s">
        <v>2795</v>
      </c>
      <c r="NN735" s="424"/>
      <c r="NO735" s="424"/>
      <c r="NP735" s="424"/>
      <c r="NQ735" s="423" t="s">
        <v>2795</v>
      </c>
      <c r="NR735" s="424"/>
      <c r="NS735" s="424"/>
      <c r="NT735" s="424"/>
      <c r="NU735" s="423" t="s">
        <v>2795</v>
      </c>
      <c r="NV735" s="424"/>
      <c r="NW735" s="424"/>
      <c r="NX735" s="424"/>
      <c r="NY735" s="423" t="s">
        <v>2795</v>
      </c>
      <c r="NZ735" s="424"/>
      <c r="OA735" s="424"/>
      <c r="OB735" s="424"/>
      <c r="OC735" s="423" t="s">
        <v>2795</v>
      </c>
      <c r="OD735" s="424"/>
      <c r="OE735" s="424"/>
      <c r="OF735" s="424"/>
      <c r="OG735" s="423" t="s">
        <v>2795</v>
      </c>
      <c r="OH735" s="424"/>
      <c r="OI735" s="424"/>
      <c r="OJ735" s="424"/>
      <c r="OK735" s="423" t="s">
        <v>2795</v>
      </c>
      <c r="OL735" s="424"/>
      <c r="OM735" s="424"/>
      <c r="ON735" s="424"/>
      <c r="OO735" s="423" t="s">
        <v>2795</v>
      </c>
      <c r="OP735" s="424"/>
      <c r="OQ735" s="424"/>
      <c r="OR735" s="424"/>
      <c r="OS735" s="423" t="s">
        <v>2795</v>
      </c>
      <c r="OT735" s="424"/>
      <c r="OU735" s="424"/>
      <c r="OV735" s="424"/>
      <c r="OW735" s="423" t="s">
        <v>2795</v>
      </c>
      <c r="OX735" s="424"/>
      <c r="OY735" s="424"/>
      <c r="OZ735" s="424"/>
      <c r="PA735" s="423" t="s">
        <v>2795</v>
      </c>
      <c r="PB735" s="424"/>
      <c r="PC735" s="424"/>
      <c r="PD735" s="424"/>
      <c r="PE735" s="423" t="s">
        <v>2795</v>
      </c>
      <c r="PF735" s="424"/>
      <c r="PG735" s="424"/>
      <c r="PH735" s="424"/>
      <c r="PI735" s="423" t="s">
        <v>2795</v>
      </c>
      <c r="PJ735" s="424"/>
      <c r="PK735" s="424"/>
      <c r="PL735" s="424"/>
      <c r="PM735" s="423" t="s">
        <v>2795</v>
      </c>
      <c r="PN735" s="424"/>
      <c r="PO735" s="424"/>
      <c r="PP735" s="424"/>
      <c r="PQ735" s="423" t="s">
        <v>2795</v>
      </c>
      <c r="PR735" s="424"/>
      <c r="PS735" s="424"/>
      <c r="PT735" s="424"/>
      <c r="PU735" s="423" t="s">
        <v>2795</v>
      </c>
      <c r="PV735" s="424"/>
      <c r="PW735" s="424"/>
      <c r="PX735" s="424"/>
      <c r="PY735" s="423" t="s">
        <v>2795</v>
      </c>
      <c r="PZ735" s="424"/>
      <c r="QA735" s="424"/>
      <c r="QB735" s="424"/>
      <c r="QC735" s="423" t="s">
        <v>2795</v>
      </c>
      <c r="QD735" s="424"/>
      <c r="QE735" s="424"/>
      <c r="QF735" s="424"/>
      <c r="QG735" s="423" t="s">
        <v>2795</v>
      </c>
      <c r="QH735" s="424"/>
      <c r="QI735" s="424"/>
      <c r="QJ735" s="424"/>
      <c r="QK735" s="423" t="s">
        <v>2795</v>
      </c>
      <c r="QL735" s="424"/>
      <c r="QM735" s="424"/>
      <c r="QN735" s="424"/>
      <c r="QO735" s="423" t="s">
        <v>2795</v>
      </c>
      <c r="QP735" s="424"/>
      <c r="QQ735" s="424"/>
      <c r="QR735" s="424"/>
      <c r="QS735" s="423" t="s">
        <v>2795</v>
      </c>
      <c r="QT735" s="424"/>
      <c r="QU735" s="424"/>
      <c r="QV735" s="424"/>
      <c r="QW735" s="423" t="s">
        <v>2795</v>
      </c>
      <c r="QX735" s="424"/>
      <c r="QY735" s="424"/>
      <c r="QZ735" s="424"/>
      <c r="RA735" s="423" t="s">
        <v>2795</v>
      </c>
      <c r="RB735" s="424"/>
      <c r="RC735" s="424"/>
      <c r="RD735" s="424"/>
      <c r="RE735" s="423" t="s">
        <v>2795</v>
      </c>
      <c r="RF735" s="424"/>
      <c r="RG735" s="424"/>
      <c r="RH735" s="424"/>
      <c r="RI735" s="423" t="s">
        <v>2795</v>
      </c>
      <c r="RJ735" s="424"/>
      <c r="RK735" s="424"/>
      <c r="RL735" s="424"/>
      <c r="RM735" s="423" t="s">
        <v>2795</v>
      </c>
      <c r="RN735" s="424"/>
      <c r="RO735" s="424"/>
      <c r="RP735" s="424"/>
      <c r="RQ735" s="423" t="s">
        <v>2795</v>
      </c>
      <c r="RR735" s="424"/>
      <c r="RS735" s="424"/>
      <c r="RT735" s="424"/>
      <c r="RU735" s="423" t="s">
        <v>2795</v>
      </c>
      <c r="RV735" s="424"/>
      <c r="RW735" s="424"/>
      <c r="RX735" s="424"/>
      <c r="RY735" s="423" t="s">
        <v>2795</v>
      </c>
      <c r="RZ735" s="424"/>
      <c r="SA735" s="424"/>
      <c r="SB735" s="424"/>
      <c r="SC735" s="423" t="s">
        <v>2795</v>
      </c>
      <c r="SD735" s="424"/>
      <c r="SE735" s="424"/>
      <c r="SF735" s="424"/>
      <c r="SG735" s="423" t="s">
        <v>2795</v>
      </c>
      <c r="SH735" s="424"/>
      <c r="SI735" s="424"/>
      <c r="SJ735" s="424"/>
      <c r="SK735" s="423" t="s">
        <v>2795</v>
      </c>
      <c r="SL735" s="424"/>
      <c r="SM735" s="424"/>
      <c r="SN735" s="424"/>
      <c r="SO735" s="423" t="s">
        <v>2795</v>
      </c>
      <c r="SP735" s="424"/>
      <c r="SQ735" s="424"/>
      <c r="SR735" s="424"/>
      <c r="SS735" s="423" t="s">
        <v>2795</v>
      </c>
      <c r="ST735" s="424"/>
      <c r="SU735" s="424"/>
      <c r="SV735" s="424"/>
      <c r="SW735" s="423" t="s">
        <v>2795</v>
      </c>
      <c r="SX735" s="424"/>
      <c r="SY735" s="424"/>
      <c r="SZ735" s="424"/>
      <c r="TA735" s="423" t="s">
        <v>2795</v>
      </c>
      <c r="TB735" s="424"/>
      <c r="TC735" s="424"/>
      <c r="TD735" s="424"/>
      <c r="TE735" s="423" t="s">
        <v>2795</v>
      </c>
      <c r="TF735" s="424"/>
      <c r="TG735" s="424"/>
      <c r="TH735" s="424"/>
      <c r="TI735" s="423" t="s">
        <v>2795</v>
      </c>
      <c r="TJ735" s="424"/>
      <c r="TK735" s="424"/>
      <c r="TL735" s="424"/>
      <c r="TM735" s="423" t="s">
        <v>2795</v>
      </c>
      <c r="TN735" s="424"/>
      <c r="TO735" s="424"/>
      <c r="TP735" s="424"/>
      <c r="TQ735" s="423" t="s">
        <v>2795</v>
      </c>
      <c r="TR735" s="424"/>
      <c r="TS735" s="424"/>
      <c r="TT735" s="424"/>
      <c r="TU735" s="423" t="s">
        <v>2795</v>
      </c>
      <c r="TV735" s="424"/>
      <c r="TW735" s="424"/>
      <c r="TX735" s="424"/>
      <c r="TY735" s="423" t="s">
        <v>2795</v>
      </c>
      <c r="TZ735" s="424"/>
      <c r="UA735" s="424"/>
      <c r="UB735" s="424"/>
      <c r="UC735" s="423" t="s">
        <v>2795</v>
      </c>
      <c r="UD735" s="424"/>
      <c r="UE735" s="424"/>
      <c r="UF735" s="424"/>
      <c r="UG735" s="423" t="s">
        <v>2795</v>
      </c>
      <c r="UH735" s="424"/>
      <c r="UI735" s="424"/>
      <c r="UJ735" s="424"/>
      <c r="UK735" s="423" t="s">
        <v>2795</v>
      </c>
      <c r="UL735" s="424"/>
      <c r="UM735" s="424"/>
      <c r="UN735" s="424"/>
      <c r="UO735" s="423" t="s">
        <v>2795</v>
      </c>
      <c r="UP735" s="424"/>
      <c r="UQ735" s="424"/>
      <c r="UR735" s="424"/>
      <c r="US735" s="423" t="s">
        <v>2795</v>
      </c>
      <c r="UT735" s="424"/>
      <c r="UU735" s="424"/>
      <c r="UV735" s="424"/>
      <c r="UW735" s="423" t="s">
        <v>2795</v>
      </c>
      <c r="UX735" s="424"/>
      <c r="UY735" s="424"/>
      <c r="UZ735" s="424"/>
      <c r="VA735" s="423" t="s">
        <v>2795</v>
      </c>
      <c r="VB735" s="424"/>
      <c r="VC735" s="424"/>
      <c r="VD735" s="424"/>
      <c r="VE735" s="423" t="s">
        <v>2795</v>
      </c>
      <c r="VF735" s="424"/>
      <c r="VG735" s="424"/>
      <c r="VH735" s="424"/>
      <c r="VI735" s="423" t="s">
        <v>2795</v>
      </c>
      <c r="VJ735" s="424"/>
      <c r="VK735" s="424"/>
      <c r="VL735" s="424"/>
      <c r="VM735" s="423" t="s">
        <v>2795</v>
      </c>
      <c r="VN735" s="424"/>
      <c r="VO735" s="424"/>
      <c r="VP735" s="424"/>
      <c r="VQ735" s="423" t="s">
        <v>2795</v>
      </c>
      <c r="VR735" s="424"/>
      <c r="VS735" s="424"/>
      <c r="VT735" s="424"/>
      <c r="VU735" s="423" t="s">
        <v>2795</v>
      </c>
      <c r="VV735" s="424"/>
      <c r="VW735" s="424"/>
      <c r="VX735" s="424"/>
      <c r="VY735" s="423" t="s">
        <v>2795</v>
      </c>
      <c r="VZ735" s="424"/>
      <c r="WA735" s="424"/>
      <c r="WB735" s="424"/>
      <c r="WC735" s="423" t="s">
        <v>2795</v>
      </c>
      <c r="WD735" s="424"/>
      <c r="WE735" s="424"/>
      <c r="WF735" s="424"/>
      <c r="WG735" s="423" t="s">
        <v>2795</v>
      </c>
      <c r="WH735" s="424"/>
      <c r="WI735" s="424"/>
      <c r="WJ735" s="424"/>
      <c r="WK735" s="423" t="s">
        <v>2795</v>
      </c>
      <c r="WL735" s="424"/>
      <c r="WM735" s="424"/>
      <c r="WN735" s="424"/>
      <c r="WO735" s="423" t="s">
        <v>2795</v>
      </c>
      <c r="WP735" s="424"/>
      <c r="WQ735" s="424"/>
      <c r="WR735" s="424"/>
      <c r="WS735" s="423" t="s">
        <v>2795</v>
      </c>
      <c r="WT735" s="424"/>
      <c r="WU735" s="424"/>
      <c r="WV735" s="424"/>
      <c r="WW735" s="423" t="s">
        <v>2795</v>
      </c>
      <c r="WX735" s="424"/>
      <c r="WY735" s="424"/>
      <c r="WZ735" s="424"/>
      <c r="XA735" s="423" t="s">
        <v>2795</v>
      </c>
      <c r="XB735" s="424"/>
      <c r="XC735" s="424"/>
      <c r="XD735" s="424"/>
      <c r="XE735" s="423" t="s">
        <v>2795</v>
      </c>
      <c r="XF735" s="424"/>
      <c r="XG735" s="424"/>
      <c r="XH735" s="424"/>
      <c r="XI735" s="423" t="s">
        <v>2795</v>
      </c>
      <c r="XJ735" s="424"/>
      <c r="XK735" s="424"/>
      <c r="XL735" s="424"/>
      <c r="XM735" s="423" t="s">
        <v>2795</v>
      </c>
      <c r="XN735" s="424"/>
      <c r="XO735" s="424"/>
      <c r="XP735" s="424"/>
      <c r="XQ735" s="423" t="s">
        <v>2795</v>
      </c>
      <c r="XR735" s="424"/>
      <c r="XS735" s="424"/>
      <c r="XT735" s="424"/>
      <c r="XU735" s="423" t="s">
        <v>2795</v>
      </c>
      <c r="XV735" s="424"/>
      <c r="XW735" s="424"/>
      <c r="XX735" s="424"/>
      <c r="XY735" s="423" t="s">
        <v>2795</v>
      </c>
      <c r="XZ735" s="424"/>
      <c r="YA735" s="424"/>
      <c r="YB735" s="424"/>
      <c r="YC735" s="423" t="s">
        <v>2795</v>
      </c>
      <c r="YD735" s="424"/>
      <c r="YE735" s="424"/>
      <c r="YF735" s="424"/>
      <c r="YG735" s="423" t="s">
        <v>2795</v>
      </c>
      <c r="YH735" s="424"/>
      <c r="YI735" s="424"/>
      <c r="YJ735" s="424"/>
      <c r="YK735" s="423" t="s">
        <v>2795</v>
      </c>
      <c r="YL735" s="424"/>
      <c r="YM735" s="424"/>
      <c r="YN735" s="424"/>
      <c r="YO735" s="423" t="s">
        <v>2795</v>
      </c>
      <c r="YP735" s="424"/>
      <c r="YQ735" s="424"/>
      <c r="YR735" s="424"/>
      <c r="YS735" s="423" t="s">
        <v>2795</v>
      </c>
      <c r="YT735" s="424"/>
      <c r="YU735" s="424"/>
      <c r="YV735" s="424"/>
      <c r="YW735" s="423" t="s">
        <v>2795</v>
      </c>
      <c r="YX735" s="424"/>
      <c r="YY735" s="424"/>
      <c r="YZ735" s="424"/>
      <c r="ZA735" s="423" t="s">
        <v>2795</v>
      </c>
      <c r="ZB735" s="424"/>
      <c r="ZC735" s="424"/>
      <c r="ZD735" s="424"/>
      <c r="ZE735" s="423" t="s">
        <v>2795</v>
      </c>
      <c r="ZF735" s="424"/>
      <c r="ZG735" s="424"/>
      <c r="ZH735" s="424"/>
      <c r="ZI735" s="423" t="s">
        <v>2795</v>
      </c>
      <c r="ZJ735" s="424"/>
      <c r="ZK735" s="424"/>
      <c r="ZL735" s="424"/>
      <c r="ZM735" s="423" t="s">
        <v>2795</v>
      </c>
      <c r="ZN735" s="424"/>
      <c r="ZO735" s="424"/>
      <c r="ZP735" s="424"/>
      <c r="ZQ735" s="423" t="s">
        <v>2795</v>
      </c>
      <c r="ZR735" s="424"/>
      <c r="ZS735" s="424"/>
      <c r="ZT735" s="424"/>
      <c r="ZU735" s="423" t="s">
        <v>2795</v>
      </c>
      <c r="ZV735" s="424"/>
      <c r="ZW735" s="424"/>
      <c r="ZX735" s="424"/>
      <c r="ZY735" s="423" t="s">
        <v>2795</v>
      </c>
      <c r="ZZ735" s="424"/>
      <c r="AAA735" s="424"/>
      <c r="AAB735" s="424"/>
      <c r="AAC735" s="423" t="s">
        <v>2795</v>
      </c>
      <c r="AAD735" s="424"/>
      <c r="AAE735" s="424"/>
      <c r="AAF735" s="424"/>
      <c r="AAG735" s="423" t="s">
        <v>2795</v>
      </c>
      <c r="AAH735" s="424"/>
      <c r="AAI735" s="424"/>
      <c r="AAJ735" s="424"/>
      <c r="AAK735" s="423" t="s">
        <v>2795</v>
      </c>
      <c r="AAL735" s="424"/>
      <c r="AAM735" s="424"/>
      <c r="AAN735" s="424"/>
      <c r="AAO735" s="423" t="s">
        <v>2795</v>
      </c>
      <c r="AAP735" s="424"/>
      <c r="AAQ735" s="424"/>
      <c r="AAR735" s="424"/>
      <c r="AAS735" s="423" t="s">
        <v>2795</v>
      </c>
      <c r="AAT735" s="424"/>
      <c r="AAU735" s="424"/>
      <c r="AAV735" s="424"/>
      <c r="AAW735" s="423" t="s">
        <v>2795</v>
      </c>
      <c r="AAX735" s="424"/>
      <c r="AAY735" s="424"/>
      <c r="AAZ735" s="424"/>
      <c r="ABA735" s="423" t="s">
        <v>2795</v>
      </c>
      <c r="ABB735" s="424"/>
      <c r="ABC735" s="424"/>
      <c r="ABD735" s="424"/>
      <c r="ABE735" s="423" t="s">
        <v>2795</v>
      </c>
      <c r="ABF735" s="424"/>
      <c r="ABG735" s="424"/>
      <c r="ABH735" s="424"/>
      <c r="ABI735" s="423" t="s">
        <v>2795</v>
      </c>
      <c r="ABJ735" s="424"/>
      <c r="ABK735" s="424"/>
      <c r="ABL735" s="424"/>
      <c r="ABM735" s="423" t="s">
        <v>2795</v>
      </c>
      <c r="ABN735" s="424"/>
      <c r="ABO735" s="424"/>
      <c r="ABP735" s="424"/>
      <c r="ABQ735" s="423" t="s">
        <v>2795</v>
      </c>
      <c r="ABR735" s="424"/>
      <c r="ABS735" s="424"/>
      <c r="ABT735" s="424"/>
      <c r="ABU735" s="423" t="s">
        <v>2795</v>
      </c>
      <c r="ABV735" s="424"/>
      <c r="ABW735" s="424"/>
      <c r="ABX735" s="424"/>
      <c r="ABY735" s="423" t="s">
        <v>2795</v>
      </c>
      <c r="ABZ735" s="424"/>
      <c r="ACA735" s="424"/>
      <c r="ACB735" s="424"/>
      <c r="ACC735" s="423" t="s">
        <v>2795</v>
      </c>
      <c r="ACD735" s="424"/>
      <c r="ACE735" s="424"/>
      <c r="ACF735" s="424"/>
      <c r="ACG735" s="423" t="s">
        <v>2795</v>
      </c>
      <c r="ACH735" s="424"/>
      <c r="ACI735" s="424"/>
      <c r="ACJ735" s="424"/>
      <c r="ACK735" s="423" t="s">
        <v>2795</v>
      </c>
      <c r="ACL735" s="424"/>
      <c r="ACM735" s="424"/>
      <c r="ACN735" s="424"/>
      <c r="ACO735" s="423" t="s">
        <v>2795</v>
      </c>
      <c r="ACP735" s="424"/>
      <c r="ACQ735" s="424"/>
      <c r="ACR735" s="424"/>
      <c r="ACS735" s="423" t="s">
        <v>2795</v>
      </c>
      <c r="ACT735" s="424"/>
      <c r="ACU735" s="424"/>
      <c r="ACV735" s="424"/>
      <c r="ACW735" s="423" t="s">
        <v>2795</v>
      </c>
      <c r="ACX735" s="424"/>
      <c r="ACY735" s="424"/>
      <c r="ACZ735" s="424"/>
      <c r="ADA735" s="423" t="s">
        <v>2795</v>
      </c>
      <c r="ADB735" s="424"/>
      <c r="ADC735" s="424"/>
      <c r="ADD735" s="424"/>
      <c r="ADE735" s="423" t="s">
        <v>2795</v>
      </c>
      <c r="ADF735" s="424"/>
      <c r="ADG735" s="424"/>
      <c r="ADH735" s="424"/>
      <c r="ADI735" s="423" t="s">
        <v>2795</v>
      </c>
      <c r="ADJ735" s="424"/>
      <c r="ADK735" s="424"/>
      <c r="ADL735" s="424"/>
      <c r="ADM735" s="423" t="s">
        <v>2795</v>
      </c>
      <c r="ADN735" s="424"/>
      <c r="ADO735" s="424"/>
      <c r="ADP735" s="424"/>
      <c r="ADQ735" s="423" t="s">
        <v>2795</v>
      </c>
      <c r="ADR735" s="424"/>
      <c r="ADS735" s="424"/>
      <c r="ADT735" s="424"/>
      <c r="ADU735" s="423" t="s">
        <v>2795</v>
      </c>
      <c r="ADV735" s="424"/>
      <c r="ADW735" s="424"/>
      <c r="ADX735" s="424"/>
      <c r="ADY735" s="423" t="s">
        <v>2795</v>
      </c>
      <c r="ADZ735" s="424"/>
      <c r="AEA735" s="424"/>
      <c r="AEB735" s="424"/>
      <c r="AEC735" s="423" t="s">
        <v>2795</v>
      </c>
      <c r="AED735" s="424"/>
      <c r="AEE735" s="424"/>
      <c r="AEF735" s="424"/>
      <c r="AEG735" s="423" t="s">
        <v>2795</v>
      </c>
      <c r="AEH735" s="424"/>
      <c r="AEI735" s="424"/>
      <c r="AEJ735" s="424"/>
      <c r="AEK735" s="423" t="s">
        <v>2795</v>
      </c>
      <c r="AEL735" s="424"/>
      <c r="AEM735" s="424"/>
      <c r="AEN735" s="424"/>
      <c r="AEO735" s="423" t="s">
        <v>2795</v>
      </c>
      <c r="AEP735" s="424"/>
      <c r="AEQ735" s="424"/>
      <c r="AER735" s="424"/>
      <c r="AES735" s="423" t="s">
        <v>2795</v>
      </c>
      <c r="AET735" s="424"/>
      <c r="AEU735" s="424"/>
      <c r="AEV735" s="424"/>
      <c r="AEW735" s="423" t="s">
        <v>2795</v>
      </c>
      <c r="AEX735" s="424"/>
      <c r="AEY735" s="424"/>
      <c r="AEZ735" s="424"/>
      <c r="AFA735" s="423" t="s">
        <v>2795</v>
      </c>
      <c r="AFB735" s="424"/>
      <c r="AFC735" s="424"/>
      <c r="AFD735" s="424"/>
      <c r="AFE735" s="423" t="s">
        <v>2795</v>
      </c>
      <c r="AFF735" s="424"/>
      <c r="AFG735" s="424"/>
      <c r="AFH735" s="424"/>
      <c r="AFI735" s="423" t="s">
        <v>2795</v>
      </c>
      <c r="AFJ735" s="424"/>
      <c r="AFK735" s="424"/>
      <c r="AFL735" s="424"/>
      <c r="AFM735" s="423" t="s">
        <v>2795</v>
      </c>
      <c r="AFN735" s="424"/>
      <c r="AFO735" s="424"/>
      <c r="AFP735" s="424"/>
      <c r="AFQ735" s="423" t="s">
        <v>2795</v>
      </c>
      <c r="AFR735" s="424"/>
      <c r="AFS735" s="424"/>
      <c r="AFT735" s="424"/>
      <c r="AFU735" s="423" t="s">
        <v>2795</v>
      </c>
      <c r="AFV735" s="424"/>
      <c r="AFW735" s="424"/>
      <c r="AFX735" s="424"/>
      <c r="AFY735" s="423" t="s">
        <v>2795</v>
      </c>
      <c r="AFZ735" s="424"/>
      <c r="AGA735" s="424"/>
      <c r="AGB735" s="424"/>
      <c r="AGC735" s="423" t="s">
        <v>2795</v>
      </c>
      <c r="AGD735" s="424"/>
      <c r="AGE735" s="424"/>
      <c r="AGF735" s="424"/>
      <c r="AGG735" s="423" t="s">
        <v>2795</v>
      </c>
      <c r="AGH735" s="424"/>
      <c r="AGI735" s="424"/>
      <c r="AGJ735" s="424"/>
      <c r="AGK735" s="423" t="s">
        <v>2795</v>
      </c>
      <c r="AGL735" s="424"/>
      <c r="AGM735" s="424"/>
      <c r="AGN735" s="424"/>
      <c r="AGO735" s="423" t="s">
        <v>2795</v>
      </c>
      <c r="AGP735" s="424"/>
      <c r="AGQ735" s="424"/>
      <c r="AGR735" s="424"/>
      <c r="AGS735" s="423" t="s">
        <v>2795</v>
      </c>
      <c r="AGT735" s="424"/>
      <c r="AGU735" s="424"/>
      <c r="AGV735" s="424"/>
      <c r="AGW735" s="423" t="s">
        <v>2795</v>
      </c>
      <c r="AGX735" s="424"/>
      <c r="AGY735" s="424"/>
      <c r="AGZ735" s="424"/>
      <c r="AHA735" s="423" t="s">
        <v>2795</v>
      </c>
      <c r="AHB735" s="424"/>
      <c r="AHC735" s="424"/>
      <c r="AHD735" s="424"/>
      <c r="AHE735" s="423" t="s">
        <v>2795</v>
      </c>
      <c r="AHF735" s="424"/>
      <c r="AHG735" s="424"/>
      <c r="AHH735" s="424"/>
      <c r="AHI735" s="423" t="s">
        <v>2795</v>
      </c>
      <c r="AHJ735" s="424"/>
      <c r="AHK735" s="424"/>
      <c r="AHL735" s="424"/>
      <c r="AHM735" s="423" t="s">
        <v>2795</v>
      </c>
      <c r="AHN735" s="424"/>
      <c r="AHO735" s="424"/>
      <c r="AHP735" s="424"/>
      <c r="AHQ735" s="423" t="s">
        <v>2795</v>
      </c>
      <c r="AHR735" s="424"/>
      <c r="AHS735" s="424"/>
      <c r="AHT735" s="424"/>
      <c r="AHU735" s="423" t="s">
        <v>2795</v>
      </c>
      <c r="AHV735" s="424"/>
      <c r="AHW735" s="424"/>
      <c r="AHX735" s="424"/>
      <c r="AHY735" s="423" t="s">
        <v>2795</v>
      </c>
      <c r="AHZ735" s="424"/>
      <c r="AIA735" s="424"/>
      <c r="AIB735" s="424"/>
      <c r="AIC735" s="423" t="s">
        <v>2795</v>
      </c>
      <c r="AID735" s="424"/>
      <c r="AIE735" s="424"/>
      <c r="AIF735" s="424"/>
      <c r="AIG735" s="423" t="s">
        <v>2795</v>
      </c>
      <c r="AIH735" s="424"/>
      <c r="AII735" s="424"/>
      <c r="AIJ735" s="424"/>
      <c r="AIK735" s="423" t="s">
        <v>2795</v>
      </c>
      <c r="AIL735" s="424"/>
      <c r="AIM735" s="424"/>
      <c r="AIN735" s="424"/>
      <c r="AIO735" s="423" t="s">
        <v>2795</v>
      </c>
      <c r="AIP735" s="424"/>
      <c r="AIQ735" s="424"/>
      <c r="AIR735" s="424"/>
      <c r="AIS735" s="423" t="s">
        <v>2795</v>
      </c>
      <c r="AIT735" s="424"/>
      <c r="AIU735" s="424"/>
      <c r="AIV735" s="424"/>
      <c r="AIW735" s="423" t="s">
        <v>2795</v>
      </c>
      <c r="AIX735" s="424"/>
      <c r="AIY735" s="424"/>
      <c r="AIZ735" s="424"/>
      <c r="AJA735" s="423" t="s">
        <v>2795</v>
      </c>
      <c r="AJB735" s="424"/>
      <c r="AJC735" s="424"/>
      <c r="AJD735" s="424"/>
      <c r="AJE735" s="423" t="s">
        <v>2795</v>
      </c>
      <c r="AJF735" s="424"/>
      <c r="AJG735" s="424"/>
      <c r="AJH735" s="424"/>
      <c r="AJI735" s="423" t="s">
        <v>2795</v>
      </c>
      <c r="AJJ735" s="424"/>
      <c r="AJK735" s="424"/>
      <c r="AJL735" s="424"/>
      <c r="AJM735" s="423" t="s">
        <v>2795</v>
      </c>
      <c r="AJN735" s="424"/>
      <c r="AJO735" s="424"/>
      <c r="AJP735" s="424"/>
      <c r="AJQ735" s="423" t="s">
        <v>2795</v>
      </c>
      <c r="AJR735" s="424"/>
      <c r="AJS735" s="424"/>
      <c r="AJT735" s="424"/>
      <c r="AJU735" s="423" t="s">
        <v>2795</v>
      </c>
      <c r="AJV735" s="424"/>
      <c r="AJW735" s="424"/>
      <c r="AJX735" s="424"/>
      <c r="AJY735" s="423" t="s">
        <v>2795</v>
      </c>
      <c r="AJZ735" s="424"/>
      <c r="AKA735" s="424"/>
      <c r="AKB735" s="424"/>
      <c r="AKC735" s="423" t="s">
        <v>2795</v>
      </c>
      <c r="AKD735" s="424"/>
      <c r="AKE735" s="424"/>
      <c r="AKF735" s="424"/>
      <c r="AKG735" s="423" t="s">
        <v>2795</v>
      </c>
      <c r="AKH735" s="424"/>
      <c r="AKI735" s="424"/>
      <c r="AKJ735" s="424"/>
      <c r="AKK735" s="423" t="s">
        <v>2795</v>
      </c>
      <c r="AKL735" s="424"/>
      <c r="AKM735" s="424"/>
      <c r="AKN735" s="424"/>
      <c r="AKO735" s="423" t="s">
        <v>2795</v>
      </c>
      <c r="AKP735" s="424"/>
      <c r="AKQ735" s="424"/>
      <c r="AKR735" s="424"/>
      <c r="AKS735" s="423" t="s">
        <v>2795</v>
      </c>
      <c r="AKT735" s="424"/>
      <c r="AKU735" s="424"/>
      <c r="AKV735" s="424"/>
      <c r="AKW735" s="423" t="s">
        <v>2795</v>
      </c>
      <c r="AKX735" s="424"/>
      <c r="AKY735" s="424"/>
      <c r="AKZ735" s="424"/>
      <c r="ALA735" s="423" t="s">
        <v>2795</v>
      </c>
      <c r="ALB735" s="424"/>
      <c r="ALC735" s="424"/>
      <c r="ALD735" s="424"/>
      <c r="ALE735" s="423" t="s">
        <v>2795</v>
      </c>
      <c r="ALF735" s="424"/>
      <c r="ALG735" s="424"/>
      <c r="ALH735" s="424"/>
      <c r="ALI735" s="423" t="s">
        <v>2795</v>
      </c>
      <c r="ALJ735" s="424"/>
      <c r="ALK735" s="424"/>
      <c r="ALL735" s="424"/>
      <c r="ALM735" s="423" t="s">
        <v>2795</v>
      </c>
      <c r="ALN735" s="424"/>
      <c r="ALO735" s="424"/>
      <c r="ALP735" s="424"/>
      <c r="ALQ735" s="423" t="s">
        <v>2795</v>
      </c>
      <c r="ALR735" s="424"/>
      <c r="ALS735" s="424"/>
      <c r="ALT735" s="424"/>
      <c r="ALU735" s="423" t="s">
        <v>2795</v>
      </c>
      <c r="ALV735" s="424"/>
      <c r="ALW735" s="424"/>
      <c r="ALX735" s="424"/>
      <c r="ALY735" s="423" t="s">
        <v>2795</v>
      </c>
      <c r="ALZ735" s="424"/>
      <c r="AMA735" s="424"/>
      <c r="AMB735" s="424"/>
      <c r="AMC735" s="423" t="s">
        <v>2795</v>
      </c>
      <c r="AMD735" s="424"/>
      <c r="AME735" s="424"/>
      <c r="AMF735" s="424"/>
      <c r="AMG735" s="423" t="s">
        <v>2795</v>
      </c>
      <c r="AMH735" s="424"/>
      <c r="AMI735" s="424"/>
      <c r="AMJ735" s="424"/>
      <c r="AMK735" s="423" t="s">
        <v>2795</v>
      </c>
      <c r="AML735" s="424"/>
      <c r="AMM735" s="424"/>
      <c r="AMN735" s="424"/>
      <c r="AMO735" s="423" t="s">
        <v>2795</v>
      </c>
      <c r="AMP735" s="424"/>
      <c r="AMQ735" s="424"/>
      <c r="AMR735" s="424"/>
      <c r="AMS735" s="423" t="s">
        <v>2795</v>
      </c>
      <c r="AMT735" s="424"/>
      <c r="AMU735" s="424"/>
      <c r="AMV735" s="424"/>
      <c r="AMW735" s="423" t="s">
        <v>2795</v>
      </c>
      <c r="AMX735" s="424"/>
      <c r="AMY735" s="424"/>
      <c r="AMZ735" s="424"/>
      <c r="ANA735" s="423" t="s">
        <v>2795</v>
      </c>
      <c r="ANB735" s="424"/>
      <c r="ANC735" s="424"/>
      <c r="AND735" s="424"/>
      <c r="ANE735" s="423" t="s">
        <v>2795</v>
      </c>
      <c r="ANF735" s="424"/>
      <c r="ANG735" s="424"/>
      <c r="ANH735" s="424"/>
      <c r="ANI735" s="423" t="s">
        <v>2795</v>
      </c>
      <c r="ANJ735" s="424"/>
      <c r="ANK735" s="424"/>
      <c r="ANL735" s="424"/>
      <c r="ANM735" s="423" t="s">
        <v>2795</v>
      </c>
      <c r="ANN735" s="424"/>
      <c r="ANO735" s="424"/>
      <c r="ANP735" s="424"/>
      <c r="ANQ735" s="423" t="s">
        <v>2795</v>
      </c>
      <c r="ANR735" s="424"/>
      <c r="ANS735" s="424"/>
      <c r="ANT735" s="424"/>
      <c r="ANU735" s="423" t="s">
        <v>2795</v>
      </c>
      <c r="ANV735" s="424"/>
      <c r="ANW735" s="424"/>
      <c r="ANX735" s="424"/>
      <c r="ANY735" s="423" t="s">
        <v>2795</v>
      </c>
      <c r="ANZ735" s="424"/>
      <c r="AOA735" s="424"/>
      <c r="AOB735" s="424"/>
      <c r="AOC735" s="423" t="s">
        <v>2795</v>
      </c>
      <c r="AOD735" s="424"/>
      <c r="AOE735" s="424"/>
      <c r="AOF735" s="424"/>
      <c r="AOG735" s="423" t="s">
        <v>2795</v>
      </c>
      <c r="AOH735" s="424"/>
      <c r="AOI735" s="424"/>
      <c r="AOJ735" s="424"/>
      <c r="AOK735" s="423" t="s">
        <v>2795</v>
      </c>
      <c r="AOL735" s="424"/>
      <c r="AOM735" s="424"/>
      <c r="AON735" s="424"/>
      <c r="AOO735" s="423" t="s">
        <v>2795</v>
      </c>
      <c r="AOP735" s="424"/>
      <c r="AOQ735" s="424"/>
      <c r="AOR735" s="424"/>
      <c r="AOS735" s="423" t="s">
        <v>2795</v>
      </c>
      <c r="AOT735" s="424"/>
      <c r="AOU735" s="424"/>
      <c r="AOV735" s="424"/>
      <c r="AOW735" s="423" t="s">
        <v>2795</v>
      </c>
      <c r="AOX735" s="424"/>
      <c r="AOY735" s="424"/>
      <c r="AOZ735" s="424"/>
      <c r="APA735" s="423" t="s">
        <v>2795</v>
      </c>
      <c r="APB735" s="424"/>
      <c r="APC735" s="424"/>
      <c r="APD735" s="424"/>
      <c r="APE735" s="423" t="s">
        <v>2795</v>
      </c>
      <c r="APF735" s="424"/>
      <c r="APG735" s="424"/>
      <c r="APH735" s="424"/>
      <c r="API735" s="423" t="s">
        <v>2795</v>
      </c>
      <c r="APJ735" s="424"/>
      <c r="APK735" s="424"/>
      <c r="APL735" s="424"/>
      <c r="APM735" s="423" t="s">
        <v>2795</v>
      </c>
      <c r="APN735" s="424"/>
      <c r="APO735" s="424"/>
      <c r="APP735" s="424"/>
      <c r="APQ735" s="423" t="s">
        <v>2795</v>
      </c>
      <c r="APR735" s="424"/>
      <c r="APS735" s="424"/>
      <c r="APT735" s="424"/>
      <c r="APU735" s="423" t="s">
        <v>2795</v>
      </c>
      <c r="APV735" s="424"/>
      <c r="APW735" s="424"/>
      <c r="APX735" s="424"/>
      <c r="APY735" s="423" t="s">
        <v>2795</v>
      </c>
      <c r="APZ735" s="424"/>
      <c r="AQA735" s="424"/>
      <c r="AQB735" s="424"/>
      <c r="AQC735" s="423" t="s">
        <v>2795</v>
      </c>
      <c r="AQD735" s="424"/>
      <c r="AQE735" s="424"/>
      <c r="AQF735" s="424"/>
      <c r="AQG735" s="423" t="s">
        <v>2795</v>
      </c>
      <c r="AQH735" s="424"/>
      <c r="AQI735" s="424"/>
      <c r="AQJ735" s="424"/>
      <c r="AQK735" s="423" t="s">
        <v>2795</v>
      </c>
      <c r="AQL735" s="424"/>
      <c r="AQM735" s="424"/>
      <c r="AQN735" s="424"/>
      <c r="AQO735" s="423" t="s">
        <v>2795</v>
      </c>
      <c r="AQP735" s="424"/>
      <c r="AQQ735" s="424"/>
      <c r="AQR735" s="424"/>
      <c r="AQS735" s="423" t="s">
        <v>2795</v>
      </c>
      <c r="AQT735" s="424"/>
      <c r="AQU735" s="424"/>
      <c r="AQV735" s="424"/>
      <c r="AQW735" s="423" t="s">
        <v>2795</v>
      </c>
      <c r="AQX735" s="424"/>
      <c r="AQY735" s="424"/>
      <c r="AQZ735" s="424"/>
      <c r="ARA735" s="423" t="s">
        <v>2795</v>
      </c>
      <c r="ARB735" s="424"/>
      <c r="ARC735" s="424"/>
      <c r="ARD735" s="424"/>
      <c r="ARE735" s="423" t="s">
        <v>2795</v>
      </c>
      <c r="ARF735" s="424"/>
      <c r="ARG735" s="424"/>
      <c r="ARH735" s="424"/>
      <c r="ARI735" s="423" t="s">
        <v>2795</v>
      </c>
      <c r="ARJ735" s="424"/>
      <c r="ARK735" s="424"/>
      <c r="ARL735" s="424"/>
      <c r="ARM735" s="423" t="s">
        <v>2795</v>
      </c>
      <c r="ARN735" s="424"/>
      <c r="ARO735" s="424"/>
      <c r="ARP735" s="424"/>
      <c r="ARQ735" s="423" t="s">
        <v>2795</v>
      </c>
      <c r="ARR735" s="424"/>
      <c r="ARS735" s="424"/>
      <c r="ART735" s="424"/>
      <c r="ARU735" s="423" t="s">
        <v>2795</v>
      </c>
      <c r="ARV735" s="424"/>
      <c r="ARW735" s="424"/>
      <c r="ARX735" s="424"/>
      <c r="ARY735" s="423" t="s">
        <v>2795</v>
      </c>
      <c r="ARZ735" s="424"/>
      <c r="ASA735" s="424"/>
      <c r="ASB735" s="424"/>
      <c r="ASC735" s="423" t="s">
        <v>2795</v>
      </c>
      <c r="ASD735" s="424"/>
      <c r="ASE735" s="424"/>
      <c r="ASF735" s="424"/>
      <c r="ASG735" s="423" t="s">
        <v>2795</v>
      </c>
      <c r="ASH735" s="424"/>
      <c r="ASI735" s="424"/>
      <c r="ASJ735" s="424"/>
      <c r="ASK735" s="423" t="s">
        <v>2795</v>
      </c>
      <c r="ASL735" s="424"/>
      <c r="ASM735" s="424"/>
      <c r="ASN735" s="424"/>
      <c r="ASO735" s="423" t="s">
        <v>2795</v>
      </c>
      <c r="ASP735" s="424"/>
      <c r="ASQ735" s="424"/>
      <c r="ASR735" s="424"/>
      <c r="ASS735" s="423" t="s">
        <v>2795</v>
      </c>
      <c r="AST735" s="424"/>
      <c r="ASU735" s="424"/>
      <c r="ASV735" s="424"/>
      <c r="ASW735" s="423" t="s">
        <v>2795</v>
      </c>
      <c r="ASX735" s="424"/>
      <c r="ASY735" s="424"/>
      <c r="ASZ735" s="424"/>
      <c r="ATA735" s="423" t="s">
        <v>2795</v>
      </c>
      <c r="ATB735" s="424"/>
      <c r="ATC735" s="424"/>
      <c r="ATD735" s="424"/>
      <c r="ATE735" s="423" t="s">
        <v>2795</v>
      </c>
      <c r="ATF735" s="424"/>
      <c r="ATG735" s="424"/>
      <c r="ATH735" s="424"/>
      <c r="ATI735" s="423" t="s">
        <v>2795</v>
      </c>
      <c r="ATJ735" s="424"/>
      <c r="ATK735" s="424"/>
      <c r="ATL735" s="424"/>
      <c r="ATM735" s="423" t="s">
        <v>2795</v>
      </c>
      <c r="ATN735" s="424"/>
      <c r="ATO735" s="424"/>
      <c r="ATP735" s="424"/>
      <c r="ATQ735" s="423" t="s">
        <v>2795</v>
      </c>
      <c r="ATR735" s="424"/>
      <c r="ATS735" s="424"/>
      <c r="ATT735" s="424"/>
      <c r="ATU735" s="423" t="s">
        <v>2795</v>
      </c>
      <c r="ATV735" s="424"/>
      <c r="ATW735" s="424"/>
      <c r="ATX735" s="424"/>
      <c r="ATY735" s="423" t="s">
        <v>2795</v>
      </c>
      <c r="ATZ735" s="424"/>
      <c r="AUA735" s="424"/>
      <c r="AUB735" s="424"/>
      <c r="AUC735" s="423" t="s">
        <v>2795</v>
      </c>
      <c r="AUD735" s="424"/>
      <c r="AUE735" s="424"/>
      <c r="AUF735" s="424"/>
      <c r="AUG735" s="423" t="s">
        <v>2795</v>
      </c>
      <c r="AUH735" s="424"/>
      <c r="AUI735" s="424"/>
      <c r="AUJ735" s="424"/>
      <c r="AUK735" s="423" t="s">
        <v>2795</v>
      </c>
      <c r="AUL735" s="424"/>
      <c r="AUM735" s="424"/>
      <c r="AUN735" s="424"/>
      <c r="AUO735" s="423" t="s">
        <v>2795</v>
      </c>
      <c r="AUP735" s="424"/>
      <c r="AUQ735" s="424"/>
      <c r="AUR735" s="424"/>
      <c r="AUS735" s="423" t="s">
        <v>2795</v>
      </c>
      <c r="AUT735" s="424"/>
      <c r="AUU735" s="424"/>
      <c r="AUV735" s="424"/>
      <c r="AUW735" s="423" t="s">
        <v>2795</v>
      </c>
      <c r="AUX735" s="424"/>
      <c r="AUY735" s="424"/>
      <c r="AUZ735" s="424"/>
      <c r="AVA735" s="423" t="s">
        <v>2795</v>
      </c>
      <c r="AVB735" s="424"/>
      <c r="AVC735" s="424"/>
      <c r="AVD735" s="424"/>
      <c r="AVE735" s="423" t="s">
        <v>2795</v>
      </c>
      <c r="AVF735" s="424"/>
      <c r="AVG735" s="424"/>
      <c r="AVH735" s="424"/>
      <c r="AVI735" s="423" t="s">
        <v>2795</v>
      </c>
      <c r="AVJ735" s="424"/>
      <c r="AVK735" s="424"/>
      <c r="AVL735" s="424"/>
      <c r="AVM735" s="423" t="s">
        <v>2795</v>
      </c>
      <c r="AVN735" s="424"/>
      <c r="AVO735" s="424"/>
      <c r="AVP735" s="424"/>
      <c r="AVQ735" s="423" t="s">
        <v>2795</v>
      </c>
      <c r="AVR735" s="424"/>
      <c r="AVS735" s="424"/>
      <c r="AVT735" s="424"/>
      <c r="AVU735" s="423" t="s">
        <v>2795</v>
      </c>
      <c r="AVV735" s="424"/>
      <c r="AVW735" s="424"/>
      <c r="AVX735" s="424"/>
      <c r="AVY735" s="423" t="s">
        <v>2795</v>
      </c>
      <c r="AVZ735" s="424"/>
      <c r="AWA735" s="424"/>
      <c r="AWB735" s="424"/>
      <c r="AWC735" s="423" t="s">
        <v>2795</v>
      </c>
      <c r="AWD735" s="424"/>
      <c r="AWE735" s="424"/>
      <c r="AWF735" s="424"/>
      <c r="AWG735" s="423" t="s">
        <v>2795</v>
      </c>
      <c r="AWH735" s="424"/>
      <c r="AWI735" s="424"/>
      <c r="AWJ735" s="424"/>
      <c r="AWK735" s="423" t="s">
        <v>2795</v>
      </c>
      <c r="AWL735" s="424"/>
      <c r="AWM735" s="424"/>
      <c r="AWN735" s="424"/>
      <c r="AWO735" s="423" t="s">
        <v>2795</v>
      </c>
      <c r="AWP735" s="424"/>
      <c r="AWQ735" s="424"/>
      <c r="AWR735" s="424"/>
      <c r="AWS735" s="423" t="s">
        <v>2795</v>
      </c>
      <c r="AWT735" s="424"/>
      <c r="AWU735" s="424"/>
      <c r="AWV735" s="424"/>
      <c r="AWW735" s="423" t="s">
        <v>2795</v>
      </c>
      <c r="AWX735" s="424"/>
      <c r="AWY735" s="424"/>
      <c r="AWZ735" s="424"/>
      <c r="AXA735" s="423" t="s">
        <v>2795</v>
      </c>
      <c r="AXB735" s="424"/>
      <c r="AXC735" s="424"/>
      <c r="AXD735" s="424"/>
      <c r="AXE735" s="423" t="s">
        <v>2795</v>
      </c>
      <c r="AXF735" s="424"/>
      <c r="AXG735" s="424"/>
      <c r="AXH735" s="424"/>
      <c r="AXI735" s="423" t="s">
        <v>2795</v>
      </c>
      <c r="AXJ735" s="424"/>
      <c r="AXK735" s="424"/>
      <c r="AXL735" s="424"/>
      <c r="AXM735" s="423" t="s">
        <v>2795</v>
      </c>
      <c r="AXN735" s="424"/>
      <c r="AXO735" s="424"/>
      <c r="AXP735" s="424"/>
      <c r="AXQ735" s="423" t="s">
        <v>2795</v>
      </c>
      <c r="AXR735" s="424"/>
      <c r="AXS735" s="424"/>
      <c r="AXT735" s="424"/>
      <c r="AXU735" s="423" t="s">
        <v>2795</v>
      </c>
      <c r="AXV735" s="424"/>
      <c r="AXW735" s="424"/>
      <c r="AXX735" s="424"/>
      <c r="AXY735" s="423" t="s">
        <v>2795</v>
      </c>
      <c r="AXZ735" s="424"/>
      <c r="AYA735" s="424"/>
      <c r="AYB735" s="424"/>
      <c r="AYC735" s="423" t="s">
        <v>2795</v>
      </c>
      <c r="AYD735" s="424"/>
      <c r="AYE735" s="424"/>
      <c r="AYF735" s="424"/>
      <c r="AYG735" s="423" t="s">
        <v>2795</v>
      </c>
      <c r="AYH735" s="424"/>
      <c r="AYI735" s="424"/>
      <c r="AYJ735" s="424"/>
      <c r="AYK735" s="423" t="s">
        <v>2795</v>
      </c>
      <c r="AYL735" s="424"/>
      <c r="AYM735" s="424"/>
      <c r="AYN735" s="424"/>
      <c r="AYO735" s="423" t="s">
        <v>2795</v>
      </c>
      <c r="AYP735" s="424"/>
      <c r="AYQ735" s="424"/>
      <c r="AYR735" s="424"/>
      <c r="AYS735" s="423" t="s">
        <v>2795</v>
      </c>
      <c r="AYT735" s="424"/>
      <c r="AYU735" s="424"/>
      <c r="AYV735" s="424"/>
      <c r="AYW735" s="423" t="s">
        <v>2795</v>
      </c>
      <c r="AYX735" s="424"/>
      <c r="AYY735" s="424"/>
      <c r="AYZ735" s="424"/>
      <c r="AZA735" s="423" t="s">
        <v>2795</v>
      </c>
      <c r="AZB735" s="424"/>
      <c r="AZC735" s="424"/>
      <c r="AZD735" s="424"/>
      <c r="AZE735" s="423" t="s">
        <v>2795</v>
      </c>
      <c r="AZF735" s="424"/>
      <c r="AZG735" s="424"/>
      <c r="AZH735" s="424"/>
      <c r="AZI735" s="423" t="s">
        <v>2795</v>
      </c>
      <c r="AZJ735" s="424"/>
      <c r="AZK735" s="424"/>
      <c r="AZL735" s="424"/>
      <c r="AZM735" s="423" t="s">
        <v>2795</v>
      </c>
      <c r="AZN735" s="424"/>
      <c r="AZO735" s="424"/>
      <c r="AZP735" s="424"/>
      <c r="AZQ735" s="423" t="s">
        <v>2795</v>
      </c>
      <c r="AZR735" s="424"/>
      <c r="AZS735" s="424"/>
      <c r="AZT735" s="424"/>
      <c r="AZU735" s="423" t="s">
        <v>2795</v>
      </c>
      <c r="AZV735" s="424"/>
      <c r="AZW735" s="424"/>
      <c r="AZX735" s="424"/>
      <c r="AZY735" s="423" t="s">
        <v>2795</v>
      </c>
      <c r="AZZ735" s="424"/>
      <c r="BAA735" s="424"/>
      <c r="BAB735" s="424"/>
      <c r="BAC735" s="423" t="s">
        <v>2795</v>
      </c>
      <c r="BAD735" s="424"/>
      <c r="BAE735" s="424"/>
      <c r="BAF735" s="424"/>
      <c r="BAG735" s="423" t="s">
        <v>2795</v>
      </c>
      <c r="BAH735" s="424"/>
      <c r="BAI735" s="424"/>
      <c r="BAJ735" s="424"/>
      <c r="BAK735" s="423" t="s">
        <v>2795</v>
      </c>
      <c r="BAL735" s="424"/>
      <c r="BAM735" s="424"/>
      <c r="BAN735" s="424"/>
      <c r="BAO735" s="423" t="s">
        <v>2795</v>
      </c>
      <c r="BAP735" s="424"/>
      <c r="BAQ735" s="424"/>
      <c r="BAR735" s="424"/>
      <c r="BAS735" s="423" t="s">
        <v>2795</v>
      </c>
      <c r="BAT735" s="424"/>
      <c r="BAU735" s="424"/>
      <c r="BAV735" s="424"/>
      <c r="BAW735" s="423" t="s">
        <v>2795</v>
      </c>
      <c r="BAX735" s="424"/>
      <c r="BAY735" s="424"/>
      <c r="BAZ735" s="424"/>
      <c r="BBA735" s="423" t="s">
        <v>2795</v>
      </c>
      <c r="BBB735" s="424"/>
      <c r="BBC735" s="424"/>
      <c r="BBD735" s="424"/>
      <c r="BBE735" s="423" t="s">
        <v>2795</v>
      </c>
      <c r="BBF735" s="424"/>
      <c r="BBG735" s="424"/>
      <c r="BBH735" s="424"/>
      <c r="BBI735" s="423" t="s">
        <v>2795</v>
      </c>
      <c r="BBJ735" s="424"/>
      <c r="BBK735" s="424"/>
      <c r="BBL735" s="424"/>
      <c r="BBM735" s="423" t="s">
        <v>2795</v>
      </c>
      <c r="BBN735" s="424"/>
      <c r="BBO735" s="424"/>
      <c r="BBP735" s="424"/>
      <c r="BBQ735" s="423" t="s">
        <v>2795</v>
      </c>
      <c r="BBR735" s="424"/>
      <c r="BBS735" s="424"/>
      <c r="BBT735" s="424"/>
      <c r="BBU735" s="423" t="s">
        <v>2795</v>
      </c>
      <c r="BBV735" s="424"/>
      <c r="BBW735" s="424"/>
      <c r="BBX735" s="424"/>
      <c r="BBY735" s="423" t="s">
        <v>2795</v>
      </c>
      <c r="BBZ735" s="424"/>
      <c r="BCA735" s="424"/>
      <c r="BCB735" s="424"/>
      <c r="BCC735" s="423" t="s">
        <v>2795</v>
      </c>
      <c r="BCD735" s="424"/>
      <c r="BCE735" s="424"/>
      <c r="BCF735" s="424"/>
      <c r="BCG735" s="423" t="s">
        <v>2795</v>
      </c>
      <c r="BCH735" s="424"/>
      <c r="BCI735" s="424"/>
      <c r="BCJ735" s="424"/>
      <c r="BCK735" s="423" t="s">
        <v>2795</v>
      </c>
      <c r="BCL735" s="424"/>
      <c r="BCM735" s="424"/>
      <c r="BCN735" s="424"/>
      <c r="BCO735" s="423" t="s">
        <v>2795</v>
      </c>
      <c r="BCP735" s="424"/>
      <c r="BCQ735" s="424"/>
      <c r="BCR735" s="424"/>
      <c r="BCS735" s="423" t="s">
        <v>2795</v>
      </c>
      <c r="BCT735" s="424"/>
      <c r="BCU735" s="424"/>
      <c r="BCV735" s="424"/>
      <c r="BCW735" s="423" t="s">
        <v>2795</v>
      </c>
      <c r="BCX735" s="424"/>
      <c r="BCY735" s="424"/>
      <c r="BCZ735" s="424"/>
      <c r="BDA735" s="423" t="s">
        <v>2795</v>
      </c>
      <c r="BDB735" s="424"/>
      <c r="BDC735" s="424"/>
      <c r="BDD735" s="424"/>
      <c r="BDE735" s="423" t="s">
        <v>2795</v>
      </c>
      <c r="BDF735" s="424"/>
      <c r="BDG735" s="424"/>
      <c r="BDH735" s="424"/>
      <c r="BDI735" s="423" t="s">
        <v>2795</v>
      </c>
      <c r="BDJ735" s="424"/>
      <c r="BDK735" s="424"/>
      <c r="BDL735" s="424"/>
      <c r="BDM735" s="423" t="s">
        <v>2795</v>
      </c>
      <c r="BDN735" s="424"/>
      <c r="BDO735" s="424"/>
      <c r="BDP735" s="424"/>
      <c r="BDQ735" s="423" t="s">
        <v>2795</v>
      </c>
      <c r="BDR735" s="424"/>
      <c r="BDS735" s="424"/>
      <c r="BDT735" s="424"/>
      <c r="BDU735" s="423" t="s">
        <v>2795</v>
      </c>
      <c r="BDV735" s="424"/>
      <c r="BDW735" s="424"/>
      <c r="BDX735" s="424"/>
      <c r="BDY735" s="423" t="s">
        <v>2795</v>
      </c>
      <c r="BDZ735" s="424"/>
      <c r="BEA735" s="424"/>
      <c r="BEB735" s="424"/>
      <c r="BEC735" s="423" t="s">
        <v>2795</v>
      </c>
      <c r="BED735" s="424"/>
      <c r="BEE735" s="424"/>
      <c r="BEF735" s="424"/>
      <c r="BEG735" s="423" t="s">
        <v>2795</v>
      </c>
      <c r="BEH735" s="424"/>
      <c r="BEI735" s="424"/>
      <c r="BEJ735" s="424"/>
      <c r="BEK735" s="423" t="s">
        <v>2795</v>
      </c>
      <c r="BEL735" s="424"/>
      <c r="BEM735" s="424"/>
      <c r="BEN735" s="424"/>
      <c r="BEO735" s="423" t="s">
        <v>2795</v>
      </c>
      <c r="BEP735" s="424"/>
      <c r="BEQ735" s="424"/>
      <c r="BER735" s="424"/>
      <c r="BES735" s="423" t="s">
        <v>2795</v>
      </c>
      <c r="BET735" s="424"/>
      <c r="BEU735" s="424"/>
      <c r="BEV735" s="424"/>
      <c r="BEW735" s="423" t="s">
        <v>2795</v>
      </c>
      <c r="BEX735" s="424"/>
      <c r="BEY735" s="424"/>
      <c r="BEZ735" s="424"/>
      <c r="BFA735" s="423" t="s">
        <v>2795</v>
      </c>
      <c r="BFB735" s="424"/>
      <c r="BFC735" s="424"/>
      <c r="BFD735" s="424"/>
      <c r="BFE735" s="423" t="s">
        <v>2795</v>
      </c>
      <c r="BFF735" s="424"/>
      <c r="BFG735" s="424"/>
      <c r="BFH735" s="424"/>
      <c r="BFI735" s="423" t="s">
        <v>2795</v>
      </c>
      <c r="BFJ735" s="424"/>
      <c r="BFK735" s="424"/>
      <c r="BFL735" s="424"/>
      <c r="BFM735" s="423" t="s">
        <v>2795</v>
      </c>
      <c r="BFN735" s="424"/>
      <c r="BFO735" s="424"/>
      <c r="BFP735" s="424"/>
      <c r="BFQ735" s="423" t="s">
        <v>2795</v>
      </c>
      <c r="BFR735" s="424"/>
      <c r="BFS735" s="424"/>
      <c r="BFT735" s="424"/>
      <c r="BFU735" s="423" t="s">
        <v>2795</v>
      </c>
      <c r="BFV735" s="424"/>
      <c r="BFW735" s="424"/>
      <c r="BFX735" s="424"/>
      <c r="BFY735" s="423" t="s">
        <v>2795</v>
      </c>
      <c r="BFZ735" s="424"/>
      <c r="BGA735" s="424"/>
      <c r="BGB735" s="424"/>
      <c r="BGC735" s="423" t="s">
        <v>2795</v>
      </c>
      <c r="BGD735" s="424"/>
      <c r="BGE735" s="424"/>
      <c r="BGF735" s="424"/>
      <c r="BGG735" s="423" t="s">
        <v>2795</v>
      </c>
      <c r="BGH735" s="424"/>
      <c r="BGI735" s="424"/>
      <c r="BGJ735" s="424"/>
      <c r="BGK735" s="423" t="s">
        <v>2795</v>
      </c>
      <c r="BGL735" s="424"/>
      <c r="BGM735" s="424"/>
      <c r="BGN735" s="424"/>
      <c r="BGO735" s="423" t="s">
        <v>2795</v>
      </c>
      <c r="BGP735" s="424"/>
      <c r="BGQ735" s="424"/>
      <c r="BGR735" s="424"/>
      <c r="BGS735" s="423" t="s">
        <v>2795</v>
      </c>
      <c r="BGT735" s="424"/>
      <c r="BGU735" s="424"/>
      <c r="BGV735" s="424"/>
      <c r="BGW735" s="423" t="s">
        <v>2795</v>
      </c>
      <c r="BGX735" s="424"/>
      <c r="BGY735" s="424"/>
      <c r="BGZ735" s="424"/>
      <c r="BHA735" s="423" t="s">
        <v>2795</v>
      </c>
      <c r="BHB735" s="424"/>
      <c r="BHC735" s="424"/>
      <c r="BHD735" s="424"/>
      <c r="BHE735" s="423" t="s">
        <v>2795</v>
      </c>
      <c r="BHF735" s="424"/>
      <c r="BHG735" s="424"/>
      <c r="BHH735" s="424"/>
      <c r="BHI735" s="423" t="s">
        <v>2795</v>
      </c>
      <c r="BHJ735" s="424"/>
      <c r="BHK735" s="424"/>
      <c r="BHL735" s="424"/>
      <c r="BHM735" s="423" t="s">
        <v>2795</v>
      </c>
      <c r="BHN735" s="424"/>
      <c r="BHO735" s="424"/>
      <c r="BHP735" s="424"/>
      <c r="BHQ735" s="423" t="s">
        <v>2795</v>
      </c>
      <c r="BHR735" s="424"/>
      <c r="BHS735" s="424"/>
      <c r="BHT735" s="424"/>
      <c r="BHU735" s="423" t="s">
        <v>2795</v>
      </c>
      <c r="BHV735" s="424"/>
      <c r="BHW735" s="424"/>
      <c r="BHX735" s="424"/>
      <c r="BHY735" s="423" t="s">
        <v>2795</v>
      </c>
      <c r="BHZ735" s="424"/>
      <c r="BIA735" s="424"/>
      <c r="BIB735" s="424"/>
      <c r="BIC735" s="423" t="s">
        <v>2795</v>
      </c>
      <c r="BID735" s="424"/>
      <c r="BIE735" s="424"/>
      <c r="BIF735" s="424"/>
      <c r="BIG735" s="423" t="s">
        <v>2795</v>
      </c>
      <c r="BIH735" s="424"/>
      <c r="BII735" s="424"/>
      <c r="BIJ735" s="424"/>
      <c r="BIK735" s="423" t="s">
        <v>2795</v>
      </c>
      <c r="BIL735" s="424"/>
      <c r="BIM735" s="424"/>
      <c r="BIN735" s="424"/>
      <c r="BIO735" s="423" t="s">
        <v>2795</v>
      </c>
      <c r="BIP735" s="424"/>
      <c r="BIQ735" s="424"/>
      <c r="BIR735" s="424"/>
      <c r="BIS735" s="423" t="s">
        <v>2795</v>
      </c>
      <c r="BIT735" s="424"/>
      <c r="BIU735" s="424"/>
      <c r="BIV735" s="424"/>
      <c r="BIW735" s="423" t="s">
        <v>2795</v>
      </c>
      <c r="BIX735" s="424"/>
      <c r="BIY735" s="424"/>
      <c r="BIZ735" s="424"/>
      <c r="BJA735" s="423" t="s">
        <v>2795</v>
      </c>
      <c r="BJB735" s="424"/>
      <c r="BJC735" s="424"/>
      <c r="BJD735" s="424"/>
      <c r="BJE735" s="423" t="s">
        <v>2795</v>
      </c>
      <c r="BJF735" s="424"/>
      <c r="BJG735" s="424"/>
      <c r="BJH735" s="424"/>
      <c r="BJI735" s="423" t="s">
        <v>2795</v>
      </c>
      <c r="BJJ735" s="424"/>
      <c r="BJK735" s="424"/>
      <c r="BJL735" s="424"/>
      <c r="BJM735" s="423" t="s">
        <v>2795</v>
      </c>
      <c r="BJN735" s="424"/>
      <c r="BJO735" s="424"/>
      <c r="BJP735" s="424"/>
      <c r="BJQ735" s="423" t="s">
        <v>2795</v>
      </c>
      <c r="BJR735" s="424"/>
      <c r="BJS735" s="424"/>
      <c r="BJT735" s="424"/>
      <c r="BJU735" s="423" t="s">
        <v>2795</v>
      </c>
      <c r="BJV735" s="424"/>
      <c r="BJW735" s="424"/>
      <c r="BJX735" s="424"/>
      <c r="BJY735" s="423" t="s">
        <v>2795</v>
      </c>
      <c r="BJZ735" s="424"/>
      <c r="BKA735" s="424"/>
      <c r="BKB735" s="424"/>
      <c r="BKC735" s="423" t="s">
        <v>2795</v>
      </c>
      <c r="BKD735" s="424"/>
      <c r="BKE735" s="424"/>
      <c r="BKF735" s="424"/>
      <c r="BKG735" s="423" t="s">
        <v>2795</v>
      </c>
      <c r="BKH735" s="424"/>
      <c r="BKI735" s="424"/>
      <c r="BKJ735" s="424"/>
      <c r="BKK735" s="423" t="s">
        <v>2795</v>
      </c>
      <c r="BKL735" s="424"/>
      <c r="BKM735" s="424"/>
      <c r="BKN735" s="424"/>
      <c r="BKO735" s="423" t="s">
        <v>2795</v>
      </c>
      <c r="BKP735" s="424"/>
      <c r="BKQ735" s="424"/>
      <c r="BKR735" s="424"/>
      <c r="BKS735" s="423" t="s">
        <v>2795</v>
      </c>
      <c r="BKT735" s="424"/>
      <c r="BKU735" s="424"/>
      <c r="BKV735" s="424"/>
      <c r="BKW735" s="423" t="s">
        <v>2795</v>
      </c>
      <c r="BKX735" s="424"/>
      <c r="BKY735" s="424"/>
      <c r="BKZ735" s="424"/>
      <c r="BLA735" s="423" t="s">
        <v>2795</v>
      </c>
      <c r="BLB735" s="424"/>
      <c r="BLC735" s="424"/>
      <c r="BLD735" s="424"/>
      <c r="BLE735" s="423" t="s">
        <v>2795</v>
      </c>
      <c r="BLF735" s="424"/>
      <c r="BLG735" s="424"/>
      <c r="BLH735" s="424"/>
      <c r="BLI735" s="423" t="s">
        <v>2795</v>
      </c>
      <c r="BLJ735" s="424"/>
      <c r="BLK735" s="424"/>
      <c r="BLL735" s="424"/>
      <c r="BLM735" s="423" t="s">
        <v>2795</v>
      </c>
      <c r="BLN735" s="424"/>
      <c r="BLO735" s="424"/>
      <c r="BLP735" s="424"/>
      <c r="BLQ735" s="423" t="s">
        <v>2795</v>
      </c>
      <c r="BLR735" s="424"/>
      <c r="BLS735" s="424"/>
      <c r="BLT735" s="424"/>
      <c r="BLU735" s="423" t="s">
        <v>2795</v>
      </c>
      <c r="BLV735" s="424"/>
      <c r="BLW735" s="424"/>
      <c r="BLX735" s="424"/>
      <c r="BLY735" s="423" t="s">
        <v>2795</v>
      </c>
      <c r="BLZ735" s="424"/>
      <c r="BMA735" s="424"/>
      <c r="BMB735" s="424"/>
      <c r="BMC735" s="423" t="s">
        <v>2795</v>
      </c>
      <c r="BMD735" s="424"/>
      <c r="BME735" s="424"/>
      <c r="BMF735" s="424"/>
      <c r="BMG735" s="423" t="s">
        <v>2795</v>
      </c>
      <c r="BMH735" s="424"/>
      <c r="BMI735" s="424"/>
      <c r="BMJ735" s="424"/>
      <c r="BMK735" s="423" t="s">
        <v>2795</v>
      </c>
      <c r="BML735" s="424"/>
      <c r="BMM735" s="424"/>
      <c r="BMN735" s="424"/>
      <c r="BMO735" s="423" t="s">
        <v>2795</v>
      </c>
      <c r="BMP735" s="424"/>
      <c r="BMQ735" s="424"/>
      <c r="BMR735" s="424"/>
      <c r="BMS735" s="423" t="s">
        <v>2795</v>
      </c>
      <c r="BMT735" s="424"/>
      <c r="BMU735" s="424"/>
      <c r="BMV735" s="424"/>
      <c r="BMW735" s="423" t="s">
        <v>2795</v>
      </c>
      <c r="BMX735" s="424"/>
      <c r="BMY735" s="424"/>
      <c r="BMZ735" s="424"/>
      <c r="BNA735" s="423" t="s">
        <v>2795</v>
      </c>
      <c r="BNB735" s="424"/>
      <c r="BNC735" s="424"/>
      <c r="BND735" s="424"/>
      <c r="BNE735" s="423" t="s">
        <v>2795</v>
      </c>
      <c r="BNF735" s="424"/>
      <c r="BNG735" s="424"/>
      <c r="BNH735" s="424"/>
      <c r="BNI735" s="423" t="s">
        <v>2795</v>
      </c>
      <c r="BNJ735" s="424"/>
      <c r="BNK735" s="424"/>
      <c r="BNL735" s="424"/>
      <c r="BNM735" s="423" t="s">
        <v>2795</v>
      </c>
      <c r="BNN735" s="424"/>
      <c r="BNO735" s="424"/>
      <c r="BNP735" s="424"/>
      <c r="BNQ735" s="423" t="s">
        <v>2795</v>
      </c>
      <c r="BNR735" s="424"/>
      <c r="BNS735" s="424"/>
      <c r="BNT735" s="424"/>
      <c r="BNU735" s="423" t="s">
        <v>2795</v>
      </c>
      <c r="BNV735" s="424"/>
      <c r="BNW735" s="424"/>
      <c r="BNX735" s="424"/>
      <c r="BNY735" s="423" t="s">
        <v>2795</v>
      </c>
      <c r="BNZ735" s="424"/>
      <c r="BOA735" s="424"/>
      <c r="BOB735" s="424"/>
      <c r="BOC735" s="423" t="s">
        <v>2795</v>
      </c>
      <c r="BOD735" s="424"/>
      <c r="BOE735" s="424"/>
      <c r="BOF735" s="424"/>
      <c r="BOG735" s="423" t="s">
        <v>2795</v>
      </c>
      <c r="BOH735" s="424"/>
      <c r="BOI735" s="424"/>
      <c r="BOJ735" s="424"/>
      <c r="BOK735" s="423" t="s">
        <v>2795</v>
      </c>
      <c r="BOL735" s="424"/>
      <c r="BOM735" s="424"/>
      <c r="BON735" s="424"/>
      <c r="BOO735" s="423" t="s">
        <v>2795</v>
      </c>
      <c r="BOP735" s="424"/>
      <c r="BOQ735" s="424"/>
      <c r="BOR735" s="424"/>
      <c r="BOS735" s="423" t="s">
        <v>2795</v>
      </c>
      <c r="BOT735" s="424"/>
      <c r="BOU735" s="424"/>
      <c r="BOV735" s="424"/>
      <c r="BOW735" s="423" t="s">
        <v>2795</v>
      </c>
      <c r="BOX735" s="424"/>
      <c r="BOY735" s="424"/>
      <c r="BOZ735" s="424"/>
      <c r="BPA735" s="423" t="s">
        <v>2795</v>
      </c>
      <c r="BPB735" s="424"/>
      <c r="BPC735" s="424"/>
      <c r="BPD735" s="424"/>
      <c r="BPE735" s="423" t="s">
        <v>2795</v>
      </c>
      <c r="BPF735" s="424"/>
      <c r="BPG735" s="424"/>
      <c r="BPH735" s="424"/>
      <c r="BPI735" s="423" t="s">
        <v>2795</v>
      </c>
      <c r="BPJ735" s="424"/>
      <c r="BPK735" s="424"/>
      <c r="BPL735" s="424"/>
      <c r="BPM735" s="423" t="s">
        <v>2795</v>
      </c>
      <c r="BPN735" s="424"/>
      <c r="BPO735" s="424"/>
      <c r="BPP735" s="424"/>
      <c r="BPQ735" s="423" t="s">
        <v>2795</v>
      </c>
      <c r="BPR735" s="424"/>
      <c r="BPS735" s="424"/>
      <c r="BPT735" s="424"/>
      <c r="BPU735" s="423" t="s">
        <v>2795</v>
      </c>
      <c r="BPV735" s="424"/>
      <c r="BPW735" s="424"/>
      <c r="BPX735" s="424"/>
      <c r="BPY735" s="423" t="s">
        <v>2795</v>
      </c>
      <c r="BPZ735" s="424"/>
      <c r="BQA735" s="424"/>
      <c r="BQB735" s="424"/>
      <c r="BQC735" s="423" t="s">
        <v>2795</v>
      </c>
      <c r="BQD735" s="424"/>
      <c r="BQE735" s="424"/>
      <c r="BQF735" s="424"/>
      <c r="BQG735" s="423" t="s">
        <v>2795</v>
      </c>
      <c r="BQH735" s="424"/>
      <c r="BQI735" s="424"/>
      <c r="BQJ735" s="424"/>
      <c r="BQK735" s="423" t="s">
        <v>2795</v>
      </c>
      <c r="BQL735" s="424"/>
      <c r="BQM735" s="424"/>
      <c r="BQN735" s="424"/>
      <c r="BQO735" s="423" t="s">
        <v>2795</v>
      </c>
      <c r="BQP735" s="424"/>
      <c r="BQQ735" s="424"/>
      <c r="BQR735" s="424"/>
      <c r="BQS735" s="423" t="s">
        <v>2795</v>
      </c>
      <c r="BQT735" s="424"/>
      <c r="BQU735" s="424"/>
      <c r="BQV735" s="424"/>
      <c r="BQW735" s="423" t="s">
        <v>2795</v>
      </c>
      <c r="BQX735" s="424"/>
      <c r="BQY735" s="424"/>
      <c r="BQZ735" s="424"/>
      <c r="BRA735" s="423" t="s">
        <v>2795</v>
      </c>
      <c r="BRB735" s="424"/>
      <c r="BRC735" s="424"/>
      <c r="BRD735" s="424"/>
      <c r="BRE735" s="423" t="s">
        <v>2795</v>
      </c>
      <c r="BRF735" s="424"/>
      <c r="BRG735" s="424"/>
      <c r="BRH735" s="424"/>
      <c r="BRI735" s="423" t="s">
        <v>2795</v>
      </c>
      <c r="BRJ735" s="424"/>
      <c r="BRK735" s="424"/>
      <c r="BRL735" s="424"/>
      <c r="BRM735" s="423" t="s">
        <v>2795</v>
      </c>
      <c r="BRN735" s="424"/>
      <c r="BRO735" s="424"/>
      <c r="BRP735" s="424"/>
      <c r="BRQ735" s="423" t="s">
        <v>2795</v>
      </c>
      <c r="BRR735" s="424"/>
      <c r="BRS735" s="424"/>
      <c r="BRT735" s="424"/>
      <c r="BRU735" s="423" t="s">
        <v>2795</v>
      </c>
      <c r="BRV735" s="424"/>
      <c r="BRW735" s="424"/>
      <c r="BRX735" s="424"/>
      <c r="BRY735" s="423" t="s">
        <v>2795</v>
      </c>
      <c r="BRZ735" s="424"/>
      <c r="BSA735" s="424"/>
      <c r="BSB735" s="424"/>
      <c r="BSC735" s="423" t="s">
        <v>2795</v>
      </c>
      <c r="BSD735" s="424"/>
      <c r="BSE735" s="424"/>
      <c r="BSF735" s="424"/>
      <c r="BSG735" s="423" t="s">
        <v>2795</v>
      </c>
      <c r="BSH735" s="424"/>
      <c r="BSI735" s="424"/>
      <c r="BSJ735" s="424"/>
      <c r="BSK735" s="423" t="s">
        <v>2795</v>
      </c>
      <c r="BSL735" s="424"/>
      <c r="BSM735" s="424"/>
      <c r="BSN735" s="424"/>
      <c r="BSO735" s="423" t="s">
        <v>2795</v>
      </c>
      <c r="BSP735" s="424"/>
      <c r="BSQ735" s="424"/>
      <c r="BSR735" s="424"/>
      <c r="BSS735" s="423" t="s">
        <v>2795</v>
      </c>
      <c r="BST735" s="424"/>
      <c r="BSU735" s="424"/>
      <c r="BSV735" s="424"/>
      <c r="BSW735" s="423" t="s">
        <v>2795</v>
      </c>
      <c r="BSX735" s="424"/>
      <c r="BSY735" s="424"/>
      <c r="BSZ735" s="424"/>
      <c r="BTA735" s="423" t="s">
        <v>2795</v>
      </c>
      <c r="BTB735" s="424"/>
      <c r="BTC735" s="424"/>
      <c r="BTD735" s="424"/>
      <c r="BTE735" s="423" t="s">
        <v>2795</v>
      </c>
      <c r="BTF735" s="424"/>
      <c r="BTG735" s="424"/>
      <c r="BTH735" s="424"/>
      <c r="BTI735" s="423" t="s">
        <v>2795</v>
      </c>
      <c r="BTJ735" s="424"/>
      <c r="BTK735" s="424"/>
      <c r="BTL735" s="424"/>
      <c r="BTM735" s="423" t="s">
        <v>2795</v>
      </c>
      <c r="BTN735" s="424"/>
      <c r="BTO735" s="424"/>
      <c r="BTP735" s="424"/>
      <c r="BTQ735" s="423" t="s">
        <v>2795</v>
      </c>
      <c r="BTR735" s="424"/>
      <c r="BTS735" s="424"/>
      <c r="BTT735" s="424"/>
      <c r="BTU735" s="423" t="s">
        <v>2795</v>
      </c>
      <c r="BTV735" s="424"/>
      <c r="BTW735" s="424"/>
      <c r="BTX735" s="424"/>
      <c r="BTY735" s="423" t="s">
        <v>2795</v>
      </c>
      <c r="BTZ735" s="424"/>
      <c r="BUA735" s="424"/>
      <c r="BUB735" s="424"/>
      <c r="BUC735" s="423" t="s">
        <v>2795</v>
      </c>
      <c r="BUD735" s="424"/>
      <c r="BUE735" s="424"/>
      <c r="BUF735" s="424"/>
      <c r="BUG735" s="423" t="s">
        <v>2795</v>
      </c>
      <c r="BUH735" s="424"/>
      <c r="BUI735" s="424"/>
      <c r="BUJ735" s="424"/>
      <c r="BUK735" s="423" t="s">
        <v>2795</v>
      </c>
      <c r="BUL735" s="424"/>
      <c r="BUM735" s="424"/>
      <c r="BUN735" s="424"/>
      <c r="BUO735" s="423" t="s">
        <v>2795</v>
      </c>
      <c r="BUP735" s="424"/>
      <c r="BUQ735" s="424"/>
      <c r="BUR735" s="424"/>
      <c r="BUS735" s="423" t="s">
        <v>2795</v>
      </c>
      <c r="BUT735" s="424"/>
      <c r="BUU735" s="424"/>
      <c r="BUV735" s="424"/>
      <c r="BUW735" s="423" t="s">
        <v>2795</v>
      </c>
      <c r="BUX735" s="424"/>
      <c r="BUY735" s="424"/>
      <c r="BUZ735" s="424"/>
      <c r="BVA735" s="423" t="s">
        <v>2795</v>
      </c>
      <c r="BVB735" s="424"/>
      <c r="BVC735" s="424"/>
      <c r="BVD735" s="424"/>
      <c r="BVE735" s="423" t="s">
        <v>2795</v>
      </c>
      <c r="BVF735" s="424"/>
      <c r="BVG735" s="424"/>
      <c r="BVH735" s="424"/>
      <c r="BVI735" s="423" t="s">
        <v>2795</v>
      </c>
      <c r="BVJ735" s="424"/>
      <c r="BVK735" s="424"/>
      <c r="BVL735" s="424"/>
      <c r="BVM735" s="423" t="s">
        <v>2795</v>
      </c>
      <c r="BVN735" s="424"/>
      <c r="BVO735" s="424"/>
      <c r="BVP735" s="424"/>
      <c r="BVQ735" s="423" t="s">
        <v>2795</v>
      </c>
      <c r="BVR735" s="424"/>
      <c r="BVS735" s="424"/>
      <c r="BVT735" s="424"/>
      <c r="BVU735" s="423" t="s">
        <v>2795</v>
      </c>
      <c r="BVV735" s="424"/>
      <c r="BVW735" s="424"/>
      <c r="BVX735" s="424"/>
      <c r="BVY735" s="423" t="s">
        <v>2795</v>
      </c>
      <c r="BVZ735" s="424"/>
      <c r="BWA735" s="424"/>
      <c r="BWB735" s="424"/>
      <c r="BWC735" s="423" t="s">
        <v>2795</v>
      </c>
      <c r="BWD735" s="424"/>
      <c r="BWE735" s="424"/>
      <c r="BWF735" s="424"/>
      <c r="BWG735" s="423" t="s">
        <v>2795</v>
      </c>
      <c r="BWH735" s="424"/>
      <c r="BWI735" s="424"/>
      <c r="BWJ735" s="424"/>
      <c r="BWK735" s="423" t="s">
        <v>2795</v>
      </c>
      <c r="BWL735" s="424"/>
      <c r="BWM735" s="424"/>
      <c r="BWN735" s="424"/>
      <c r="BWO735" s="423" t="s">
        <v>2795</v>
      </c>
      <c r="BWP735" s="424"/>
      <c r="BWQ735" s="424"/>
      <c r="BWR735" s="424"/>
      <c r="BWS735" s="423" t="s">
        <v>2795</v>
      </c>
      <c r="BWT735" s="424"/>
      <c r="BWU735" s="424"/>
      <c r="BWV735" s="424"/>
      <c r="BWW735" s="423" t="s">
        <v>2795</v>
      </c>
      <c r="BWX735" s="424"/>
      <c r="BWY735" s="424"/>
      <c r="BWZ735" s="424"/>
      <c r="BXA735" s="423" t="s">
        <v>2795</v>
      </c>
      <c r="BXB735" s="424"/>
      <c r="BXC735" s="424"/>
      <c r="BXD735" s="424"/>
      <c r="BXE735" s="423" t="s">
        <v>2795</v>
      </c>
      <c r="BXF735" s="424"/>
      <c r="BXG735" s="424"/>
      <c r="BXH735" s="424"/>
      <c r="BXI735" s="423" t="s">
        <v>2795</v>
      </c>
      <c r="BXJ735" s="424"/>
      <c r="BXK735" s="424"/>
      <c r="BXL735" s="424"/>
      <c r="BXM735" s="423" t="s">
        <v>2795</v>
      </c>
      <c r="BXN735" s="424"/>
      <c r="BXO735" s="424"/>
      <c r="BXP735" s="424"/>
      <c r="BXQ735" s="423" t="s">
        <v>2795</v>
      </c>
      <c r="BXR735" s="424"/>
      <c r="BXS735" s="424"/>
      <c r="BXT735" s="424"/>
      <c r="BXU735" s="423" t="s">
        <v>2795</v>
      </c>
      <c r="BXV735" s="424"/>
      <c r="BXW735" s="424"/>
      <c r="BXX735" s="424"/>
      <c r="BXY735" s="423" t="s">
        <v>2795</v>
      </c>
      <c r="BXZ735" s="424"/>
      <c r="BYA735" s="424"/>
      <c r="BYB735" s="424"/>
      <c r="BYC735" s="423" t="s">
        <v>2795</v>
      </c>
      <c r="BYD735" s="424"/>
      <c r="BYE735" s="424"/>
      <c r="BYF735" s="424"/>
      <c r="BYG735" s="423" t="s">
        <v>2795</v>
      </c>
      <c r="BYH735" s="424"/>
      <c r="BYI735" s="424"/>
      <c r="BYJ735" s="424"/>
      <c r="BYK735" s="423" t="s">
        <v>2795</v>
      </c>
      <c r="BYL735" s="424"/>
      <c r="BYM735" s="424"/>
      <c r="BYN735" s="424"/>
      <c r="BYO735" s="423" t="s">
        <v>2795</v>
      </c>
      <c r="BYP735" s="424"/>
      <c r="BYQ735" s="424"/>
      <c r="BYR735" s="424"/>
      <c r="BYS735" s="423" t="s">
        <v>2795</v>
      </c>
      <c r="BYT735" s="424"/>
      <c r="BYU735" s="424"/>
      <c r="BYV735" s="424"/>
      <c r="BYW735" s="423" t="s">
        <v>2795</v>
      </c>
      <c r="BYX735" s="424"/>
      <c r="BYY735" s="424"/>
      <c r="BYZ735" s="424"/>
      <c r="BZA735" s="423" t="s">
        <v>2795</v>
      </c>
      <c r="BZB735" s="424"/>
      <c r="BZC735" s="424"/>
      <c r="BZD735" s="424"/>
      <c r="BZE735" s="423" t="s">
        <v>2795</v>
      </c>
      <c r="BZF735" s="424"/>
      <c r="BZG735" s="424"/>
      <c r="BZH735" s="424"/>
      <c r="BZI735" s="423" t="s">
        <v>2795</v>
      </c>
      <c r="BZJ735" s="424"/>
      <c r="BZK735" s="424"/>
      <c r="BZL735" s="424"/>
      <c r="BZM735" s="423" t="s">
        <v>2795</v>
      </c>
      <c r="BZN735" s="424"/>
      <c r="BZO735" s="424"/>
      <c r="BZP735" s="424"/>
      <c r="BZQ735" s="423" t="s">
        <v>2795</v>
      </c>
      <c r="BZR735" s="424"/>
      <c r="BZS735" s="424"/>
      <c r="BZT735" s="424"/>
      <c r="BZU735" s="423" t="s">
        <v>2795</v>
      </c>
      <c r="BZV735" s="424"/>
      <c r="BZW735" s="424"/>
      <c r="BZX735" s="424"/>
      <c r="BZY735" s="423" t="s">
        <v>2795</v>
      </c>
      <c r="BZZ735" s="424"/>
      <c r="CAA735" s="424"/>
      <c r="CAB735" s="424"/>
      <c r="CAC735" s="423" t="s">
        <v>2795</v>
      </c>
      <c r="CAD735" s="424"/>
      <c r="CAE735" s="424"/>
      <c r="CAF735" s="424"/>
      <c r="CAG735" s="423" t="s">
        <v>2795</v>
      </c>
      <c r="CAH735" s="424"/>
      <c r="CAI735" s="424"/>
      <c r="CAJ735" s="424"/>
      <c r="CAK735" s="423" t="s">
        <v>2795</v>
      </c>
      <c r="CAL735" s="424"/>
      <c r="CAM735" s="424"/>
      <c r="CAN735" s="424"/>
      <c r="CAO735" s="423" t="s">
        <v>2795</v>
      </c>
      <c r="CAP735" s="424"/>
      <c r="CAQ735" s="424"/>
      <c r="CAR735" s="424"/>
      <c r="CAS735" s="423" t="s">
        <v>2795</v>
      </c>
      <c r="CAT735" s="424"/>
      <c r="CAU735" s="424"/>
      <c r="CAV735" s="424"/>
      <c r="CAW735" s="423" t="s">
        <v>2795</v>
      </c>
      <c r="CAX735" s="424"/>
      <c r="CAY735" s="424"/>
      <c r="CAZ735" s="424"/>
      <c r="CBA735" s="423" t="s">
        <v>2795</v>
      </c>
      <c r="CBB735" s="424"/>
      <c r="CBC735" s="424"/>
      <c r="CBD735" s="424"/>
      <c r="CBE735" s="423" t="s">
        <v>2795</v>
      </c>
      <c r="CBF735" s="424"/>
      <c r="CBG735" s="424"/>
      <c r="CBH735" s="424"/>
      <c r="CBI735" s="423" t="s">
        <v>2795</v>
      </c>
      <c r="CBJ735" s="424"/>
      <c r="CBK735" s="424"/>
      <c r="CBL735" s="424"/>
      <c r="CBM735" s="423" t="s">
        <v>2795</v>
      </c>
      <c r="CBN735" s="424"/>
      <c r="CBO735" s="424"/>
      <c r="CBP735" s="424"/>
      <c r="CBQ735" s="423" t="s">
        <v>2795</v>
      </c>
      <c r="CBR735" s="424"/>
      <c r="CBS735" s="424"/>
      <c r="CBT735" s="424"/>
      <c r="CBU735" s="423" t="s">
        <v>2795</v>
      </c>
      <c r="CBV735" s="424"/>
      <c r="CBW735" s="424"/>
      <c r="CBX735" s="424"/>
      <c r="CBY735" s="423" t="s">
        <v>2795</v>
      </c>
      <c r="CBZ735" s="424"/>
      <c r="CCA735" s="424"/>
      <c r="CCB735" s="424"/>
      <c r="CCC735" s="423" t="s">
        <v>2795</v>
      </c>
      <c r="CCD735" s="424"/>
      <c r="CCE735" s="424"/>
      <c r="CCF735" s="424"/>
      <c r="CCG735" s="423" t="s">
        <v>2795</v>
      </c>
      <c r="CCH735" s="424"/>
      <c r="CCI735" s="424"/>
      <c r="CCJ735" s="424"/>
      <c r="CCK735" s="423" t="s">
        <v>2795</v>
      </c>
      <c r="CCL735" s="424"/>
      <c r="CCM735" s="424"/>
      <c r="CCN735" s="424"/>
      <c r="CCO735" s="423" t="s">
        <v>2795</v>
      </c>
      <c r="CCP735" s="424"/>
      <c r="CCQ735" s="424"/>
      <c r="CCR735" s="424"/>
      <c r="CCS735" s="423" t="s">
        <v>2795</v>
      </c>
      <c r="CCT735" s="424"/>
      <c r="CCU735" s="424"/>
      <c r="CCV735" s="424"/>
      <c r="CCW735" s="423" t="s">
        <v>2795</v>
      </c>
      <c r="CCX735" s="424"/>
      <c r="CCY735" s="424"/>
      <c r="CCZ735" s="424"/>
      <c r="CDA735" s="423" t="s">
        <v>2795</v>
      </c>
      <c r="CDB735" s="424"/>
      <c r="CDC735" s="424"/>
      <c r="CDD735" s="424"/>
      <c r="CDE735" s="423" t="s">
        <v>2795</v>
      </c>
      <c r="CDF735" s="424"/>
      <c r="CDG735" s="424"/>
      <c r="CDH735" s="424"/>
      <c r="CDI735" s="423" t="s">
        <v>2795</v>
      </c>
      <c r="CDJ735" s="424"/>
      <c r="CDK735" s="424"/>
      <c r="CDL735" s="424"/>
      <c r="CDM735" s="423" t="s">
        <v>2795</v>
      </c>
      <c r="CDN735" s="424"/>
      <c r="CDO735" s="424"/>
      <c r="CDP735" s="424"/>
      <c r="CDQ735" s="423" t="s">
        <v>2795</v>
      </c>
      <c r="CDR735" s="424"/>
      <c r="CDS735" s="424"/>
      <c r="CDT735" s="424"/>
      <c r="CDU735" s="423" t="s">
        <v>2795</v>
      </c>
      <c r="CDV735" s="424"/>
      <c r="CDW735" s="424"/>
      <c r="CDX735" s="424"/>
      <c r="CDY735" s="423" t="s">
        <v>2795</v>
      </c>
      <c r="CDZ735" s="424"/>
      <c r="CEA735" s="424"/>
      <c r="CEB735" s="424"/>
      <c r="CEC735" s="423" t="s">
        <v>2795</v>
      </c>
      <c r="CED735" s="424"/>
      <c r="CEE735" s="424"/>
      <c r="CEF735" s="424"/>
      <c r="CEG735" s="423" t="s">
        <v>2795</v>
      </c>
      <c r="CEH735" s="424"/>
      <c r="CEI735" s="424"/>
      <c r="CEJ735" s="424"/>
      <c r="CEK735" s="423" t="s">
        <v>2795</v>
      </c>
      <c r="CEL735" s="424"/>
      <c r="CEM735" s="424"/>
      <c r="CEN735" s="424"/>
      <c r="CEO735" s="423" t="s">
        <v>2795</v>
      </c>
      <c r="CEP735" s="424"/>
      <c r="CEQ735" s="424"/>
      <c r="CER735" s="424"/>
      <c r="CES735" s="423" t="s">
        <v>2795</v>
      </c>
      <c r="CET735" s="424"/>
      <c r="CEU735" s="424"/>
      <c r="CEV735" s="424"/>
      <c r="CEW735" s="423" t="s">
        <v>2795</v>
      </c>
      <c r="CEX735" s="424"/>
      <c r="CEY735" s="424"/>
      <c r="CEZ735" s="424"/>
      <c r="CFA735" s="423" t="s">
        <v>2795</v>
      </c>
      <c r="CFB735" s="424"/>
      <c r="CFC735" s="424"/>
      <c r="CFD735" s="424"/>
      <c r="CFE735" s="423" t="s">
        <v>2795</v>
      </c>
      <c r="CFF735" s="424"/>
      <c r="CFG735" s="424"/>
      <c r="CFH735" s="424"/>
      <c r="CFI735" s="423" t="s">
        <v>2795</v>
      </c>
      <c r="CFJ735" s="424"/>
      <c r="CFK735" s="424"/>
      <c r="CFL735" s="424"/>
      <c r="CFM735" s="423" t="s">
        <v>2795</v>
      </c>
      <c r="CFN735" s="424"/>
      <c r="CFO735" s="424"/>
      <c r="CFP735" s="424"/>
      <c r="CFQ735" s="423" t="s">
        <v>2795</v>
      </c>
      <c r="CFR735" s="424"/>
      <c r="CFS735" s="424"/>
      <c r="CFT735" s="424"/>
      <c r="CFU735" s="423" t="s">
        <v>2795</v>
      </c>
      <c r="CFV735" s="424"/>
      <c r="CFW735" s="424"/>
      <c r="CFX735" s="424"/>
      <c r="CFY735" s="423" t="s">
        <v>2795</v>
      </c>
      <c r="CFZ735" s="424"/>
      <c r="CGA735" s="424"/>
      <c r="CGB735" s="424"/>
      <c r="CGC735" s="423" t="s">
        <v>2795</v>
      </c>
      <c r="CGD735" s="424"/>
      <c r="CGE735" s="424"/>
      <c r="CGF735" s="424"/>
      <c r="CGG735" s="423" t="s">
        <v>2795</v>
      </c>
      <c r="CGH735" s="424"/>
      <c r="CGI735" s="424"/>
      <c r="CGJ735" s="424"/>
      <c r="CGK735" s="423" t="s">
        <v>2795</v>
      </c>
      <c r="CGL735" s="424"/>
      <c r="CGM735" s="424"/>
      <c r="CGN735" s="424"/>
      <c r="CGO735" s="423" t="s">
        <v>2795</v>
      </c>
      <c r="CGP735" s="424"/>
      <c r="CGQ735" s="424"/>
      <c r="CGR735" s="424"/>
      <c r="CGS735" s="423" t="s">
        <v>2795</v>
      </c>
      <c r="CGT735" s="424"/>
      <c r="CGU735" s="424"/>
      <c r="CGV735" s="424"/>
      <c r="CGW735" s="423" t="s">
        <v>2795</v>
      </c>
      <c r="CGX735" s="424"/>
      <c r="CGY735" s="424"/>
      <c r="CGZ735" s="424"/>
      <c r="CHA735" s="423" t="s">
        <v>2795</v>
      </c>
      <c r="CHB735" s="424"/>
      <c r="CHC735" s="424"/>
      <c r="CHD735" s="424"/>
      <c r="CHE735" s="423" t="s">
        <v>2795</v>
      </c>
      <c r="CHF735" s="424"/>
      <c r="CHG735" s="424"/>
      <c r="CHH735" s="424"/>
      <c r="CHI735" s="423" t="s">
        <v>2795</v>
      </c>
      <c r="CHJ735" s="424"/>
      <c r="CHK735" s="424"/>
      <c r="CHL735" s="424"/>
      <c r="CHM735" s="423" t="s">
        <v>2795</v>
      </c>
      <c r="CHN735" s="424"/>
      <c r="CHO735" s="424"/>
      <c r="CHP735" s="424"/>
      <c r="CHQ735" s="423" t="s">
        <v>2795</v>
      </c>
      <c r="CHR735" s="424"/>
      <c r="CHS735" s="424"/>
      <c r="CHT735" s="424"/>
      <c r="CHU735" s="423" t="s">
        <v>2795</v>
      </c>
      <c r="CHV735" s="424"/>
      <c r="CHW735" s="424"/>
      <c r="CHX735" s="424"/>
      <c r="CHY735" s="423" t="s">
        <v>2795</v>
      </c>
      <c r="CHZ735" s="424"/>
      <c r="CIA735" s="424"/>
      <c r="CIB735" s="424"/>
      <c r="CIC735" s="423" t="s">
        <v>2795</v>
      </c>
      <c r="CID735" s="424"/>
      <c r="CIE735" s="424"/>
      <c r="CIF735" s="424"/>
      <c r="CIG735" s="423" t="s">
        <v>2795</v>
      </c>
      <c r="CIH735" s="424"/>
      <c r="CII735" s="424"/>
      <c r="CIJ735" s="424"/>
      <c r="CIK735" s="423" t="s">
        <v>2795</v>
      </c>
      <c r="CIL735" s="424"/>
      <c r="CIM735" s="424"/>
      <c r="CIN735" s="424"/>
      <c r="CIO735" s="423" t="s">
        <v>2795</v>
      </c>
      <c r="CIP735" s="424"/>
      <c r="CIQ735" s="424"/>
      <c r="CIR735" s="424"/>
      <c r="CIS735" s="423" t="s">
        <v>2795</v>
      </c>
      <c r="CIT735" s="424"/>
      <c r="CIU735" s="424"/>
      <c r="CIV735" s="424"/>
      <c r="CIW735" s="423" t="s">
        <v>2795</v>
      </c>
      <c r="CIX735" s="424"/>
      <c r="CIY735" s="424"/>
      <c r="CIZ735" s="424"/>
      <c r="CJA735" s="423" t="s">
        <v>2795</v>
      </c>
      <c r="CJB735" s="424"/>
      <c r="CJC735" s="424"/>
      <c r="CJD735" s="424"/>
      <c r="CJE735" s="423" t="s">
        <v>2795</v>
      </c>
      <c r="CJF735" s="424"/>
      <c r="CJG735" s="424"/>
      <c r="CJH735" s="424"/>
      <c r="CJI735" s="423" t="s">
        <v>2795</v>
      </c>
      <c r="CJJ735" s="424"/>
      <c r="CJK735" s="424"/>
      <c r="CJL735" s="424"/>
      <c r="CJM735" s="423" t="s">
        <v>2795</v>
      </c>
      <c r="CJN735" s="424"/>
      <c r="CJO735" s="424"/>
      <c r="CJP735" s="424"/>
      <c r="CJQ735" s="423" t="s">
        <v>2795</v>
      </c>
      <c r="CJR735" s="424"/>
      <c r="CJS735" s="424"/>
      <c r="CJT735" s="424"/>
      <c r="CJU735" s="423" t="s">
        <v>2795</v>
      </c>
      <c r="CJV735" s="424"/>
      <c r="CJW735" s="424"/>
      <c r="CJX735" s="424"/>
      <c r="CJY735" s="423" t="s">
        <v>2795</v>
      </c>
      <c r="CJZ735" s="424"/>
      <c r="CKA735" s="424"/>
      <c r="CKB735" s="424"/>
      <c r="CKC735" s="423" t="s">
        <v>2795</v>
      </c>
      <c r="CKD735" s="424"/>
      <c r="CKE735" s="424"/>
      <c r="CKF735" s="424"/>
      <c r="CKG735" s="423" t="s">
        <v>2795</v>
      </c>
      <c r="CKH735" s="424"/>
      <c r="CKI735" s="424"/>
      <c r="CKJ735" s="424"/>
      <c r="CKK735" s="423" t="s">
        <v>2795</v>
      </c>
      <c r="CKL735" s="424"/>
      <c r="CKM735" s="424"/>
      <c r="CKN735" s="424"/>
      <c r="CKO735" s="423" t="s">
        <v>2795</v>
      </c>
      <c r="CKP735" s="424"/>
      <c r="CKQ735" s="424"/>
      <c r="CKR735" s="424"/>
      <c r="CKS735" s="423" t="s">
        <v>2795</v>
      </c>
      <c r="CKT735" s="424"/>
      <c r="CKU735" s="424"/>
      <c r="CKV735" s="424"/>
      <c r="CKW735" s="423" t="s">
        <v>2795</v>
      </c>
      <c r="CKX735" s="424"/>
      <c r="CKY735" s="424"/>
      <c r="CKZ735" s="424"/>
      <c r="CLA735" s="423" t="s">
        <v>2795</v>
      </c>
      <c r="CLB735" s="424"/>
      <c r="CLC735" s="424"/>
      <c r="CLD735" s="424"/>
      <c r="CLE735" s="423" t="s">
        <v>2795</v>
      </c>
      <c r="CLF735" s="424"/>
      <c r="CLG735" s="424"/>
      <c r="CLH735" s="424"/>
      <c r="CLI735" s="423" t="s">
        <v>2795</v>
      </c>
      <c r="CLJ735" s="424"/>
      <c r="CLK735" s="424"/>
      <c r="CLL735" s="424"/>
      <c r="CLM735" s="423" t="s">
        <v>2795</v>
      </c>
      <c r="CLN735" s="424"/>
      <c r="CLO735" s="424"/>
      <c r="CLP735" s="424"/>
      <c r="CLQ735" s="423" t="s">
        <v>2795</v>
      </c>
      <c r="CLR735" s="424"/>
      <c r="CLS735" s="424"/>
      <c r="CLT735" s="424"/>
      <c r="CLU735" s="423" t="s">
        <v>2795</v>
      </c>
      <c r="CLV735" s="424"/>
      <c r="CLW735" s="424"/>
      <c r="CLX735" s="424"/>
      <c r="CLY735" s="423" t="s">
        <v>2795</v>
      </c>
      <c r="CLZ735" s="424"/>
      <c r="CMA735" s="424"/>
      <c r="CMB735" s="424"/>
      <c r="CMC735" s="423" t="s">
        <v>2795</v>
      </c>
      <c r="CMD735" s="424"/>
      <c r="CME735" s="424"/>
      <c r="CMF735" s="424"/>
      <c r="CMG735" s="423" t="s">
        <v>2795</v>
      </c>
      <c r="CMH735" s="424"/>
      <c r="CMI735" s="424"/>
      <c r="CMJ735" s="424"/>
      <c r="CMK735" s="423" t="s">
        <v>2795</v>
      </c>
      <c r="CML735" s="424"/>
      <c r="CMM735" s="424"/>
      <c r="CMN735" s="424"/>
      <c r="CMO735" s="423" t="s">
        <v>2795</v>
      </c>
      <c r="CMP735" s="424"/>
      <c r="CMQ735" s="424"/>
      <c r="CMR735" s="424"/>
      <c r="CMS735" s="423" t="s">
        <v>2795</v>
      </c>
      <c r="CMT735" s="424"/>
      <c r="CMU735" s="424"/>
      <c r="CMV735" s="424"/>
      <c r="CMW735" s="423" t="s">
        <v>2795</v>
      </c>
      <c r="CMX735" s="424"/>
      <c r="CMY735" s="424"/>
      <c r="CMZ735" s="424"/>
      <c r="CNA735" s="423" t="s">
        <v>2795</v>
      </c>
      <c r="CNB735" s="424"/>
      <c r="CNC735" s="424"/>
      <c r="CND735" s="424"/>
      <c r="CNE735" s="423" t="s">
        <v>2795</v>
      </c>
      <c r="CNF735" s="424"/>
      <c r="CNG735" s="424"/>
      <c r="CNH735" s="424"/>
      <c r="CNI735" s="423" t="s">
        <v>2795</v>
      </c>
      <c r="CNJ735" s="424"/>
      <c r="CNK735" s="424"/>
      <c r="CNL735" s="424"/>
      <c r="CNM735" s="423" t="s">
        <v>2795</v>
      </c>
      <c r="CNN735" s="424"/>
      <c r="CNO735" s="424"/>
      <c r="CNP735" s="424"/>
      <c r="CNQ735" s="423" t="s">
        <v>2795</v>
      </c>
      <c r="CNR735" s="424"/>
      <c r="CNS735" s="424"/>
      <c r="CNT735" s="424"/>
      <c r="CNU735" s="423" t="s">
        <v>2795</v>
      </c>
      <c r="CNV735" s="424"/>
      <c r="CNW735" s="424"/>
      <c r="CNX735" s="424"/>
      <c r="CNY735" s="423" t="s">
        <v>2795</v>
      </c>
      <c r="CNZ735" s="424"/>
      <c r="COA735" s="424"/>
      <c r="COB735" s="424"/>
      <c r="COC735" s="423" t="s">
        <v>2795</v>
      </c>
      <c r="COD735" s="424"/>
      <c r="COE735" s="424"/>
      <c r="COF735" s="424"/>
      <c r="COG735" s="423" t="s">
        <v>2795</v>
      </c>
      <c r="COH735" s="424"/>
      <c r="COI735" s="424"/>
      <c r="COJ735" s="424"/>
      <c r="COK735" s="423" t="s">
        <v>2795</v>
      </c>
      <c r="COL735" s="424"/>
      <c r="COM735" s="424"/>
      <c r="CON735" s="424"/>
      <c r="COO735" s="423" t="s">
        <v>2795</v>
      </c>
      <c r="COP735" s="424"/>
      <c r="COQ735" s="424"/>
      <c r="COR735" s="424"/>
      <c r="COS735" s="423" t="s">
        <v>2795</v>
      </c>
      <c r="COT735" s="424"/>
      <c r="COU735" s="424"/>
      <c r="COV735" s="424"/>
      <c r="COW735" s="423" t="s">
        <v>2795</v>
      </c>
      <c r="COX735" s="424"/>
      <c r="COY735" s="424"/>
      <c r="COZ735" s="424"/>
      <c r="CPA735" s="423" t="s">
        <v>2795</v>
      </c>
      <c r="CPB735" s="424"/>
      <c r="CPC735" s="424"/>
      <c r="CPD735" s="424"/>
      <c r="CPE735" s="423" t="s">
        <v>2795</v>
      </c>
      <c r="CPF735" s="424"/>
      <c r="CPG735" s="424"/>
      <c r="CPH735" s="424"/>
      <c r="CPI735" s="423" t="s">
        <v>2795</v>
      </c>
      <c r="CPJ735" s="424"/>
      <c r="CPK735" s="424"/>
      <c r="CPL735" s="424"/>
      <c r="CPM735" s="423" t="s">
        <v>2795</v>
      </c>
      <c r="CPN735" s="424"/>
      <c r="CPO735" s="424"/>
      <c r="CPP735" s="424"/>
      <c r="CPQ735" s="423" t="s">
        <v>2795</v>
      </c>
      <c r="CPR735" s="424"/>
      <c r="CPS735" s="424"/>
      <c r="CPT735" s="424"/>
      <c r="CPU735" s="423" t="s">
        <v>2795</v>
      </c>
      <c r="CPV735" s="424"/>
      <c r="CPW735" s="424"/>
      <c r="CPX735" s="424"/>
      <c r="CPY735" s="423" t="s">
        <v>2795</v>
      </c>
      <c r="CPZ735" s="424"/>
      <c r="CQA735" s="424"/>
      <c r="CQB735" s="424"/>
      <c r="CQC735" s="423" t="s">
        <v>2795</v>
      </c>
      <c r="CQD735" s="424"/>
      <c r="CQE735" s="424"/>
      <c r="CQF735" s="424"/>
      <c r="CQG735" s="423" t="s">
        <v>2795</v>
      </c>
      <c r="CQH735" s="424"/>
      <c r="CQI735" s="424"/>
      <c r="CQJ735" s="424"/>
      <c r="CQK735" s="423" t="s">
        <v>2795</v>
      </c>
      <c r="CQL735" s="424"/>
      <c r="CQM735" s="424"/>
      <c r="CQN735" s="424"/>
      <c r="CQO735" s="423" t="s">
        <v>2795</v>
      </c>
      <c r="CQP735" s="424"/>
      <c r="CQQ735" s="424"/>
      <c r="CQR735" s="424"/>
      <c r="CQS735" s="423" t="s">
        <v>2795</v>
      </c>
      <c r="CQT735" s="424"/>
      <c r="CQU735" s="424"/>
      <c r="CQV735" s="424"/>
      <c r="CQW735" s="423" t="s">
        <v>2795</v>
      </c>
      <c r="CQX735" s="424"/>
      <c r="CQY735" s="424"/>
      <c r="CQZ735" s="424"/>
      <c r="CRA735" s="423" t="s">
        <v>2795</v>
      </c>
      <c r="CRB735" s="424"/>
      <c r="CRC735" s="424"/>
      <c r="CRD735" s="424"/>
      <c r="CRE735" s="423" t="s">
        <v>2795</v>
      </c>
      <c r="CRF735" s="424"/>
      <c r="CRG735" s="424"/>
      <c r="CRH735" s="424"/>
      <c r="CRI735" s="423" t="s">
        <v>2795</v>
      </c>
      <c r="CRJ735" s="424"/>
      <c r="CRK735" s="424"/>
      <c r="CRL735" s="424"/>
      <c r="CRM735" s="423" t="s">
        <v>2795</v>
      </c>
      <c r="CRN735" s="424"/>
      <c r="CRO735" s="424"/>
      <c r="CRP735" s="424"/>
      <c r="CRQ735" s="423" t="s">
        <v>2795</v>
      </c>
      <c r="CRR735" s="424"/>
      <c r="CRS735" s="424"/>
      <c r="CRT735" s="424"/>
      <c r="CRU735" s="423" t="s">
        <v>2795</v>
      </c>
      <c r="CRV735" s="424"/>
      <c r="CRW735" s="424"/>
      <c r="CRX735" s="424"/>
      <c r="CRY735" s="423" t="s">
        <v>2795</v>
      </c>
      <c r="CRZ735" s="424"/>
      <c r="CSA735" s="424"/>
      <c r="CSB735" s="424"/>
      <c r="CSC735" s="423" t="s">
        <v>2795</v>
      </c>
      <c r="CSD735" s="424"/>
      <c r="CSE735" s="424"/>
      <c r="CSF735" s="424"/>
      <c r="CSG735" s="423" t="s">
        <v>2795</v>
      </c>
      <c r="CSH735" s="424"/>
      <c r="CSI735" s="424"/>
      <c r="CSJ735" s="424"/>
      <c r="CSK735" s="423" t="s">
        <v>2795</v>
      </c>
      <c r="CSL735" s="424"/>
      <c r="CSM735" s="424"/>
      <c r="CSN735" s="424"/>
      <c r="CSO735" s="423" t="s">
        <v>2795</v>
      </c>
      <c r="CSP735" s="424"/>
      <c r="CSQ735" s="424"/>
      <c r="CSR735" s="424"/>
      <c r="CSS735" s="423" t="s">
        <v>2795</v>
      </c>
      <c r="CST735" s="424"/>
      <c r="CSU735" s="424"/>
      <c r="CSV735" s="424"/>
      <c r="CSW735" s="423" t="s">
        <v>2795</v>
      </c>
      <c r="CSX735" s="424"/>
      <c r="CSY735" s="424"/>
      <c r="CSZ735" s="424"/>
      <c r="CTA735" s="423" t="s">
        <v>2795</v>
      </c>
      <c r="CTB735" s="424"/>
      <c r="CTC735" s="424"/>
      <c r="CTD735" s="424"/>
      <c r="CTE735" s="423" t="s">
        <v>2795</v>
      </c>
      <c r="CTF735" s="424"/>
      <c r="CTG735" s="424"/>
      <c r="CTH735" s="424"/>
      <c r="CTI735" s="423" t="s">
        <v>2795</v>
      </c>
      <c r="CTJ735" s="424"/>
      <c r="CTK735" s="424"/>
      <c r="CTL735" s="424"/>
      <c r="CTM735" s="423" t="s">
        <v>2795</v>
      </c>
      <c r="CTN735" s="424"/>
      <c r="CTO735" s="424"/>
      <c r="CTP735" s="424"/>
      <c r="CTQ735" s="423" t="s">
        <v>2795</v>
      </c>
      <c r="CTR735" s="424"/>
      <c r="CTS735" s="424"/>
      <c r="CTT735" s="424"/>
      <c r="CTU735" s="423" t="s">
        <v>2795</v>
      </c>
      <c r="CTV735" s="424"/>
      <c r="CTW735" s="424"/>
      <c r="CTX735" s="424"/>
      <c r="CTY735" s="423" t="s">
        <v>2795</v>
      </c>
      <c r="CTZ735" s="424"/>
      <c r="CUA735" s="424"/>
      <c r="CUB735" s="424"/>
      <c r="CUC735" s="423" t="s">
        <v>2795</v>
      </c>
      <c r="CUD735" s="424"/>
      <c r="CUE735" s="424"/>
      <c r="CUF735" s="424"/>
      <c r="CUG735" s="423" t="s">
        <v>2795</v>
      </c>
      <c r="CUH735" s="424"/>
      <c r="CUI735" s="424"/>
      <c r="CUJ735" s="424"/>
      <c r="CUK735" s="423" t="s">
        <v>2795</v>
      </c>
      <c r="CUL735" s="424"/>
      <c r="CUM735" s="424"/>
      <c r="CUN735" s="424"/>
      <c r="CUO735" s="423" t="s">
        <v>2795</v>
      </c>
      <c r="CUP735" s="424"/>
      <c r="CUQ735" s="424"/>
      <c r="CUR735" s="424"/>
      <c r="CUS735" s="423" t="s">
        <v>2795</v>
      </c>
      <c r="CUT735" s="424"/>
      <c r="CUU735" s="424"/>
      <c r="CUV735" s="424"/>
      <c r="CUW735" s="423" t="s">
        <v>2795</v>
      </c>
      <c r="CUX735" s="424"/>
      <c r="CUY735" s="424"/>
      <c r="CUZ735" s="424"/>
      <c r="CVA735" s="423" t="s">
        <v>2795</v>
      </c>
      <c r="CVB735" s="424"/>
      <c r="CVC735" s="424"/>
      <c r="CVD735" s="424"/>
      <c r="CVE735" s="423" t="s">
        <v>2795</v>
      </c>
      <c r="CVF735" s="424"/>
      <c r="CVG735" s="424"/>
      <c r="CVH735" s="424"/>
      <c r="CVI735" s="423" t="s">
        <v>2795</v>
      </c>
      <c r="CVJ735" s="424"/>
      <c r="CVK735" s="424"/>
      <c r="CVL735" s="424"/>
      <c r="CVM735" s="423" t="s">
        <v>2795</v>
      </c>
      <c r="CVN735" s="424"/>
      <c r="CVO735" s="424"/>
      <c r="CVP735" s="424"/>
      <c r="CVQ735" s="423" t="s">
        <v>2795</v>
      </c>
      <c r="CVR735" s="424"/>
      <c r="CVS735" s="424"/>
      <c r="CVT735" s="424"/>
      <c r="CVU735" s="423" t="s">
        <v>2795</v>
      </c>
      <c r="CVV735" s="424"/>
      <c r="CVW735" s="424"/>
      <c r="CVX735" s="424"/>
      <c r="CVY735" s="423" t="s">
        <v>2795</v>
      </c>
      <c r="CVZ735" s="424"/>
      <c r="CWA735" s="424"/>
      <c r="CWB735" s="424"/>
      <c r="CWC735" s="423" t="s">
        <v>2795</v>
      </c>
      <c r="CWD735" s="424"/>
      <c r="CWE735" s="424"/>
      <c r="CWF735" s="424"/>
      <c r="CWG735" s="423" t="s">
        <v>2795</v>
      </c>
      <c r="CWH735" s="424"/>
      <c r="CWI735" s="424"/>
      <c r="CWJ735" s="424"/>
      <c r="CWK735" s="423" t="s">
        <v>2795</v>
      </c>
      <c r="CWL735" s="424"/>
      <c r="CWM735" s="424"/>
      <c r="CWN735" s="424"/>
      <c r="CWO735" s="423" t="s">
        <v>2795</v>
      </c>
      <c r="CWP735" s="424"/>
      <c r="CWQ735" s="424"/>
      <c r="CWR735" s="424"/>
      <c r="CWS735" s="423" t="s">
        <v>2795</v>
      </c>
      <c r="CWT735" s="424"/>
      <c r="CWU735" s="424"/>
      <c r="CWV735" s="424"/>
      <c r="CWW735" s="423" t="s">
        <v>2795</v>
      </c>
      <c r="CWX735" s="424"/>
      <c r="CWY735" s="424"/>
      <c r="CWZ735" s="424"/>
      <c r="CXA735" s="423" t="s">
        <v>2795</v>
      </c>
      <c r="CXB735" s="424"/>
      <c r="CXC735" s="424"/>
      <c r="CXD735" s="424"/>
      <c r="CXE735" s="423" t="s">
        <v>2795</v>
      </c>
      <c r="CXF735" s="424"/>
      <c r="CXG735" s="424"/>
      <c r="CXH735" s="424"/>
      <c r="CXI735" s="423" t="s">
        <v>2795</v>
      </c>
      <c r="CXJ735" s="424"/>
      <c r="CXK735" s="424"/>
      <c r="CXL735" s="424"/>
      <c r="CXM735" s="423" t="s">
        <v>2795</v>
      </c>
      <c r="CXN735" s="424"/>
      <c r="CXO735" s="424"/>
      <c r="CXP735" s="424"/>
      <c r="CXQ735" s="423" t="s">
        <v>2795</v>
      </c>
      <c r="CXR735" s="424"/>
      <c r="CXS735" s="424"/>
      <c r="CXT735" s="424"/>
      <c r="CXU735" s="423" t="s">
        <v>2795</v>
      </c>
      <c r="CXV735" s="424"/>
      <c r="CXW735" s="424"/>
      <c r="CXX735" s="424"/>
      <c r="CXY735" s="423" t="s">
        <v>2795</v>
      </c>
      <c r="CXZ735" s="424"/>
      <c r="CYA735" s="424"/>
      <c r="CYB735" s="424"/>
      <c r="CYC735" s="423" t="s">
        <v>2795</v>
      </c>
      <c r="CYD735" s="424"/>
      <c r="CYE735" s="424"/>
      <c r="CYF735" s="424"/>
      <c r="CYG735" s="423" t="s">
        <v>2795</v>
      </c>
      <c r="CYH735" s="424"/>
      <c r="CYI735" s="424"/>
      <c r="CYJ735" s="424"/>
      <c r="CYK735" s="423" t="s">
        <v>2795</v>
      </c>
      <c r="CYL735" s="424"/>
      <c r="CYM735" s="424"/>
      <c r="CYN735" s="424"/>
      <c r="CYO735" s="423" t="s">
        <v>2795</v>
      </c>
      <c r="CYP735" s="424"/>
      <c r="CYQ735" s="424"/>
      <c r="CYR735" s="424"/>
      <c r="CYS735" s="423" t="s">
        <v>2795</v>
      </c>
      <c r="CYT735" s="424"/>
      <c r="CYU735" s="424"/>
      <c r="CYV735" s="424"/>
      <c r="CYW735" s="423" t="s">
        <v>2795</v>
      </c>
      <c r="CYX735" s="424"/>
      <c r="CYY735" s="424"/>
      <c r="CYZ735" s="424"/>
      <c r="CZA735" s="423" t="s">
        <v>2795</v>
      </c>
      <c r="CZB735" s="424"/>
      <c r="CZC735" s="424"/>
      <c r="CZD735" s="424"/>
      <c r="CZE735" s="423" t="s">
        <v>2795</v>
      </c>
      <c r="CZF735" s="424"/>
      <c r="CZG735" s="424"/>
      <c r="CZH735" s="424"/>
      <c r="CZI735" s="423" t="s">
        <v>2795</v>
      </c>
      <c r="CZJ735" s="424"/>
      <c r="CZK735" s="424"/>
      <c r="CZL735" s="424"/>
      <c r="CZM735" s="423" t="s">
        <v>2795</v>
      </c>
      <c r="CZN735" s="424"/>
      <c r="CZO735" s="424"/>
      <c r="CZP735" s="424"/>
      <c r="CZQ735" s="423" t="s">
        <v>2795</v>
      </c>
      <c r="CZR735" s="424"/>
      <c r="CZS735" s="424"/>
      <c r="CZT735" s="424"/>
      <c r="CZU735" s="423" t="s">
        <v>2795</v>
      </c>
      <c r="CZV735" s="424"/>
      <c r="CZW735" s="424"/>
      <c r="CZX735" s="424"/>
      <c r="CZY735" s="423" t="s">
        <v>2795</v>
      </c>
      <c r="CZZ735" s="424"/>
      <c r="DAA735" s="424"/>
      <c r="DAB735" s="424"/>
      <c r="DAC735" s="423" t="s">
        <v>2795</v>
      </c>
      <c r="DAD735" s="424"/>
      <c r="DAE735" s="424"/>
      <c r="DAF735" s="424"/>
      <c r="DAG735" s="423" t="s">
        <v>2795</v>
      </c>
      <c r="DAH735" s="424"/>
      <c r="DAI735" s="424"/>
      <c r="DAJ735" s="424"/>
      <c r="DAK735" s="423" t="s">
        <v>2795</v>
      </c>
      <c r="DAL735" s="424"/>
      <c r="DAM735" s="424"/>
      <c r="DAN735" s="424"/>
      <c r="DAO735" s="423" t="s">
        <v>2795</v>
      </c>
      <c r="DAP735" s="424"/>
      <c r="DAQ735" s="424"/>
      <c r="DAR735" s="424"/>
      <c r="DAS735" s="423" t="s">
        <v>2795</v>
      </c>
      <c r="DAT735" s="424"/>
      <c r="DAU735" s="424"/>
      <c r="DAV735" s="424"/>
      <c r="DAW735" s="423" t="s">
        <v>2795</v>
      </c>
      <c r="DAX735" s="424"/>
      <c r="DAY735" s="424"/>
      <c r="DAZ735" s="424"/>
      <c r="DBA735" s="423" t="s">
        <v>2795</v>
      </c>
      <c r="DBB735" s="424"/>
      <c r="DBC735" s="424"/>
      <c r="DBD735" s="424"/>
      <c r="DBE735" s="423" t="s">
        <v>2795</v>
      </c>
      <c r="DBF735" s="424"/>
      <c r="DBG735" s="424"/>
      <c r="DBH735" s="424"/>
      <c r="DBI735" s="423" t="s">
        <v>2795</v>
      </c>
      <c r="DBJ735" s="424"/>
      <c r="DBK735" s="424"/>
      <c r="DBL735" s="424"/>
      <c r="DBM735" s="423" t="s">
        <v>2795</v>
      </c>
      <c r="DBN735" s="424"/>
      <c r="DBO735" s="424"/>
      <c r="DBP735" s="424"/>
      <c r="DBQ735" s="423" t="s">
        <v>2795</v>
      </c>
      <c r="DBR735" s="424"/>
      <c r="DBS735" s="424"/>
      <c r="DBT735" s="424"/>
      <c r="DBU735" s="423" t="s">
        <v>2795</v>
      </c>
      <c r="DBV735" s="424"/>
      <c r="DBW735" s="424"/>
      <c r="DBX735" s="424"/>
      <c r="DBY735" s="423" t="s">
        <v>2795</v>
      </c>
      <c r="DBZ735" s="424"/>
      <c r="DCA735" s="424"/>
      <c r="DCB735" s="424"/>
      <c r="DCC735" s="423" t="s">
        <v>2795</v>
      </c>
      <c r="DCD735" s="424"/>
      <c r="DCE735" s="424"/>
      <c r="DCF735" s="424"/>
      <c r="DCG735" s="423" t="s">
        <v>2795</v>
      </c>
      <c r="DCH735" s="424"/>
      <c r="DCI735" s="424"/>
      <c r="DCJ735" s="424"/>
      <c r="DCK735" s="423" t="s">
        <v>2795</v>
      </c>
      <c r="DCL735" s="424"/>
      <c r="DCM735" s="424"/>
      <c r="DCN735" s="424"/>
      <c r="DCO735" s="423" t="s">
        <v>2795</v>
      </c>
      <c r="DCP735" s="424"/>
      <c r="DCQ735" s="424"/>
      <c r="DCR735" s="424"/>
      <c r="DCS735" s="423" t="s">
        <v>2795</v>
      </c>
      <c r="DCT735" s="424"/>
      <c r="DCU735" s="424"/>
      <c r="DCV735" s="424"/>
      <c r="DCW735" s="423" t="s">
        <v>2795</v>
      </c>
      <c r="DCX735" s="424"/>
      <c r="DCY735" s="424"/>
      <c r="DCZ735" s="424"/>
      <c r="DDA735" s="423" t="s">
        <v>2795</v>
      </c>
      <c r="DDB735" s="424"/>
      <c r="DDC735" s="424"/>
      <c r="DDD735" s="424"/>
      <c r="DDE735" s="423" t="s">
        <v>2795</v>
      </c>
      <c r="DDF735" s="424"/>
      <c r="DDG735" s="424"/>
      <c r="DDH735" s="424"/>
      <c r="DDI735" s="423" t="s">
        <v>2795</v>
      </c>
      <c r="DDJ735" s="424"/>
      <c r="DDK735" s="424"/>
      <c r="DDL735" s="424"/>
      <c r="DDM735" s="423" t="s">
        <v>2795</v>
      </c>
      <c r="DDN735" s="424"/>
      <c r="DDO735" s="424"/>
      <c r="DDP735" s="424"/>
      <c r="DDQ735" s="423" t="s">
        <v>2795</v>
      </c>
      <c r="DDR735" s="424"/>
      <c r="DDS735" s="424"/>
      <c r="DDT735" s="424"/>
      <c r="DDU735" s="423" t="s">
        <v>2795</v>
      </c>
      <c r="DDV735" s="424"/>
      <c r="DDW735" s="424"/>
      <c r="DDX735" s="424"/>
      <c r="DDY735" s="423" t="s">
        <v>2795</v>
      </c>
      <c r="DDZ735" s="424"/>
      <c r="DEA735" s="424"/>
      <c r="DEB735" s="424"/>
      <c r="DEC735" s="423" t="s">
        <v>2795</v>
      </c>
      <c r="DED735" s="424"/>
      <c r="DEE735" s="424"/>
      <c r="DEF735" s="424"/>
      <c r="DEG735" s="423" t="s">
        <v>2795</v>
      </c>
      <c r="DEH735" s="424"/>
      <c r="DEI735" s="424"/>
      <c r="DEJ735" s="424"/>
      <c r="DEK735" s="423" t="s">
        <v>2795</v>
      </c>
      <c r="DEL735" s="424"/>
      <c r="DEM735" s="424"/>
      <c r="DEN735" s="424"/>
      <c r="DEO735" s="423" t="s">
        <v>2795</v>
      </c>
      <c r="DEP735" s="424"/>
      <c r="DEQ735" s="424"/>
      <c r="DER735" s="424"/>
      <c r="DES735" s="423" t="s">
        <v>2795</v>
      </c>
      <c r="DET735" s="424"/>
      <c r="DEU735" s="424"/>
      <c r="DEV735" s="424"/>
      <c r="DEW735" s="423" t="s">
        <v>2795</v>
      </c>
      <c r="DEX735" s="424"/>
      <c r="DEY735" s="424"/>
      <c r="DEZ735" s="424"/>
      <c r="DFA735" s="423" t="s">
        <v>2795</v>
      </c>
      <c r="DFB735" s="424"/>
      <c r="DFC735" s="424"/>
      <c r="DFD735" s="424"/>
      <c r="DFE735" s="423" t="s">
        <v>2795</v>
      </c>
      <c r="DFF735" s="424"/>
      <c r="DFG735" s="424"/>
      <c r="DFH735" s="424"/>
      <c r="DFI735" s="423" t="s">
        <v>2795</v>
      </c>
      <c r="DFJ735" s="424"/>
      <c r="DFK735" s="424"/>
      <c r="DFL735" s="424"/>
      <c r="DFM735" s="423" t="s">
        <v>2795</v>
      </c>
      <c r="DFN735" s="424"/>
      <c r="DFO735" s="424"/>
      <c r="DFP735" s="424"/>
      <c r="DFQ735" s="423" t="s">
        <v>2795</v>
      </c>
      <c r="DFR735" s="424"/>
      <c r="DFS735" s="424"/>
      <c r="DFT735" s="424"/>
      <c r="DFU735" s="423" t="s">
        <v>2795</v>
      </c>
      <c r="DFV735" s="424"/>
      <c r="DFW735" s="424"/>
      <c r="DFX735" s="424"/>
      <c r="DFY735" s="423" t="s">
        <v>2795</v>
      </c>
      <c r="DFZ735" s="424"/>
      <c r="DGA735" s="424"/>
      <c r="DGB735" s="424"/>
      <c r="DGC735" s="423" t="s">
        <v>2795</v>
      </c>
      <c r="DGD735" s="424"/>
      <c r="DGE735" s="424"/>
      <c r="DGF735" s="424"/>
      <c r="DGG735" s="423" t="s">
        <v>2795</v>
      </c>
      <c r="DGH735" s="424"/>
      <c r="DGI735" s="424"/>
      <c r="DGJ735" s="424"/>
      <c r="DGK735" s="423" t="s">
        <v>2795</v>
      </c>
      <c r="DGL735" s="424"/>
      <c r="DGM735" s="424"/>
      <c r="DGN735" s="424"/>
      <c r="DGO735" s="423" t="s">
        <v>2795</v>
      </c>
      <c r="DGP735" s="424"/>
      <c r="DGQ735" s="424"/>
      <c r="DGR735" s="424"/>
      <c r="DGS735" s="423" t="s">
        <v>2795</v>
      </c>
      <c r="DGT735" s="424"/>
      <c r="DGU735" s="424"/>
      <c r="DGV735" s="424"/>
      <c r="DGW735" s="423" t="s">
        <v>2795</v>
      </c>
      <c r="DGX735" s="424"/>
      <c r="DGY735" s="424"/>
      <c r="DGZ735" s="424"/>
      <c r="DHA735" s="423" t="s">
        <v>2795</v>
      </c>
      <c r="DHB735" s="424"/>
      <c r="DHC735" s="424"/>
      <c r="DHD735" s="424"/>
      <c r="DHE735" s="423" t="s">
        <v>2795</v>
      </c>
      <c r="DHF735" s="424"/>
      <c r="DHG735" s="424"/>
      <c r="DHH735" s="424"/>
      <c r="DHI735" s="423" t="s">
        <v>2795</v>
      </c>
      <c r="DHJ735" s="424"/>
      <c r="DHK735" s="424"/>
      <c r="DHL735" s="424"/>
      <c r="DHM735" s="423" t="s">
        <v>2795</v>
      </c>
      <c r="DHN735" s="424"/>
      <c r="DHO735" s="424"/>
      <c r="DHP735" s="424"/>
      <c r="DHQ735" s="423" t="s">
        <v>2795</v>
      </c>
      <c r="DHR735" s="424"/>
      <c r="DHS735" s="424"/>
      <c r="DHT735" s="424"/>
      <c r="DHU735" s="423" t="s">
        <v>2795</v>
      </c>
      <c r="DHV735" s="424"/>
      <c r="DHW735" s="424"/>
      <c r="DHX735" s="424"/>
      <c r="DHY735" s="423" t="s">
        <v>2795</v>
      </c>
      <c r="DHZ735" s="424"/>
      <c r="DIA735" s="424"/>
      <c r="DIB735" s="424"/>
      <c r="DIC735" s="423" t="s">
        <v>2795</v>
      </c>
      <c r="DID735" s="424"/>
      <c r="DIE735" s="424"/>
      <c r="DIF735" s="424"/>
      <c r="DIG735" s="423" t="s">
        <v>2795</v>
      </c>
      <c r="DIH735" s="424"/>
      <c r="DII735" s="424"/>
      <c r="DIJ735" s="424"/>
      <c r="DIK735" s="423" t="s">
        <v>2795</v>
      </c>
      <c r="DIL735" s="424"/>
      <c r="DIM735" s="424"/>
      <c r="DIN735" s="424"/>
      <c r="DIO735" s="423" t="s">
        <v>2795</v>
      </c>
      <c r="DIP735" s="424"/>
      <c r="DIQ735" s="424"/>
      <c r="DIR735" s="424"/>
      <c r="DIS735" s="423" t="s">
        <v>2795</v>
      </c>
      <c r="DIT735" s="424"/>
      <c r="DIU735" s="424"/>
      <c r="DIV735" s="424"/>
      <c r="DIW735" s="423" t="s">
        <v>2795</v>
      </c>
      <c r="DIX735" s="424"/>
      <c r="DIY735" s="424"/>
      <c r="DIZ735" s="424"/>
      <c r="DJA735" s="423" t="s">
        <v>2795</v>
      </c>
      <c r="DJB735" s="424"/>
      <c r="DJC735" s="424"/>
      <c r="DJD735" s="424"/>
      <c r="DJE735" s="423" t="s">
        <v>2795</v>
      </c>
      <c r="DJF735" s="424"/>
      <c r="DJG735" s="424"/>
      <c r="DJH735" s="424"/>
      <c r="DJI735" s="423" t="s">
        <v>2795</v>
      </c>
      <c r="DJJ735" s="424"/>
      <c r="DJK735" s="424"/>
      <c r="DJL735" s="424"/>
      <c r="DJM735" s="423" t="s">
        <v>2795</v>
      </c>
      <c r="DJN735" s="424"/>
      <c r="DJO735" s="424"/>
      <c r="DJP735" s="424"/>
      <c r="DJQ735" s="423" t="s">
        <v>2795</v>
      </c>
      <c r="DJR735" s="424"/>
      <c r="DJS735" s="424"/>
      <c r="DJT735" s="424"/>
      <c r="DJU735" s="423" t="s">
        <v>2795</v>
      </c>
      <c r="DJV735" s="424"/>
      <c r="DJW735" s="424"/>
      <c r="DJX735" s="424"/>
      <c r="DJY735" s="423" t="s">
        <v>2795</v>
      </c>
      <c r="DJZ735" s="424"/>
      <c r="DKA735" s="424"/>
      <c r="DKB735" s="424"/>
      <c r="DKC735" s="423" t="s">
        <v>2795</v>
      </c>
      <c r="DKD735" s="424"/>
      <c r="DKE735" s="424"/>
      <c r="DKF735" s="424"/>
      <c r="DKG735" s="423" t="s">
        <v>2795</v>
      </c>
      <c r="DKH735" s="424"/>
      <c r="DKI735" s="424"/>
      <c r="DKJ735" s="424"/>
      <c r="DKK735" s="423" t="s">
        <v>2795</v>
      </c>
      <c r="DKL735" s="424"/>
      <c r="DKM735" s="424"/>
      <c r="DKN735" s="424"/>
      <c r="DKO735" s="423" t="s">
        <v>2795</v>
      </c>
      <c r="DKP735" s="424"/>
      <c r="DKQ735" s="424"/>
      <c r="DKR735" s="424"/>
      <c r="DKS735" s="423" t="s">
        <v>2795</v>
      </c>
      <c r="DKT735" s="424"/>
      <c r="DKU735" s="424"/>
      <c r="DKV735" s="424"/>
      <c r="DKW735" s="423" t="s">
        <v>2795</v>
      </c>
      <c r="DKX735" s="424"/>
      <c r="DKY735" s="424"/>
      <c r="DKZ735" s="424"/>
      <c r="DLA735" s="423" t="s">
        <v>2795</v>
      </c>
      <c r="DLB735" s="424"/>
      <c r="DLC735" s="424"/>
      <c r="DLD735" s="424"/>
      <c r="DLE735" s="423" t="s">
        <v>2795</v>
      </c>
      <c r="DLF735" s="424"/>
      <c r="DLG735" s="424"/>
      <c r="DLH735" s="424"/>
      <c r="DLI735" s="423" t="s">
        <v>2795</v>
      </c>
      <c r="DLJ735" s="424"/>
      <c r="DLK735" s="424"/>
      <c r="DLL735" s="424"/>
      <c r="DLM735" s="423" t="s">
        <v>2795</v>
      </c>
      <c r="DLN735" s="424"/>
      <c r="DLO735" s="424"/>
      <c r="DLP735" s="424"/>
      <c r="DLQ735" s="423" t="s">
        <v>2795</v>
      </c>
      <c r="DLR735" s="424"/>
      <c r="DLS735" s="424"/>
      <c r="DLT735" s="424"/>
      <c r="DLU735" s="423" t="s">
        <v>2795</v>
      </c>
      <c r="DLV735" s="424"/>
      <c r="DLW735" s="424"/>
      <c r="DLX735" s="424"/>
      <c r="DLY735" s="423" t="s">
        <v>2795</v>
      </c>
      <c r="DLZ735" s="424"/>
      <c r="DMA735" s="424"/>
      <c r="DMB735" s="424"/>
      <c r="DMC735" s="423" t="s">
        <v>2795</v>
      </c>
      <c r="DMD735" s="424"/>
      <c r="DME735" s="424"/>
      <c r="DMF735" s="424"/>
      <c r="DMG735" s="423" t="s">
        <v>2795</v>
      </c>
      <c r="DMH735" s="424"/>
      <c r="DMI735" s="424"/>
      <c r="DMJ735" s="424"/>
      <c r="DMK735" s="423" t="s">
        <v>2795</v>
      </c>
      <c r="DML735" s="424"/>
      <c r="DMM735" s="424"/>
      <c r="DMN735" s="424"/>
      <c r="DMO735" s="423" t="s">
        <v>2795</v>
      </c>
      <c r="DMP735" s="424"/>
      <c r="DMQ735" s="424"/>
      <c r="DMR735" s="424"/>
      <c r="DMS735" s="423" t="s">
        <v>2795</v>
      </c>
      <c r="DMT735" s="424"/>
      <c r="DMU735" s="424"/>
      <c r="DMV735" s="424"/>
      <c r="DMW735" s="423" t="s">
        <v>2795</v>
      </c>
      <c r="DMX735" s="424"/>
      <c r="DMY735" s="424"/>
      <c r="DMZ735" s="424"/>
      <c r="DNA735" s="423" t="s">
        <v>2795</v>
      </c>
      <c r="DNB735" s="424"/>
      <c r="DNC735" s="424"/>
      <c r="DND735" s="424"/>
      <c r="DNE735" s="423" t="s">
        <v>2795</v>
      </c>
      <c r="DNF735" s="424"/>
      <c r="DNG735" s="424"/>
      <c r="DNH735" s="424"/>
      <c r="DNI735" s="423" t="s">
        <v>2795</v>
      </c>
      <c r="DNJ735" s="424"/>
      <c r="DNK735" s="424"/>
      <c r="DNL735" s="424"/>
      <c r="DNM735" s="423" t="s">
        <v>2795</v>
      </c>
      <c r="DNN735" s="424"/>
      <c r="DNO735" s="424"/>
      <c r="DNP735" s="424"/>
      <c r="DNQ735" s="423" t="s">
        <v>2795</v>
      </c>
      <c r="DNR735" s="424"/>
      <c r="DNS735" s="424"/>
      <c r="DNT735" s="424"/>
      <c r="DNU735" s="423" t="s">
        <v>2795</v>
      </c>
      <c r="DNV735" s="424"/>
      <c r="DNW735" s="424"/>
      <c r="DNX735" s="424"/>
      <c r="DNY735" s="423" t="s">
        <v>2795</v>
      </c>
      <c r="DNZ735" s="424"/>
      <c r="DOA735" s="424"/>
      <c r="DOB735" s="424"/>
      <c r="DOC735" s="423" t="s">
        <v>2795</v>
      </c>
      <c r="DOD735" s="424"/>
      <c r="DOE735" s="424"/>
      <c r="DOF735" s="424"/>
      <c r="DOG735" s="423" t="s">
        <v>2795</v>
      </c>
      <c r="DOH735" s="424"/>
      <c r="DOI735" s="424"/>
      <c r="DOJ735" s="424"/>
      <c r="DOK735" s="423" t="s">
        <v>2795</v>
      </c>
      <c r="DOL735" s="424"/>
      <c r="DOM735" s="424"/>
      <c r="DON735" s="424"/>
      <c r="DOO735" s="423" t="s">
        <v>2795</v>
      </c>
      <c r="DOP735" s="424"/>
      <c r="DOQ735" s="424"/>
      <c r="DOR735" s="424"/>
      <c r="DOS735" s="423" t="s">
        <v>2795</v>
      </c>
      <c r="DOT735" s="424"/>
      <c r="DOU735" s="424"/>
      <c r="DOV735" s="424"/>
      <c r="DOW735" s="423" t="s">
        <v>2795</v>
      </c>
      <c r="DOX735" s="424"/>
      <c r="DOY735" s="424"/>
      <c r="DOZ735" s="424"/>
      <c r="DPA735" s="423" t="s">
        <v>2795</v>
      </c>
      <c r="DPB735" s="424"/>
      <c r="DPC735" s="424"/>
      <c r="DPD735" s="424"/>
      <c r="DPE735" s="423" t="s">
        <v>2795</v>
      </c>
      <c r="DPF735" s="424"/>
      <c r="DPG735" s="424"/>
      <c r="DPH735" s="424"/>
      <c r="DPI735" s="423" t="s">
        <v>2795</v>
      </c>
      <c r="DPJ735" s="424"/>
      <c r="DPK735" s="424"/>
      <c r="DPL735" s="424"/>
      <c r="DPM735" s="423" t="s">
        <v>2795</v>
      </c>
      <c r="DPN735" s="424"/>
      <c r="DPO735" s="424"/>
      <c r="DPP735" s="424"/>
      <c r="DPQ735" s="423" t="s">
        <v>2795</v>
      </c>
      <c r="DPR735" s="424"/>
      <c r="DPS735" s="424"/>
      <c r="DPT735" s="424"/>
      <c r="DPU735" s="423" t="s">
        <v>2795</v>
      </c>
      <c r="DPV735" s="424"/>
      <c r="DPW735" s="424"/>
      <c r="DPX735" s="424"/>
      <c r="DPY735" s="423" t="s">
        <v>2795</v>
      </c>
      <c r="DPZ735" s="424"/>
      <c r="DQA735" s="424"/>
      <c r="DQB735" s="424"/>
      <c r="DQC735" s="423" t="s">
        <v>2795</v>
      </c>
      <c r="DQD735" s="424"/>
      <c r="DQE735" s="424"/>
      <c r="DQF735" s="424"/>
      <c r="DQG735" s="423" t="s">
        <v>2795</v>
      </c>
      <c r="DQH735" s="424"/>
      <c r="DQI735" s="424"/>
      <c r="DQJ735" s="424"/>
      <c r="DQK735" s="423" t="s">
        <v>2795</v>
      </c>
      <c r="DQL735" s="424"/>
      <c r="DQM735" s="424"/>
      <c r="DQN735" s="424"/>
      <c r="DQO735" s="423" t="s">
        <v>2795</v>
      </c>
      <c r="DQP735" s="424"/>
      <c r="DQQ735" s="424"/>
      <c r="DQR735" s="424"/>
      <c r="DQS735" s="423" t="s">
        <v>2795</v>
      </c>
      <c r="DQT735" s="424"/>
      <c r="DQU735" s="424"/>
      <c r="DQV735" s="424"/>
      <c r="DQW735" s="423" t="s">
        <v>2795</v>
      </c>
      <c r="DQX735" s="424"/>
      <c r="DQY735" s="424"/>
      <c r="DQZ735" s="424"/>
      <c r="DRA735" s="423" t="s">
        <v>2795</v>
      </c>
      <c r="DRB735" s="424"/>
      <c r="DRC735" s="424"/>
      <c r="DRD735" s="424"/>
      <c r="DRE735" s="423" t="s">
        <v>2795</v>
      </c>
      <c r="DRF735" s="424"/>
      <c r="DRG735" s="424"/>
      <c r="DRH735" s="424"/>
      <c r="DRI735" s="423" t="s">
        <v>2795</v>
      </c>
      <c r="DRJ735" s="424"/>
      <c r="DRK735" s="424"/>
      <c r="DRL735" s="424"/>
      <c r="DRM735" s="423" t="s">
        <v>2795</v>
      </c>
      <c r="DRN735" s="424"/>
      <c r="DRO735" s="424"/>
      <c r="DRP735" s="424"/>
      <c r="DRQ735" s="423" t="s">
        <v>2795</v>
      </c>
      <c r="DRR735" s="424"/>
      <c r="DRS735" s="424"/>
      <c r="DRT735" s="424"/>
      <c r="DRU735" s="423" t="s">
        <v>2795</v>
      </c>
      <c r="DRV735" s="424"/>
      <c r="DRW735" s="424"/>
      <c r="DRX735" s="424"/>
      <c r="DRY735" s="423" t="s">
        <v>2795</v>
      </c>
      <c r="DRZ735" s="424"/>
      <c r="DSA735" s="424"/>
      <c r="DSB735" s="424"/>
      <c r="DSC735" s="423" t="s">
        <v>2795</v>
      </c>
      <c r="DSD735" s="424"/>
      <c r="DSE735" s="424"/>
      <c r="DSF735" s="424"/>
      <c r="DSG735" s="423" t="s">
        <v>2795</v>
      </c>
      <c r="DSH735" s="424"/>
      <c r="DSI735" s="424"/>
      <c r="DSJ735" s="424"/>
      <c r="DSK735" s="423" t="s">
        <v>2795</v>
      </c>
      <c r="DSL735" s="424"/>
      <c r="DSM735" s="424"/>
      <c r="DSN735" s="424"/>
      <c r="DSO735" s="423" t="s">
        <v>2795</v>
      </c>
      <c r="DSP735" s="424"/>
      <c r="DSQ735" s="424"/>
      <c r="DSR735" s="424"/>
      <c r="DSS735" s="423" t="s">
        <v>2795</v>
      </c>
      <c r="DST735" s="424"/>
      <c r="DSU735" s="424"/>
      <c r="DSV735" s="424"/>
      <c r="DSW735" s="423" t="s">
        <v>2795</v>
      </c>
      <c r="DSX735" s="424"/>
      <c r="DSY735" s="424"/>
      <c r="DSZ735" s="424"/>
      <c r="DTA735" s="423" t="s">
        <v>2795</v>
      </c>
      <c r="DTB735" s="424"/>
      <c r="DTC735" s="424"/>
      <c r="DTD735" s="424"/>
      <c r="DTE735" s="423" t="s">
        <v>2795</v>
      </c>
      <c r="DTF735" s="424"/>
      <c r="DTG735" s="424"/>
      <c r="DTH735" s="424"/>
      <c r="DTI735" s="423" t="s">
        <v>2795</v>
      </c>
      <c r="DTJ735" s="424"/>
      <c r="DTK735" s="424"/>
      <c r="DTL735" s="424"/>
      <c r="DTM735" s="423" t="s">
        <v>2795</v>
      </c>
      <c r="DTN735" s="424"/>
      <c r="DTO735" s="424"/>
      <c r="DTP735" s="424"/>
      <c r="DTQ735" s="423" t="s">
        <v>2795</v>
      </c>
      <c r="DTR735" s="424"/>
      <c r="DTS735" s="424"/>
      <c r="DTT735" s="424"/>
      <c r="DTU735" s="423" t="s">
        <v>2795</v>
      </c>
      <c r="DTV735" s="424"/>
      <c r="DTW735" s="424"/>
      <c r="DTX735" s="424"/>
      <c r="DTY735" s="423" t="s">
        <v>2795</v>
      </c>
      <c r="DTZ735" s="424"/>
      <c r="DUA735" s="424"/>
      <c r="DUB735" s="424"/>
      <c r="DUC735" s="423" t="s">
        <v>2795</v>
      </c>
      <c r="DUD735" s="424"/>
      <c r="DUE735" s="424"/>
      <c r="DUF735" s="424"/>
      <c r="DUG735" s="423" t="s">
        <v>2795</v>
      </c>
      <c r="DUH735" s="424"/>
      <c r="DUI735" s="424"/>
      <c r="DUJ735" s="424"/>
      <c r="DUK735" s="423" t="s">
        <v>2795</v>
      </c>
      <c r="DUL735" s="424"/>
      <c r="DUM735" s="424"/>
      <c r="DUN735" s="424"/>
      <c r="DUO735" s="423" t="s">
        <v>2795</v>
      </c>
      <c r="DUP735" s="424"/>
      <c r="DUQ735" s="424"/>
      <c r="DUR735" s="424"/>
      <c r="DUS735" s="423" t="s">
        <v>2795</v>
      </c>
      <c r="DUT735" s="424"/>
      <c r="DUU735" s="424"/>
      <c r="DUV735" s="424"/>
      <c r="DUW735" s="423" t="s">
        <v>2795</v>
      </c>
      <c r="DUX735" s="424"/>
      <c r="DUY735" s="424"/>
      <c r="DUZ735" s="424"/>
      <c r="DVA735" s="423" t="s">
        <v>2795</v>
      </c>
      <c r="DVB735" s="424"/>
      <c r="DVC735" s="424"/>
      <c r="DVD735" s="424"/>
      <c r="DVE735" s="423" t="s">
        <v>2795</v>
      </c>
      <c r="DVF735" s="424"/>
      <c r="DVG735" s="424"/>
      <c r="DVH735" s="424"/>
      <c r="DVI735" s="423" t="s">
        <v>2795</v>
      </c>
      <c r="DVJ735" s="424"/>
      <c r="DVK735" s="424"/>
      <c r="DVL735" s="424"/>
      <c r="DVM735" s="423" t="s">
        <v>2795</v>
      </c>
      <c r="DVN735" s="424"/>
      <c r="DVO735" s="424"/>
      <c r="DVP735" s="424"/>
      <c r="DVQ735" s="423" t="s">
        <v>2795</v>
      </c>
      <c r="DVR735" s="424"/>
      <c r="DVS735" s="424"/>
      <c r="DVT735" s="424"/>
      <c r="DVU735" s="423" t="s">
        <v>2795</v>
      </c>
      <c r="DVV735" s="424"/>
      <c r="DVW735" s="424"/>
      <c r="DVX735" s="424"/>
      <c r="DVY735" s="423" t="s">
        <v>2795</v>
      </c>
      <c r="DVZ735" s="424"/>
      <c r="DWA735" s="424"/>
      <c r="DWB735" s="424"/>
      <c r="DWC735" s="423" t="s">
        <v>2795</v>
      </c>
      <c r="DWD735" s="424"/>
      <c r="DWE735" s="424"/>
      <c r="DWF735" s="424"/>
      <c r="DWG735" s="423" t="s">
        <v>2795</v>
      </c>
      <c r="DWH735" s="424"/>
      <c r="DWI735" s="424"/>
      <c r="DWJ735" s="424"/>
      <c r="DWK735" s="423" t="s">
        <v>2795</v>
      </c>
      <c r="DWL735" s="424"/>
      <c r="DWM735" s="424"/>
      <c r="DWN735" s="424"/>
      <c r="DWO735" s="423" t="s">
        <v>2795</v>
      </c>
      <c r="DWP735" s="424"/>
      <c r="DWQ735" s="424"/>
      <c r="DWR735" s="424"/>
      <c r="DWS735" s="423" t="s">
        <v>2795</v>
      </c>
      <c r="DWT735" s="424"/>
      <c r="DWU735" s="424"/>
      <c r="DWV735" s="424"/>
      <c r="DWW735" s="423" t="s">
        <v>2795</v>
      </c>
      <c r="DWX735" s="424"/>
      <c r="DWY735" s="424"/>
      <c r="DWZ735" s="424"/>
      <c r="DXA735" s="423" t="s">
        <v>2795</v>
      </c>
      <c r="DXB735" s="424"/>
      <c r="DXC735" s="424"/>
      <c r="DXD735" s="424"/>
      <c r="DXE735" s="423" t="s">
        <v>2795</v>
      </c>
      <c r="DXF735" s="424"/>
      <c r="DXG735" s="424"/>
      <c r="DXH735" s="424"/>
      <c r="DXI735" s="423" t="s">
        <v>2795</v>
      </c>
      <c r="DXJ735" s="424"/>
      <c r="DXK735" s="424"/>
      <c r="DXL735" s="424"/>
      <c r="DXM735" s="423" t="s">
        <v>2795</v>
      </c>
      <c r="DXN735" s="424"/>
      <c r="DXO735" s="424"/>
      <c r="DXP735" s="424"/>
      <c r="DXQ735" s="423" t="s">
        <v>2795</v>
      </c>
      <c r="DXR735" s="424"/>
      <c r="DXS735" s="424"/>
      <c r="DXT735" s="424"/>
      <c r="DXU735" s="423" t="s">
        <v>2795</v>
      </c>
      <c r="DXV735" s="424"/>
      <c r="DXW735" s="424"/>
      <c r="DXX735" s="424"/>
      <c r="DXY735" s="423" t="s">
        <v>2795</v>
      </c>
      <c r="DXZ735" s="424"/>
      <c r="DYA735" s="424"/>
      <c r="DYB735" s="424"/>
      <c r="DYC735" s="423" t="s">
        <v>2795</v>
      </c>
      <c r="DYD735" s="424"/>
      <c r="DYE735" s="424"/>
      <c r="DYF735" s="424"/>
      <c r="DYG735" s="423" t="s">
        <v>2795</v>
      </c>
      <c r="DYH735" s="424"/>
      <c r="DYI735" s="424"/>
      <c r="DYJ735" s="424"/>
      <c r="DYK735" s="423" t="s">
        <v>2795</v>
      </c>
      <c r="DYL735" s="424"/>
      <c r="DYM735" s="424"/>
      <c r="DYN735" s="424"/>
      <c r="DYO735" s="423" t="s">
        <v>2795</v>
      </c>
      <c r="DYP735" s="424"/>
      <c r="DYQ735" s="424"/>
      <c r="DYR735" s="424"/>
      <c r="DYS735" s="423" t="s">
        <v>2795</v>
      </c>
      <c r="DYT735" s="424"/>
      <c r="DYU735" s="424"/>
      <c r="DYV735" s="424"/>
      <c r="DYW735" s="423" t="s">
        <v>2795</v>
      </c>
      <c r="DYX735" s="424"/>
      <c r="DYY735" s="424"/>
      <c r="DYZ735" s="424"/>
      <c r="DZA735" s="423" t="s">
        <v>2795</v>
      </c>
      <c r="DZB735" s="424"/>
      <c r="DZC735" s="424"/>
      <c r="DZD735" s="424"/>
      <c r="DZE735" s="423" t="s">
        <v>2795</v>
      </c>
      <c r="DZF735" s="424"/>
      <c r="DZG735" s="424"/>
      <c r="DZH735" s="424"/>
      <c r="DZI735" s="423" t="s">
        <v>2795</v>
      </c>
      <c r="DZJ735" s="424"/>
      <c r="DZK735" s="424"/>
      <c r="DZL735" s="424"/>
      <c r="DZM735" s="423" t="s">
        <v>2795</v>
      </c>
      <c r="DZN735" s="424"/>
      <c r="DZO735" s="424"/>
      <c r="DZP735" s="424"/>
      <c r="DZQ735" s="423" t="s">
        <v>2795</v>
      </c>
      <c r="DZR735" s="424"/>
      <c r="DZS735" s="424"/>
      <c r="DZT735" s="424"/>
      <c r="DZU735" s="423" t="s">
        <v>2795</v>
      </c>
      <c r="DZV735" s="424"/>
      <c r="DZW735" s="424"/>
      <c r="DZX735" s="424"/>
      <c r="DZY735" s="423" t="s">
        <v>2795</v>
      </c>
      <c r="DZZ735" s="424"/>
      <c r="EAA735" s="424"/>
      <c r="EAB735" s="424"/>
      <c r="EAC735" s="423" t="s">
        <v>2795</v>
      </c>
      <c r="EAD735" s="424"/>
      <c r="EAE735" s="424"/>
      <c r="EAF735" s="424"/>
      <c r="EAG735" s="423" t="s">
        <v>2795</v>
      </c>
      <c r="EAH735" s="424"/>
      <c r="EAI735" s="424"/>
      <c r="EAJ735" s="424"/>
      <c r="EAK735" s="423" t="s">
        <v>2795</v>
      </c>
      <c r="EAL735" s="424"/>
      <c r="EAM735" s="424"/>
      <c r="EAN735" s="424"/>
      <c r="EAO735" s="423" t="s">
        <v>2795</v>
      </c>
      <c r="EAP735" s="424"/>
      <c r="EAQ735" s="424"/>
      <c r="EAR735" s="424"/>
      <c r="EAS735" s="423" t="s">
        <v>2795</v>
      </c>
      <c r="EAT735" s="424"/>
      <c r="EAU735" s="424"/>
      <c r="EAV735" s="424"/>
      <c r="EAW735" s="423" t="s">
        <v>2795</v>
      </c>
      <c r="EAX735" s="424"/>
      <c r="EAY735" s="424"/>
      <c r="EAZ735" s="424"/>
      <c r="EBA735" s="423" t="s">
        <v>2795</v>
      </c>
      <c r="EBB735" s="424"/>
      <c r="EBC735" s="424"/>
      <c r="EBD735" s="424"/>
      <c r="EBE735" s="423" t="s">
        <v>2795</v>
      </c>
      <c r="EBF735" s="424"/>
      <c r="EBG735" s="424"/>
      <c r="EBH735" s="424"/>
      <c r="EBI735" s="423" t="s">
        <v>2795</v>
      </c>
      <c r="EBJ735" s="424"/>
      <c r="EBK735" s="424"/>
      <c r="EBL735" s="424"/>
      <c r="EBM735" s="423" t="s">
        <v>2795</v>
      </c>
      <c r="EBN735" s="424"/>
      <c r="EBO735" s="424"/>
      <c r="EBP735" s="424"/>
      <c r="EBQ735" s="423" t="s">
        <v>2795</v>
      </c>
      <c r="EBR735" s="424"/>
      <c r="EBS735" s="424"/>
      <c r="EBT735" s="424"/>
      <c r="EBU735" s="423" t="s">
        <v>2795</v>
      </c>
      <c r="EBV735" s="424"/>
      <c r="EBW735" s="424"/>
      <c r="EBX735" s="424"/>
      <c r="EBY735" s="423" t="s">
        <v>2795</v>
      </c>
      <c r="EBZ735" s="424"/>
      <c r="ECA735" s="424"/>
      <c r="ECB735" s="424"/>
      <c r="ECC735" s="423" t="s">
        <v>2795</v>
      </c>
      <c r="ECD735" s="424"/>
      <c r="ECE735" s="424"/>
      <c r="ECF735" s="424"/>
      <c r="ECG735" s="423" t="s">
        <v>2795</v>
      </c>
      <c r="ECH735" s="424"/>
      <c r="ECI735" s="424"/>
      <c r="ECJ735" s="424"/>
      <c r="ECK735" s="423" t="s">
        <v>2795</v>
      </c>
      <c r="ECL735" s="424"/>
      <c r="ECM735" s="424"/>
      <c r="ECN735" s="424"/>
      <c r="ECO735" s="423" t="s">
        <v>2795</v>
      </c>
      <c r="ECP735" s="424"/>
      <c r="ECQ735" s="424"/>
      <c r="ECR735" s="424"/>
      <c r="ECS735" s="423" t="s">
        <v>2795</v>
      </c>
      <c r="ECT735" s="424"/>
      <c r="ECU735" s="424"/>
      <c r="ECV735" s="424"/>
      <c r="ECW735" s="423" t="s">
        <v>2795</v>
      </c>
      <c r="ECX735" s="424"/>
      <c r="ECY735" s="424"/>
      <c r="ECZ735" s="424"/>
      <c r="EDA735" s="423" t="s">
        <v>2795</v>
      </c>
      <c r="EDB735" s="424"/>
      <c r="EDC735" s="424"/>
      <c r="EDD735" s="424"/>
      <c r="EDE735" s="423" t="s">
        <v>2795</v>
      </c>
      <c r="EDF735" s="424"/>
      <c r="EDG735" s="424"/>
      <c r="EDH735" s="424"/>
      <c r="EDI735" s="423" t="s">
        <v>2795</v>
      </c>
      <c r="EDJ735" s="424"/>
      <c r="EDK735" s="424"/>
      <c r="EDL735" s="424"/>
      <c r="EDM735" s="423" t="s">
        <v>2795</v>
      </c>
      <c r="EDN735" s="424"/>
      <c r="EDO735" s="424"/>
      <c r="EDP735" s="424"/>
      <c r="EDQ735" s="423" t="s">
        <v>2795</v>
      </c>
      <c r="EDR735" s="424"/>
      <c r="EDS735" s="424"/>
      <c r="EDT735" s="424"/>
      <c r="EDU735" s="423" t="s">
        <v>2795</v>
      </c>
      <c r="EDV735" s="424"/>
      <c r="EDW735" s="424"/>
      <c r="EDX735" s="424"/>
      <c r="EDY735" s="423" t="s">
        <v>2795</v>
      </c>
      <c r="EDZ735" s="424"/>
      <c r="EEA735" s="424"/>
      <c r="EEB735" s="424"/>
      <c r="EEC735" s="423" t="s">
        <v>2795</v>
      </c>
      <c r="EED735" s="424"/>
      <c r="EEE735" s="424"/>
      <c r="EEF735" s="424"/>
      <c r="EEG735" s="423" t="s">
        <v>2795</v>
      </c>
      <c r="EEH735" s="424"/>
      <c r="EEI735" s="424"/>
      <c r="EEJ735" s="424"/>
      <c r="EEK735" s="423" t="s">
        <v>2795</v>
      </c>
      <c r="EEL735" s="424"/>
      <c r="EEM735" s="424"/>
      <c r="EEN735" s="424"/>
      <c r="EEO735" s="423" t="s">
        <v>2795</v>
      </c>
      <c r="EEP735" s="424"/>
      <c r="EEQ735" s="424"/>
      <c r="EER735" s="424"/>
      <c r="EES735" s="423" t="s">
        <v>2795</v>
      </c>
      <c r="EET735" s="424"/>
      <c r="EEU735" s="424"/>
      <c r="EEV735" s="424"/>
      <c r="EEW735" s="423" t="s">
        <v>2795</v>
      </c>
      <c r="EEX735" s="424"/>
      <c r="EEY735" s="424"/>
      <c r="EEZ735" s="424"/>
      <c r="EFA735" s="423" t="s">
        <v>2795</v>
      </c>
      <c r="EFB735" s="424"/>
      <c r="EFC735" s="424"/>
      <c r="EFD735" s="424"/>
      <c r="EFE735" s="423" t="s">
        <v>2795</v>
      </c>
      <c r="EFF735" s="424"/>
      <c r="EFG735" s="424"/>
      <c r="EFH735" s="424"/>
      <c r="EFI735" s="423" t="s">
        <v>2795</v>
      </c>
      <c r="EFJ735" s="424"/>
      <c r="EFK735" s="424"/>
      <c r="EFL735" s="424"/>
      <c r="EFM735" s="423" t="s">
        <v>2795</v>
      </c>
      <c r="EFN735" s="424"/>
      <c r="EFO735" s="424"/>
      <c r="EFP735" s="424"/>
      <c r="EFQ735" s="423" t="s">
        <v>2795</v>
      </c>
      <c r="EFR735" s="424"/>
      <c r="EFS735" s="424"/>
      <c r="EFT735" s="424"/>
      <c r="EFU735" s="423" t="s">
        <v>2795</v>
      </c>
      <c r="EFV735" s="424"/>
      <c r="EFW735" s="424"/>
      <c r="EFX735" s="424"/>
      <c r="EFY735" s="423" t="s">
        <v>2795</v>
      </c>
      <c r="EFZ735" s="424"/>
      <c r="EGA735" s="424"/>
      <c r="EGB735" s="424"/>
      <c r="EGC735" s="423" t="s">
        <v>2795</v>
      </c>
      <c r="EGD735" s="424"/>
      <c r="EGE735" s="424"/>
      <c r="EGF735" s="424"/>
      <c r="EGG735" s="423" t="s">
        <v>2795</v>
      </c>
      <c r="EGH735" s="424"/>
      <c r="EGI735" s="424"/>
      <c r="EGJ735" s="424"/>
      <c r="EGK735" s="423" t="s">
        <v>2795</v>
      </c>
      <c r="EGL735" s="424"/>
      <c r="EGM735" s="424"/>
      <c r="EGN735" s="424"/>
      <c r="EGO735" s="423" t="s">
        <v>2795</v>
      </c>
      <c r="EGP735" s="424"/>
      <c r="EGQ735" s="424"/>
      <c r="EGR735" s="424"/>
      <c r="EGS735" s="423" t="s">
        <v>2795</v>
      </c>
      <c r="EGT735" s="424"/>
      <c r="EGU735" s="424"/>
      <c r="EGV735" s="424"/>
      <c r="EGW735" s="423" t="s">
        <v>2795</v>
      </c>
      <c r="EGX735" s="424"/>
      <c r="EGY735" s="424"/>
      <c r="EGZ735" s="424"/>
      <c r="EHA735" s="423" t="s">
        <v>2795</v>
      </c>
      <c r="EHB735" s="424"/>
      <c r="EHC735" s="424"/>
      <c r="EHD735" s="424"/>
      <c r="EHE735" s="423" t="s">
        <v>2795</v>
      </c>
      <c r="EHF735" s="424"/>
      <c r="EHG735" s="424"/>
      <c r="EHH735" s="424"/>
      <c r="EHI735" s="423" t="s">
        <v>2795</v>
      </c>
      <c r="EHJ735" s="424"/>
      <c r="EHK735" s="424"/>
      <c r="EHL735" s="424"/>
      <c r="EHM735" s="423" t="s">
        <v>2795</v>
      </c>
      <c r="EHN735" s="424"/>
      <c r="EHO735" s="424"/>
      <c r="EHP735" s="424"/>
      <c r="EHQ735" s="423" t="s">
        <v>2795</v>
      </c>
      <c r="EHR735" s="424"/>
      <c r="EHS735" s="424"/>
      <c r="EHT735" s="424"/>
      <c r="EHU735" s="423" t="s">
        <v>2795</v>
      </c>
      <c r="EHV735" s="424"/>
      <c r="EHW735" s="424"/>
      <c r="EHX735" s="424"/>
      <c r="EHY735" s="423" t="s">
        <v>2795</v>
      </c>
      <c r="EHZ735" s="424"/>
      <c r="EIA735" s="424"/>
      <c r="EIB735" s="424"/>
      <c r="EIC735" s="423" t="s">
        <v>2795</v>
      </c>
      <c r="EID735" s="424"/>
      <c r="EIE735" s="424"/>
      <c r="EIF735" s="424"/>
      <c r="EIG735" s="423" t="s">
        <v>2795</v>
      </c>
      <c r="EIH735" s="424"/>
      <c r="EII735" s="424"/>
      <c r="EIJ735" s="424"/>
      <c r="EIK735" s="423" t="s">
        <v>2795</v>
      </c>
      <c r="EIL735" s="424"/>
      <c r="EIM735" s="424"/>
      <c r="EIN735" s="424"/>
      <c r="EIO735" s="423" t="s">
        <v>2795</v>
      </c>
      <c r="EIP735" s="424"/>
      <c r="EIQ735" s="424"/>
      <c r="EIR735" s="424"/>
      <c r="EIS735" s="423" t="s">
        <v>2795</v>
      </c>
      <c r="EIT735" s="424"/>
      <c r="EIU735" s="424"/>
      <c r="EIV735" s="424"/>
      <c r="EIW735" s="423" t="s">
        <v>2795</v>
      </c>
      <c r="EIX735" s="424"/>
      <c r="EIY735" s="424"/>
      <c r="EIZ735" s="424"/>
      <c r="EJA735" s="423" t="s">
        <v>2795</v>
      </c>
      <c r="EJB735" s="424"/>
      <c r="EJC735" s="424"/>
      <c r="EJD735" s="424"/>
      <c r="EJE735" s="423" t="s">
        <v>2795</v>
      </c>
      <c r="EJF735" s="424"/>
      <c r="EJG735" s="424"/>
      <c r="EJH735" s="424"/>
      <c r="EJI735" s="423" t="s">
        <v>2795</v>
      </c>
      <c r="EJJ735" s="424"/>
      <c r="EJK735" s="424"/>
      <c r="EJL735" s="424"/>
      <c r="EJM735" s="423" t="s">
        <v>2795</v>
      </c>
      <c r="EJN735" s="424"/>
      <c r="EJO735" s="424"/>
      <c r="EJP735" s="424"/>
      <c r="EJQ735" s="423" t="s">
        <v>2795</v>
      </c>
      <c r="EJR735" s="424"/>
      <c r="EJS735" s="424"/>
      <c r="EJT735" s="424"/>
      <c r="EJU735" s="423" t="s">
        <v>2795</v>
      </c>
      <c r="EJV735" s="424"/>
      <c r="EJW735" s="424"/>
      <c r="EJX735" s="424"/>
      <c r="EJY735" s="423" t="s">
        <v>2795</v>
      </c>
      <c r="EJZ735" s="424"/>
      <c r="EKA735" s="424"/>
      <c r="EKB735" s="424"/>
      <c r="EKC735" s="423" t="s">
        <v>2795</v>
      </c>
      <c r="EKD735" s="424"/>
      <c r="EKE735" s="424"/>
      <c r="EKF735" s="424"/>
      <c r="EKG735" s="423" t="s">
        <v>2795</v>
      </c>
      <c r="EKH735" s="424"/>
      <c r="EKI735" s="424"/>
      <c r="EKJ735" s="424"/>
      <c r="EKK735" s="423" t="s">
        <v>2795</v>
      </c>
      <c r="EKL735" s="424"/>
      <c r="EKM735" s="424"/>
      <c r="EKN735" s="424"/>
      <c r="EKO735" s="423" t="s">
        <v>2795</v>
      </c>
      <c r="EKP735" s="424"/>
      <c r="EKQ735" s="424"/>
      <c r="EKR735" s="424"/>
      <c r="EKS735" s="423" t="s">
        <v>2795</v>
      </c>
      <c r="EKT735" s="424"/>
      <c r="EKU735" s="424"/>
      <c r="EKV735" s="424"/>
      <c r="EKW735" s="423" t="s">
        <v>2795</v>
      </c>
      <c r="EKX735" s="424"/>
      <c r="EKY735" s="424"/>
      <c r="EKZ735" s="424"/>
      <c r="ELA735" s="423" t="s">
        <v>2795</v>
      </c>
      <c r="ELB735" s="424"/>
      <c r="ELC735" s="424"/>
      <c r="ELD735" s="424"/>
      <c r="ELE735" s="423" t="s">
        <v>2795</v>
      </c>
      <c r="ELF735" s="424"/>
      <c r="ELG735" s="424"/>
      <c r="ELH735" s="424"/>
      <c r="ELI735" s="423" t="s">
        <v>2795</v>
      </c>
      <c r="ELJ735" s="424"/>
      <c r="ELK735" s="424"/>
      <c r="ELL735" s="424"/>
      <c r="ELM735" s="423" t="s">
        <v>2795</v>
      </c>
      <c r="ELN735" s="424"/>
      <c r="ELO735" s="424"/>
      <c r="ELP735" s="424"/>
      <c r="ELQ735" s="423" t="s">
        <v>2795</v>
      </c>
      <c r="ELR735" s="424"/>
      <c r="ELS735" s="424"/>
      <c r="ELT735" s="424"/>
      <c r="ELU735" s="423" t="s">
        <v>2795</v>
      </c>
      <c r="ELV735" s="424"/>
      <c r="ELW735" s="424"/>
      <c r="ELX735" s="424"/>
      <c r="ELY735" s="423" t="s">
        <v>2795</v>
      </c>
      <c r="ELZ735" s="424"/>
      <c r="EMA735" s="424"/>
      <c r="EMB735" s="424"/>
      <c r="EMC735" s="423" t="s">
        <v>2795</v>
      </c>
      <c r="EMD735" s="424"/>
      <c r="EME735" s="424"/>
      <c r="EMF735" s="424"/>
      <c r="EMG735" s="423" t="s">
        <v>2795</v>
      </c>
      <c r="EMH735" s="424"/>
      <c r="EMI735" s="424"/>
      <c r="EMJ735" s="424"/>
      <c r="EMK735" s="423" t="s">
        <v>2795</v>
      </c>
      <c r="EML735" s="424"/>
      <c r="EMM735" s="424"/>
      <c r="EMN735" s="424"/>
      <c r="EMO735" s="423" t="s">
        <v>2795</v>
      </c>
      <c r="EMP735" s="424"/>
      <c r="EMQ735" s="424"/>
      <c r="EMR735" s="424"/>
      <c r="EMS735" s="423" t="s">
        <v>2795</v>
      </c>
      <c r="EMT735" s="424"/>
      <c r="EMU735" s="424"/>
      <c r="EMV735" s="424"/>
      <c r="EMW735" s="423" t="s">
        <v>2795</v>
      </c>
      <c r="EMX735" s="424"/>
      <c r="EMY735" s="424"/>
      <c r="EMZ735" s="424"/>
      <c r="ENA735" s="423" t="s">
        <v>2795</v>
      </c>
      <c r="ENB735" s="424"/>
      <c r="ENC735" s="424"/>
      <c r="END735" s="424"/>
      <c r="ENE735" s="423" t="s">
        <v>2795</v>
      </c>
      <c r="ENF735" s="424"/>
      <c r="ENG735" s="424"/>
      <c r="ENH735" s="424"/>
      <c r="ENI735" s="423" t="s">
        <v>2795</v>
      </c>
      <c r="ENJ735" s="424"/>
      <c r="ENK735" s="424"/>
      <c r="ENL735" s="424"/>
      <c r="ENM735" s="423" t="s">
        <v>2795</v>
      </c>
      <c r="ENN735" s="424"/>
      <c r="ENO735" s="424"/>
      <c r="ENP735" s="424"/>
      <c r="ENQ735" s="423" t="s">
        <v>2795</v>
      </c>
      <c r="ENR735" s="424"/>
      <c r="ENS735" s="424"/>
      <c r="ENT735" s="424"/>
      <c r="ENU735" s="423" t="s">
        <v>2795</v>
      </c>
      <c r="ENV735" s="424"/>
      <c r="ENW735" s="424"/>
      <c r="ENX735" s="424"/>
      <c r="ENY735" s="423" t="s">
        <v>2795</v>
      </c>
      <c r="ENZ735" s="424"/>
      <c r="EOA735" s="424"/>
      <c r="EOB735" s="424"/>
      <c r="EOC735" s="423" t="s">
        <v>2795</v>
      </c>
      <c r="EOD735" s="424"/>
      <c r="EOE735" s="424"/>
      <c r="EOF735" s="424"/>
      <c r="EOG735" s="423" t="s">
        <v>2795</v>
      </c>
      <c r="EOH735" s="424"/>
      <c r="EOI735" s="424"/>
      <c r="EOJ735" s="424"/>
      <c r="EOK735" s="423" t="s">
        <v>2795</v>
      </c>
      <c r="EOL735" s="424"/>
      <c r="EOM735" s="424"/>
      <c r="EON735" s="424"/>
      <c r="EOO735" s="423" t="s">
        <v>2795</v>
      </c>
      <c r="EOP735" s="424"/>
      <c r="EOQ735" s="424"/>
      <c r="EOR735" s="424"/>
      <c r="EOS735" s="423" t="s">
        <v>2795</v>
      </c>
      <c r="EOT735" s="424"/>
      <c r="EOU735" s="424"/>
      <c r="EOV735" s="424"/>
      <c r="EOW735" s="423" t="s">
        <v>2795</v>
      </c>
      <c r="EOX735" s="424"/>
      <c r="EOY735" s="424"/>
      <c r="EOZ735" s="424"/>
      <c r="EPA735" s="423" t="s">
        <v>2795</v>
      </c>
      <c r="EPB735" s="424"/>
      <c r="EPC735" s="424"/>
      <c r="EPD735" s="424"/>
      <c r="EPE735" s="423" t="s">
        <v>2795</v>
      </c>
      <c r="EPF735" s="424"/>
      <c r="EPG735" s="424"/>
      <c r="EPH735" s="424"/>
      <c r="EPI735" s="423" t="s">
        <v>2795</v>
      </c>
      <c r="EPJ735" s="424"/>
      <c r="EPK735" s="424"/>
      <c r="EPL735" s="424"/>
      <c r="EPM735" s="423" t="s">
        <v>2795</v>
      </c>
      <c r="EPN735" s="424"/>
      <c r="EPO735" s="424"/>
      <c r="EPP735" s="424"/>
      <c r="EPQ735" s="423" t="s">
        <v>2795</v>
      </c>
      <c r="EPR735" s="424"/>
      <c r="EPS735" s="424"/>
      <c r="EPT735" s="424"/>
      <c r="EPU735" s="423" t="s">
        <v>2795</v>
      </c>
      <c r="EPV735" s="424"/>
      <c r="EPW735" s="424"/>
      <c r="EPX735" s="424"/>
      <c r="EPY735" s="423" t="s">
        <v>2795</v>
      </c>
      <c r="EPZ735" s="424"/>
      <c r="EQA735" s="424"/>
      <c r="EQB735" s="424"/>
      <c r="EQC735" s="423" t="s">
        <v>2795</v>
      </c>
      <c r="EQD735" s="424"/>
      <c r="EQE735" s="424"/>
      <c r="EQF735" s="424"/>
      <c r="EQG735" s="423" t="s">
        <v>2795</v>
      </c>
      <c r="EQH735" s="424"/>
      <c r="EQI735" s="424"/>
      <c r="EQJ735" s="424"/>
      <c r="EQK735" s="423" t="s">
        <v>2795</v>
      </c>
      <c r="EQL735" s="424"/>
      <c r="EQM735" s="424"/>
      <c r="EQN735" s="424"/>
      <c r="EQO735" s="423" t="s">
        <v>2795</v>
      </c>
      <c r="EQP735" s="424"/>
      <c r="EQQ735" s="424"/>
      <c r="EQR735" s="424"/>
      <c r="EQS735" s="423" t="s">
        <v>2795</v>
      </c>
      <c r="EQT735" s="424"/>
      <c r="EQU735" s="424"/>
      <c r="EQV735" s="424"/>
      <c r="EQW735" s="423" t="s">
        <v>2795</v>
      </c>
      <c r="EQX735" s="424"/>
      <c r="EQY735" s="424"/>
      <c r="EQZ735" s="424"/>
      <c r="ERA735" s="423" t="s">
        <v>2795</v>
      </c>
      <c r="ERB735" s="424"/>
      <c r="ERC735" s="424"/>
      <c r="ERD735" s="424"/>
      <c r="ERE735" s="423" t="s">
        <v>2795</v>
      </c>
      <c r="ERF735" s="424"/>
      <c r="ERG735" s="424"/>
      <c r="ERH735" s="424"/>
      <c r="ERI735" s="423" t="s">
        <v>2795</v>
      </c>
      <c r="ERJ735" s="424"/>
      <c r="ERK735" s="424"/>
      <c r="ERL735" s="424"/>
      <c r="ERM735" s="423" t="s">
        <v>2795</v>
      </c>
      <c r="ERN735" s="424"/>
      <c r="ERO735" s="424"/>
      <c r="ERP735" s="424"/>
      <c r="ERQ735" s="423" t="s">
        <v>2795</v>
      </c>
      <c r="ERR735" s="424"/>
      <c r="ERS735" s="424"/>
      <c r="ERT735" s="424"/>
      <c r="ERU735" s="423" t="s">
        <v>2795</v>
      </c>
      <c r="ERV735" s="424"/>
      <c r="ERW735" s="424"/>
      <c r="ERX735" s="424"/>
      <c r="ERY735" s="423" t="s">
        <v>2795</v>
      </c>
      <c r="ERZ735" s="424"/>
      <c r="ESA735" s="424"/>
      <c r="ESB735" s="424"/>
      <c r="ESC735" s="423" t="s">
        <v>2795</v>
      </c>
      <c r="ESD735" s="424"/>
      <c r="ESE735" s="424"/>
      <c r="ESF735" s="424"/>
      <c r="ESG735" s="423" t="s">
        <v>2795</v>
      </c>
      <c r="ESH735" s="424"/>
      <c r="ESI735" s="424"/>
      <c r="ESJ735" s="424"/>
      <c r="ESK735" s="423" t="s">
        <v>2795</v>
      </c>
      <c r="ESL735" s="424"/>
      <c r="ESM735" s="424"/>
      <c r="ESN735" s="424"/>
      <c r="ESO735" s="423" t="s">
        <v>2795</v>
      </c>
      <c r="ESP735" s="424"/>
      <c r="ESQ735" s="424"/>
      <c r="ESR735" s="424"/>
      <c r="ESS735" s="423" t="s">
        <v>2795</v>
      </c>
      <c r="EST735" s="424"/>
      <c r="ESU735" s="424"/>
      <c r="ESV735" s="424"/>
      <c r="ESW735" s="423" t="s">
        <v>2795</v>
      </c>
      <c r="ESX735" s="424"/>
      <c r="ESY735" s="424"/>
      <c r="ESZ735" s="424"/>
      <c r="ETA735" s="423" t="s">
        <v>2795</v>
      </c>
      <c r="ETB735" s="424"/>
      <c r="ETC735" s="424"/>
      <c r="ETD735" s="424"/>
      <c r="ETE735" s="423" t="s">
        <v>2795</v>
      </c>
      <c r="ETF735" s="424"/>
      <c r="ETG735" s="424"/>
      <c r="ETH735" s="424"/>
      <c r="ETI735" s="423" t="s">
        <v>2795</v>
      </c>
      <c r="ETJ735" s="424"/>
      <c r="ETK735" s="424"/>
      <c r="ETL735" s="424"/>
      <c r="ETM735" s="423" t="s">
        <v>2795</v>
      </c>
      <c r="ETN735" s="424"/>
      <c r="ETO735" s="424"/>
      <c r="ETP735" s="424"/>
      <c r="ETQ735" s="423" t="s">
        <v>2795</v>
      </c>
      <c r="ETR735" s="424"/>
      <c r="ETS735" s="424"/>
      <c r="ETT735" s="424"/>
      <c r="ETU735" s="423" t="s">
        <v>2795</v>
      </c>
      <c r="ETV735" s="424"/>
      <c r="ETW735" s="424"/>
      <c r="ETX735" s="424"/>
      <c r="ETY735" s="423" t="s">
        <v>2795</v>
      </c>
      <c r="ETZ735" s="424"/>
      <c r="EUA735" s="424"/>
      <c r="EUB735" s="424"/>
      <c r="EUC735" s="423" t="s">
        <v>2795</v>
      </c>
      <c r="EUD735" s="424"/>
      <c r="EUE735" s="424"/>
      <c r="EUF735" s="424"/>
      <c r="EUG735" s="423" t="s">
        <v>2795</v>
      </c>
      <c r="EUH735" s="424"/>
      <c r="EUI735" s="424"/>
      <c r="EUJ735" s="424"/>
      <c r="EUK735" s="423" t="s">
        <v>2795</v>
      </c>
      <c r="EUL735" s="424"/>
      <c r="EUM735" s="424"/>
      <c r="EUN735" s="424"/>
      <c r="EUO735" s="423" t="s">
        <v>2795</v>
      </c>
      <c r="EUP735" s="424"/>
      <c r="EUQ735" s="424"/>
      <c r="EUR735" s="424"/>
      <c r="EUS735" s="423" t="s">
        <v>2795</v>
      </c>
      <c r="EUT735" s="424"/>
      <c r="EUU735" s="424"/>
      <c r="EUV735" s="424"/>
      <c r="EUW735" s="423" t="s">
        <v>2795</v>
      </c>
      <c r="EUX735" s="424"/>
      <c r="EUY735" s="424"/>
      <c r="EUZ735" s="424"/>
      <c r="EVA735" s="423" t="s">
        <v>2795</v>
      </c>
      <c r="EVB735" s="424"/>
      <c r="EVC735" s="424"/>
      <c r="EVD735" s="424"/>
      <c r="EVE735" s="423" t="s">
        <v>2795</v>
      </c>
      <c r="EVF735" s="424"/>
      <c r="EVG735" s="424"/>
      <c r="EVH735" s="424"/>
      <c r="EVI735" s="423" t="s">
        <v>2795</v>
      </c>
      <c r="EVJ735" s="424"/>
      <c r="EVK735" s="424"/>
      <c r="EVL735" s="424"/>
      <c r="EVM735" s="423" t="s">
        <v>2795</v>
      </c>
      <c r="EVN735" s="424"/>
      <c r="EVO735" s="424"/>
      <c r="EVP735" s="424"/>
      <c r="EVQ735" s="423" t="s">
        <v>2795</v>
      </c>
      <c r="EVR735" s="424"/>
      <c r="EVS735" s="424"/>
      <c r="EVT735" s="424"/>
      <c r="EVU735" s="423" t="s">
        <v>2795</v>
      </c>
      <c r="EVV735" s="424"/>
      <c r="EVW735" s="424"/>
      <c r="EVX735" s="424"/>
      <c r="EVY735" s="423" t="s">
        <v>2795</v>
      </c>
      <c r="EVZ735" s="424"/>
      <c r="EWA735" s="424"/>
      <c r="EWB735" s="424"/>
      <c r="EWC735" s="423" t="s">
        <v>2795</v>
      </c>
      <c r="EWD735" s="424"/>
      <c r="EWE735" s="424"/>
      <c r="EWF735" s="424"/>
      <c r="EWG735" s="423" t="s">
        <v>2795</v>
      </c>
      <c r="EWH735" s="424"/>
      <c r="EWI735" s="424"/>
      <c r="EWJ735" s="424"/>
      <c r="EWK735" s="423" t="s">
        <v>2795</v>
      </c>
      <c r="EWL735" s="424"/>
      <c r="EWM735" s="424"/>
      <c r="EWN735" s="424"/>
      <c r="EWO735" s="423" t="s">
        <v>2795</v>
      </c>
      <c r="EWP735" s="424"/>
      <c r="EWQ735" s="424"/>
      <c r="EWR735" s="424"/>
      <c r="EWS735" s="423" t="s">
        <v>2795</v>
      </c>
      <c r="EWT735" s="424"/>
      <c r="EWU735" s="424"/>
      <c r="EWV735" s="424"/>
      <c r="EWW735" s="423" t="s">
        <v>2795</v>
      </c>
      <c r="EWX735" s="424"/>
      <c r="EWY735" s="424"/>
      <c r="EWZ735" s="424"/>
      <c r="EXA735" s="423" t="s">
        <v>2795</v>
      </c>
      <c r="EXB735" s="424"/>
      <c r="EXC735" s="424"/>
      <c r="EXD735" s="424"/>
      <c r="EXE735" s="423" t="s">
        <v>2795</v>
      </c>
      <c r="EXF735" s="424"/>
      <c r="EXG735" s="424"/>
      <c r="EXH735" s="424"/>
      <c r="EXI735" s="423" t="s">
        <v>2795</v>
      </c>
      <c r="EXJ735" s="424"/>
      <c r="EXK735" s="424"/>
      <c r="EXL735" s="424"/>
      <c r="EXM735" s="423" t="s">
        <v>2795</v>
      </c>
      <c r="EXN735" s="424"/>
      <c r="EXO735" s="424"/>
      <c r="EXP735" s="424"/>
      <c r="EXQ735" s="423" t="s">
        <v>2795</v>
      </c>
      <c r="EXR735" s="424"/>
      <c r="EXS735" s="424"/>
      <c r="EXT735" s="424"/>
      <c r="EXU735" s="423" t="s">
        <v>2795</v>
      </c>
      <c r="EXV735" s="424"/>
      <c r="EXW735" s="424"/>
      <c r="EXX735" s="424"/>
      <c r="EXY735" s="423" t="s">
        <v>2795</v>
      </c>
      <c r="EXZ735" s="424"/>
      <c r="EYA735" s="424"/>
      <c r="EYB735" s="424"/>
      <c r="EYC735" s="423" t="s">
        <v>2795</v>
      </c>
      <c r="EYD735" s="424"/>
      <c r="EYE735" s="424"/>
      <c r="EYF735" s="424"/>
      <c r="EYG735" s="423" t="s">
        <v>2795</v>
      </c>
      <c r="EYH735" s="424"/>
      <c r="EYI735" s="424"/>
      <c r="EYJ735" s="424"/>
      <c r="EYK735" s="423" t="s">
        <v>2795</v>
      </c>
      <c r="EYL735" s="424"/>
      <c r="EYM735" s="424"/>
      <c r="EYN735" s="424"/>
      <c r="EYO735" s="423" t="s">
        <v>2795</v>
      </c>
      <c r="EYP735" s="424"/>
      <c r="EYQ735" s="424"/>
      <c r="EYR735" s="424"/>
      <c r="EYS735" s="423" t="s">
        <v>2795</v>
      </c>
      <c r="EYT735" s="424"/>
      <c r="EYU735" s="424"/>
      <c r="EYV735" s="424"/>
      <c r="EYW735" s="423" t="s">
        <v>2795</v>
      </c>
      <c r="EYX735" s="424"/>
      <c r="EYY735" s="424"/>
      <c r="EYZ735" s="424"/>
      <c r="EZA735" s="423" t="s">
        <v>2795</v>
      </c>
      <c r="EZB735" s="424"/>
      <c r="EZC735" s="424"/>
      <c r="EZD735" s="424"/>
      <c r="EZE735" s="423" t="s">
        <v>2795</v>
      </c>
      <c r="EZF735" s="424"/>
      <c r="EZG735" s="424"/>
      <c r="EZH735" s="424"/>
      <c r="EZI735" s="423" t="s">
        <v>2795</v>
      </c>
      <c r="EZJ735" s="424"/>
      <c r="EZK735" s="424"/>
      <c r="EZL735" s="424"/>
      <c r="EZM735" s="423" t="s">
        <v>2795</v>
      </c>
      <c r="EZN735" s="424"/>
      <c r="EZO735" s="424"/>
      <c r="EZP735" s="424"/>
      <c r="EZQ735" s="423" t="s">
        <v>2795</v>
      </c>
      <c r="EZR735" s="424"/>
      <c r="EZS735" s="424"/>
      <c r="EZT735" s="424"/>
      <c r="EZU735" s="423" t="s">
        <v>2795</v>
      </c>
      <c r="EZV735" s="424"/>
      <c r="EZW735" s="424"/>
      <c r="EZX735" s="424"/>
      <c r="EZY735" s="423" t="s">
        <v>2795</v>
      </c>
      <c r="EZZ735" s="424"/>
      <c r="FAA735" s="424"/>
      <c r="FAB735" s="424"/>
      <c r="FAC735" s="423" t="s">
        <v>2795</v>
      </c>
      <c r="FAD735" s="424"/>
      <c r="FAE735" s="424"/>
      <c r="FAF735" s="424"/>
      <c r="FAG735" s="423" t="s">
        <v>2795</v>
      </c>
      <c r="FAH735" s="424"/>
      <c r="FAI735" s="424"/>
      <c r="FAJ735" s="424"/>
      <c r="FAK735" s="423" t="s">
        <v>2795</v>
      </c>
      <c r="FAL735" s="424"/>
      <c r="FAM735" s="424"/>
      <c r="FAN735" s="424"/>
      <c r="FAO735" s="423" t="s">
        <v>2795</v>
      </c>
      <c r="FAP735" s="424"/>
      <c r="FAQ735" s="424"/>
      <c r="FAR735" s="424"/>
      <c r="FAS735" s="423" t="s">
        <v>2795</v>
      </c>
      <c r="FAT735" s="424"/>
      <c r="FAU735" s="424"/>
      <c r="FAV735" s="424"/>
      <c r="FAW735" s="423" t="s">
        <v>2795</v>
      </c>
      <c r="FAX735" s="424"/>
      <c r="FAY735" s="424"/>
      <c r="FAZ735" s="424"/>
      <c r="FBA735" s="423" t="s">
        <v>2795</v>
      </c>
      <c r="FBB735" s="424"/>
      <c r="FBC735" s="424"/>
      <c r="FBD735" s="424"/>
      <c r="FBE735" s="423" t="s">
        <v>2795</v>
      </c>
      <c r="FBF735" s="424"/>
      <c r="FBG735" s="424"/>
      <c r="FBH735" s="424"/>
      <c r="FBI735" s="423" t="s">
        <v>2795</v>
      </c>
      <c r="FBJ735" s="424"/>
      <c r="FBK735" s="424"/>
      <c r="FBL735" s="424"/>
      <c r="FBM735" s="423" t="s">
        <v>2795</v>
      </c>
      <c r="FBN735" s="424"/>
      <c r="FBO735" s="424"/>
      <c r="FBP735" s="424"/>
      <c r="FBQ735" s="423" t="s">
        <v>2795</v>
      </c>
      <c r="FBR735" s="424"/>
      <c r="FBS735" s="424"/>
      <c r="FBT735" s="424"/>
      <c r="FBU735" s="423" t="s">
        <v>2795</v>
      </c>
      <c r="FBV735" s="424"/>
      <c r="FBW735" s="424"/>
      <c r="FBX735" s="424"/>
      <c r="FBY735" s="423" t="s">
        <v>2795</v>
      </c>
      <c r="FBZ735" s="424"/>
      <c r="FCA735" s="424"/>
      <c r="FCB735" s="424"/>
      <c r="FCC735" s="423" t="s">
        <v>2795</v>
      </c>
      <c r="FCD735" s="424"/>
      <c r="FCE735" s="424"/>
      <c r="FCF735" s="424"/>
      <c r="FCG735" s="423" t="s">
        <v>2795</v>
      </c>
      <c r="FCH735" s="424"/>
      <c r="FCI735" s="424"/>
      <c r="FCJ735" s="424"/>
      <c r="FCK735" s="423" t="s">
        <v>2795</v>
      </c>
      <c r="FCL735" s="424"/>
      <c r="FCM735" s="424"/>
      <c r="FCN735" s="424"/>
      <c r="FCO735" s="423" t="s">
        <v>2795</v>
      </c>
      <c r="FCP735" s="424"/>
      <c r="FCQ735" s="424"/>
      <c r="FCR735" s="424"/>
      <c r="FCS735" s="423" t="s">
        <v>2795</v>
      </c>
      <c r="FCT735" s="424"/>
      <c r="FCU735" s="424"/>
      <c r="FCV735" s="424"/>
      <c r="FCW735" s="423" t="s">
        <v>2795</v>
      </c>
      <c r="FCX735" s="424"/>
      <c r="FCY735" s="424"/>
      <c r="FCZ735" s="424"/>
      <c r="FDA735" s="423" t="s">
        <v>2795</v>
      </c>
      <c r="FDB735" s="424"/>
      <c r="FDC735" s="424"/>
      <c r="FDD735" s="424"/>
      <c r="FDE735" s="423" t="s">
        <v>2795</v>
      </c>
      <c r="FDF735" s="424"/>
      <c r="FDG735" s="424"/>
      <c r="FDH735" s="424"/>
      <c r="FDI735" s="423" t="s">
        <v>2795</v>
      </c>
      <c r="FDJ735" s="424"/>
      <c r="FDK735" s="424"/>
      <c r="FDL735" s="424"/>
      <c r="FDM735" s="423" t="s">
        <v>2795</v>
      </c>
      <c r="FDN735" s="424"/>
      <c r="FDO735" s="424"/>
      <c r="FDP735" s="424"/>
      <c r="FDQ735" s="423" t="s">
        <v>2795</v>
      </c>
      <c r="FDR735" s="424"/>
      <c r="FDS735" s="424"/>
      <c r="FDT735" s="424"/>
      <c r="FDU735" s="423" t="s">
        <v>2795</v>
      </c>
      <c r="FDV735" s="424"/>
      <c r="FDW735" s="424"/>
      <c r="FDX735" s="424"/>
      <c r="FDY735" s="423" t="s">
        <v>2795</v>
      </c>
      <c r="FDZ735" s="424"/>
      <c r="FEA735" s="424"/>
      <c r="FEB735" s="424"/>
      <c r="FEC735" s="423" t="s">
        <v>2795</v>
      </c>
      <c r="FED735" s="424"/>
      <c r="FEE735" s="424"/>
      <c r="FEF735" s="424"/>
      <c r="FEG735" s="423" t="s">
        <v>2795</v>
      </c>
      <c r="FEH735" s="424"/>
      <c r="FEI735" s="424"/>
      <c r="FEJ735" s="424"/>
      <c r="FEK735" s="423" t="s">
        <v>2795</v>
      </c>
      <c r="FEL735" s="424"/>
      <c r="FEM735" s="424"/>
      <c r="FEN735" s="424"/>
      <c r="FEO735" s="423" t="s">
        <v>2795</v>
      </c>
      <c r="FEP735" s="424"/>
      <c r="FEQ735" s="424"/>
      <c r="FER735" s="424"/>
      <c r="FES735" s="423" t="s">
        <v>2795</v>
      </c>
      <c r="FET735" s="424"/>
      <c r="FEU735" s="424"/>
      <c r="FEV735" s="424"/>
      <c r="FEW735" s="423" t="s">
        <v>2795</v>
      </c>
      <c r="FEX735" s="424"/>
      <c r="FEY735" s="424"/>
      <c r="FEZ735" s="424"/>
      <c r="FFA735" s="423" t="s">
        <v>2795</v>
      </c>
      <c r="FFB735" s="424"/>
      <c r="FFC735" s="424"/>
      <c r="FFD735" s="424"/>
      <c r="FFE735" s="423" t="s">
        <v>2795</v>
      </c>
      <c r="FFF735" s="424"/>
      <c r="FFG735" s="424"/>
      <c r="FFH735" s="424"/>
      <c r="FFI735" s="423" t="s">
        <v>2795</v>
      </c>
      <c r="FFJ735" s="424"/>
      <c r="FFK735" s="424"/>
      <c r="FFL735" s="424"/>
      <c r="FFM735" s="423" t="s">
        <v>2795</v>
      </c>
      <c r="FFN735" s="424"/>
      <c r="FFO735" s="424"/>
      <c r="FFP735" s="424"/>
      <c r="FFQ735" s="423" t="s">
        <v>2795</v>
      </c>
      <c r="FFR735" s="424"/>
      <c r="FFS735" s="424"/>
      <c r="FFT735" s="424"/>
      <c r="FFU735" s="423" t="s">
        <v>2795</v>
      </c>
      <c r="FFV735" s="424"/>
      <c r="FFW735" s="424"/>
      <c r="FFX735" s="424"/>
      <c r="FFY735" s="423" t="s">
        <v>2795</v>
      </c>
      <c r="FFZ735" s="424"/>
      <c r="FGA735" s="424"/>
      <c r="FGB735" s="424"/>
      <c r="FGC735" s="423" t="s">
        <v>2795</v>
      </c>
      <c r="FGD735" s="424"/>
      <c r="FGE735" s="424"/>
      <c r="FGF735" s="424"/>
      <c r="FGG735" s="423" t="s">
        <v>2795</v>
      </c>
      <c r="FGH735" s="424"/>
      <c r="FGI735" s="424"/>
      <c r="FGJ735" s="424"/>
      <c r="FGK735" s="423" t="s">
        <v>2795</v>
      </c>
      <c r="FGL735" s="424"/>
      <c r="FGM735" s="424"/>
      <c r="FGN735" s="424"/>
      <c r="FGO735" s="423" t="s">
        <v>2795</v>
      </c>
      <c r="FGP735" s="424"/>
      <c r="FGQ735" s="424"/>
      <c r="FGR735" s="424"/>
      <c r="FGS735" s="423" t="s">
        <v>2795</v>
      </c>
      <c r="FGT735" s="424"/>
      <c r="FGU735" s="424"/>
      <c r="FGV735" s="424"/>
      <c r="FGW735" s="423" t="s">
        <v>2795</v>
      </c>
      <c r="FGX735" s="424"/>
      <c r="FGY735" s="424"/>
      <c r="FGZ735" s="424"/>
      <c r="FHA735" s="423" t="s">
        <v>2795</v>
      </c>
      <c r="FHB735" s="424"/>
      <c r="FHC735" s="424"/>
      <c r="FHD735" s="424"/>
      <c r="FHE735" s="423" t="s">
        <v>2795</v>
      </c>
      <c r="FHF735" s="424"/>
      <c r="FHG735" s="424"/>
      <c r="FHH735" s="424"/>
      <c r="FHI735" s="423" t="s">
        <v>2795</v>
      </c>
      <c r="FHJ735" s="424"/>
      <c r="FHK735" s="424"/>
      <c r="FHL735" s="424"/>
      <c r="FHM735" s="423" t="s">
        <v>2795</v>
      </c>
      <c r="FHN735" s="424"/>
      <c r="FHO735" s="424"/>
      <c r="FHP735" s="424"/>
      <c r="FHQ735" s="423" t="s">
        <v>2795</v>
      </c>
      <c r="FHR735" s="424"/>
      <c r="FHS735" s="424"/>
      <c r="FHT735" s="424"/>
      <c r="FHU735" s="423" t="s">
        <v>2795</v>
      </c>
      <c r="FHV735" s="424"/>
      <c r="FHW735" s="424"/>
      <c r="FHX735" s="424"/>
      <c r="FHY735" s="423" t="s">
        <v>2795</v>
      </c>
      <c r="FHZ735" s="424"/>
      <c r="FIA735" s="424"/>
      <c r="FIB735" s="424"/>
      <c r="FIC735" s="423" t="s">
        <v>2795</v>
      </c>
      <c r="FID735" s="424"/>
      <c r="FIE735" s="424"/>
      <c r="FIF735" s="424"/>
      <c r="FIG735" s="423" t="s">
        <v>2795</v>
      </c>
      <c r="FIH735" s="424"/>
      <c r="FII735" s="424"/>
      <c r="FIJ735" s="424"/>
      <c r="FIK735" s="423" t="s">
        <v>2795</v>
      </c>
      <c r="FIL735" s="424"/>
      <c r="FIM735" s="424"/>
      <c r="FIN735" s="424"/>
      <c r="FIO735" s="423" t="s">
        <v>2795</v>
      </c>
      <c r="FIP735" s="424"/>
      <c r="FIQ735" s="424"/>
      <c r="FIR735" s="424"/>
      <c r="FIS735" s="423" t="s">
        <v>2795</v>
      </c>
      <c r="FIT735" s="424"/>
      <c r="FIU735" s="424"/>
      <c r="FIV735" s="424"/>
      <c r="FIW735" s="423" t="s">
        <v>2795</v>
      </c>
      <c r="FIX735" s="424"/>
      <c r="FIY735" s="424"/>
      <c r="FIZ735" s="424"/>
      <c r="FJA735" s="423" t="s">
        <v>2795</v>
      </c>
      <c r="FJB735" s="424"/>
      <c r="FJC735" s="424"/>
      <c r="FJD735" s="424"/>
      <c r="FJE735" s="423" t="s">
        <v>2795</v>
      </c>
      <c r="FJF735" s="424"/>
      <c r="FJG735" s="424"/>
      <c r="FJH735" s="424"/>
      <c r="FJI735" s="423" t="s">
        <v>2795</v>
      </c>
      <c r="FJJ735" s="424"/>
      <c r="FJK735" s="424"/>
      <c r="FJL735" s="424"/>
      <c r="FJM735" s="423" t="s">
        <v>2795</v>
      </c>
      <c r="FJN735" s="424"/>
      <c r="FJO735" s="424"/>
      <c r="FJP735" s="424"/>
      <c r="FJQ735" s="423" t="s">
        <v>2795</v>
      </c>
      <c r="FJR735" s="424"/>
      <c r="FJS735" s="424"/>
      <c r="FJT735" s="424"/>
      <c r="FJU735" s="423" t="s">
        <v>2795</v>
      </c>
      <c r="FJV735" s="424"/>
      <c r="FJW735" s="424"/>
      <c r="FJX735" s="424"/>
      <c r="FJY735" s="423" t="s">
        <v>2795</v>
      </c>
      <c r="FJZ735" s="424"/>
      <c r="FKA735" s="424"/>
      <c r="FKB735" s="424"/>
      <c r="FKC735" s="423" t="s">
        <v>2795</v>
      </c>
      <c r="FKD735" s="424"/>
      <c r="FKE735" s="424"/>
      <c r="FKF735" s="424"/>
      <c r="FKG735" s="423" t="s">
        <v>2795</v>
      </c>
      <c r="FKH735" s="424"/>
      <c r="FKI735" s="424"/>
      <c r="FKJ735" s="424"/>
      <c r="FKK735" s="423" t="s">
        <v>2795</v>
      </c>
      <c r="FKL735" s="424"/>
      <c r="FKM735" s="424"/>
      <c r="FKN735" s="424"/>
      <c r="FKO735" s="423" t="s">
        <v>2795</v>
      </c>
      <c r="FKP735" s="424"/>
      <c r="FKQ735" s="424"/>
      <c r="FKR735" s="424"/>
      <c r="FKS735" s="423" t="s">
        <v>2795</v>
      </c>
      <c r="FKT735" s="424"/>
      <c r="FKU735" s="424"/>
      <c r="FKV735" s="424"/>
      <c r="FKW735" s="423" t="s">
        <v>2795</v>
      </c>
      <c r="FKX735" s="424"/>
      <c r="FKY735" s="424"/>
      <c r="FKZ735" s="424"/>
      <c r="FLA735" s="423" t="s">
        <v>2795</v>
      </c>
      <c r="FLB735" s="424"/>
      <c r="FLC735" s="424"/>
      <c r="FLD735" s="424"/>
      <c r="FLE735" s="423" t="s">
        <v>2795</v>
      </c>
      <c r="FLF735" s="424"/>
      <c r="FLG735" s="424"/>
      <c r="FLH735" s="424"/>
      <c r="FLI735" s="423" t="s">
        <v>2795</v>
      </c>
      <c r="FLJ735" s="424"/>
      <c r="FLK735" s="424"/>
      <c r="FLL735" s="424"/>
      <c r="FLM735" s="423" t="s">
        <v>2795</v>
      </c>
      <c r="FLN735" s="424"/>
      <c r="FLO735" s="424"/>
      <c r="FLP735" s="424"/>
      <c r="FLQ735" s="423" t="s">
        <v>2795</v>
      </c>
      <c r="FLR735" s="424"/>
      <c r="FLS735" s="424"/>
      <c r="FLT735" s="424"/>
      <c r="FLU735" s="423" t="s">
        <v>2795</v>
      </c>
      <c r="FLV735" s="424"/>
      <c r="FLW735" s="424"/>
      <c r="FLX735" s="424"/>
      <c r="FLY735" s="423" t="s">
        <v>2795</v>
      </c>
      <c r="FLZ735" s="424"/>
      <c r="FMA735" s="424"/>
      <c r="FMB735" s="424"/>
      <c r="FMC735" s="423" t="s">
        <v>2795</v>
      </c>
      <c r="FMD735" s="424"/>
      <c r="FME735" s="424"/>
      <c r="FMF735" s="424"/>
      <c r="FMG735" s="423" t="s">
        <v>2795</v>
      </c>
      <c r="FMH735" s="424"/>
      <c r="FMI735" s="424"/>
      <c r="FMJ735" s="424"/>
      <c r="FMK735" s="423" t="s">
        <v>2795</v>
      </c>
      <c r="FML735" s="424"/>
      <c r="FMM735" s="424"/>
      <c r="FMN735" s="424"/>
      <c r="FMO735" s="423" t="s">
        <v>2795</v>
      </c>
      <c r="FMP735" s="424"/>
      <c r="FMQ735" s="424"/>
      <c r="FMR735" s="424"/>
      <c r="FMS735" s="423" t="s">
        <v>2795</v>
      </c>
      <c r="FMT735" s="424"/>
      <c r="FMU735" s="424"/>
      <c r="FMV735" s="424"/>
      <c r="FMW735" s="423" t="s">
        <v>2795</v>
      </c>
      <c r="FMX735" s="424"/>
      <c r="FMY735" s="424"/>
      <c r="FMZ735" s="424"/>
      <c r="FNA735" s="423" t="s">
        <v>2795</v>
      </c>
      <c r="FNB735" s="424"/>
      <c r="FNC735" s="424"/>
      <c r="FND735" s="424"/>
      <c r="FNE735" s="423" t="s">
        <v>2795</v>
      </c>
      <c r="FNF735" s="424"/>
      <c r="FNG735" s="424"/>
      <c r="FNH735" s="424"/>
      <c r="FNI735" s="423" t="s">
        <v>2795</v>
      </c>
      <c r="FNJ735" s="424"/>
      <c r="FNK735" s="424"/>
      <c r="FNL735" s="424"/>
      <c r="FNM735" s="423" t="s">
        <v>2795</v>
      </c>
      <c r="FNN735" s="424"/>
      <c r="FNO735" s="424"/>
      <c r="FNP735" s="424"/>
      <c r="FNQ735" s="423" t="s">
        <v>2795</v>
      </c>
      <c r="FNR735" s="424"/>
      <c r="FNS735" s="424"/>
      <c r="FNT735" s="424"/>
      <c r="FNU735" s="423" t="s">
        <v>2795</v>
      </c>
      <c r="FNV735" s="424"/>
      <c r="FNW735" s="424"/>
      <c r="FNX735" s="424"/>
      <c r="FNY735" s="423" t="s">
        <v>2795</v>
      </c>
      <c r="FNZ735" s="424"/>
      <c r="FOA735" s="424"/>
      <c r="FOB735" s="424"/>
      <c r="FOC735" s="423" t="s">
        <v>2795</v>
      </c>
      <c r="FOD735" s="424"/>
      <c r="FOE735" s="424"/>
      <c r="FOF735" s="424"/>
      <c r="FOG735" s="423" t="s">
        <v>2795</v>
      </c>
      <c r="FOH735" s="424"/>
      <c r="FOI735" s="424"/>
      <c r="FOJ735" s="424"/>
      <c r="FOK735" s="423" t="s">
        <v>2795</v>
      </c>
      <c r="FOL735" s="424"/>
      <c r="FOM735" s="424"/>
      <c r="FON735" s="424"/>
      <c r="FOO735" s="423" t="s">
        <v>2795</v>
      </c>
      <c r="FOP735" s="424"/>
      <c r="FOQ735" s="424"/>
      <c r="FOR735" s="424"/>
      <c r="FOS735" s="423" t="s">
        <v>2795</v>
      </c>
      <c r="FOT735" s="424"/>
      <c r="FOU735" s="424"/>
      <c r="FOV735" s="424"/>
      <c r="FOW735" s="423" t="s">
        <v>2795</v>
      </c>
      <c r="FOX735" s="424"/>
      <c r="FOY735" s="424"/>
      <c r="FOZ735" s="424"/>
      <c r="FPA735" s="423" t="s">
        <v>2795</v>
      </c>
      <c r="FPB735" s="424"/>
      <c r="FPC735" s="424"/>
      <c r="FPD735" s="424"/>
      <c r="FPE735" s="423" t="s">
        <v>2795</v>
      </c>
      <c r="FPF735" s="424"/>
      <c r="FPG735" s="424"/>
      <c r="FPH735" s="424"/>
      <c r="FPI735" s="423" t="s">
        <v>2795</v>
      </c>
      <c r="FPJ735" s="424"/>
      <c r="FPK735" s="424"/>
      <c r="FPL735" s="424"/>
      <c r="FPM735" s="423" t="s">
        <v>2795</v>
      </c>
      <c r="FPN735" s="424"/>
      <c r="FPO735" s="424"/>
      <c r="FPP735" s="424"/>
      <c r="FPQ735" s="423" t="s">
        <v>2795</v>
      </c>
      <c r="FPR735" s="424"/>
      <c r="FPS735" s="424"/>
      <c r="FPT735" s="424"/>
      <c r="FPU735" s="423" t="s">
        <v>2795</v>
      </c>
      <c r="FPV735" s="424"/>
      <c r="FPW735" s="424"/>
      <c r="FPX735" s="424"/>
      <c r="FPY735" s="423" t="s">
        <v>2795</v>
      </c>
      <c r="FPZ735" s="424"/>
      <c r="FQA735" s="424"/>
      <c r="FQB735" s="424"/>
      <c r="FQC735" s="423" t="s">
        <v>2795</v>
      </c>
      <c r="FQD735" s="424"/>
      <c r="FQE735" s="424"/>
      <c r="FQF735" s="424"/>
      <c r="FQG735" s="423" t="s">
        <v>2795</v>
      </c>
      <c r="FQH735" s="424"/>
      <c r="FQI735" s="424"/>
      <c r="FQJ735" s="424"/>
      <c r="FQK735" s="423" t="s">
        <v>2795</v>
      </c>
      <c r="FQL735" s="424"/>
      <c r="FQM735" s="424"/>
      <c r="FQN735" s="424"/>
      <c r="FQO735" s="423" t="s">
        <v>2795</v>
      </c>
      <c r="FQP735" s="424"/>
      <c r="FQQ735" s="424"/>
      <c r="FQR735" s="424"/>
      <c r="FQS735" s="423" t="s">
        <v>2795</v>
      </c>
      <c r="FQT735" s="424"/>
      <c r="FQU735" s="424"/>
      <c r="FQV735" s="424"/>
      <c r="FQW735" s="423" t="s">
        <v>2795</v>
      </c>
      <c r="FQX735" s="424"/>
      <c r="FQY735" s="424"/>
      <c r="FQZ735" s="424"/>
      <c r="FRA735" s="423" t="s">
        <v>2795</v>
      </c>
      <c r="FRB735" s="424"/>
      <c r="FRC735" s="424"/>
      <c r="FRD735" s="424"/>
      <c r="FRE735" s="423" t="s">
        <v>2795</v>
      </c>
      <c r="FRF735" s="424"/>
      <c r="FRG735" s="424"/>
      <c r="FRH735" s="424"/>
      <c r="FRI735" s="423" t="s">
        <v>2795</v>
      </c>
      <c r="FRJ735" s="424"/>
      <c r="FRK735" s="424"/>
      <c r="FRL735" s="424"/>
      <c r="FRM735" s="423" t="s">
        <v>2795</v>
      </c>
      <c r="FRN735" s="424"/>
      <c r="FRO735" s="424"/>
      <c r="FRP735" s="424"/>
      <c r="FRQ735" s="423" t="s">
        <v>2795</v>
      </c>
      <c r="FRR735" s="424"/>
      <c r="FRS735" s="424"/>
      <c r="FRT735" s="424"/>
      <c r="FRU735" s="423" t="s">
        <v>2795</v>
      </c>
      <c r="FRV735" s="424"/>
      <c r="FRW735" s="424"/>
      <c r="FRX735" s="424"/>
      <c r="FRY735" s="423" t="s">
        <v>2795</v>
      </c>
      <c r="FRZ735" s="424"/>
      <c r="FSA735" s="424"/>
      <c r="FSB735" s="424"/>
      <c r="FSC735" s="423" t="s">
        <v>2795</v>
      </c>
      <c r="FSD735" s="424"/>
      <c r="FSE735" s="424"/>
      <c r="FSF735" s="424"/>
      <c r="FSG735" s="423" t="s">
        <v>2795</v>
      </c>
      <c r="FSH735" s="424"/>
      <c r="FSI735" s="424"/>
      <c r="FSJ735" s="424"/>
      <c r="FSK735" s="423" t="s">
        <v>2795</v>
      </c>
      <c r="FSL735" s="424"/>
      <c r="FSM735" s="424"/>
      <c r="FSN735" s="424"/>
      <c r="FSO735" s="423" t="s">
        <v>2795</v>
      </c>
      <c r="FSP735" s="424"/>
      <c r="FSQ735" s="424"/>
      <c r="FSR735" s="424"/>
      <c r="FSS735" s="423" t="s">
        <v>2795</v>
      </c>
      <c r="FST735" s="424"/>
      <c r="FSU735" s="424"/>
      <c r="FSV735" s="424"/>
      <c r="FSW735" s="423" t="s">
        <v>2795</v>
      </c>
      <c r="FSX735" s="424"/>
      <c r="FSY735" s="424"/>
      <c r="FSZ735" s="424"/>
      <c r="FTA735" s="423" t="s">
        <v>2795</v>
      </c>
      <c r="FTB735" s="424"/>
      <c r="FTC735" s="424"/>
      <c r="FTD735" s="424"/>
      <c r="FTE735" s="423" t="s">
        <v>2795</v>
      </c>
      <c r="FTF735" s="424"/>
      <c r="FTG735" s="424"/>
      <c r="FTH735" s="424"/>
      <c r="FTI735" s="423" t="s">
        <v>2795</v>
      </c>
      <c r="FTJ735" s="424"/>
      <c r="FTK735" s="424"/>
      <c r="FTL735" s="424"/>
      <c r="FTM735" s="423" t="s">
        <v>2795</v>
      </c>
      <c r="FTN735" s="424"/>
      <c r="FTO735" s="424"/>
      <c r="FTP735" s="424"/>
      <c r="FTQ735" s="423" t="s">
        <v>2795</v>
      </c>
      <c r="FTR735" s="424"/>
      <c r="FTS735" s="424"/>
      <c r="FTT735" s="424"/>
      <c r="FTU735" s="423" t="s">
        <v>2795</v>
      </c>
      <c r="FTV735" s="424"/>
      <c r="FTW735" s="424"/>
      <c r="FTX735" s="424"/>
      <c r="FTY735" s="423" t="s">
        <v>2795</v>
      </c>
      <c r="FTZ735" s="424"/>
      <c r="FUA735" s="424"/>
      <c r="FUB735" s="424"/>
      <c r="FUC735" s="423" t="s">
        <v>2795</v>
      </c>
      <c r="FUD735" s="424"/>
      <c r="FUE735" s="424"/>
      <c r="FUF735" s="424"/>
      <c r="FUG735" s="423" t="s">
        <v>2795</v>
      </c>
      <c r="FUH735" s="424"/>
      <c r="FUI735" s="424"/>
      <c r="FUJ735" s="424"/>
      <c r="FUK735" s="423" t="s">
        <v>2795</v>
      </c>
      <c r="FUL735" s="424"/>
      <c r="FUM735" s="424"/>
      <c r="FUN735" s="424"/>
      <c r="FUO735" s="423" t="s">
        <v>2795</v>
      </c>
      <c r="FUP735" s="424"/>
      <c r="FUQ735" s="424"/>
      <c r="FUR735" s="424"/>
      <c r="FUS735" s="423" t="s">
        <v>2795</v>
      </c>
      <c r="FUT735" s="424"/>
      <c r="FUU735" s="424"/>
      <c r="FUV735" s="424"/>
      <c r="FUW735" s="423" t="s">
        <v>2795</v>
      </c>
      <c r="FUX735" s="424"/>
      <c r="FUY735" s="424"/>
      <c r="FUZ735" s="424"/>
      <c r="FVA735" s="423" t="s">
        <v>2795</v>
      </c>
      <c r="FVB735" s="424"/>
      <c r="FVC735" s="424"/>
      <c r="FVD735" s="424"/>
      <c r="FVE735" s="423" t="s">
        <v>2795</v>
      </c>
      <c r="FVF735" s="424"/>
      <c r="FVG735" s="424"/>
      <c r="FVH735" s="424"/>
      <c r="FVI735" s="423" t="s">
        <v>2795</v>
      </c>
      <c r="FVJ735" s="424"/>
      <c r="FVK735" s="424"/>
      <c r="FVL735" s="424"/>
      <c r="FVM735" s="423" t="s">
        <v>2795</v>
      </c>
      <c r="FVN735" s="424"/>
      <c r="FVO735" s="424"/>
      <c r="FVP735" s="424"/>
      <c r="FVQ735" s="423" t="s">
        <v>2795</v>
      </c>
      <c r="FVR735" s="424"/>
      <c r="FVS735" s="424"/>
      <c r="FVT735" s="424"/>
      <c r="FVU735" s="423" t="s">
        <v>2795</v>
      </c>
      <c r="FVV735" s="424"/>
      <c r="FVW735" s="424"/>
      <c r="FVX735" s="424"/>
      <c r="FVY735" s="423" t="s">
        <v>2795</v>
      </c>
      <c r="FVZ735" s="424"/>
      <c r="FWA735" s="424"/>
      <c r="FWB735" s="424"/>
      <c r="FWC735" s="423" t="s">
        <v>2795</v>
      </c>
      <c r="FWD735" s="424"/>
      <c r="FWE735" s="424"/>
      <c r="FWF735" s="424"/>
      <c r="FWG735" s="423" t="s">
        <v>2795</v>
      </c>
      <c r="FWH735" s="424"/>
      <c r="FWI735" s="424"/>
      <c r="FWJ735" s="424"/>
      <c r="FWK735" s="423" t="s">
        <v>2795</v>
      </c>
      <c r="FWL735" s="424"/>
      <c r="FWM735" s="424"/>
      <c r="FWN735" s="424"/>
      <c r="FWO735" s="423" t="s">
        <v>2795</v>
      </c>
      <c r="FWP735" s="424"/>
      <c r="FWQ735" s="424"/>
      <c r="FWR735" s="424"/>
      <c r="FWS735" s="423" t="s">
        <v>2795</v>
      </c>
      <c r="FWT735" s="424"/>
      <c r="FWU735" s="424"/>
      <c r="FWV735" s="424"/>
      <c r="FWW735" s="423" t="s">
        <v>2795</v>
      </c>
      <c r="FWX735" s="424"/>
      <c r="FWY735" s="424"/>
      <c r="FWZ735" s="424"/>
      <c r="FXA735" s="423" t="s">
        <v>2795</v>
      </c>
      <c r="FXB735" s="424"/>
      <c r="FXC735" s="424"/>
      <c r="FXD735" s="424"/>
      <c r="FXE735" s="423" t="s">
        <v>2795</v>
      </c>
      <c r="FXF735" s="424"/>
      <c r="FXG735" s="424"/>
      <c r="FXH735" s="424"/>
      <c r="FXI735" s="423" t="s">
        <v>2795</v>
      </c>
      <c r="FXJ735" s="424"/>
      <c r="FXK735" s="424"/>
      <c r="FXL735" s="424"/>
      <c r="FXM735" s="423" t="s">
        <v>2795</v>
      </c>
      <c r="FXN735" s="424"/>
      <c r="FXO735" s="424"/>
      <c r="FXP735" s="424"/>
      <c r="FXQ735" s="423" t="s">
        <v>2795</v>
      </c>
      <c r="FXR735" s="424"/>
      <c r="FXS735" s="424"/>
      <c r="FXT735" s="424"/>
      <c r="FXU735" s="423" t="s">
        <v>2795</v>
      </c>
      <c r="FXV735" s="424"/>
      <c r="FXW735" s="424"/>
      <c r="FXX735" s="424"/>
      <c r="FXY735" s="423" t="s">
        <v>2795</v>
      </c>
      <c r="FXZ735" s="424"/>
      <c r="FYA735" s="424"/>
      <c r="FYB735" s="424"/>
      <c r="FYC735" s="423" t="s">
        <v>2795</v>
      </c>
      <c r="FYD735" s="424"/>
      <c r="FYE735" s="424"/>
      <c r="FYF735" s="424"/>
      <c r="FYG735" s="423" t="s">
        <v>2795</v>
      </c>
      <c r="FYH735" s="424"/>
      <c r="FYI735" s="424"/>
      <c r="FYJ735" s="424"/>
      <c r="FYK735" s="423" t="s">
        <v>2795</v>
      </c>
      <c r="FYL735" s="424"/>
      <c r="FYM735" s="424"/>
      <c r="FYN735" s="424"/>
      <c r="FYO735" s="423" t="s">
        <v>2795</v>
      </c>
      <c r="FYP735" s="424"/>
      <c r="FYQ735" s="424"/>
      <c r="FYR735" s="424"/>
      <c r="FYS735" s="423" t="s">
        <v>2795</v>
      </c>
      <c r="FYT735" s="424"/>
      <c r="FYU735" s="424"/>
      <c r="FYV735" s="424"/>
      <c r="FYW735" s="423" t="s">
        <v>2795</v>
      </c>
      <c r="FYX735" s="424"/>
      <c r="FYY735" s="424"/>
      <c r="FYZ735" s="424"/>
      <c r="FZA735" s="423" t="s">
        <v>2795</v>
      </c>
      <c r="FZB735" s="424"/>
      <c r="FZC735" s="424"/>
      <c r="FZD735" s="424"/>
      <c r="FZE735" s="423" t="s">
        <v>2795</v>
      </c>
      <c r="FZF735" s="424"/>
      <c r="FZG735" s="424"/>
      <c r="FZH735" s="424"/>
      <c r="FZI735" s="423" t="s">
        <v>2795</v>
      </c>
      <c r="FZJ735" s="424"/>
      <c r="FZK735" s="424"/>
      <c r="FZL735" s="424"/>
      <c r="FZM735" s="423" t="s">
        <v>2795</v>
      </c>
      <c r="FZN735" s="424"/>
      <c r="FZO735" s="424"/>
      <c r="FZP735" s="424"/>
      <c r="FZQ735" s="423" t="s">
        <v>2795</v>
      </c>
      <c r="FZR735" s="424"/>
      <c r="FZS735" s="424"/>
      <c r="FZT735" s="424"/>
      <c r="FZU735" s="423" t="s">
        <v>2795</v>
      </c>
      <c r="FZV735" s="424"/>
      <c r="FZW735" s="424"/>
      <c r="FZX735" s="424"/>
      <c r="FZY735" s="423" t="s">
        <v>2795</v>
      </c>
      <c r="FZZ735" s="424"/>
      <c r="GAA735" s="424"/>
      <c r="GAB735" s="424"/>
      <c r="GAC735" s="423" t="s">
        <v>2795</v>
      </c>
      <c r="GAD735" s="424"/>
      <c r="GAE735" s="424"/>
      <c r="GAF735" s="424"/>
      <c r="GAG735" s="423" t="s">
        <v>2795</v>
      </c>
      <c r="GAH735" s="424"/>
      <c r="GAI735" s="424"/>
      <c r="GAJ735" s="424"/>
      <c r="GAK735" s="423" t="s">
        <v>2795</v>
      </c>
      <c r="GAL735" s="424"/>
      <c r="GAM735" s="424"/>
      <c r="GAN735" s="424"/>
      <c r="GAO735" s="423" t="s">
        <v>2795</v>
      </c>
      <c r="GAP735" s="424"/>
      <c r="GAQ735" s="424"/>
      <c r="GAR735" s="424"/>
      <c r="GAS735" s="423" t="s">
        <v>2795</v>
      </c>
      <c r="GAT735" s="424"/>
      <c r="GAU735" s="424"/>
      <c r="GAV735" s="424"/>
      <c r="GAW735" s="423" t="s">
        <v>2795</v>
      </c>
      <c r="GAX735" s="424"/>
      <c r="GAY735" s="424"/>
      <c r="GAZ735" s="424"/>
      <c r="GBA735" s="423" t="s">
        <v>2795</v>
      </c>
      <c r="GBB735" s="424"/>
      <c r="GBC735" s="424"/>
      <c r="GBD735" s="424"/>
      <c r="GBE735" s="423" t="s">
        <v>2795</v>
      </c>
      <c r="GBF735" s="424"/>
      <c r="GBG735" s="424"/>
      <c r="GBH735" s="424"/>
      <c r="GBI735" s="423" t="s">
        <v>2795</v>
      </c>
      <c r="GBJ735" s="424"/>
      <c r="GBK735" s="424"/>
      <c r="GBL735" s="424"/>
      <c r="GBM735" s="423" t="s">
        <v>2795</v>
      </c>
      <c r="GBN735" s="424"/>
      <c r="GBO735" s="424"/>
      <c r="GBP735" s="424"/>
      <c r="GBQ735" s="423" t="s">
        <v>2795</v>
      </c>
      <c r="GBR735" s="424"/>
      <c r="GBS735" s="424"/>
      <c r="GBT735" s="424"/>
      <c r="GBU735" s="423" t="s">
        <v>2795</v>
      </c>
      <c r="GBV735" s="424"/>
      <c r="GBW735" s="424"/>
      <c r="GBX735" s="424"/>
      <c r="GBY735" s="423" t="s">
        <v>2795</v>
      </c>
      <c r="GBZ735" s="424"/>
      <c r="GCA735" s="424"/>
      <c r="GCB735" s="424"/>
      <c r="GCC735" s="423" t="s">
        <v>2795</v>
      </c>
      <c r="GCD735" s="424"/>
      <c r="GCE735" s="424"/>
      <c r="GCF735" s="424"/>
      <c r="GCG735" s="423" t="s">
        <v>2795</v>
      </c>
      <c r="GCH735" s="424"/>
      <c r="GCI735" s="424"/>
      <c r="GCJ735" s="424"/>
      <c r="GCK735" s="423" t="s">
        <v>2795</v>
      </c>
      <c r="GCL735" s="424"/>
      <c r="GCM735" s="424"/>
      <c r="GCN735" s="424"/>
      <c r="GCO735" s="423" t="s">
        <v>2795</v>
      </c>
      <c r="GCP735" s="424"/>
      <c r="GCQ735" s="424"/>
      <c r="GCR735" s="424"/>
      <c r="GCS735" s="423" t="s">
        <v>2795</v>
      </c>
      <c r="GCT735" s="424"/>
      <c r="GCU735" s="424"/>
      <c r="GCV735" s="424"/>
      <c r="GCW735" s="423" t="s">
        <v>2795</v>
      </c>
      <c r="GCX735" s="424"/>
      <c r="GCY735" s="424"/>
      <c r="GCZ735" s="424"/>
      <c r="GDA735" s="423" t="s">
        <v>2795</v>
      </c>
      <c r="GDB735" s="424"/>
      <c r="GDC735" s="424"/>
      <c r="GDD735" s="424"/>
      <c r="GDE735" s="423" t="s">
        <v>2795</v>
      </c>
      <c r="GDF735" s="424"/>
      <c r="GDG735" s="424"/>
      <c r="GDH735" s="424"/>
      <c r="GDI735" s="423" t="s">
        <v>2795</v>
      </c>
      <c r="GDJ735" s="424"/>
      <c r="GDK735" s="424"/>
      <c r="GDL735" s="424"/>
      <c r="GDM735" s="423" t="s">
        <v>2795</v>
      </c>
      <c r="GDN735" s="424"/>
      <c r="GDO735" s="424"/>
      <c r="GDP735" s="424"/>
      <c r="GDQ735" s="423" t="s">
        <v>2795</v>
      </c>
      <c r="GDR735" s="424"/>
      <c r="GDS735" s="424"/>
      <c r="GDT735" s="424"/>
      <c r="GDU735" s="423" t="s">
        <v>2795</v>
      </c>
      <c r="GDV735" s="424"/>
      <c r="GDW735" s="424"/>
      <c r="GDX735" s="424"/>
      <c r="GDY735" s="423" t="s">
        <v>2795</v>
      </c>
      <c r="GDZ735" s="424"/>
      <c r="GEA735" s="424"/>
      <c r="GEB735" s="424"/>
      <c r="GEC735" s="423" t="s">
        <v>2795</v>
      </c>
      <c r="GED735" s="424"/>
      <c r="GEE735" s="424"/>
      <c r="GEF735" s="424"/>
      <c r="GEG735" s="423" t="s">
        <v>2795</v>
      </c>
      <c r="GEH735" s="424"/>
      <c r="GEI735" s="424"/>
      <c r="GEJ735" s="424"/>
      <c r="GEK735" s="423" t="s">
        <v>2795</v>
      </c>
      <c r="GEL735" s="424"/>
      <c r="GEM735" s="424"/>
      <c r="GEN735" s="424"/>
      <c r="GEO735" s="423" t="s">
        <v>2795</v>
      </c>
      <c r="GEP735" s="424"/>
      <c r="GEQ735" s="424"/>
      <c r="GER735" s="424"/>
      <c r="GES735" s="423" t="s">
        <v>2795</v>
      </c>
      <c r="GET735" s="424"/>
      <c r="GEU735" s="424"/>
      <c r="GEV735" s="424"/>
      <c r="GEW735" s="423" t="s">
        <v>2795</v>
      </c>
      <c r="GEX735" s="424"/>
      <c r="GEY735" s="424"/>
      <c r="GEZ735" s="424"/>
      <c r="GFA735" s="423" t="s">
        <v>2795</v>
      </c>
      <c r="GFB735" s="424"/>
      <c r="GFC735" s="424"/>
      <c r="GFD735" s="424"/>
      <c r="GFE735" s="423" t="s">
        <v>2795</v>
      </c>
      <c r="GFF735" s="424"/>
      <c r="GFG735" s="424"/>
      <c r="GFH735" s="424"/>
      <c r="GFI735" s="423" t="s">
        <v>2795</v>
      </c>
      <c r="GFJ735" s="424"/>
      <c r="GFK735" s="424"/>
      <c r="GFL735" s="424"/>
      <c r="GFM735" s="423" t="s">
        <v>2795</v>
      </c>
      <c r="GFN735" s="424"/>
      <c r="GFO735" s="424"/>
      <c r="GFP735" s="424"/>
      <c r="GFQ735" s="423" t="s">
        <v>2795</v>
      </c>
      <c r="GFR735" s="424"/>
      <c r="GFS735" s="424"/>
      <c r="GFT735" s="424"/>
      <c r="GFU735" s="423" t="s">
        <v>2795</v>
      </c>
      <c r="GFV735" s="424"/>
      <c r="GFW735" s="424"/>
      <c r="GFX735" s="424"/>
      <c r="GFY735" s="423" t="s">
        <v>2795</v>
      </c>
      <c r="GFZ735" s="424"/>
      <c r="GGA735" s="424"/>
      <c r="GGB735" s="424"/>
      <c r="GGC735" s="423" t="s">
        <v>2795</v>
      </c>
      <c r="GGD735" s="424"/>
      <c r="GGE735" s="424"/>
      <c r="GGF735" s="424"/>
      <c r="GGG735" s="423" t="s">
        <v>2795</v>
      </c>
      <c r="GGH735" s="424"/>
      <c r="GGI735" s="424"/>
      <c r="GGJ735" s="424"/>
      <c r="GGK735" s="423" t="s">
        <v>2795</v>
      </c>
      <c r="GGL735" s="424"/>
      <c r="GGM735" s="424"/>
      <c r="GGN735" s="424"/>
      <c r="GGO735" s="423" t="s">
        <v>2795</v>
      </c>
      <c r="GGP735" s="424"/>
      <c r="GGQ735" s="424"/>
      <c r="GGR735" s="424"/>
      <c r="GGS735" s="423" t="s">
        <v>2795</v>
      </c>
      <c r="GGT735" s="424"/>
      <c r="GGU735" s="424"/>
      <c r="GGV735" s="424"/>
      <c r="GGW735" s="423" t="s">
        <v>2795</v>
      </c>
      <c r="GGX735" s="424"/>
      <c r="GGY735" s="424"/>
      <c r="GGZ735" s="424"/>
      <c r="GHA735" s="423" t="s">
        <v>2795</v>
      </c>
      <c r="GHB735" s="424"/>
      <c r="GHC735" s="424"/>
      <c r="GHD735" s="424"/>
      <c r="GHE735" s="423" t="s">
        <v>2795</v>
      </c>
      <c r="GHF735" s="424"/>
      <c r="GHG735" s="424"/>
      <c r="GHH735" s="424"/>
      <c r="GHI735" s="423" t="s">
        <v>2795</v>
      </c>
      <c r="GHJ735" s="424"/>
      <c r="GHK735" s="424"/>
      <c r="GHL735" s="424"/>
      <c r="GHM735" s="423" t="s">
        <v>2795</v>
      </c>
      <c r="GHN735" s="424"/>
      <c r="GHO735" s="424"/>
      <c r="GHP735" s="424"/>
      <c r="GHQ735" s="423" t="s">
        <v>2795</v>
      </c>
      <c r="GHR735" s="424"/>
      <c r="GHS735" s="424"/>
      <c r="GHT735" s="424"/>
      <c r="GHU735" s="423" t="s">
        <v>2795</v>
      </c>
      <c r="GHV735" s="424"/>
      <c r="GHW735" s="424"/>
      <c r="GHX735" s="424"/>
      <c r="GHY735" s="423" t="s">
        <v>2795</v>
      </c>
      <c r="GHZ735" s="424"/>
      <c r="GIA735" s="424"/>
      <c r="GIB735" s="424"/>
      <c r="GIC735" s="423" t="s">
        <v>2795</v>
      </c>
      <c r="GID735" s="424"/>
      <c r="GIE735" s="424"/>
      <c r="GIF735" s="424"/>
      <c r="GIG735" s="423" t="s">
        <v>2795</v>
      </c>
      <c r="GIH735" s="424"/>
      <c r="GII735" s="424"/>
      <c r="GIJ735" s="424"/>
      <c r="GIK735" s="423" t="s">
        <v>2795</v>
      </c>
      <c r="GIL735" s="424"/>
      <c r="GIM735" s="424"/>
      <c r="GIN735" s="424"/>
      <c r="GIO735" s="423" t="s">
        <v>2795</v>
      </c>
      <c r="GIP735" s="424"/>
      <c r="GIQ735" s="424"/>
      <c r="GIR735" s="424"/>
      <c r="GIS735" s="423" t="s">
        <v>2795</v>
      </c>
      <c r="GIT735" s="424"/>
      <c r="GIU735" s="424"/>
      <c r="GIV735" s="424"/>
      <c r="GIW735" s="423" t="s">
        <v>2795</v>
      </c>
      <c r="GIX735" s="424"/>
      <c r="GIY735" s="424"/>
      <c r="GIZ735" s="424"/>
      <c r="GJA735" s="423" t="s">
        <v>2795</v>
      </c>
      <c r="GJB735" s="424"/>
      <c r="GJC735" s="424"/>
      <c r="GJD735" s="424"/>
      <c r="GJE735" s="423" t="s">
        <v>2795</v>
      </c>
      <c r="GJF735" s="424"/>
      <c r="GJG735" s="424"/>
      <c r="GJH735" s="424"/>
      <c r="GJI735" s="423" t="s">
        <v>2795</v>
      </c>
      <c r="GJJ735" s="424"/>
      <c r="GJK735" s="424"/>
      <c r="GJL735" s="424"/>
      <c r="GJM735" s="423" t="s">
        <v>2795</v>
      </c>
      <c r="GJN735" s="424"/>
      <c r="GJO735" s="424"/>
      <c r="GJP735" s="424"/>
      <c r="GJQ735" s="423" t="s">
        <v>2795</v>
      </c>
      <c r="GJR735" s="424"/>
      <c r="GJS735" s="424"/>
      <c r="GJT735" s="424"/>
      <c r="GJU735" s="423" t="s">
        <v>2795</v>
      </c>
      <c r="GJV735" s="424"/>
      <c r="GJW735" s="424"/>
      <c r="GJX735" s="424"/>
      <c r="GJY735" s="423" t="s">
        <v>2795</v>
      </c>
      <c r="GJZ735" s="424"/>
      <c r="GKA735" s="424"/>
      <c r="GKB735" s="424"/>
      <c r="GKC735" s="423" t="s">
        <v>2795</v>
      </c>
      <c r="GKD735" s="424"/>
      <c r="GKE735" s="424"/>
      <c r="GKF735" s="424"/>
      <c r="GKG735" s="423" t="s">
        <v>2795</v>
      </c>
      <c r="GKH735" s="424"/>
      <c r="GKI735" s="424"/>
      <c r="GKJ735" s="424"/>
      <c r="GKK735" s="423" t="s">
        <v>2795</v>
      </c>
      <c r="GKL735" s="424"/>
      <c r="GKM735" s="424"/>
      <c r="GKN735" s="424"/>
      <c r="GKO735" s="423" t="s">
        <v>2795</v>
      </c>
      <c r="GKP735" s="424"/>
      <c r="GKQ735" s="424"/>
      <c r="GKR735" s="424"/>
      <c r="GKS735" s="423" t="s">
        <v>2795</v>
      </c>
      <c r="GKT735" s="424"/>
      <c r="GKU735" s="424"/>
      <c r="GKV735" s="424"/>
      <c r="GKW735" s="423" t="s">
        <v>2795</v>
      </c>
      <c r="GKX735" s="424"/>
      <c r="GKY735" s="424"/>
      <c r="GKZ735" s="424"/>
      <c r="GLA735" s="423" t="s">
        <v>2795</v>
      </c>
      <c r="GLB735" s="424"/>
      <c r="GLC735" s="424"/>
      <c r="GLD735" s="424"/>
      <c r="GLE735" s="423" t="s">
        <v>2795</v>
      </c>
      <c r="GLF735" s="424"/>
      <c r="GLG735" s="424"/>
      <c r="GLH735" s="424"/>
      <c r="GLI735" s="423" t="s">
        <v>2795</v>
      </c>
      <c r="GLJ735" s="424"/>
      <c r="GLK735" s="424"/>
      <c r="GLL735" s="424"/>
      <c r="GLM735" s="423" t="s">
        <v>2795</v>
      </c>
      <c r="GLN735" s="424"/>
      <c r="GLO735" s="424"/>
      <c r="GLP735" s="424"/>
      <c r="GLQ735" s="423" t="s">
        <v>2795</v>
      </c>
      <c r="GLR735" s="424"/>
      <c r="GLS735" s="424"/>
      <c r="GLT735" s="424"/>
      <c r="GLU735" s="423" t="s">
        <v>2795</v>
      </c>
      <c r="GLV735" s="424"/>
      <c r="GLW735" s="424"/>
      <c r="GLX735" s="424"/>
      <c r="GLY735" s="423" t="s">
        <v>2795</v>
      </c>
      <c r="GLZ735" s="424"/>
      <c r="GMA735" s="424"/>
      <c r="GMB735" s="424"/>
      <c r="GMC735" s="423" t="s">
        <v>2795</v>
      </c>
      <c r="GMD735" s="424"/>
      <c r="GME735" s="424"/>
      <c r="GMF735" s="424"/>
      <c r="GMG735" s="423" t="s">
        <v>2795</v>
      </c>
      <c r="GMH735" s="424"/>
      <c r="GMI735" s="424"/>
      <c r="GMJ735" s="424"/>
      <c r="GMK735" s="423" t="s">
        <v>2795</v>
      </c>
      <c r="GML735" s="424"/>
      <c r="GMM735" s="424"/>
      <c r="GMN735" s="424"/>
      <c r="GMO735" s="423" t="s">
        <v>2795</v>
      </c>
      <c r="GMP735" s="424"/>
      <c r="GMQ735" s="424"/>
      <c r="GMR735" s="424"/>
      <c r="GMS735" s="423" t="s">
        <v>2795</v>
      </c>
      <c r="GMT735" s="424"/>
      <c r="GMU735" s="424"/>
      <c r="GMV735" s="424"/>
      <c r="GMW735" s="423" t="s">
        <v>2795</v>
      </c>
      <c r="GMX735" s="424"/>
      <c r="GMY735" s="424"/>
      <c r="GMZ735" s="424"/>
      <c r="GNA735" s="423" t="s">
        <v>2795</v>
      </c>
      <c r="GNB735" s="424"/>
      <c r="GNC735" s="424"/>
      <c r="GND735" s="424"/>
      <c r="GNE735" s="423" t="s">
        <v>2795</v>
      </c>
      <c r="GNF735" s="424"/>
      <c r="GNG735" s="424"/>
      <c r="GNH735" s="424"/>
      <c r="GNI735" s="423" t="s">
        <v>2795</v>
      </c>
      <c r="GNJ735" s="424"/>
      <c r="GNK735" s="424"/>
      <c r="GNL735" s="424"/>
      <c r="GNM735" s="423" t="s">
        <v>2795</v>
      </c>
      <c r="GNN735" s="424"/>
      <c r="GNO735" s="424"/>
      <c r="GNP735" s="424"/>
      <c r="GNQ735" s="423" t="s">
        <v>2795</v>
      </c>
      <c r="GNR735" s="424"/>
      <c r="GNS735" s="424"/>
      <c r="GNT735" s="424"/>
      <c r="GNU735" s="423" t="s">
        <v>2795</v>
      </c>
      <c r="GNV735" s="424"/>
      <c r="GNW735" s="424"/>
      <c r="GNX735" s="424"/>
      <c r="GNY735" s="423" t="s">
        <v>2795</v>
      </c>
      <c r="GNZ735" s="424"/>
      <c r="GOA735" s="424"/>
      <c r="GOB735" s="424"/>
      <c r="GOC735" s="423" t="s">
        <v>2795</v>
      </c>
      <c r="GOD735" s="424"/>
      <c r="GOE735" s="424"/>
      <c r="GOF735" s="424"/>
      <c r="GOG735" s="423" t="s">
        <v>2795</v>
      </c>
      <c r="GOH735" s="424"/>
      <c r="GOI735" s="424"/>
      <c r="GOJ735" s="424"/>
      <c r="GOK735" s="423" t="s">
        <v>2795</v>
      </c>
      <c r="GOL735" s="424"/>
      <c r="GOM735" s="424"/>
      <c r="GON735" s="424"/>
      <c r="GOO735" s="423" t="s">
        <v>2795</v>
      </c>
      <c r="GOP735" s="424"/>
      <c r="GOQ735" s="424"/>
      <c r="GOR735" s="424"/>
      <c r="GOS735" s="423" t="s">
        <v>2795</v>
      </c>
      <c r="GOT735" s="424"/>
      <c r="GOU735" s="424"/>
      <c r="GOV735" s="424"/>
      <c r="GOW735" s="423" t="s">
        <v>2795</v>
      </c>
      <c r="GOX735" s="424"/>
      <c r="GOY735" s="424"/>
      <c r="GOZ735" s="424"/>
      <c r="GPA735" s="423" t="s">
        <v>2795</v>
      </c>
      <c r="GPB735" s="424"/>
      <c r="GPC735" s="424"/>
      <c r="GPD735" s="424"/>
      <c r="GPE735" s="423" t="s">
        <v>2795</v>
      </c>
      <c r="GPF735" s="424"/>
      <c r="GPG735" s="424"/>
      <c r="GPH735" s="424"/>
      <c r="GPI735" s="423" t="s">
        <v>2795</v>
      </c>
      <c r="GPJ735" s="424"/>
      <c r="GPK735" s="424"/>
      <c r="GPL735" s="424"/>
      <c r="GPM735" s="423" t="s">
        <v>2795</v>
      </c>
      <c r="GPN735" s="424"/>
      <c r="GPO735" s="424"/>
      <c r="GPP735" s="424"/>
      <c r="GPQ735" s="423" t="s">
        <v>2795</v>
      </c>
      <c r="GPR735" s="424"/>
      <c r="GPS735" s="424"/>
      <c r="GPT735" s="424"/>
      <c r="GPU735" s="423" t="s">
        <v>2795</v>
      </c>
      <c r="GPV735" s="424"/>
      <c r="GPW735" s="424"/>
      <c r="GPX735" s="424"/>
      <c r="GPY735" s="423" t="s">
        <v>2795</v>
      </c>
      <c r="GPZ735" s="424"/>
      <c r="GQA735" s="424"/>
      <c r="GQB735" s="424"/>
      <c r="GQC735" s="423" t="s">
        <v>2795</v>
      </c>
      <c r="GQD735" s="424"/>
      <c r="GQE735" s="424"/>
      <c r="GQF735" s="424"/>
      <c r="GQG735" s="423" t="s">
        <v>2795</v>
      </c>
      <c r="GQH735" s="424"/>
      <c r="GQI735" s="424"/>
      <c r="GQJ735" s="424"/>
      <c r="GQK735" s="423" t="s">
        <v>2795</v>
      </c>
      <c r="GQL735" s="424"/>
      <c r="GQM735" s="424"/>
      <c r="GQN735" s="424"/>
      <c r="GQO735" s="423" t="s">
        <v>2795</v>
      </c>
      <c r="GQP735" s="424"/>
      <c r="GQQ735" s="424"/>
      <c r="GQR735" s="424"/>
      <c r="GQS735" s="423" t="s">
        <v>2795</v>
      </c>
      <c r="GQT735" s="424"/>
      <c r="GQU735" s="424"/>
      <c r="GQV735" s="424"/>
      <c r="GQW735" s="423" t="s">
        <v>2795</v>
      </c>
      <c r="GQX735" s="424"/>
      <c r="GQY735" s="424"/>
      <c r="GQZ735" s="424"/>
      <c r="GRA735" s="423" t="s">
        <v>2795</v>
      </c>
      <c r="GRB735" s="424"/>
      <c r="GRC735" s="424"/>
      <c r="GRD735" s="424"/>
      <c r="GRE735" s="423" t="s">
        <v>2795</v>
      </c>
      <c r="GRF735" s="424"/>
      <c r="GRG735" s="424"/>
      <c r="GRH735" s="424"/>
      <c r="GRI735" s="423" t="s">
        <v>2795</v>
      </c>
      <c r="GRJ735" s="424"/>
      <c r="GRK735" s="424"/>
      <c r="GRL735" s="424"/>
      <c r="GRM735" s="423" t="s">
        <v>2795</v>
      </c>
      <c r="GRN735" s="424"/>
      <c r="GRO735" s="424"/>
      <c r="GRP735" s="424"/>
      <c r="GRQ735" s="423" t="s">
        <v>2795</v>
      </c>
      <c r="GRR735" s="424"/>
      <c r="GRS735" s="424"/>
      <c r="GRT735" s="424"/>
      <c r="GRU735" s="423" t="s">
        <v>2795</v>
      </c>
      <c r="GRV735" s="424"/>
      <c r="GRW735" s="424"/>
      <c r="GRX735" s="424"/>
      <c r="GRY735" s="423" t="s">
        <v>2795</v>
      </c>
      <c r="GRZ735" s="424"/>
      <c r="GSA735" s="424"/>
      <c r="GSB735" s="424"/>
      <c r="GSC735" s="423" t="s">
        <v>2795</v>
      </c>
      <c r="GSD735" s="424"/>
      <c r="GSE735" s="424"/>
      <c r="GSF735" s="424"/>
      <c r="GSG735" s="423" t="s">
        <v>2795</v>
      </c>
      <c r="GSH735" s="424"/>
      <c r="GSI735" s="424"/>
      <c r="GSJ735" s="424"/>
      <c r="GSK735" s="423" t="s">
        <v>2795</v>
      </c>
      <c r="GSL735" s="424"/>
      <c r="GSM735" s="424"/>
      <c r="GSN735" s="424"/>
      <c r="GSO735" s="423" t="s">
        <v>2795</v>
      </c>
      <c r="GSP735" s="424"/>
      <c r="GSQ735" s="424"/>
      <c r="GSR735" s="424"/>
      <c r="GSS735" s="423" t="s">
        <v>2795</v>
      </c>
      <c r="GST735" s="424"/>
      <c r="GSU735" s="424"/>
      <c r="GSV735" s="424"/>
      <c r="GSW735" s="423" t="s">
        <v>2795</v>
      </c>
      <c r="GSX735" s="424"/>
      <c r="GSY735" s="424"/>
      <c r="GSZ735" s="424"/>
      <c r="GTA735" s="423" t="s">
        <v>2795</v>
      </c>
      <c r="GTB735" s="424"/>
      <c r="GTC735" s="424"/>
      <c r="GTD735" s="424"/>
      <c r="GTE735" s="423" t="s">
        <v>2795</v>
      </c>
      <c r="GTF735" s="424"/>
      <c r="GTG735" s="424"/>
      <c r="GTH735" s="424"/>
      <c r="GTI735" s="423" t="s">
        <v>2795</v>
      </c>
      <c r="GTJ735" s="424"/>
      <c r="GTK735" s="424"/>
      <c r="GTL735" s="424"/>
      <c r="GTM735" s="423" t="s">
        <v>2795</v>
      </c>
      <c r="GTN735" s="424"/>
      <c r="GTO735" s="424"/>
      <c r="GTP735" s="424"/>
      <c r="GTQ735" s="423" t="s">
        <v>2795</v>
      </c>
      <c r="GTR735" s="424"/>
      <c r="GTS735" s="424"/>
      <c r="GTT735" s="424"/>
      <c r="GTU735" s="423" t="s">
        <v>2795</v>
      </c>
      <c r="GTV735" s="424"/>
      <c r="GTW735" s="424"/>
      <c r="GTX735" s="424"/>
      <c r="GTY735" s="423" t="s">
        <v>2795</v>
      </c>
      <c r="GTZ735" s="424"/>
      <c r="GUA735" s="424"/>
      <c r="GUB735" s="424"/>
      <c r="GUC735" s="423" t="s">
        <v>2795</v>
      </c>
      <c r="GUD735" s="424"/>
      <c r="GUE735" s="424"/>
      <c r="GUF735" s="424"/>
      <c r="GUG735" s="423" t="s">
        <v>2795</v>
      </c>
      <c r="GUH735" s="424"/>
      <c r="GUI735" s="424"/>
      <c r="GUJ735" s="424"/>
      <c r="GUK735" s="423" t="s">
        <v>2795</v>
      </c>
      <c r="GUL735" s="424"/>
      <c r="GUM735" s="424"/>
      <c r="GUN735" s="424"/>
      <c r="GUO735" s="423" t="s">
        <v>2795</v>
      </c>
      <c r="GUP735" s="424"/>
      <c r="GUQ735" s="424"/>
      <c r="GUR735" s="424"/>
      <c r="GUS735" s="423" t="s">
        <v>2795</v>
      </c>
      <c r="GUT735" s="424"/>
      <c r="GUU735" s="424"/>
      <c r="GUV735" s="424"/>
      <c r="GUW735" s="423" t="s">
        <v>2795</v>
      </c>
      <c r="GUX735" s="424"/>
      <c r="GUY735" s="424"/>
      <c r="GUZ735" s="424"/>
      <c r="GVA735" s="423" t="s">
        <v>2795</v>
      </c>
      <c r="GVB735" s="424"/>
      <c r="GVC735" s="424"/>
      <c r="GVD735" s="424"/>
      <c r="GVE735" s="423" t="s">
        <v>2795</v>
      </c>
      <c r="GVF735" s="424"/>
      <c r="GVG735" s="424"/>
      <c r="GVH735" s="424"/>
      <c r="GVI735" s="423" t="s">
        <v>2795</v>
      </c>
      <c r="GVJ735" s="424"/>
      <c r="GVK735" s="424"/>
      <c r="GVL735" s="424"/>
      <c r="GVM735" s="423" t="s">
        <v>2795</v>
      </c>
      <c r="GVN735" s="424"/>
      <c r="GVO735" s="424"/>
      <c r="GVP735" s="424"/>
      <c r="GVQ735" s="423" t="s">
        <v>2795</v>
      </c>
      <c r="GVR735" s="424"/>
      <c r="GVS735" s="424"/>
      <c r="GVT735" s="424"/>
      <c r="GVU735" s="423" t="s">
        <v>2795</v>
      </c>
      <c r="GVV735" s="424"/>
      <c r="GVW735" s="424"/>
      <c r="GVX735" s="424"/>
      <c r="GVY735" s="423" t="s">
        <v>2795</v>
      </c>
      <c r="GVZ735" s="424"/>
      <c r="GWA735" s="424"/>
      <c r="GWB735" s="424"/>
      <c r="GWC735" s="423" t="s">
        <v>2795</v>
      </c>
      <c r="GWD735" s="424"/>
      <c r="GWE735" s="424"/>
      <c r="GWF735" s="424"/>
      <c r="GWG735" s="423" t="s">
        <v>2795</v>
      </c>
      <c r="GWH735" s="424"/>
      <c r="GWI735" s="424"/>
      <c r="GWJ735" s="424"/>
      <c r="GWK735" s="423" t="s">
        <v>2795</v>
      </c>
      <c r="GWL735" s="424"/>
      <c r="GWM735" s="424"/>
      <c r="GWN735" s="424"/>
      <c r="GWO735" s="423" t="s">
        <v>2795</v>
      </c>
      <c r="GWP735" s="424"/>
      <c r="GWQ735" s="424"/>
      <c r="GWR735" s="424"/>
      <c r="GWS735" s="423" t="s">
        <v>2795</v>
      </c>
      <c r="GWT735" s="424"/>
      <c r="GWU735" s="424"/>
      <c r="GWV735" s="424"/>
      <c r="GWW735" s="423" t="s">
        <v>2795</v>
      </c>
      <c r="GWX735" s="424"/>
      <c r="GWY735" s="424"/>
      <c r="GWZ735" s="424"/>
      <c r="GXA735" s="423" t="s">
        <v>2795</v>
      </c>
      <c r="GXB735" s="424"/>
      <c r="GXC735" s="424"/>
      <c r="GXD735" s="424"/>
      <c r="GXE735" s="423" t="s">
        <v>2795</v>
      </c>
      <c r="GXF735" s="424"/>
      <c r="GXG735" s="424"/>
      <c r="GXH735" s="424"/>
      <c r="GXI735" s="423" t="s">
        <v>2795</v>
      </c>
      <c r="GXJ735" s="424"/>
      <c r="GXK735" s="424"/>
      <c r="GXL735" s="424"/>
      <c r="GXM735" s="423" t="s">
        <v>2795</v>
      </c>
      <c r="GXN735" s="424"/>
      <c r="GXO735" s="424"/>
      <c r="GXP735" s="424"/>
      <c r="GXQ735" s="423" t="s">
        <v>2795</v>
      </c>
      <c r="GXR735" s="424"/>
      <c r="GXS735" s="424"/>
      <c r="GXT735" s="424"/>
      <c r="GXU735" s="423" t="s">
        <v>2795</v>
      </c>
      <c r="GXV735" s="424"/>
      <c r="GXW735" s="424"/>
      <c r="GXX735" s="424"/>
      <c r="GXY735" s="423" t="s">
        <v>2795</v>
      </c>
      <c r="GXZ735" s="424"/>
      <c r="GYA735" s="424"/>
      <c r="GYB735" s="424"/>
      <c r="GYC735" s="423" t="s">
        <v>2795</v>
      </c>
      <c r="GYD735" s="424"/>
      <c r="GYE735" s="424"/>
      <c r="GYF735" s="424"/>
      <c r="GYG735" s="423" t="s">
        <v>2795</v>
      </c>
      <c r="GYH735" s="424"/>
      <c r="GYI735" s="424"/>
      <c r="GYJ735" s="424"/>
      <c r="GYK735" s="423" t="s">
        <v>2795</v>
      </c>
      <c r="GYL735" s="424"/>
      <c r="GYM735" s="424"/>
      <c r="GYN735" s="424"/>
      <c r="GYO735" s="423" t="s">
        <v>2795</v>
      </c>
      <c r="GYP735" s="424"/>
      <c r="GYQ735" s="424"/>
      <c r="GYR735" s="424"/>
      <c r="GYS735" s="423" t="s">
        <v>2795</v>
      </c>
      <c r="GYT735" s="424"/>
      <c r="GYU735" s="424"/>
      <c r="GYV735" s="424"/>
      <c r="GYW735" s="423" t="s">
        <v>2795</v>
      </c>
      <c r="GYX735" s="424"/>
      <c r="GYY735" s="424"/>
      <c r="GYZ735" s="424"/>
      <c r="GZA735" s="423" t="s">
        <v>2795</v>
      </c>
      <c r="GZB735" s="424"/>
      <c r="GZC735" s="424"/>
      <c r="GZD735" s="424"/>
      <c r="GZE735" s="423" t="s">
        <v>2795</v>
      </c>
      <c r="GZF735" s="424"/>
      <c r="GZG735" s="424"/>
      <c r="GZH735" s="424"/>
      <c r="GZI735" s="423" t="s">
        <v>2795</v>
      </c>
      <c r="GZJ735" s="424"/>
      <c r="GZK735" s="424"/>
      <c r="GZL735" s="424"/>
      <c r="GZM735" s="423" t="s">
        <v>2795</v>
      </c>
      <c r="GZN735" s="424"/>
      <c r="GZO735" s="424"/>
      <c r="GZP735" s="424"/>
      <c r="GZQ735" s="423" t="s">
        <v>2795</v>
      </c>
      <c r="GZR735" s="424"/>
      <c r="GZS735" s="424"/>
      <c r="GZT735" s="424"/>
      <c r="GZU735" s="423" t="s">
        <v>2795</v>
      </c>
      <c r="GZV735" s="424"/>
      <c r="GZW735" s="424"/>
      <c r="GZX735" s="424"/>
      <c r="GZY735" s="423" t="s">
        <v>2795</v>
      </c>
      <c r="GZZ735" s="424"/>
      <c r="HAA735" s="424"/>
      <c r="HAB735" s="424"/>
      <c r="HAC735" s="423" t="s">
        <v>2795</v>
      </c>
      <c r="HAD735" s="424"/>
      <c r="HAE735" s="424"/>
      <c r="HAF735" s="424"/>
      <c r="HAG735" s="423" t="s">
        <v>2795</v>
      </c>
      <c r="HAH735" s="424"/>
      <c r="HAI735" s="424"/>
      <c r="HAJ735" s="424"/>
      <c r="HAK735" s="423" t="s">
        <v>2795</v>
      </c>
      <c r="HAL735" s="424"/>
      <c r="HAM735" s="424"/>
      <c r="HAN735" s="424"/>
      <c r="HAO735" s="423" t="s">
        <v>2795</v>
      </c>
      <c r="HAP735" s="424"/>
      <c r="HAQ735" s="424"/>
      <c r="HAR735" s="424"/>
      <c r="HAS735" s="423" t="s">
        <v>2795</v>
      </c>
      <c r="HAT735" s="424"/>
      <c r="HAU735" s="424"/>
      <c r="HAV735" s="424"/>
      <c r="HAW735" s="423" t="s">
        <v>2795</v>
      </c>
      <c r="HAX735" s="424"/>
      <c r="HAY735" s="424"/>
      <c r="HAZ735" s="424"/>
      <c r="HBA735" s="423" t="s">
        <v>2795</v>
      </c>
      <c r="HBB735" s="424"/>
      <c r="HBC735" s="424"/>
      <c r="HBD735" s="424"/>
      <c r="HBE735" s="423" t="s">
        <v>2795</v>
      </c>
      <c r="HBF735" s="424"/>
      <c r="HBG735" s="424"/>
      <c r="HBH735" s="424"/>
      <c r="HBI735" s="423" t="s">
        <v>2795</v>
      </c>
      <c r="HBJ735" s="424"/>
      <c r="HBK735" s="424"/>
      <c r="HBL735" s="424"/>
      <c r="HBM735" s="423" t="s">
        <v>2795</v>
      </c>
      <c r="HBN735" s="424"/>
      <c r="HBO735" s="424"/>
      <c r="HBP735" s="424"/>
      <c r="HBQ735" s="423" t="s">
        <v>2795</v>
      </c>
      <c r="HBR735" s="424"/>
      <c r="HBS735" s="424"/>
      <c r="HBT735" s="424"/>
      <c r="HBU735" s="423" t="s">
        <v>2795</v>
      </c>
      <c r="HBV735" s="424"/>
      <c r="HBW735" s="424"/>
      <c r="HBX735" s="424"/>
      <c r="HBY735" s="423" t="s">
        <v>2795</v>
      </c>
      <c r="HBZ735" s="424"/>
      <c r="HCA735" s="424"/>
      <c r="HCB735" s="424"/>
      <c r="HCC735" s="423" t="s">
        <v>2795</v>
      </c>
      <c r="HCD735" s="424"/>
      <c r="HCE735" s="424"/>
      <c r="HCF735" s="424"/>
      <c r="HCG735" s="423" t="s">
        <v>2795</v>
      </c>
      <c r="HCH735" s="424"/>
      <c r="HCI735" s="424"/>
      <c r="HCJ735" s="424"/>
      <c r="HCK735" s="423" t="s">
        <v>2795</v>
      </c>
      <c r="HCL735" s="424"/>
      <c r="HCM735" s="424"/>
      <c r="HCN735" s="424"/>
      <c r="HCO735" s="423" t="s">
        <v>2795</v>
      </c>
      <c r="HCP735" s="424"/>
      <c r="HCQ735" s="424"/>
      <c r="HCR735" s="424"/>
      <c r="HCS735" s="423" t="s">
        <v>2795</v>
      </c>
      <c r="HCT735" s="424"/>
      <c r="HCU735" s="424"/>
      <c r="HCV735" s="424"/>
      <c r="HCW735" s="423" t="s">
        <v>2795</v>
      </c>
      <c r="HCX735" s="424"/>
      <c r="HCY735" s="424"/>
      <c r="HCZ735" s="424"/>
      <c r="HDA735" s="423" t="s">
        <v>2795</v>
      </c>
      <c r="HDB735" s="424"/>
      <c r="HDC735" s="424"/>
      <c r="HDD735" s="424"/>
      <c r="HDE735" s="423" t="s">
        <v>2795</v>
      </c>
      <c r="HDF735" s="424"/>
      <c r="HDG735" s="424"/>
      <c r="HDH735" s="424"/>
      <c r="HDI735" s="423" t="s">
        <v>2795</v>
      </c>
      <c r="HDJ735" s="424"/>
      <c r="HDK735" s="424"/>
      <c r="HDL735" s="424"/>
      <c r="HDM735" s="423" t="s">
        <v>2795</v>
      </c>
      <c r="HDN735" s="424"/>
      <c r="HDO735" s="424"/>
      <c r="HDP735" s="424"/>
      <c r="HDQ735" s="423" t="s">
        <v>2795</v>
      </c>
      <c r="HDR735" s="424"/>
      <c r="HDS735" s="424"/>
      <c r="HDT735" s="424"/>
      <c r="HDU735" s="423" t="s">
        <v>2795</v>
      </c>
      <c r="HDV735" s="424"/>
      <c r="HDW735" s="424"/>
      <c r="HDX735" s="424"/>
      <c r="HDY735" s="423" t="s">
        <v>2795</v>
      </c>
      <c r="HDZ735" s="424"/>
      <c r="HEA735" s="424"/>
      <c r="HEB735" s="424"/>
      <c r="HEC735" s="423" t="s">
        <v>2795</v>
      </c>
      <c r="HED735" s="424"/>
      <c r="HEE735" s="424"/>
      <c r="HEF735" s="424"/>
      <c r="HEG735" s="423" t="s">
        <v>2795</v>
      </c>
      <c r="HEH735" s="424"/>
      <c r="HEI735" s="424"/>
      <c r="HEJ735" s="424"/>
      <c r="HEK735" s="423" t="s">
        <v>2795</v>
      </c>
      <c r="HEL735" s="424"/>
      <c r="HEM735" s="424"/>
      <c r="HEN735" s="424"/>
      <c r="HEO735" s="423" t="s">
        <v>2795</v>
      </c>
      <c r="HEP735" s="424"/>
      <c r="HEQ735" s="424"/>
      <c r="HER735" s="424"/>
      <c r="HES735" s="423" t="s">
        <v>2795</v>
      </c>
      <c r="HET735" s="424"/>
      <c r="HEU735" s="424"/>
      <c r="HEV735" s="424"/>
      <c r="HEW735" s="423" t="s">
        <v>2795</v>
      </c>
      <c r="HEX735" s="424"/>
      <c r="HEY735" s="424"/>
      <c r="HEZ735" s="424"/>
      <c r="HFA735" s="423" t="s">
        <v>2795</v>
      </c>
      <c r="HFB735" s="424"/>
      <c r="HFC735" s="424"/>
      <c r="HFD735" s="424"/>
      <c r="HFE735" s="423" t="s">
        <v>2795</v>
      </c>
      <c r="HFF735" s="424"/>
      <c r="HFG735" s="424"/>
      <c r="HFH735" s="424"/>
      <c r="HFI735" s="423" t="s">
        <v>2795</v>
      </c>
      <c r="HFJ735" s="424"/>
      <c r="HFK735" s="424"/>
      <c r="HFL735" s="424"/>
      <c r="HFM735" s="423" t="s">
        <v>2795</v>
      </c>
      <c r="HFN735" s="424"/>
      <c r="HFO735" s="424"/>
      <c r="HFP735" s="424"/>
      <c r="HFQ735" s="423" t="s">
        <v>2795</v>
      </c>
      <c r="HFR735" s="424"/>
      <c r="HFS735" s="424"/>
      <c r="HFT735" s="424"/>
      <c r="HFU735" s="423" t="s">
        <v>2795</v>
      </c>
      <c r="HFV735" s="424"/>
      <c r="HFW735" s="424"/>
      <c r="HFX735" s="424"/>
      <c r="HFY735" s="423" t="s">
        <v>2795</v>
      </c>
      <c r="HFZ735" s="424"/>
      <c r="HGA735" s="424"/>
      <c r="HGB735" s="424"/>
      <c r="HGC735" s="423" t="s">
        <v>2795</v>
      </c>
      <c r="HGD735" s="424"/>
      <c r="HGE735" s="424"/>
      <c r="HGF735" s="424"/>
      <c r="HGG735" s="423" t="s">
        <v>2795</v>
      </c>
      <c r="HGH735" s="424"/>
      <c r="HGI735" s="424"/>
      <c r="HGJ735" s="424"/>
      <c r="HGK735" s="423" t="s">
        <v>2795</v>
      </c>
      <c r="HGL735" s="424"/>
      <c r="HGM735" s="424"/>
      <c r="HGN735" s="424"/>
      <c r="HGO735" s="423" t="s">
        <v>2795</v>
      </c>
      <c r="HGP735" s="424"/>
      <c r="HGQ735" s="424"/>
      <c r="HGR735" s="424"/>
      <c r="HGS735" s="423" t="s">
        <v>2795</v>
      </c>
      <c r="HGT735" s="424"/>
      <c r="HGU735" s="424"/>
      <c r="HGV735" s="424"/>
      <c r="HGW735" s="423" t="s">
        <v>2795</v>
      </c>
      <c r="HGX735" s="424"/>
      <c r="HGY735" s="424"/>
      <c r="HGZ735" s="424"/>
      <c r="HHA735" s="423" t="s">
        <v>2795</v>
      </c>
      <c r="HHB735" s="424"/>
      <c r="HHC735" s="424"/>
      <c r="HHD735" s="424"/>
      <c r="HHE735" s="423" t="s">
        <v>2795</v>
      </c>
      <c r="HHF735" s="424"/>
      <c r="HHG735" s="424"/>
      <c r="HHH735" s="424"/>
      <c r="HHI735" s="423" t="s">
        <v>2795</v>
      </c>
      <c r="HHJ735" s="424"/>
      <c r="HHK735" s="424"/>
      <c r="HHL735" s="424"/>
      <c r="HHM735" s="423" t="s">
        <v>2795</v>
      </c>
      <c r="HHN735" s="424"/>
      <c r="HHO735" s="424"/>
      <c r="HHP735" s="424"/>
      <c r="HHQ735" s="423" t="s">
        <v>2795</v>
      </c>
      <c r="HHR735" s="424"/>
      <c r="HHS735" s="424"/>
      <c r="HHT735" s="424"/>
      <c r="HHU735" s="423" t="s">
        <v>2795</v>
      </c>
      <c r="HHV735" s="424"/>
      <c r="HHW735" s="424"/>
      <c r="HHX735" s="424"/>
      <c r="HHY735" s="423" t="s">
        <v>2795</v>
      </c>
      <c r="HHZ735" s="424"/>
      <c r="HIA735" s="424"/>
      <c r="HIB735" s="424"/>
      <c r="HIC735" s="423" t="s">
        <v>2795</v>
      </c>
      <c r="HID735" s="424"/>
      <c r="HIE735" s="424"/>
      <c r="HIF735" s="424"/>
      <c r="HIG735" s="423" t="s">
        <v>2795</v>
      </c>
      <c r="HIH735" s="424"/>
      <c r="HII735" s="424"/>
      <c r="HIJ735" s="424"/>
      <c r="HIK735" s="423" t="s">
        <v>2795</v>
      </c>
      <c r="HIL735" s="424"/>
      <c r="HIM735" s="424"/>
      <c r="HIN735" s="424"/>
      <c r="HIO735" s="423" t="s">
        <v>2795</v>
      </c>
      <c r="HIP735" s="424"/>
      <c r="HIQ735" s="424"/>
      <c r="HIR735" s="424"/>
      <c r="HIS735" s="423" t="s">
        <v>2795</v>
      </c>
      <c r="HIT735" s="424"/>
      <c r="HIU735" s="424"/>
      <c r="HIV735" s="424"/>
      <c r="HIW735" s="423" t="s">
        <v>2795</v>
      </c>
      <c r="HIX735" s="424"/>
      <c r="HIY735" s="424"/>
      <c r="HIZ735" s="424"/>
      <c r="HJA735" s="423" t="s">
        <v>2795</v>
      </c>
      <c r="HJB735" s="424"/>
      <c r="HJC735" s="424"/>
      <c r="HJD735" s="424"/>
      <c r="HJE735" s="423" t="s">
        <v>2795</v>
      </c>
      <c r="HJF735" s="424"/>
      <c r="HJG735" s="424"/>
      <c r="HJH735" s="424"/>
      <c r="HJI735" s="423" t="s">
        <v>2795</v>
      </c>
      <c r="HJJ735" s="424"/>
      <c r="HJK735" s="424"/>
      <c r="HJL735" s="424"/>
      <c r="HJM735" s="423" t="s">
        <v>2795</v>
      </c>
      <c r="HJN735" s="424"/>
      <c r="HJO735" s="424"/>
      <c r="HJP735" s="424"/>
      <c r="HJQ735" s="423" t="s">
        <v>2795</v>
      </c>
      <c r="HJR735" s="424"/>
      <c r="HJS735" s="424"/>
      <c r="HJT735" s="424"/>
      <c r="HJU735" s="423" t="s">
        <v>2795</v>
      </c>
      <c r="HJV735" s="424"/>
      <c r="HJW735" s="424"/>
      <c r="HJX735" s="424"/>
      <c r="HJY735" s="423" t="s">
        <v>2795</v>
      </c>
      <c r="HJZ735" s="424"/>
      <c r="HKA735" s="424"/>
      <c r="HKB735" s="424"/>
      <c r="HKC735" s="423" t="s">
        <v>2795</v>
      </c>
      <c r="HKD735" s="424"/>
      <c r="HKE735" s="424"/>
      <c r="HKF735" s="424"/>
      <c r="HKG735" s="423" t="s">
        <v>2795</v>
      </c>
      <c r="HKH735" s="424"/>
      <c r="HKI735" s="424"/>
      <c r="HKJ735" s="424"/>
      <c r="HKK735" s="423" t="s">
        <v>2795</v>
      </c>
      <c r="HKL735" s="424"/>
      <c r="HKM735" s="424"/>
      <c r="HKN735" s="424"/>
      <c r="HKO735" s="423" t="s">
        <v>2795</v>
      </c>
      <c r="HKP735" s="424"/>
      <c r="HKQ735" s="424"/>
      <c r="HKR735" s="424"/>
      <c r="HKS735" s="423" t="s">
        <v>2795</v>
      </c>
      <c r="HKT735" s="424"/>
      <c r="HKU735" s="424"/>
      <c r="HKV735" s="424"/>
      <c r="HKW735" s="423" t="s">
        <v>2795</v>
      </c>
      <c r="HKX735" s="424"/>
      <c r="HKY735" s="424"/>
      <c r="HKZ735" s="424"/>
      <c r="HLA735" s="423" t="s">
        <v>2795</v>
      </c>
      <c r="HLB735" s="424"/>
      <c r="HLC735" s="424"/>
      <c r="HLD735" s="424"/>
      <c r="HLE735" s="423" t="s">
        <v>2795</v>
      </c>
      <c r="HLF735" s="424"/>
      <c r="HLG735" s="424"/>
      <c r="HLH735" s="424"/>
      <c r="HLI735" s="423" t="s">
        <v>2795</v>
      </c>
      <c r="HLJ735" s="424"/>
      <c r="HLK735" s="424"/>
      <c r="HLL735" s="424"/>
      <c r="HLM735" s="423" t="s">
        <v>2795</v>
      </c>
      <c r="HLN735" s="424"/>
      <c r="HLO735" s="424"/>
      <c r="HLP735" s="424"/>
      <c r="HLQ735" s="423" t="s">
        <v>2795</v>
      </c>
      <c r="HLR735" s="424"/>
      <c r="HLS735" s="424"/>
      <c r="HLT735" s="424"/>
      <c r="HLU735" s="423" t="s">
        <v>2795</v>
      </c>
      <c r="HLV735" s="424"/>
      <c r="HLW735" s="424"/>
      <c r="HLX735" s="424"/>
      <c r="HLY735" s="423" t="s">
        <v>2795</v>
      </c>
      <c r="HLZ735" s="424"/>
      <c r="HMA735" s="424"/>
      <c r="HMB735" s="424"/>
      <c r="HMC735" s="423" t="s">
        <v>2795</v>
      </c>
      <c r="HMD735" s="424"/>
      <c r="HME735" s="424"/>
      <c r="HMF735" s="424"/>
      <c r="HMG735" s="423" t="s">
        <v>2795</v>
      </c>
      <c r="HMH735" s="424"/>
      <c r="HMI735" s="424"/>
      <c r="HMJ735" s="424"/>
      <c r="HMK735" s="423" t="s">
        <v>2795</v>
      </c>
      <c r="HML735" s="424"/>
      <c r="HMM735" s="424"/>
      <c r="HMN735" s="424"/>
      <c r="HMO735" s="423" t="s">
        <v>2795</v>
      </c>
      <c r="HMP735" s="424"/>
      <c r="HMQ735" s="424"/>
      <c r="HMR735" s="424"/>
      <c r="HMS735" s="423" t="s">
        <v>2795</v>
      </c>
      <c r="HMT735" s="424"/>
      <c r="HMU735" s="424"/>
      <c r="HMV735" s="424"/>
      <c r="HMW735" s="423" t="s">
        <v>2795</v>
      </c>
      <c r="HMX735" s="424"/>
      <c r="HMY735" s="424"/>
      <c r="HMZ735" s="424"/>
      <c r="HNA735" s="423" t="s">
        <v>2795</v>
      </c>
      <c r="HNB735" s="424"/>
      <c r="HNC735" s="424"/>
      <c r="HND735" s="424"/>
      <c r="HNE735" s="423" t="s">
        <v>2795</v>
      </c>
      <c r="HNF735" s="424"/>
      <c r="HNG735" s="424"/>
      <c r="HNH735" s="424"/>
      <c r="HNI735" s="423" t="s">
        <v>2795</v>
      </c>
      <c r="HNJ735" s="424"/>
      <c r="HNK735" s="424"/>
      <c r="HNL735" s="424"/>
      <c r="HNM735" s="423" t="s">
        <v>2795</v>
      </c>
      <c r="HNN735" s="424"/>
      <c r="HNO735" s="424"/>
      <c r="HNP735" s="424"/>
      <c r="HNQ735" s="423" t="s">
        <v>2795</v>
      </c>
      <c r="HNR735" s="424"/>
      <c r="HNS735" s="424"/>
      <c r="HNT735" s="424"/>
      <c r="HNU735" s="423" t="s">
        <v>2795</v>
      </c>
      <c r="HNV735" s="424"/>
      <c r="HNW735" s="424"/>
      <c r="HNX735" s="424"/>
      <c r="HNY735" s="423" t="s">
        <v>2795</v>
      </c>
      <c r="HNZ735" s="424"/>
      <c r="HOA735" s="424"/>
      <c r="HOB735" s="424"/>
      <c r="HOC735" s="423" t="s">
        <v>2795</v>
      </c>
      <c r="HOD735" s="424"/>
      <c r="HOE735" s="424"/>
      <c r="HOF735" s="424"/>
      <c r="HOG735" s="423" t="s">
        <v>2795</v>
      </c>
      <c r="HOH735" s="424"/>
      <c r="HOI735" s="424"/>
      <c r="HOJ735" s="424"/>
      <c r="HOK735" s="423" t="s">
        <v>2795</v>
      </c>
      <c r="HOL735" s="424"/>
      <c r="HOM735" s="424"/>
      <c r="HON735" s="424"/>
      <c r="HOO735" s="423" t="s">
        <v>2795</v>
      </c>
      <c r="HOP735" s="424"/>
      <c r="HOQ735" s="424"/>
      <c r="HOR735" s="424"/>
      <c r="HOS735" s="423" t="s">
        <v>2795</v>
      </c>
      <c r="HOT735" s="424"/>
      <c r="HOU735" s="424"/>
      <c r="HOV735" s="424"/>
      <c r="HOW735" s="423" t="s">
        <v>2795</v>
      </c>
      <c r="HOX735" s="424"/>
      <c r="HOY735" s="424"/>
      <c r="HOZ735" s="424"/>
      <c r="HPA735" s="423" t="s">
        <v>2795</v>
      </c>
      <c r="HPB735" s="424"/>
      <c r="HPC735" s="424"/>
      <c r="HPD735" s="424"/>
      <c r="HPE735" s="423" t="s">
        <v>2795</v>
      </c>
      <c r="HPF735" s="424"/>
      <c r="HPG735" s="424"/>
      <c r="HPH735" s="424"/>
      <c r="HPI735" s="423" t="s">
        <v>2795</v>
      </c>
      <c r="HPJ735" s="424"/>
      <c r="HPK735" s="424"/>
      <c r="HPL735" s="424"/>
      <c r="HPM735" s="423" t="s">
        <v>2795</v>
      </c>
      <c r="HPN735" s="424"/>
      <c r="HPO735" s="424"/>
      <c r="HPP735" s="424"/>
      <c r="HPQ735" s="423" t="s">
        <v>2795</v>
      </c>
      <c r="HPR735" s="424"/>
      <c r="HPS735" s="424"/>
      <c r="HPT735" s="424"/>
      <c r="HPU735" s="423" t="s">
        <v>2795</v>
      </c>
      <c r="HPV735" s="424"/>
      <c r="HPW735" s="424"/>
      <c r="HPX735" s="424"/>
      <c r="HPY735" s="423" t="s">
        <v>2795</v>
      </c>
      <c r="HPZ735" s="424"/>
      <c r="HQA735" s="424"/>
      <c r="HQB735" s="424"/>
      <c r="HQC735" s="423" t="s">
        <v>2795</v>
      </c>
      <c r="HQD735" s="424"/>
      <c r="HQE735" s="424"/>
      <c r="HQF735" s="424"/>
      <c r="HQG735" s="423" t="s">
        <v>2795</v>
      </c>
      <c r="HQH735" s="424"/>
      <c r="HQI735" s="424"/>
      <c r="HQJ735" s="424"/>
      <c r="HQK735" s="423" t="s">
        <v>2795</v>
      </c>
      <c r="HQL735" s="424"/>
      <c r="HQM735" s="424"/>
      <c r="HQN735" s="424"/>
      <c r="HQO735" s="423" t="s">
        <v>2795</v>
      </c>
      <c r="HQP735" s="424"/>
      <c r="HQQ735" s="424"/>
      <c r="HQR735" s="424"/>
      <c r="HQS735" s="423" t="s">
        <v>2795</v>
      </c>
      <c r="HQT735" s="424"/>
      <c r="HQU735" s="424"/>
      <c r="HQV735" s="424"/>
      <c r="HQW735" s="423" t="s">
        <v>2795</v>
      </c>
      <c r="HQX735" s="424"/>
      <c r="HQY735" s="424"/>
      <c r="HQZ735" s="424"/>
      <c r="HRA735" s="423" t="s">
        <v>2795</v>
      </c>
      <c r="HRB735" s="424"/>
      <c r="HRC735" s="424"/>
      <c r="HRD735" s="424"/>
      <c r="HRE735" s="423" t="s">
        <v>2795</v>
      </c>
      <c r="HRF735" s="424"/>
      <c r="HRG735" s="424"/>
      <c r="HRH735" s="424"/>
      <c r="HRI735" s="423" t="s">
        <v>2795</v>
      </c>
      <c r="HRJ735" s="424"/>
      <c r="HRK735" s="424"/>
      <c r="HRL735" s="424"/>
      <c r="HRM735" s="423" t="s">
        <v>2795</v>
      </c>
      <c r="HRN735" s="424"/>
      <c r="HRO735" s="424"/>
      <c r="HRP735" s="424"/>
      <c r="HRQ735" s="423" t="s">
        <v>2795</v>
      </c>
      <c r="HRR735" s="424"/>
      <c r="HRS735" s="424"/>
      <c r="HRT735" s="424"/>
      <c r="HRU735" s="423" t="s">
        <v>2795</v>
      </c>
      <c r="HRV735" s="424"/>
      <c r="HRW735" s="424"/>
      <c r="HRX735" s="424"/>
      <c r="HRY735" s="423" t="s">
        <v>2795</v>
      </c>
      <c r="HRZ735" s="424"/>
      <c r="HSA735" s="424"/>
      <c r="HSB735" s="424"/>
      <c r="HSC735" s="423" t="s">
        <v>2795</v>
      </c>
      <c r="HSD735" s="424"/>
      <c r="HSE735" s="424"/>
      <c r="HSF735" s="424"/>
      <c r="HSG735" s="423" t="s">
        <v>2795</v>
      </c>
      <c r="HSH735" s="424"/>
      <c r="HSI735" s="424"/>
      <c r="HSJ735" s="424"/>
      <c r="HSK735" s="423" t="s">
        <v>2795</v>
      </c>
      <c r="HSL735" s="424"/>
      <c r="HSM735" s="424"/>
      <c r="HSN735" s="424"/>
      <c r="HSO735" s="423" t="s">
        <v>2795</v>
      </c>
      <c r="HSP735" s="424"/>
      <c r="HSQ735" s="424"/>
      <c r="HSR735" s="424"/>
      <c r="HSS735" s="423" t="s">
        <v>2795</v>
      </c>
      <c r="HST735" s="424"/>
      <c r="HSU735" s="424"/>
      <c r="HSV735" s="424"/>
      <c r="HSW735" s="423" t="s">
        <v>2795</v>
      </c>
      <c r="HSX735" s="424"/>
      <c r="HSY735" s="424"/>
      <c r="HSZ735" s="424"/>
      <c r="HTA735" s="423" t="s">
        <v>2795</v>
      </c>
      <c r="HTB735" s="424"/>
      <c r="HTC735" s="424"/>
      <c r="HTD735" s="424"/>
      <c r="HTE735" s="423" t="s">
        <v>2795</v>
      </c>
      <c r="HTF735" s="424"/>
      <c r="HTG735" s="424"/>
      <c r="HTH735" s="424"/>
      <c r="HTI735" s="423" t="s">
        <v>2795</v>
      </c>
      <c r="HTJ735" s="424"/>
      <c r="HTK735" s="424"/>
      <c r="HTL735" s="424"/>
      <c r="HTM735" s="423" t="s">
        <v>2795</v>
      </c>
      <c r="HTN735" s="424"/>
      <c r="HTO735" s="424"/>
      <c r="HTP735" s="424"/>
      <c r="HTQ735" s="423" t="s">
        <v>2795</v>
      </c>
      <c r="HTR735" s="424"/>
      <c r="HTS735" s="424"/>
      <c r="HTT735" s="424"/>
      <c r="HTU735" s="423" t="s">
        <v>2795</v>
      </c>
      <c r="HTV735" s="424"/>
      <c r="HTW735" s="424"/>
      <c r="HTX735" s="424"/>
      <c r="HTY735" s="423" t="s">
        <v>2795</v>
      </c>
      <c r="HTZ735" s="424"/>
      <c r="HUA735" s="424"/>
      <c r="HUB735" s="424"/>
      <c r="HUC735" s="423" t="s">
        <v>2795</v>
      </c>
      <c r="HUD735" s="424"/>
      <c r="HUE735" s="424"/>
      <c r="HUF735" s="424"/>
      <c r="HUG735" s="423" t="s">
        <v>2795</v>
      </c>
      <c r="HUH735" s="424"/>
      <c r="HUI735" s="424"/>
      <c r="HUJ735" s="424"/>
      <c r="HUK735" s="423" t="s">
        <v>2795</v>
      </c>
      <c r="HUL735" s="424"/>
      <c r="HUM735" s="424"/>
      <c r="HUN735" s="424"/>
      <c r="HUO735" s="423" t="s">
        <v>2795</v>
      </c>
      <c r="HUP735" s="424"/>
      <c r="HUQ735" s="424"/>
      <c r="HUR735" s="424"/>
      <c r="HUS735" s="423" t="s">
        <v>2795</v>
      </c>
      <c r="HUT735" s="424"/>
      <c r="HUU735" s="424"/>
      <c r="HUV735" s="424"/>
      <c r="HUW735" s="423" t="s">
        <v>2795</v>
      </c>
      <c r="HUX735" s="424"/>
      <c r="HUY735" s="424"/>
      <c r="HUZ735" s="424"/>
      <c r="HVA735" s="423" t="s">
        <v>2795</v>
      </c>
      <c r="HVB735" s="424"/>
      <c r="HVC735" s="424"/>
      <c r="HVD735" s="424"/>
      <c r="HVE735" s="423" t="s">
        <v>2795</v>
      </c>
      <c r="HVF735" s="424"/>
      <c r="HVG735" s="424"/>
      <c r="HVH735" s="424"/>
      <c r="HVI735" s="423" t="s">
        <v>2795</v>
      </c>
      <c r="HVJ735" s="424"/>
      <c r="HVK735" s="424"/>
      <c r="HVL735" s="424"/>
      <c r="HVM735" s="423" t="s">
        <v>2795</v>
      </c>
      <c r="HVN735" s="424"/>
      <c r="HVO735" s="424"/>
      <c r="HVP735" s="424"/>
      <c r="HVQ735" s="423" t="s">
        <v>2795</v>
      </c>
      <c r="HVR735" s="424"/>
      <c r="HVS735" s="424"/>
      <c r="HVT735" s="424"/>
      <c r="HVU735" s="423" t="s">
        <v>2795</v>
      </c>
      <c r="HVV735" s="424"/>
      <c r="HVW735" s="424"/>
      <c r="HVX735" s="424"/>
      <c r="HVY735" s="423" t="s">
        <v>2795</v>
      </c>
      <c r="HVZ735" s="424"/>
      <c r="HWA735" s="424"/>
      <c r="HWB735" s="424"/>
      <c r="HWC735" s="423" t="s">
        <v>2795</v>
      </c>
      <c r="HWD735" s="424"/>
      <c r="HWE735" s="424"/>
      <c r="HWF735" s="424"/>
      <c r="HWG735" s="423" t="s">
        <v>2795</v>
      </c>
      <c r="HWH735" s="424"/>
      <c r="HWI735" s="424"/>
      <c r="HWJ735" s="424"/>
      <c r="HWK735" s="423" t="s">
        <v>2795</v>
      </c>
      <c r="HWL735" s="424"/>
      <c r="HWM735" s="424"/>
      <c r="HWN735" s="424"/>
      <c r="HWO735" s="423" t="s">
        <v>2795</v>
      </c>
      <c r="HWP735" s="424"/>
      <c r="HWQ735" s="424"/>
      <c r="HWR735" s="424"/>
      <c r="HWS735" s="423" t="s">
        <v>2795</v>
      </c>
      <c r="HWT735" s="424"/>
      <c r="HWU735" s="424"/>
      <c r="HWV735" s="424"/>
      <c r="HWW735" s="423" t="s">
        <v>2795</v>
      </c>
      <c r="HWX735" s="424"/>
      <c r="HWY735" s="424"/>
      <c r="HWZ735" s="424"/>
      <c r="HXA735" s="423" t="s">
        <v>2795</v>
      </c>
      <c r="HXB735" s="424"/>
      <c r="HXC735" s="424"/>
      <c r="HXD735" s="424"/>
      <c r="HXE735" s="423" t="s">
        <v>2795</v>
      </c>
      <c r="HXF735" s="424"/>
      <c r="HXG735" s="424"/>
      <c r="HXH735" s="424"/>
      <c r="HXI735" s="423" t="s">
        <v>2795</v>
      </c>
      <c r="HXJ735" s="424"/>
      <c r="HXK735" s="424"/>
      <c r="HXL735" s="424"/>
      <c r="HXM735" s="423" t="s">
        <v>2795</v>
      </c>
      <c r="HXN735" s="424"/>
      <c r="HXO735" s="424"/>
      <c r="HXP735" s="424"/>
      <c r="HXQ735" s="423" t="s">
        <v>2795</v>
      </c>
      <c r="HXR735" s="424"/>
      <c r="HXS735" s="424"/>
      <c r="HXT735" s="424"/>
      <c r="HXU735" s="423" t="s">
        <v>2795</v>
      </c>
      <c r="HXV735" s="424"/>
      <c r="HXW735" s="424"/>
      <c r="HXX735" s="424"/>
      <c r="HXY735" s="423" t="s">
        <v>2795</v>
      </c>
      <c r="HXZ735" s="424"/>
      <c r="HYA735" s="424"/>
      <c r="HYB735" s="424"/>
      <c r="HYC735" s="423" t="s">
        <v>2795</v>
      </c>
      <c r="HYD735" s="424"/>
      <c r="HYE735" s="424"/>
      <c r="HYF735" s="424"/>
      <c r="HYG735" s="423" t="s">
        <v>2795</v>
      </c>
      <c r="HYH735" s="424"/>
      <c r="HYI735" s="424"/>
      <c r="HYJ735" s="424"/>
      <c r="HYK735" s="423" t="s">
        <v>2795</v>
      </c>
      <c r="HYL735" s="424"/>
      <c r="HYM735" s="424"/>
      <c r="HYN735" s="424"/>
      <c r="HYO735" s="423" t="s">
        <v>2795</v>
      </c>
      <c r="HYP735" s="424"/>
      <c r="HYQ735" s="424"/>
      <c r="HYR735" s="424"/>
      <c r="HYS735" s="423" t="s">
        <v>2795</v>
      </c>
      <c r="HYT735" s="424"/>
      <c r="HYU735" s="424"/>
      <c r="HYV735" s="424"/>
      <c r="HYW735" s="423" t="s">
        <v>2795</v>
      </c>
      <c r="HYX735" s="424"/>
      <c r="HYY735" s="424"/>
      <c r="HYZ735" s="424"/>
      <c r="HZA735" s="423" t="s">
        <v>2795</v>
      </c>
      <c r="HZB735" s="424"/>
      <c r="HZC735" s="424"/>
      <c r="HZD735" s="424"/>
      <c r="HZE735" s="423" t="s">
        <v>2795</v>
      </c>
      <c r="HZF735" s="424"/>
      <c r="HZG735" s="424"/>
      <c r="HZH735" s="424"/>
      <c r="HZI735" s="423" t="s">
        <v>2795</v>
      </c>
      <c r="HZJ735" s="424"/>
      <c r="HZK735" s="424"/>
      <c r="HZL735" s="424"/>
      <c r="HZM735" s="423" t="s">
        <v>2795</v>
      </c>
      <c r="HZN735" s="424"/>
      <c r="HZO735" s="424"/>
      <c r="HZP735" s="424"/>
      <c r="HZQ735" s="423" t="s">
        <v>2795</v>
      </c>
      <c r="HZR735" s="424"/>
      <c r="HZS735" s="424"/>
      <c r="HZT735" s="424"/>
      <c r="HZU735" s="423" t="s">
        <v>2795</v>
      </c>
      <c r="HZV735" s="424"/>
      <c r="HZW735" s="424"/>
      <c r="HZX735" s="424"/>
      <c r="HZY735" s="423" t="s">
        <v>2795</v>
      </c>
      <c r="HZZ735" s="424"/>
      <c r="IAA735" s="424"/>
      <c r="IAB735" s="424"/>
      <c r="IAC735" s="423" t="s">
        <v>2795</v>
      </c>
      <c r="IAD735" s="424"/>
      <c r="IAE735" s="424"/>
      <c r="IAF735" s="424"/>
      <c r="IAG735" s="423" t="s">
        <v>2795</v>
      </c>
      <c r="IAH735" s="424"/>
      <c r="IAI735" s="424"/>
      <c r="IAJ735" s="424"/>
      <c r="IAK735" s="423" t="s">
        <v>2795</v>
      </c>
      <c r="IAL735" s="424"/>
      <c r="IAM735" s="424"/>
      <c r="IAN735" s="424"/>
      <c r="IAO735" s="423" t="s">
        <v>2795</v>
      </c>
      <c r="IAP735" s="424"/>
      <c r="IAQ735" s="424"/>
      <c r="IAR735" s="424"/>
      <c r="IAS735" s="423" t="s">
        <v>2795</v>
      </c>
      <c r="IAT735" s="424"/>
      <c r="IAU735" s="424"/>
      <c r="IAV735" s="424"/>
      <c r="IAW735" s="423" t="s">
        <v>2795</v>
      </c>
      <c r="IAX735" s="424"/>
      <c r="IAY735" s="424"/>
      <c r="IAZ735" s="424"/>
      <c r="IBA735" s="423" t="s">
        <v>2795</v>
      </c>
      <c r="IBB735" s="424"/>
      <c r="IBC735" s="424"/>
      <c r="IBD735" s="424"/>
      <c r="IBE735" s="423" t="s">
        <v>2795</v>
      </c>
      <c r="IBF735" s="424"/>
      <c r="IBG735" s="424"/>
      <c r="IBH735" s="424"/>
      <c r="IBI735" s="423" t="s">
        <v>2795</v>
      </c>
      <c r="IBJ735" s="424"/>
      <c r="IBK735" s="424"/>
      <c r="IBL735" s="424"/>
      <c r="IBM735" s="423" t="s">
        <v>2795</v>
      </c>
      <c r="IBN735" s="424"/>
      <c r="IBO735" s="424"/>
      <c r="IBP735" s="424"/>
      <c r="IBQ735" s="423" t="s">
        <v>2795</v>
      </c>
      <c r="IBR735" s="424"/>
      <c r="IBS735" s="424"/>
      <c r="IBT735" s="424"/>
      <c r="IBU735" s="423" t="s">
        <v>2795</v>
      </c>
      <c r="IBV735" s="424"/>
      <c r="IBW735" s="424"/>
      <c r="IBX735" s="424"/>
      <c r="IBY735" s="423" t="s">
        <v>2795</v>
      </c>
      <c r="IBZ735" s="424"/>
      <c r="ICA735" s="424"/>
      <c r="ICB735" s="424"/>
      <c r="ICC735" s="423" t="s">
        <v>2795</v>
      </c>
      <c r="ICD735" s="424"/>
      <c r="ICE735" s="424"/>
      <c r="ICF735" s="424"/>
      <c r="ICG735" s="423" t="s">
        <v>2795</v>
      </c>
      <c r="ICH735" s="424"/>
      <c r="ICI735" s="424"/>
      <c r="ICJ735" s="424"/>
      <c r="ICK735" s="423" t="s">
        <v>2795</v>
      </c>
      <c r="ICL735" s="424"/>
      <c r="ICM735" s="424"/>
      <c r="ICN735" s="424"/>
      <c r="ICO735" s="423" t="s">
        <v>2795</v>
      </c>
      <c r="ICP735" s="424"/>
      <c r="ICQ735" s="424"/>
      <c r="ICR735" s="424"/>
      <c r="ICS735" s="423" t="s">
        <v>2795</v>
      </c>
      <c r="ICT735" s="424"/>
      <c r="ICU735" s="424"/>
      <c r="ICV735" s="424"/>
      <c r="ICW735" s="423" t="s">
        <v>2795</v>
      </c>
      <c r="ICX735" s="424"/>
      <c r="ICY735" s="424"/>
      <c r="ICZ735" s="424"/>
      <c r="IDA735" s="423" t="s">
        <v>2795</v>
      </c>
      <c r="IDB735" s="424"/>
      <c r="IDC735" s="424"/>
      <c r="IDD735" s="424"/>
      <c r="IDE735" s="423" t="s">
        <v>2795</v>
      </c>
      <c r="IDF735" s="424"/>
      <c r="IDG735" s="424"/>
      <c r="IDH735" s="424"/>
      <c r="IDI735" s="423" t="s">
        <v>2795</v>
      </c>
      <c r="IDJ735" s="424"/>
      <c r="IDK735" s="424"/>
      <c r="IDL735" s="424"/>
      <c r="IDM735" s="423" t="s">
        <v>2795</v>
      </c>
      <c r="IDN735" s="424"/>
      <c r="IDO735" s="424"/>
      <c r="IDP735" s="424"/>
      <c r="IDQ735" s="423" t="s">
        <v>2795</v>
      </c>
      <c r="IDR735" s="424"/>
      <c r="IDS735" s="424"/>
      <c r="IDT735" s="424"/>
      <c r="IDU735" s="423" t="s">
        <v>2795</v>
      </c>
      <c r="IDV735" s="424"/>
      <c r="IDW735" s="424"/>
      <c r="IDX735" s="424"/>
      <c r="IDY735" s="423" t="s">
        <v>2795</v>
      </c>
      <c r="IDZ735" s="424"/>
      <c r="IEA735" s="424"/>
      <c r="IEB735" s="424"/>
      <c r="IEC735" s="423" t="s">
        <v>2795</v>
      </c>
      <c r="IED735" s="424"/>
      <c r="IEE735" s="424"/>
      <c r="IEF735" s="424"/>
      <c r="IEG735" s="423" t="s">
        <v>2795</v>
      </c>
      <c r="IEH735" s="424"/>
      <c r="IEI735" s="424"/>
      <c r="IEJ735" s="424"/>
      <c r="IEK735" s="423" t="s">
        <v>2795</v>
      </c>
      <c r="IEL735" s="424"/>
      <c r="IEM735" s="424"/>
      <c r="IEN735" s="424"/>
      <c r="IEO735" s="423" t="s">
        <v>2795</v>
      </c>
      <c r="IEP735" s="424"/>
      <c r="IEQ735" s="424"/>
      <c r="IER735" s="424"/>
      <c r="IES735" s="423" t="s">
        <v>2795</v>
      </c>
      <c r="IET735" s="424"/>
      <c r="IEU735" s="424"/>
      <c r="IEV735" s="424"/>
      <c r="IEW735" s="423" t="s">
        <v>2795</v>
      </c>
      <c r="IEX735" s="424"/>
      <c r="IEY735" s="424"/>
      <c r="IEZ735" s="424"/>
      <c r="IFA735" s="423" t="s">
        <v>2795</v>
      </c>
      <c r="IFB735" s="424"/>
      <c r="IFC735" s="424"/>
      <c r="IFD735" s="424"/>
      <c r="IFE735" s="423" t="s">
        <v>2795</v>
      </c>
      <c r="IFF735" s="424"/>
      <c r="IFG735" s="424"/>
      <c r="IFH735" s="424"/>
      <c r="IFI735" s="423" t="s">
        <v>2795</v>
      </c>
      <c r="IFJ735" s="424"/>
      <c r="IFK735" s="424"/>
      <c r="IFL735" s="424"/>
      <c r="IFM735" s="423" t="s">
        <v>2795</v>
      </c>
      <c r="IFN735" s="424"/>
      <c r="IFO735" s="424"/>
      <c r="IFP735" s="424"/>
      <c r="IFQ735" s="423" t="s">
        <v>2795</v>
      </c>
      <c r="IFR735" s="424"/>
      <c r="IFS735" s="424"/>
      <c r="IFT735" s="424"/>
      <c r="IFU735" s="423" t="s">
        <v>2795</v>
      </c>
      <c r="IFV735" s="424"/>
      <c r="IFW735" s="424"/>
      <c r="IFX735" s="424"/>
      <c r="IFY735" s="423" t="s">
        <v>2795</v>
      </c>
      <c r="IFZ735" s="424"/>
      <c r="IGA735" s="424"/>
      <c r="IGB735" s="424"/>
      <c r="IGC735" s="423" t="s">
        <v>2795</v>
      </c>
      <c r="IGD735" s="424"/>
      <c r="IGE735" s="424"/>
      <c r="IGF735" s="424"/>
      <c r="IGG735" s="423" t="s">
        <v>2795</v>
      </c>
      <c r="IGH735" s="424"/>
      <c r="IGI735" s="424"/>
      <c r="IGJ735" s="424"/>
      <c r="IGK735" s="423" t="s">
        <v>2795</v>
      </c>
      <c r="IGL735" s="424"/>
      <c r="IGM735" s="424"/>
      <c r="IGN735" s="424"/>
      <c r="IGO735" s="423" t="s">
        <v>2795</v>
      </c>
      <c r="IGP735" s="424"/>
      <c r="IGQ735" s="424"/>
      <c r="IGR735" s="424"/>
      <c r="IGS735" s="423" t="s">
        <v>2795</v>
      </c>
      <c r="IGT735" s="424"/>
      <c r="IGU735" s="424"/>
      <c r="IGV735" s="424"/>
      <c r="IGW735" s="423" t="s">
        <v>2795</v>
      </c>
      <c r="IGX735" s="424"/>
      <c r="IGY735" s="424"/>
      <c r="IGZ735" s="424"/>
      <c r="IHA735" s="423" t="s">
        <v>2795</v>
      </c>
      <c r="IHB735" s="424"/>
      <c r="IHC735" s="424"/>
      <c r="IHD735" s="424"/>
      <c r="IHE735" s="423" t="s">
        <v>2795</v>
      </c>
      <c r="IHF735" s="424"/>
      <c r="IHG735" s="424"/>
      <c r="IHH735" s="424"/>
      <c r="IHI735" s="423" t="s">
        <v>2795</v>
      </c>
      <c r="IHJ735" s="424"/>
      <c r="IHK735" s="424"/>
      <c r="IHL735" s="424"/>
      <c r="IHM735" s="423" t="s">
        <v>2795</v>
      </c>
      <c r="IHN735" s="424"/>
      <c r="IHO735" s="424"/>
      <c r="IHP735" s="424"/>
      <c r="IHQ735" s="423" t="s">
        <v>2795</v>
      </c>
      <c r="IHR735" s="424"/>
      <c r="IHS735" s="424"/>
      <c r="IHT735" s="424"/>
      <c r="IHU735" s="423" t="s">
        <v>2795</v>
      </c>
      <c r="IHV735" s="424"/>
      <c r="IHW735" s="424"/>
      <c r="IHX735" s="424"/>
      <c r="IHY735" s="423" t="s">
        <v>2795</v>
      </c>
      <c r="IHZ735" s="424"/>
      <c r="IIA735" s="424"/>
      <c r="IIB735" s="424"/>
      <c r="IIC735" s="423" t="s">
        <v>2795</v>
      </c>
      <c r="IID735" s="424"/>
      <c r="IIE735" s="424"/>
      <c r="IIF735" s="424"/>
      <c r="IIG735" s="423" t="s">
        <v>2795</v>
      </c>
      <c r="IIH735" s="424"/>
      <c r="III735" s="424"/>
      <c r="IIJ735" s="424"/>
      <c r="IIK735" s="423" t="s">
        <v>2795</v>
      </c>
      <c r="IIL735" s="424"/>
      <c r="IIM735" s="424"/>
      <c r="IIN735" s="424"/>
      <c r="IIO735" s="423" t="s">
        <v>2795</v>
      </c>
      <c r="IIP735" s="424"/>
      <c r="IIQ735" s="424"/>
      <c r="IIR735" s="424"/>
      <c r="IIS735" s="423" t="s">
        <v>2795</v>
      </c>
      <c r="IIT735" s="424"/>
      <c r="IIU735" s="424"/>
      <c r="IIV735" s="424"/>
      <c r="IIW735" s="423" t="s">
        <v>2795</v>
      </c>
      <c r="IIX735" s="424"/>
      <c r="IIY735" s="424"/>
      <c r="IIZ735" s="424"/>
      <c r="IJA735" s="423" t="s">
        <v>2795</v>
      </c>
      <c r="IJB735" s="424"/>
      <c r="IJC735" s="424"/>
      <c r="IJD735" s="424"/>
      <c r="IJE735" s="423" t="s">
        <v>2795</v>
      </c>
      <c r="IJF735" s="424"/>
      <c r="IJG735" s="424"/>
      <c r="IJH735" s="424"/>
      <c r="IJI735" s="423" t="s">
        <v>2795</v>
      </c>
      <c r="IJJ735" s="424"/>
      <c r="IJK735" s="424"/>
      <c r="IJL735" s="424"/>
      <c r="IJM735" s="423" t="s">
        <v>2795</v>
      </c>
      <c r="IJN735" s="424"/>
      <c r="IJO735" s="424"/>
      <c r="IJP735" s="424"/>
      <c r="IJQ735" s="423" t="s">
        <v>2795</v>
      </c>
      <c r="IJR735" s="424"/>
      <c r="IJS735" s="424"/>
      <c r="IJT735" s="424"/>
      <c r="IJU735" s="423" t="s">
        <v>2795</v>
      </c>
      <c r="IJV735" s="424"/>
      <c r="IJW735" s="424"/>
      <c r="IJX735" s="424"/>
      <c r="IJY735" s="423" t="s">
        <v>2795</v>
      </c>
      <c r="IJZ735" s="424"/>
      <c r="IKA735" s="424"/>
      <c r="IKB735" s="424"/>
      <c r="IKC735" s="423" t="s">
        <v>2795</v>
      </c>
      <c r="IKD735" s="424"/>
      <c r="IKE735" s="424"/>
      <c r="IKF735" s="424"/>
      <c r="IKG735" s="423" t="s">
        <v>2795</v>
      </c>
      <c r="IKH735" s="424"/>
      <c r="IKI735" s="424"/>
      <c r="IKJ735" s="424"/>
      <c r="IKK735" s="423" t="s">
        <v>2795</v>
      </c>
      <c r="IKL735" s="424"/>
      <c r="IKM735" s="424"/>
      <c r="IKN735" s="424"/>
      <c r="IKO735" s="423" t="s">
        <v>2795</v>
      </c>
      <c r="IKP735" s="424"/>
      <c r="IKQ735" s="424"/>
      <c r="IKR735" s="424"/>
      <c r="IKS735" s="423" t="s">
        <v>2795</v>
      </c>
      <c r="IKT735" s="424"/>
      <c r="IKU735" s="424"/>
      <c r="IKV735" s="424"/>
      <c r="IKW735" s="423" t="s">
        <v>2795</v>
      </c>
      <c r="IKX735" s="424"/>
      <c r="IKY735" s="424"/>
      <c r="IKZ735" s="424"/>
      <c r="ILA735" s="423" t="s">
        <v>2795</v>
      </c>
      <c r="ILB735" s="424"/>
      <c r="ILC735" s="424"/>
      <c r="ILD735" s="424"/>
      <c r="ILE735" s="423" t="s">
        <v>2795</v>
      </c>
      <c r="ILF735" s="424"/>
      <c r="ILG735" s="424"/>
      <c r="ILH735" s="424"/>
      <c r="ILI735" s="423" t="s">
        <v>2795</v>
      </c>
      <c r="ILJ735" s="424"/>
      <c r="ILK735" s="424"/>
      <c r="ILL735" s="424"/>
      <c r="ILM735" s="423" t="s">
        <v>2795</v>
      </c>
      <c r="ILN735" s="424"/>
      <c r="ILO735" s="424"/>
      <c r="ILP735" s="424"/>
      <c r="ILQ735" s="423" t="s">
        <v>2795</v>
      </c>
      <c r="ILR735" s="424"/>
      <c r="ILS735" s="424"/>
      <c r="ILT735" s="424"/>
      <c r="ILU735" s="423" t="s">
        <v>2795</v>
      </c>
      <c r="ILV735" s="424"/>
      <c r="ILW735" s="424"/>
      <c r="ILX735" s="424"/>
      <c r="ILY735" s="423" t="s">
        <v>2795</v>
      </c>
      <c r="ILZ735" s="424"/>
      <c r="IMA735" s="424"/>
      <c r="IMB735" s="424"/>
      <c r="IMC735" s="423" t="s">
        <v>2795</v>
      </c>
      <c r="IMD735" s="424"/>
      <c r="IME735" s="424"/>
      <c r="IMF735" s="424"/>
      <c r="IMG735" s="423" t="s">
        <v>2795</v>
      </c>
      <c r="IMH735" s="424"/>
      <c r="IMI735" s="424"/>
      <c r="IMJ735" s="424"/>
      <c r="IMK735" s="423" t="s">
        <v>2795</v>
      </c>
      <c r="IML735" s="424"/>
      <c r="IMM735" s="424"/>
      <c r="IMN735" s="424"/>
      <c r="IMO735" s="423" t="s">
        <v>2795</v>
      </c>
      <c r="IMP735" s="424"/>
      <c r="IMQ735" s="424"/>
      <c r="IMR735" s="424"/>
      <c r="IMS735" s="423" t="s">
        <v>2795</v>
      </c>
      <c r="IMT735" s="424"/>
      <c r="IMU735" s="424"/>
      <c r="IMV735" s="424"/>
      <c r="IMW735" s="423" t="s">
        <v>2795</v>
      </c>
      <c r="IMX735" s="424"/>
      <c r="IMY735" s="424"/>
      <c r="IMZ735" s="424"/>
      <c r="INA735" s="423" t="s">
        <v>2795</v>
      </c>
      <c r="INB735" s="424"/>
      <c r="INC735" s="424"/>
      <c r="IND735" s="424"/>
      <c r="INE735" s="423" t="s">
        <v>2795</v>
      </c>
      <c r="INF735" s="424"/>
      <c r="ING735" s="424"/>
      <c r="INH735" s="424"/>
      <c r="INI735" s="423" t="s">
        <v>2795</v>
      </c>
      <c r="INJ735" s="424"/>
      <c r="INK735" s="424"/>
      <c r="INL735" s="424"/>
      <c r="INM735" s="423" t="s">
        <v>2795</v>
      </c>
      <c r="INN735" s="424"/>
      <c r="INO735" s="424"/>
      <c r="INP735" s="424"/>
      <c r="INQ735" s="423" t="s">
        <v>2795</v>
      </c>
      <c r="INR735" s="424"/>
      <c r="INS735" s="424"/>
      <c r="INT735" s="424"/>
      <c r="INU735" s="423" t="s">
        <v>2795</v>
      </c>
      <c r="INV735" s="424"/>
      <c r="INW735" s="424"/>
      <c r="INX735" s="424"/>
      <c r="INY735" s="423" t="s">
        <v>2795</v>
      </c>
      <c r="INZ735" s="424"/>
      <c r="IOA735" s="424"/>
      <c r="IOB735" s="424"/>
      <c r="IOC735" s="423" t="s">
        <v>2795</v>
      </c>
      <c r="IOD735" s="424"/>
      <c r="IOE735" s="424"/>
      <c r="IOF735" s="424"/>
      <c r="IOG735" s="423" t="s">
        <v>2795</v>
      </c>
      <c r="IOH735" s="424"/>
      <c r="IOI735" s="424"/>
      <c r="IOJ735" s="424"/>
      <c r="IOK735" s="423" t="s">
        <v>2795</v>
      </c>
      <c r="IOL735" s="424"/>
      <c r="IOM735" s="424"/>
      <c r="ION735" s="424"/>
      <c r="IOO735" s="423" t="s">
        <v>2795</v>
      </c>
      <c r="IOP735" s="424"/>
      <c r="IOQ735" s="424"/>
      <c r="IOR735" s="424"/>
      <c r="IOS735" s="423" t="s">
        <v>2795</v>
      </c>
      <c r="IOT735" s="424"/>
      <c r="IOU735" s="424"/>
      <c r="IOV735" s="424"/>
      <c r="IOW735" s="423" t="s">
        <v>2795</v>
      </c>
      <c r="IOX735" s="424"/>
      <c r="IOY735" s="424"/>
      <c r="IOZ735" s="424"/>
      <c r="IPA735" s="423" t="s">
        <v>2795</v>
      </c>
      <c r="IPB735" s="424"/>
      <c r="IPC735" s="424"/>
      <c r="IPD735" s="424"/>
      <c r="IPE735" s="423" t="s">
        <v>2795</v>
      </c>
      <c r="IPF735" s="424"/>
      <c r="IPG735" s="424"/>
      <c r="IPH735" s="424"/>
      <c r="IPI735" s="423" t="s">
        <v>2795</v>
      </c>
      <c r="IPJ735" s="424"/>
      <c r="IPK735" s="424"/>
      <c r="IPL735" s="424"/>
      <c r="IPM735" s="423" t="s">
        <v>2795</v>
      </c>
      <c r="IPN735" s="424"/>
      <c r="IPO735" s="424"/>
      <c r="IPP735" s="424"/>
      <c r="IPQ735" s="423" t="s">
        <v>2795</v>
      </c>
      <c r="IPR735" s="424"/>
      <c r="IPS735" s="424"/>
      <c r="IPT735" s="424"/>
      <c r="IPU735" s="423" t="s">
        <v>2795</v>
      </c>
      <c r="IPV735" s="424"/>
      <c r="IPW735" s="424"/>
      <c r="IPX735" s="424"/>
      <c r="IPY735" s="423" t="s">
        <v>2795</v>
      </c>
      <c r="IPZ735" s="424"/>
      <c r="IQA735" s="424"/>
      <c r="IQB735" s="424"/>
      <c r="IQC735" s="423" t="s">
        <v>2795</v>
      </c>
      <c r="IQD735" s="424"/>
      <c r="IQE735" s="424"/>
      <c r="IQF735" s="424"/>
      <c r="IQG735" s="423" t="s">
        <v>2795</v>
      </c>
      <c r="IQH735" s="424"/>
      <c r="IQI735" s="424"/>
      <c r="IQJ735" s="424"/>
      <c r="IQK735" s="423" t="s">
        <v>2795</v>
      </c>
      <c r="IQL735" s="424"/>
      <c r="IQM735" s="424"/>
      <c r="IQN735" s="424"/>
      <c r="IQO735" s="423" t="s">
        <v>2795</v>
      </c>
      <c r="IQP735" s="424"/>
      <c r="IQQ735" s="424"/>
      <c r="IQR735" s="424"/>
      <c r="IQS735" s="423" t="s">
        <v>2795</v>
      </c>
      <c r="IQT735" s="424"/>
      <c r="IQU735" s="424"/>
      <c r="IQV735" s="424"/>
      <c r="IQW735" s="423" t="s">
        <v>2795</v>
      </c>
      <c r="IQX735" s="424"/>
      <c r="IQY735" s="424"/>
      <c r="IQZ735" s="424"/>
      <c r="IRA735" s="423" t="s">
        <v>2795</v>
      </c>
      <c r="IRB735" s="424"/>
      <c r="IRC735" s="424"/>
      <c r="IRD735" s="424"/>
      <c r="IRE735" s="423" t="s">
        <v>2795</v>
      </c>
      <c r="IRF735" s="424"/>
      <c r="IRG735" s="424"/>
      <c r="IRH735" s="424"/>
      <c r="IRI735" s="423" t="s">
        <v>2795</v>
      </c>
      <c r="IRJ735" s="424"/>
      <c r="IRK735" s="424"/>
      <c r="IRL735" s="424"/>
      <c r="IRM735" s="423" t="s">
        <v>2795</v>
      </c>
      <c r="IRN735" s="424"/>
      <c r="IRO735" s="424"/>
      <c r="IRP735" s="424"/>
      <c r="IRQ735" s="423" t="s">
        <v>2795</v>
      </c>
      <c r="IRR735" s="424"/>
      <c r="IRS735" s="424"/>
      <c r="IRT735" s="424"/>
      <c r="IRU735" s="423" t="s">
        <v>2795</v>
      </c>
      <c r="IRV735" s="424"/>
      <c r="IRW735" s="424"/>
      <c r="IRX735" s="424"/>
      <c r="IRY735" s="423" t="s">
        <v>2795</v>
      </c>
      <c r="IRZ735" s="424"/>
      <c r="ISA735" s="424"/>
      <c r="ISB735" s="424"/>
      <c r="ISC735" s="423" t="s">
        <v>2795</v>
      </c>
      <c r="ISD735" s="424"/>
      <c r="ISE735" s="424"/>
      <c r="ISF735" s="424"/>
      <c r="ISG735" s="423" t="s">
        <v>2795</v>
      </c>
      <c r="ISH735" s="424"/>
      <c r="ISI735" s="424"/>
      <c r="ISJ735" s="424"/>
      <c r="ISK735" s="423" t="s">
        <v>2795</v>
      </c>
      <c r="ISL735" s="424"/>
      <c r="ISM735" s="424"/>
      <c r="ISN735" s="424"/>
      <c r="ISO735" s="423" t="s">
        <v>2795</v>
      </c>
      <c r="ISP735" s="424"/>
      <c r="ISQ735" s="424"/>
      <c r="ISR735" s="424"/>
      <c r="ISS735" s="423" t="s">
        <v>2795</v>
      </c>
      <c r="IST735" s="424"/>
      <c r="ISU735" s="424"/>
      <c r="ISV735" s="424"/>
      <c r="ISW735" s="423" t="s">
        <v>2795</v>
      </c>
      <c r="ISX735" s="424"/>
      <c r="ISY735" s="424"/>
      <c r="ISZ735" s="424"/>
      <c r="ITA735" s="423" t="s">
        <v>2795</v>
      </c>
      <c r="ITB735" s="424"/>
      <c r="ITC735" s="424"/>
      <c r="ITD735" s="424"/>
      <c r="ITE735" s="423" t="s">
        <v>2795</v>
      </c>
      <c r="ITF735" s="424"/>
      <c r="ITG735" s="424"/>
      <c r="ITH735" s="424"/>
      <c r="ITI735" s="423" t="s">
        <v>2795</v>
      </c>
      <c r="ITJ735" s="424"/>
      <c r="ITK735" s="424"/>
      <c r="ITL735" s="424"/>
      <c r="ITM735" s="423" t="s">
        <v>2795</v>
      </c>
      <c r="ITN735" s="424"/>
      <c r="ITO735" s="424"/>
      <c r="ITP735" s="424"/>
      <c r="ITQ735" s="423" t="s">
        <v>2795</v>
      </c>
      <c r="ITR735" s="424"/>
      <c r="ITS735" s="424"/>
      <c r="ITT735" s="424"/>
      <c r="ITU735" s="423" t="s">
        <v>2795</v>
      </c>
      <c r="ITV735" s="424"/>
      <c r="ITW735" s="424"/>
      <c r="ITX735" s="424"/>
      <c r="ITY735" s="423" t="s">
        <v>2795</v>
      </c>
      <c r="ITZ735" s="424"/>
      <c r="IUA735" s="424"/>
      <c r="IUB735" s="424"/>
      <c r="IUC735" s="423" t="s">
        <v>2795</v>
      </c>
      <c r="IUD735" s="424"/>
      <c r="IUE735" s="424"/>
      <c r="IUF735" s="424"/>
      <c r="IUG735" s="423" t="s">
        <v>2795</v>
      </c>
      <c r="IUH735" s="424"/>
      <c r="IUI735" s="424"/>
      <c r="IUJ735" s="424"/>
      <c r="IUK735" s="423" t="s">
        <v>2795</v>
      </c>
      <c r="IUL735" s="424"/>
      <c r="IUM735" s="424"/>
      <c r="IUN735" s="424"/>
      <c r="IUO735" s="423" t="s">
        <v>2795</v>
      </c>
      <c r="IUP735" s="424"/>
      <c r="IUQ735" s="424"/>
      <c r="IUR735" s="424"/>
      <c r="IUS735" s="423" t="s">
        <v>2795</v>
      </c>
      <c r="IUT735" s="424"/>
      <c r="IUU735" s="424"/>
      <c r="IUV735" s="424"/>
      <c r="IUW735" s="423" t="s">
        <v>2795</v>
      </c>
      <c r="IUX735" s="424"/>
      <c r="IUY735" s="424"/>
      <c r="IUZ735" s="424"/>
      <c r="IVA735" s="423" t="s">
        <v>2795</v>
      </c>
      <c r="IVB735" s="424"/>
      <c r="IVC735" s="424"/>
      <c r="IVD735" s="424"/>
      <c r="IVE735" s="423" t="s">
        <v>2795</v>
      </c>
      <c r="IVF735" s="424"/>
      <c r="IVG735" s="424"/>
      <c r="IVH735" s="424"/>
      <c r="IVI735" s="423" t="s">
        <v>2795</v>
      </c>
      <c r="IVJ735" s="424"/>
      <c r="IVK735" s="424"/>
      <c r="IVL735" s="424"/>
      <c r="IVM735" s="423" t="s">
        <v>2795</v>
      </c>
      <c r="IVN735" s="424"/>
      <c r="IVO735" s="424"/>
      <c r="IVP735" s="424"/>
      <c r="IVQ735" s="423" t="s">
        <v>2795</v>
      </c>
      <c r="IVR735" s="424"/>
      <c r="IVS735" s="424"/>
      <c r="IVT735" s="424"/>
      <c r="IVU735" s="423" t="s">
        <v>2795</v>
      </c>
      <c r="IVV735" s="424"/>
      <c r="IVW735" s="424"/>
      <c r="IVX735" s="424"/>
      <c r="IVY735" s="423" t="s">
        <v>2795</v>
      </c>
      <c r="IVZ735" s="424"/>
      <c r="IWA735" s="424"/>
      <c r="IWB735" s="424"/>
      <c r="IWC735" s="423" t="s">
        <v>2795</v>
      </c>
      <c r="IWD735" s="424"/>
      <c r="IWE735" s="424"/>
      <c r="IWF735" s="424"/>
      <c r="IWG735" s="423" t="s">
        <v>2795</v>
      </c>
      <c r="IWH735" s="424"/>
      <c r="IWI735" s="424"/>
      <c r="IWJ735" s="424"/>
      <c r="IWK735" s="423" t="s">
        <v>2795</v>
      </c>
      <c r="IWL735" s="424"/>
      <c r="IWM735" s="424"/>
      <c r="IWN735" s="424"/>
      <c r="IWO735" s="423" t="s">
        <v>2795</v>
      </c>
      <c r="IWP735" s="424"/>
      <c r="IWQ735" s="424"/>
      <c r="IWR735" s="424"/>
      <c r="IWS735" s="423" t="s">
        <v>2795</v>
      </c>
      <c r="IWT735" s="424"/>
      <c r="IWU735" s="424"/>
      <c r="IWV735" s="424"/>
      <c r="IWW735" s="423" t="s">
        <v>2795</v>
      </c>
      <c r="IWX735" s="424"/>
      <c r="IWY735" s="424"/>
      <c r="IWZ735" s="424"/>
      <c r="IXA735" s="423" t="s">
        <v>2795</v>
      </c>
      <c r="IXB735" s="424"/>
      <c r="IXC735" s="424"/>
      <c r="IXD735" s="424"/>
      <c r="IXE735" s="423" t="s">
        <v>2795</v>
      </c>
      <c r="IXF735" s="424"/>
      <c r="IXG735" s="424"/>
      <c r="IXH735" s="424"/>
      <c r="IXI735" s="423" t="s">
        <v>2795</v>
      </c>
      <c r="IXJ735" s="424"/>
      <c r="IXK735" s="424"/>
      <c r="IXL735" s="424"/>
      <c r="IXM735" s="423" t="s">
        <v>2795</v>
      </c>
      <c r="IXN735" s="424"/>
      <c r="IXO735" s="424"/>
      <c r="IXP735" s="424"/>
      <c r="IXQ735" s="423" t="s">
        <v>2795</v>
      </c>
      <c r="IXR735" s="424"/>
      <c r="IXS735" s="424"/>
      <c r="IXT735" s="424"/>
      <c r="IXU735" s="423" t="s">
        <v>2795</v>
      </c>
      <c r="IXV735" s="424"/>
      <c r="IXW735" s="424"/>
      <c r="IXX735" s="424"/>
      <c r="IXY735" s="423" t="s">
        <v>2795</v>
      </c>
      <c r="IXZ735" s="424"/>
      <c r="IYA735" s="424"/>
      <c r="IYB735" s="424"/>
      <c r="IYC735" s="423" t="s">
        <v>2795</v>
      </c>
      <c r="IYD735" s="424"/>
      <c r="IYE735" s="424"/>
      <c r="IYF735" s="424"/>
      <c r="IYG735" s="423" t="s">
        <v>2795</v>
      </c>
      <c r="IYH735" s="424"/>
      <c r="IYI735" s="424"/>
      <c r="IYJ735" s="424"/>
      <c r="IYK735" s="423" t="s">
        <v>2795</v>
      </c>
      <c r="IYL735" s="424"/>
      <c r="IYM735" s="424"/>
      <c r="IYN735" s="424"/>
      <c r="IYO735" s="423" t="s">
        <v>2795</v>
      </c>
      <c r="IYP735" s="424"/>
      <c r="IYQ735" s="424"/>
      <c r="IYR735" s="424"/>
      <c r="IYS735" s="423" t="s">
        <v>2795</v>
      </c>
      <c r="IYT735" s="424"/>
      <c r="IYU735" s="424"/>
      <c r="IYV735" s="424"/>
      <c r="IYW735" s="423" t="s">
        <v>2795</v>
      </c>
      <c r="IYX735" s="424"/>
      <c r="IYY735" s="424"/>
      <c r="IYZ735" s="424"/>
      <c r="IZA735" s="423" t="s">
        <v>2795</v>
      </c>
      <c r="IZB735" s="424"/>
      <c r="IZC735" s="424"/>
      <c r="IZD735" s="424"/>
      <c r="IZE735" s="423" t="s">
        <v>2795</v>
      </c>
      <c r="IZF735" s="424"/>
      <c r="IZG735" s="424"/>
      <c r="IZH735" s="424"/>
      <c r="IZI735" s="423" t="s">
        <v>2795</v>
      </c>
      <c r="IZJ735" s="424"/>
      <c r="IZK735" s="424"/>
      <c r="IZL735" s="424"/>
      <c r="IZM735" s="423" t="s">
        <v>2795</v>
      </c>
      <c r="IZN735" s="424"/>
      <c r="IZO735" s="424"/>
      <c r="IZP735" s="424"/>
      <c r="IZQ735" s="423" t="s">
        <v>2795</v>
      </c>
      <c r="IZR735" s="424"/>
      <c r="IZS735" s="424"/>
      <c r="IZT735" s="424"/>
      <c r="IZU735" s="423" t="s">
        <v>2795</v>
      </c>
      <c r="IZV735" s="424"/>
      <c r="IZW735" s="424"/>
      <c r="IZX735" s="424"/>
      <c r="IZY735" s="423" t="s">
        <v>2795</v>
      </c>
      <c r="IZZ735" s="424"/>
      <c r="JAA735" s="424"/>
      <c r="JAB735" s="424"/>
      <c r="JAC735" s="423" t="s">
        <v>2795</v>
      </c>
      <c r="JAD735" s="424"/>
      <c r="JAE735" s="424"/>
      <c r="JAF735" s="424"/>
      <c r="JAG735" s="423" t="s">
        <v>2795</v>
      </c>
      <c r="JAH735" s="424"/>
      <c r="JAI735" s="424"/>
      <c r="JAJ735" s="424"/>
      <c r="JAK735" s="423" t="s">
        <v>2795</v>
      </c>
      <c r="JAL735" s="424"/>
      <c r="JAM735" s="424"/>
      <c r="JAN735" s="424"/>
      <c r="JAO735" s="423" t="s">
        <v>2795</v>
      </c>
      <c r="JAP735" s="424"/>
      <c r="JAQ735" s="424"/>
      <c r="JAR735" s="424"/>
      <c r="JAS735" s="423" t="s">
        <v>2795</v>
      </c>
      <c r="JAT735" s="424"/>
      <c r="JAU735" s="424"/>
      <c r="JAV735" s="424"/>
      <c r="JAW735" s="423" t="s">
        <v>2795</v>
      </c>
      <c r="JAX735" s="424"/>
      <c r="JAY735" s="424"/>
      <c r="JAZ735" s="424"/>
      <c r="JBA735" s="423" t="s">
        <v>2795</v>
      </c>
      <c r="JBB735" s="424"/>
      <c r="JBC735" s="424"/>
      <c r="JBD735" s="424"/>
      <c r="JBE735" s="423" t="s">
        <v>2795</v>
      </c>
      <c r="JBF735" s="424"/>
      <c r="JBG735" s="424"/>
      <c r="JBH735" s="424"/>
      <c r="JBI735" s="423" t="s">
        <v>2795</v>
      </c>
      <c r="JBJ735" s="424"/>
      <c r="JBK735" s="424"/>
      <c r="JBL735" s="424"/>
      <c r="JBM735" s="423" t="s">
        <v>2795</v>
      </c>
      <c r="JBN735" s="424"/>
      <c r="JBO735" s="424"/>
      <c r="JBP735" s="424"/>
      <c r="JBQ735" s="423" t="s">
        <v>2795</v>
      </c>
      <c r="JBR735" s="424"/>
      <c r="JBS735" s="424"/>
      <c r="JBT735" s="424"/>
      <c r="JBU735" s="423" t="s">
        <v>2795</v>
      </c>
      <c r="JBV735" s="424"/>
      <c r="JBW735" s="424"/>
      <c r="JBX735" s="424"/>
      <c r="JBY735" s="423" t="s">
        <v>2795</v>
      </c>
      <c r="JBZ735" s="424"/>
      <c r="JCA735" s="424"/>
      <c r="JCB735" s="424"/>
      <c r="JCC735" s="423" t="s">
        <v>2795</v>
      </c>
      <c r="JCD735" s="424"/>
      <c r="JCE735" s="424"/>
      <c r="JCF735" s="424"/>
      <c r="JCG735" s="423" t="s">
        <v>2795</v>
      </c>
      <c r="JCH735" s="424"/>
      <c r="JCI735" s="424"/>
      <c r="JCJ735" s="424"/>
      <c r="JCK735" s="423" t="s">
        <v>2795</v>
      </c>
      <c r="JCL735" s="424"/>
      <c r="JCM735" s="424"/>
      <c r="JCN735" s="424"/>
      <c r="JCO735" s="423" t="s">
        <v>2795</v>
      </c>
      <c r="JCP735" s="424"/>
      <c r="JCQ735" s="424"/>
      <c r="JCR735" s="424"/>
      <c r="JCS735" s="423" t="s">
        <v>2795</v>
      </c>
      <c r="JCT735" s="424"/>
      <c r="JCU735" s="424"/>
      <c r="JCV735" s="424"/>
      <c r="JCW735" s="423" t="s">
        <v>2795</v>
      </c>
      <c r="JCX735" s="424"/>
      <c r="JCY735" s="424"/>
      <c r="JCZ735" s="424"/>
      <c r="JDA735" s="423" t="s">
        <v>2795</v>
      </c>
      <c r="JDB735" s="424"/>
      <c r="JDC735" s="424"/>
      <c r="JDD735" s="424"/>
      <c r="JDE735" s="423" t="s">
        <v>2795</v>
      </c>
      <c r="JDF735" s="424"/>
      <c r="JDG735" s="424"/>
      <c r="JDH735" s="424"/>
      <c r="JDI735" s="423" t="s">
        <v>2795</v>
      </c>
      <c r="JDJ735" s="424"/>
      <c r="JDK735" s="424"/>
      <c r="JDL735" s="424"/>
      <c r="JDM735" s="423" t="s">
        <v>2795</v>
      </c>
      <c r="JDN735" s="424"/>
      <c r="JDO735" s="424"/>
      <c r="JDP735" s="424"/>
      <c r="JDQ735" s="423" t="s">
        <v>2795</v>
      </c>
      <c r="JDR735" s="424"/>
      <c r="JDS735" s="424"/>
      <c r="JDT735" s="424"/>
      <c r="JDU735" s="423" t="s">
        <v>2795</v>
      </c>
      <c r="JDV735" s="424"/>
      <c r="JDW735" s="424"/>
      <c r="JDX735" s="424"/>
      <c r="JDY735" s="423" t="s">
        <v>2795</v>
      </c>
      <c r="JDZ735" s="424"/>
      <c r="JEA735" s="424"/>
      <c r="JEB735" s="424"/>
      <c r="JEC735" s="423" t="s">
        <v>2795</v>
      </c>
      <c r="JED735" s="424"/>
      <c r="JEE735" s="424"/>
      <c r="JEF735" s="424"/>
      <c r="JEG735" s="423" t="s">
        <v>2795</v>
      </c>
      <c r="JEH735" s="424"/>
      <c r="JEI735" s="424"/>
      <c r="JEJ735" s="424"/>
      <c r="JEK735" s="423" t="s">
        <v>2795</v>
      </c>
      <c r="JEL735" s="424"/>
      <c r="JEM735" s="424"/>
      <c r="JEN735" s="424"/>
      <c r="JEO735" s="423" t="s">
        <v>2795</v>
      </c>
      <c r="JEP735" s="424"/>
      <c r="JEQ735" s="424"/>
      <c r="JER735" s="424"/>
      <c r="JES735" s="423" t="s">
        <v>2795</v>
      </c>
      <c r="JET735" s="424"/>
      <c r="JEU735" s="424"/>
      <c r="JEV735" s="424"/>
      <c r="JEW735" s="423" t="s">
        <v>2795</v>
      </c>
      <c r="JEX735" s="424"/>
      <c r="JEY735" s="424"/>
      <c r="JEZ735" s="424"/>
      <c r="JFA735" s="423" t="s">
        <v>2795</v>
      </c>
      <c r="JFB735" s="424"/>
      <c r="JFC735" s="424"/>
      <c r="JFD735" s="424"/>
      <c r="JFE735" s="423" t="s">
        <v>2795</v>
      </c>
      <c r="JFF735" s="424"/>
      <c r="JFG735" s="424"/>
      <c r="JFH735" s="424"/>
      <c r="JFI735" s="423" t="s">
        <v>2795</v>
      </c>
      <c r="JFJ735" s="424"/>
      <c r="JFK735" s="424"/>
      <c r="JFL735" s="424"/>
      <c r="JFM735" s="423" t="s">
        <v>2795</v>
      </c>
      <c r="JFN735" s="424"/>
      <c r="JFO735" s="424"/>
      <c r="JFP735" s="424"/>
      <c r="JFQ735" s="423" t="s">
        <v>2795</v>
      </c>
      <c r="JFR735" s="424"/>
      <c r="JFS735" s="424"/>
      <c r="JFT735" s="424"/>
      <c r="JFU735" s="423" t="s">
        <v>2795</v>
      </c>
      <c r="JFV735" s="424"/>
      <c r="JFW735" s="424"/>
      <c r="JFX735" s="424"/>
      <c r="JFY735" s="423" t="s">
        <v>2795</v>
      </c>
      <c r="JFZ735" s="424"/>
      <c r="JGA735" s="424"/>
      <c r="JGB735" s="424"/>
      <c r="JGC735" s="423" t="s">
        <v>2795</v>
      </c>
      <c r="JGD735" s="424"/>
      <c r="JGE735" s="424"/>
      <c r="JGF735" s="424"/>
      <c r="JGG735" s="423" t="s">
        <v>2795</v>
      </c>
      <c r="JGH735" s="424"/>
      <c r="JGI735" s="424"/>
      <c r="JGJ735" s="424"/>
      <c r="JGK735" s="423" t="s">
        <v>2795</v>
      </c>
      <c r="JGL735" s="424"/>
      <c r="JGM735" s="424"/>
      <c r="JGN735" s="424"/>
      <c r="JGO735" s="423" t="s">
        <v>2795</v>
      </c>
      <c r="JGP735" s="424"/>
      <c r="JGQ735" s="424"/>
      <c r="JGR735" s="424"/>
      <c r="JGS735" s="423" t="s">
        <v>2795</v>
      </c>
      <c r="JGT735" s="424"/>
      <c r="JGU735" s="424"/>
      <c r="JGV735" s="424"/>
      <c r="JGW735" s="423" t="s">
        <v>2795</v>
      </c>
      <c r="JGX735" s="424"/>
      <c r="JGY735" s="424"/>
      <c r="JGZ735" s="424"/>
      <c r="JHA735" s="423" t="s">
        <v>2795</v>
      </c>
      <c r="JHB735" s="424"/>
      <c r="JHC735" s="424"/>
      <c r="JHD735" s="424"/>
      <c r="JHE735" s="423" t="s">
        <v>2795</v>
      </c>
      <c r="JHF735" s="424"/>
      <c r="JHG735" s="424"/>
      <c r="JHH735" s="424"/>
      <c r="JHI735" s="423" t="s">
        <v>2795</v>
      </c>
      <c r="JHJ735" s="424"/>
      <c r="JHK735" s="424"/>
      <c r="JHL735" s="424"/>
      <c r="JHM735" s="423" t="s">
        <v>2795</v>
      </c>
      <c r="JHN735" s="424"/>
      <c r="JHO735" s="424"/>
      <c r="JHP735" s="424"/>
      <c r="JHQ735" s="423" t="s">
        <v>2795</v>
      </c>
      <c r="JHR735" s="424"/>
      <c r="JHS735" s="424"/>
      <c r="JHT735" s="424"/>
      <c r="JHU735" s="423" t="s">
        <v>2795</v>
      </c>
      <c r="JHV735" s="424"/>
      <c r="JHW735" s="424"/>
      <c r="JHX735" s="424"/>
      <c r="JHY735" s="423" t="s">
        <v>2795</v>
      </c>
      <c r="JHZ735" s="424"/>
      <c r="JIA735" s="424"/>
      <c r="JIB735" s="424"/>
      <c r="JIC735" s="423" t="s">
        <v>2795</v>
      </c>
      <c r="JID735" s="424"/>
      <c r="JIE735" s="424"/>
      <c r="JIF735" s="424"/>
      <c r="JIG735" s="423" t="s">
        <v>2795</v>
      </c>
      <c r="JIH735" s="424"/>
      <c r="JII735" s="424"/>
      <c r="JIJ735" s="424"/>
      <c r="JIK735" s="423" t="s">
        <v>2795</v>
      </c>
      <c r="JIL735" s="424"/>
      <c r="JIM735" s="424"/>
      <c r="JIN735" s="424"/>
      <c r="JIO735" s="423" t="s">
        <v>2795</v>
      </c>
      <c r="JIP735" s="424"/>
      <c r="JIQ735" s="424"/>
      <c r="JIR735" s="424"/>
      <c r="JIS735" s="423" t="s">
        <v>2795</v>
      </c>
      <c r="JIT735" s="424"/>
      <c r="JIU735" s="424"/>
      <c r="JIV735" s="424"/>
      <c r="JIW735" s="423" t="s">
        <v>2795</v>
      </c>
      <c r="JIX735" s="424"/>
      <c r="JIY735" s="424"/>
      <c r="JIZ735" s="424"/>
      <c r="JJA735" s="423" t="s">
        <v>2795</v>
      </c>
      <c r="JJB735" s="424"/>
      <c r="JJC735" s="424"/>
      <c r="JJD735" s="424"/>
      <c r="JJE735" s="423" t="s">
        <v>2795</v>
      </c>
      <c r="JJF735" s="424"/>
      <c r="JJG735" s="424"/>
      <c r="JJH735" s="424"/>
      <c r="JJI735" s="423" t="s">
        <v>2795</v>
      </c>
      <c r="JJJ735" s="424"/>
      <c r="JJK735" s="424"/>
      <c r="JJL735" s="424"/>
      <c r="JJM735" s="423" t="s">
        <v>2795</v>
      </c>
      <c r="JJN735" s="424"/>
      <c r="JJO735" s="424"/>
      <c r="JJP735" s="424"/>
      <c r="JJQ735" s="423" t="s">
        <v>2795</v>
      </c>
      <c r="JJR735" s="424"/>
      <c r="JJS735" s="424"/>
      <c r="JJT735" s="424"/>
      <c r="JJU735" s="423" t="s">
        <v>2795</v>
      </c>
      <c r="JJV735" s="424"/>
      <c r="JJW735" s="424"/>
      <c r="JJX735" s="424"/>
      <c r="JJY735" s="423" t="s">
        <v>2795</v>
      </c>
      <c r="JJZ735" s="424"/>
      <c r="JKA735" s="424"/>
      <c r="JKB735" s="424"/>
      <c r="JKC735" s="423" t="s">
        <v>2795</v>
      </c>
      <c r="JKD735" s="424"/>
      <c r="JKE735" s="424"/>
      <c r="JKF735" s="424"/>
      <c r="JKG735" s="423" t="s">
        <v>2795</v>
      </c>
      <c r="JKH735" s="424"/>
      <c r="JKI735" s="424"/>
      <c r="JKJ735" s="424"/>
      <c r="JKK735" s="423" t="s">
        <v>2795</v>
      </c>
      <c r="JKL735" s="424"/>
      <c r="JKM735" s="424"/>
      <c r="JKN735" s="424"/>
      <c r="JKO735" s="423" t="s">
        <v>2795</v>
      </c>
      <c r="JKP735" s="424"/>
      <c r="JKQ735" s="424"/>
      <c r="JKR735" s="424"/>
      <c r="JKS735" s="423" t="s">
        <v>2795</v>
      </c>
      <c r="JKT735" s="424"/>
      <c r="JKU735" s="424"/>
      <c r="JKV735" s="424"/>
      <c r="JKW735" s="423" t="s">
        <v>2795</v>
      </c>
      <c r="JKX735" s="424"/>
      <c r="JKY735" s="424"/>
      <c r="JKZ735" s="424"/>
      <c r="JLA735" s="423" t="s">
        <v>2795</v>
      </c>
      <c r="JLB735" s="424"/>
      <c r="JLC735" s="424"/>
      <c r="JLD735" s="424"/>
      <c r="JLE735" s="423" t="s">
        <v>2795</v>
      </c>
      <c r="JLF735" s="424"/>
      <c r="JLG735" s="424"/>
      <c r="JLH735" s="424"/>
      <c r="JLI735" s="423" t="s">
        <v>2795</v>
      </c>
      <c r="JLJ735" s="424"/>
      <c r="JLK735" s="424"/>
      <c r="JLL735" s="424"/>
      <c r="JLM735" s="423" t="s">
        <v>2795</v>
      </c>
      <c r="JLN735" s="424"/>
      <c r="JLO735" s="424"/>
      <c r="JLP735" s="424"/>
      <c r="JLQ735" s="423" t="s">
        <v>2795</v>
      </c>
      <c r="JLR735" s="424"/>
      <c r="JLS735" s="424"/>
      <c r="JLT735" s="424"/>
      <c r="JLU735" s="423" t="s">
        <v>2795</v>
      </c>
      <c r="JLV735" s="424"/>
      <c r="JLW735" s="424"/>
      <c r="JLX735" s="424"/>
      <c r="JLY735" s="423" t="s">
        <v>2795</v>
      </c>
      <c r="JLZ735" s="424"/>
      <c r="JMA735" s="424"/>
      <c r="JMB735" s="424"/>
      <c r="JMC735" s="423" t="s">
        <v>2795</v>
      </c>
      <c r="JMD735" s="424"/>
      <c r="JME735" s="424"/>
      <c r="JMF735" s="424"/>
      <c r="JMG735" s="423" t="s">
        <v>2795</v>
      </c>
      <c r="JMH735" s="424"/>
      <c r="JMI735" s="424"/>
      <c r="JMJ735" s="424"/>
      <c r="JMK735" s="423" t="s">
        <v>2795</v>
      </c>
      <c r="JML735" s="424"/>
      <c r="JMM735" s="424"/>
      <c r="JMN735" s="424"/>
      <c r="JMO735" s="423" t="s">
        <v>2795</v>
      </c>
      <c r="JMP735" s="424"/>
      <c r="JMQ735" s="424"/>
      <c r="JMR735" s="424"/>
      <c r="JMS735" s="423" t="s">
        <v>2795</v>
      </c>
      <c r="JMT735" s="424"/>
      <c r="JMU735" s="424"/>
      <c r="JMV735" s="424"/>
      <c r="JMW735" s="423" t="s">
        <v>2795</v>
      </c>
      <c r="JMX735" s="424"/>
      <c r="JMY735" s="424"/>
      <c r="JMZ735" s="424"/>
      <c r="JNA735" s="423" t="s">
        <v>2795</v>
      </c>
      <c r="JNB735" s="424"/>
      <c r="JNC735" s="424"/>
      <c r="JND735" s="424"/>
      <c r="JNE735" s="423" t="s">
        <v>2795</v>
      </c>
      <c r="JNF735" s="424"/>
      <c r="JNG735" s="424"/>
      <c r="JNH735" s="424"/>
      <c r="JNI735" s="423" t="s">
        <v>2795</v>
      </c>
      <c r="JNJ735" s="424"/>
      <c r="JNK735" s="424"/>
      <c r="JNL735" s="424"/>
      <c r="JNM735" s="423" t="s">
        <v>2795</v>
      </c>
      <c r="JNN735" s="424"/>
      <c r="JNO735" s="424"/>
      <c r="JNP735" s="424"/>
      <c r="JNQ735" s="423" t="s">
        <v>2795</v>
      </c>
      <c r="JNR735" s="424"/>
      <c r="JNS735" s="424"/>
      <c r="JNT735" s="424"/>
      <c r="JNU735" s="423" t="s">
        <v>2795</v>
      </c>
      <c r="JNV735" s="424"/>
      <c r="JNW735" s="424"/>
      <c r="JNX735" s="424"/>
      <c r="JNY735" s="423" t="s">
        <v>2795</v>
      </c>
      <c r="JNZ735" s="424"/>
      <c r="JOA735" s="424"/>
      <c r="JOB735" s="424"/>
      <c r="JOC735" s="423" t="s">
        <v>2795</v>
      </c>
      <c r="JOD735" s="424"/>
      <c r="JOE735" s="424"/>
      <c r="JOF735" s="424"/>
      <c r="JOG735" s="423" t="s">
        <v>2795</v>
      </c>
      <c r="JOH735" s="424"/>
      <c r="JOI735" s="424"/>
      <c r="JOJ735" s="424"/>
      <c r="JOK735" s="423" t="s">
        <v>2795</v>
      </c>
      <c r="JOL735" s="424"/>
      <c r="JOM735" s="424"/>
      <c r="JON735" s="424"/>
      <c r="JOO735" s="423" t="s">
        <v>2795</v>
      </c>
      <c r="JOP735" s="424"/>
      <c r="JOQ735" s="424"/>
      <c r="JOR735" s="424"/>
      <c r="JOS735" s="423" t="s">
        <v>2795</v>
      </c>
      <c r="JOT735" s="424"/>
      <c r="JOU735" s="424"/>
      <c r="JOV735" s="424"/>
      <c r="JOW735" s="423" t="s">
        <v>2795</v>
      </c>
      <c r="JOX735" s="424"/>
      <c r="JOY735" s="424"/>
      <c r="JOZ735" s="424"/>
      <c r="JPA735" s="423" t="s">
        <v>2795</v>
      </c>
      <c r="JPB735" s="424"/>
      <c r="JPC735" s="424"/>
      <c r="JPD735" s="424"/>
      <c r="JPE735" s="423" t="s">
        <v>2795</v>
      </c>
      <c r="JPF735" s="424"/>
      <c r="JPG735" s="424"/>
      <c r="JPH735" s="424"/>
      <c r="JPI735" s="423" t="s">
        <v>2795</v>
      </c>
      <c r="JPJ735" s="424"/>
      <c r="JPK735" s="424"/>
      <c r="JPL735" s="424"/>
      <c r="JPM735" s="423" t="s">
        <v>2795</v>
      </c>
      <c r="JPN735" s="424"/>
      <c r="JPO735" s="424"/>
      <c r="JPP735" s="424"/>
      <c r="JPQ735" s="423" t="s">
        <v>2795</v>
      </c>
      <c r="JPR735" s="424"/>
      <c r="JPS735" s="424"/>
      <c r="JPT735" s="424"/>
      <c r="JPU735" s="423" t="s">
        <v>2795</v>
      </c>
      <c r="JPV735" s="424"/>
      <c r="JPW735" s="424"/>
      <c r="JPX735" s="424"/>
      <c r="JPY735" s="423" t="s">
        <v>2795</v>
      </c>
      <c r="JPZ735" s="424"/>
      <c r="JQA735" s="424"/>
      <c r="JQB735" s="424"/>
      <c r="JQC735" s="423" t="s">
        <v>2795</v>
      </c>
      <c r="JQD735" s="424"/>
      <c r="JQE735" s="424"/>
      <c r="JQF735" s="424"/>
      <c r="JQG735" s="423" t="s">
        <v>2795</v>
      </c>
      <c r="JQH735" s="424"/>
      <c r="JQI735" s="424"/>
      <c r="JQJ735" s="424"/>
      <c r="JQK735" s="423" t="s">
        <v>2795</v>
      </c>
      <c r="JQL735" s="424"/>
      <c r="JQM735" s="424"/>
      <c r="JQN735" s="424"/>
      <c r="JQO735" s="423" t="s">
        <v>2795</v>
      </c>
      <c r="JQP735" s="424"/>
      <c r="JQQ735" s="424"/>
      <c r="JQR735" s="424"/>
      <c r="JQS735" s="423" t="s">
        <v>2795</v>
      </c>
      <c r="JQT735" s="424"/>
      <c r="JQU735" s="424"/>
      <c r="JQV735" s="424"/>
      <c r="JQW735" s="423" t="s">
        <v>2795</v>
      </c>
      <c r="JQX735" s="424"/>
      <c r="JQY735" s="424"/>
      <c r="JQZ735" s="424"/>
      <c r="JRA735" s="423" t="s">
        <v>2795</v>
      </c>
      <c r="JRB735" s="424"/>
      <c r="JRC735" s="424"/>
      <c r="JRD735" s="424"/>
      <c r="JRE735" s="423" t="s">
        <v>2795</v>
      </c>
      <c r="JRF735" s="424"/>
      <c r="JRG735" s="424"/>
      <c r="JRH735" s="424"/>
      <c r="JRI735" s="423" t="s">
        <v>2795</v>
      </c>
      <c r="JRJ735" s="424"/>
      <c r="JRK735" s="424"/>
      <c r="JRL735" s="424"/>
      <c r="JRM735" s="423" t="s">
        <v>2795</v>
      </c>
      <c r="JRN735" s="424"/>
      <c r="JRO735" s="424"/>
      <c r="JRP735" s="424"/>
      <c r="JRQ735" s="423" t="s">
        <v>2795</v>
      </c>
      <c r="JRR735" s="424"/>
      <c r="JRS735" s="424"/>
      <c r="JRT735" s="424"/>
      <c r="JRU735" s="423" t="s">
        <v>2795</v>
      </c>
      <c r="JRV735" s="424"/>
      <c r="JRW735" s="424"/>
      <c r="JRX735" s="424"/>
      <c r="JRY735" s="423" t="s">
        <v>2795</v>
      </c>
      <c r="JRZ735" s="424"/>
      <c r="JSA735" s="424"/>
      <c r="JSB735" s="424"/>
      <c r="JSC735" s="423" t="s">
        <v>2795</v>
      </c>
      <c r="JSD735" s="424"/>
      <c r="JSE735" s="424"/>
      <c r="JSF735" s="424"/>
      <c r="JSG735" s="423" t="s">
        <v>2795</v>
      </c>
      <c r="JSH735" s="424"/>
      <c r="JSI735" s="424"/>
      <c r="JSJ735" s="424"/>
      <c r="JSK735" s="423" t="s">
        <v>2795</v>
      </c>
      <c r="JSL735" s="424"/>
      <c r="JSM735" s="424"/>
      <c r="JSN735" s="424"/>
      <c r="JSO735" s="423" t="s">
        <v>2795</v>
      </c>
      <c r="JSP735" s="424"/>
      <c r="JSQ735" s="424"/>
      <c r="JSR735" s="424"/>
      <c r="JSS735" s="423" t="s">
        <v>2795</v>
      </c>
      <c r="JST735" s="424"/>
      <c r="JSU735" s="424"/>
      <c r="JSV735" s="424"/>
      <c r="JSW735" s="423" t="s">
        <v>2795</v>
      </c>
      <c r="JSX735" s="424"/>
      <c r="JSY735" s="424"/>
      <c r="JSZ735" s="424"/>
      <c r="JTA735" s="423" t="s">
        <v>2795</v>
      </c>
      <c r="JTB735" s="424"/>
      <c r="JTC735" s="424"/>
      <c r="JTD735" s="424"/>
      <c r="JTE735" s="423" t="s">
        <v>2795</v>
      </c>
      <c r="JTF735" s="424"/>
      <c r="JTG735" s="424"/>
      <c r="JTH735" s="424"/>
      <c r="JTI735" s="423" t="s">
        <v>2795</v>
      </c>
      <c r="JTJ735" s="424"/>
      <c r="JTK735" s="424"/>
      <c r="JTL735" s="424"/>
      <c r="JTM735" s="423" t="s">
        <v>2795</v>
      </c>
      <c r="JTN735" s="424"/>
      <c r="JTO735" s="424"/>
      <c r="JTP735" s="424"/>
      <c r="JTQ735" s="423" t="s">
        <v>2795</v>
      </c>
      <c r="JTR735" s="424"/>
      <c r="JTS735" s="424"/>
      <c r="JTT735" s="424"/>
      <c r="JTU735" s="423" t="s">
        <v>2795</v>
      </c>
      <c r="JTV735" s="424"/>
      <c r="JTW735" s="424"/>
      <c r="JTX735" s="424"/>
      <c r="JTY735" s="423" t="s">
        <v>2795</v>
      </c>
      <c r="JTZ735" s="424"/>
      <c r="JUA735" s="424"/>
      <c r="JUB735" s="424"/>
      <c r="JUC735" s="423" t="s">
        <v>2795</v>
      </c>
      <c r="JUD735" s="424"/>
      <c r="JUE735" s="424"/>
      <c r="JUF735" s="424"/>
      <c r="JUG735" s="423" t="s">
        <v>2795</v>
      </c>
      <c r="JUH735" s="424"/>
      <c r="JUI735" s="424"/>
      <c r="JUJ735" s="424"/>
      <c r="JUK735" s="423" t="s">
        <v>2795</v>
      </c>
      <c r="JUL735" s="424"/>
      <c r="JUM735" s="424"/>
      <c r="JUN735" s="424"/>
      <c r="JUO735" s="423" t="s">
        <v>2795</v>
      </c>
      <c r="JUP735" s="424"/>
      <c r="JUQ735" s="424"/>
      <c r="JUR735" s="424"/>
      <c r="JUS735" s="423" t="s">
        <v>2795</v>
      </c>
      <c r="JUT735" s="424"/>
      <c r="JUU735" s="424"/>
      <c r="JUV735" s="424"/>
      <c r="JUW735" s="423" t="s">
        <v>2795</v>
      </c>
      <c r="JUX735" s="424"/>
      <c r="JUY735" s="424"/>
      <c r="JUZ735" s="424"/>
      <c r="JVA735" s="423" t="s">
        <v>2795</v>
      </c>
      <c r="JVB735" s="424"/>
      <c r="JVC735" s="424"/>
      <c r="JVD735" s="424"/>
      <c r="JVE735" s="423" t="s">
        <v>2795</v>
      </c>
      <c r="JVF735" s="424"/>
      <c r="JVG735" s="424"/>
      <c r="JVH735" s="424"/>
      <c r="JVI735" s="423" t="s">
        <v>2795</v>
      </c>
      <c r="JVJ735" s="424"/>
      <c r="JVK735" s="424"/>
      <c r="JVL735" s="424"/>
      <c r="JVM735" s="423" t="s">
        <v>2795</v>
      </c>
      <c r="JVN735" s="424"/>
      <c r="JVO735" s="424"/>
      <c r="JVP735" s="424"/>
      <c r="JVQ735" s="423" t="s">
        <v>2795</v>
      </c>
      <c r="JVR735" s="424"/>
      <c r="JVS735" s="424"/>
      <c r="JVT735" s="424"/>
      <c r="JVU735" s="423" t="s">
        <v>2795</v>
      </c>
      <c r="JVV735" s="424"/>
      <c r="JVW735" s="424"/>
      <c r="JVX735" s="424"/>
      <c r="JVY735" s="423" t="s">
        <v>2795</v>
      </c>
      <c r="JVZ735" s="424"/>
      <c r="JWA735" s="424"/>
      <c r="JWB735" s="424"/>
      <c r="JWC735" s="423" t="s">
        <v>2795</v>
      </c>
      <c r="JWD735" s="424"/>
      <c r="JWE735" s="424"/>
      <c r="JWF735" s="424"/>
      <c r="JWG735" s="423" t="s">
        <v>2795</v>
      </c>
      <c r="JWH735" s="424"/>
      <c r="JWI735" s="424"/>
      <c r="JWJ735" s="424"/>
      <c r="JWK735" s="423" t="s">
        <v>2795</v>
      </c>
      <c r="JWL735" s="424"/>
      <c r="JWM735" s="424"/>
      <c r="JWN735" s="424"/>
      <c r="JWO735" s="423" t="s">
        <v>2795</v>
      </c>
      <c r="JWP735" s="424"/>
      <c r="JWQ735" s="424"/>
      <c r="JWR735" s="424"/>
      <c r="JWS735" s="423" t="s">
        <v>2795</v>
      </c>
      <c r="JWT735" s="424"/>
      <c r="JWU735" s="424"/>
      <c r="JWV735" s="424"/>
      <c r="JWW735" s="423" t="s">
        <v>2795</v>
      </c>
      <c r="JWX735" s="424"/>
      <c r="JWY735" s="424"/>
      <c r="JWZ735" s="424"/>
      <c r="JXA735" s="423" t="s">
        <v>2795</v>
      </c>
      <c r="JXB735" s="424"/>
      <c r="JXC735" s="424"/>
      <c r="JXD735" s="424"/>
      <c r="JXE735" s="423" t="s">
        <v>2795</v>
      </c>
      <c r="JXF735" s="424"/>
      <c r="JXG735" s="424"/>
      <c r="JXH735" s="424"/>
      <c r="JXI735" s="423" t="s">
        <v>2795</v>
      </c>
      <c r="JXJ735" s="424"/>
      <c r="JXK735" s="424"/>
      <c r="JXL735" s="424"/>
      <c r="JXM735" s="423" t="s">
        <v>2795</v>
      </c>
      <c r="JXN735" s="424"/>
      <c r="JXO735" s="424"/>
      <c r="JXP735" s="424"/>
      <c r="JXQ735" s="423" t="s">
        <v>2795</v>
      </c>
      <c r="JXR735" s="424"/>
      <c r="JXS735" s="424"/>
      <c r="JXT735" s="424"/>
      <c r="JXU735" s="423" t="s">
        <v>2795</v>
      </c>
      <c r="JXV735" s="424"/>
      <c r="JXW735" s="424"/>
      <c r="JXX735" s="424"/>
      <c r="JXY735" s="423" t="s">
        <v>2795</v>
      </c>
      <c r="JXZ735" s="424"/>
      <c r="JYA735" s="424"/>
      <c r="JYB735" s="424"/>
      <c r="JYC735" s="423" t="s">
        <v>2795</v>
      </c>
      <c r="JYD735" s="424"/>
      <c r="JYE735" s="424"/>
      <c r="JYF735" s="424"/>
      <c r="JYG735" s="423" t="s">
        <v>2795</v>
      </c>
      <c r="JYH735" s="424"/>
      <c r="JYI735" s="424"/>
      <c r="JYJ735" s="424"/>
      <c r="JYK735" s="423" t="s">
        <v>2795</v>
      </c>
      <c r="JYL735" s="424"/>
      <c r="JYM735" s="424"/>
      <c r="JYN735" s="424"/>
      <c r="JYO735" s="423" t="s">
        <v>2795</v>
      </c>
      <c r="JYP735" s="424"/>
      <c r="JYQ735" s="424"/>
      <c r="JYR735" s="424"/>
      <c r="JYS735" s="423" t="s">
        <v>2795</v>
      </c>
      <c r="JYT735" s="424"/>
      <c r="JYU735" s="424"/>
      <c r="JYV735" s="424"/>
      <c r="JYW735" s="423" t="s">
        <v>2795</v>
      </c>
      <c r="JYX735" s="424"/>
      <c r="JYY735" s="424"/>
      <c r="JYZ735" s="424"/>
      <c r="JZA735" s="423" t="s">
        <v>2795</v>
      </c>
      <c r="JZB735" s="424"/>
      <c r="JZC735" s="424"/>
      <c r="JZD735" s="424"/>
      <c r="JZE735" s="423" t="s">
        <v>2795</v>
      </c>
      <c r="JZF735" s="424"/>
      <c r="JZG735" s="424"/>
      <c r="JZH735" s="424"/>
      <c r="JZI735" s="423" t="s">
        <v>2795</v>
      </c>
      <c r="JZJ735" s="424"/>
      <c r="JZK735" s="424"/>
      <c r="JZL735" s="424"/>
      <c r="JZM735" s="423" t="s">
        <v>2795</v>
      </c>
      <c r="JZN735" s="424"/>
      <c r="JZO735" s="424"/>
      <c r="JZP735" s="424"/>
      <c r="JZQ735" s="423" t="s">
        <v>2795</v>
      </c>
      <c r="JZR735" s="424"/>
      <c r="JZS735" s="424"/>
      <c r="JZT735" s="424"/>
      <c r="JZU735" s="423" t="s">
        <v>2795</v>
      </c>
      <c r="JZV735" s="424"/>
      <c r="JZW735" s="424"/>
      <c r="JZX735" s="424"/>
      <c r="JZY735" s="423" t="s">
        <v>2795</v>
      </c>
      <c r="JZZ735" s="424"/>
      <c r="KAA735" s="424"/>
      <c r="KAB735" s="424"/>
      <c r="KAC735" s="423" t="s">
        <v>2795</v>
      </c>
      <c r="KAD735" s="424"/>
      <c r="KAE735" s="424"/>
      <c r="KAF735" s="424"/>
      <c r="KAG735" s="423" t="s">
        <v>2795</v>
      </c>
      <c r="KAH735" s="424"/>
      <c r="KAI735" s="424"/>
      <c r="KAJ735" s="424"/>
      <c r="KAK735" s="423" t="s">
        <v>2795</v>
      </c>
      <c r="KAL735" s="424"/>
      <c r="KAM735" s="424"/>
      <c r="KAN735" s="424"/>
      <c r="KAO735" s="423" t="s">
        <v>2795</v>
      </c>
      <c r="KAP735" s="424"/>
      <c r="KAQ735" s="424"/>
      <c r="KAR735" s="424"/>
      <c r="KAS735" s="423" t="s">
        <v>2795</v>
      </c>
      <c r="KAT735" s="424"/>
      <c r="KAU735" s="424"/>
      <c r="KAV735" s="424"/>
      <c r="KAW735" s="423" t="s">
        <v>2795</v>
      </c>
      <c r="KAX735" s="424"/>
      <c r="KAY735" s="424"/>
      <c r="KAZ735" s="424"/>
      <c r="KBA735" s="423" t="s">
        <v>2795</v>
      </c>
      <c r="KBB735" s="424"/>
      <c r="KBC735" s="424"/>
      <c r="KBD735" s="424"/>
      <c r="KBE735" s="423" t="s">
        <v>2795</v>
      </c>
      <c r="KBF735" s="424"/>
      <c r="KBG735" s="424"/>
      <c r="KBH735" s="424"/>
      <c r="KBI735" s="423" t="s">
        <v>2795</v>
      </c>
      <c r="KBJ735" s="424"/>
      <c r="KBK735" s="424"/>
      <c r="KBL735" s="424"/>
      <c r="KBM735" s="423" t="s">
        <v>2795</v>
      </c>
      <c r="KBN735" s="424"/>
      <c r="KBO735" s="424"/>
      <c r="KBP735" s="424"/>
      <c r="KBQ735" s="423" t="s">
        <v>2795</v>
      </c>
      <c r="KBR735" s="424"/>
      <c r="KBS735" s="424"/>
      <c r="KBT735" s="424"/>
      <c r="KBU735" s="423" t="s">
        <v>2795</v>
      </c>
      <c r="KBV735" s="424"/>
      <c r="KBW735" s="424"/>
      <c r="KBX735" s="424"/>
      <c r="KBY735" s="423" t="s">
        <v>2795</v>
      </c>
      <c r="KBZ735" s="424"/>
      <c r="KCA735" s="424"/>
      <c r="KCB735" s="424"/>
      <c r="KCC735" s="423" t="s">
        <v>2795</v>
      </c>
      <c r="KCD735" s="424"/>
      <c r="KCE735" s="424"/>
      <c r="KCF735" s="424"/>
      <c r="KCG735" s="423" t="s">
        <v>2795</v>
      </c>
      <c r="KCH735" s="424"/>
      <c r="KCI735" s="424"/>
      <c r="KCJ735" s="424"/>
      <c r="KCK735" s="423" t="s">
        <v>2795</v>
      </c>
      <c r="KCL735" s="424"/>
      <c r="KCM735" s="424"/>
      <c r="KCN735" s="424"/>
      <c r="KCO735" s="423" t="s">
        <v>2795</v>
      </c>
      <c r="KCP735" s="424"/>
      <c r="KCQ735" s="424"/>
      <c r="KCR735" s="424"/>
      <c r="KCS735" s="423" t="s">
        <v>2795</v>
      </c>
      <c r="KCT735" s="424"/>
      <c r="KCU735" s="424"/>
      <c r="KCV735" s="424"/>
      <c r="KCW735" s="423" t="s">
        <v>2795</v>
      </c>
      <c r="KCX735" s="424"/>
      <c r="KCY735" s="424"/>
      <c r="KCZ735" s="424"/>
      <c r="KDA735" s="423" t="s">
        <v>2795</v>
      </c>
      <c r="KDB735" s="424"/>
      <c r="KDC735" s="424"/>
      <c r="KDD735" s="424"/>
      <c r="KDE735" s="423" t="s">
        <v>2795</v>
      </c>
      <c r="KDF735" s="424"/>
      <c r="KDG735" s="424"/>
      <c r="KDH735" s="424"/>
      <c r="KDI735" s="423" t="s">
        <v>2795</v>
      </c>
      <c r="KDJ735" s="424"/>
      <c r="KDK735" s="424"/>
      <c r="KDL735" s="424"/>
      <c r="KDM735" s="423" t="s">
        <v>2795</v>
      </c>
      <c r="KDN735" s="424"/>
      <c r="KDO735" s="424"/>
      <c r="KDP735" s="424"/>
      <c r="KDQ735" s="423" t="s">
        <v>2795</v>
      </c>
      <c r="KDR735" s="424"/>
      <c r="KDS735" s="424"/>
      <c r="KDT735" s="424"/>
      <c r="KDU735" s="423" t="s">
        <v>2795</v>
      </c>
      <c r="KDV735" s="424"/>
      <c r="KDW735" s="424"/>
      <c r="KDX735" s="424"/>
      <c r="KDY735" s="423" t="s">
        <v>2795</v>
      </c>
      <c r="KDZ735" s="424"/>
      <c r="KEA735" s="424"/>
      <c r="KEB735" s="424"/>
      <c r="KEC735" s="423" t="s">
        <v>2795</v>
      </c>
      <c r="KED735" s="424"/>
      <c r="KEE735" s="424"/>
      <c r="KEF735" s="424"/>
      <c r="KEG735" s="423" t="s">
        <v>2795</v>
      </c>
      <c r="KEH735" s="424"/>
      <c r="KEI735" s="424"/>
      <c r="KEJ735" s="424"/>
      <c r="KEK735" s="423" t="s">
        <v>2795</v>
      </c>
      <c r="KEL735" s="424"/>
      <c r="KEM735" s="424"/>
      <c r="KEN735" s="424"/>
      <c r="KEO735" s="423" t="s">
        <v>2795</v>
      </c>
      <c r="KEP735" s="424"/>
      <c r="KEQ735" s="424"/>
      <c r="KER735" s="424"/>
      <c r="KES735" s="423" t="s">
        <v>2795</v>
      </c>
      <c r="KET735" s="424"/>
      <c r="KEU735" s="424"/>
      <c r="KEV735" s="424"/>
      <c r="KEW735" s="423" t="s">
        <v>2795</v>
      </c>
      <c r="KEX735" s="424"/>
      <c r="KEY735" s="424"/>
      <c r="KEZ735" s="424"/>
      <c r="KFA735" s="423" t="s">
        <v>2795</v>
      </c>
      <c r="KFB735" s="424"/>
      <c r="KFC735" s="424"/>
      <c r="KFD735" s="424"/>
      <c r="KFE735" s="423" t="s">
        <v>2795</v>
      </c>
      <c r="KFF735" s="424"/>
      <c r="KFG735" s="424"/>
      <c r="KFH735" s="424"/>
      <c r="KFI735" s="423" t="s">
        <v>2795</v>
      </c>
      <c r="KFJ735" s="424"/>
      <c r="KFK735" s="424"/>
      <c r="KFL735" s="424"/>
      <c r="KFM735" s="423" t="s">
        <v>2795</v>
      </c>
      <c r="KFN735" s="424"/>
      <c r="KFO735" s="424"/>
      <c r="KFP735" s="424"/>
      <c r="KFQ735" s="423" t="s">
        <v>2795</v>
      </c>
      <c r="KFR735" s="424"/>
      <c r="KFS735" s="424"/>
      <c r="KFT735" s="424"/>
      <c r="KFU735" s="423" t="s">
        <v>2795</v>
      </c>
      <c r="KFV735" s="424"/>
      <c r="KFW735" s="424"/>
      <c r="KFX735" s="424"/>
      <c r="KFY735" s="423" t="s">
        <v>2795</v>
      </c>
      <c r="KFZ735" s="424"/>
      <c r="KGA735" s="424"/>
      <c r="KGB735" s="424"/>
      <c r="KGC735" s="423" t="s">
        <v>2795</v>
      </c>
      <c r="KGD735" s="424"/>
      <c r="KGE735" s="424"/>
      <c r="KGF735" s="424"/>
      <c r="KGG735" s="423" t="s">
        <v>2795</v>
      </c>
      <c r="KGH735" s="424"/>
      <c r="KGI735" s="424"/>
      <c r="KGJ735" s="424"/>
      <c r="KGK735" s="423" t="s">
        <v>2795</v>
      </c>
      <c r="KGL735" s="424"/>
      <c r="KGM735" s="424"/>
      <c r="KGN735" s="424"/>
      <c r="KGO735" s="423" t="s">
        <v>2795</v>
      </c>
      <c r="KGP735" s="424"/>
      <c r="KGQ735" s="424"/>
      <c r="KGR735" s="424"/>
      <c r="KGS735" s="423" t="s">
        <v>2795</v>
      </c>
      <c r="KGT735" s="424"/>
      <c r="KGU735" s="424"/>
      <c r="KGV735" s="424"/>
      <c r="KGW735" s="423" t="s">
        <v>2795</v>
      </c>
      <c r="KGX735" s="424"/>
      <c r="KGY735" s="424"/>
      <c r="KGZ735" s="424"/>
      <c r="KHA735" s="423" t="s">
        <v>2795</v>
      </c>
      <c r="KHB735" s="424"/>
      <c r="KHC735" s="424"/>
      <c r="KHD735" s="424"/>
      <c r="KHE735" s="423" t="s">
        <v>2795</v>
      </c>
      <c r="KHF735" s="424"/>
      <c r="KHG735" s="424"/>
      <c r="KHH735" s="424"/>
      <c r="KHI735" s="423" t="s">
        <v>2795</v>
      </c>
      <c r="KHJ735" s="424"/>
      <c r="KHK735" s="424"/>
      <c r="KHL735" s="424"/>
      <c r="KHM735" s="423" t="s">
        <v>2795</v>
      </c>
      <c r="KHN735" s="424"/>
      <c r="KHO735" s="424"/>
      <c r="KHP735" s="424"/>
      <c r="KHQ735" s="423" t="s">
        <v>2795</v>
      </c>
      <c r="KHR735" s="424"/>
      <c r="KHS735" s="424"/>
      <c r="KHT735" s="424"/>
      <c r="KHU735" s="423" t="s">
        <v>2795</v>
      </c>
      <c r="KHV735" s="424"/>
      <c r="KHW735" s="424"/>
      <c r="KHX735" s="424"/>
      <c r="KHY735" s="423" t="s">
        <v>2795</v>
      </c>
      <c r="KHZ735" s="424"/>
      <c r="KIA735" s="424"/>
      <c r="KIB735" s="424"/>
      <c r="KIC735" s="423" t="s">
        <v>2795</v>
      </c>
      <c r="KID735" s="424"/>
      <c r="KIE735" s="424"/>
      <c r="KIF735" s="424"/>
      <c r="KIG735" s="423" t="s">
        <v>2795</v>
      </c>
      <c r="KIH735" s="424"/>
      <c r="KII735" s="424"/>
      <c r="KIJ735" s="424"/>
      <c r="KIK735" s="423" t="s">
        <v>2795</v>
      </c>
      <c r="KIL735" s="424"/>
      <c r="KIM735" s="424"/>
      <c r="KIN735" s="424"/>
      <c r="KIO735" s="423" t="s">
        <v>2795</v>
      </c>
      <c r="KIP735" s="424"/>
      <c r="KIQ735" s="424"/>
      <c r="KIR735" s="424"/>
      <c r="KIS735" s="423" t="s">
        <v>2795</v>
      </c>
      <c r="KIT735" s="424"/>
      <c r="KIU735" s="424"/>
      <c r="KIV735" s="424"/>
      <c r="KIW735" s="423" t="s">
        <v>2795</v>
      </c>
      <c r="KIX735" s="424"/>
      <c r="KIY735" s="424"/>
      <c r="KIZ735" s="424"/>
      <c r="KJA735" s="423" t="s">
        <v>2795</v>
      </c>
      <c r="KJB735" s="424"/>
      <c r="KJC735" s="424"/>
      <c r="KJD735" s="424"/>
      <c r="KJE735" s="423" t="s">
        <v>2795</v>
      </c>
      <c r="KJF735" s="424"/>
      <c r="KJG735" s="424"/>
      <c r="KJH735" s="424"/>
      <c r="KJI735" s="423" t="s">
        <v>2795</v>
      </c>
      <c r="KJJ735" s="424"/>
      <c r="KJK735" s="424"/>
      <c r="KJL735" s="424"/>
      <c r="KJM735" s="423" t="s">
        <v>2795</v>
      </c>
      <c r="KJN735" s="424"/>
      <c r="KJO735" s="424"/>
      <c r="KJP735" s="424"/>
      <c r="KJQ735" s="423" t="s">
        <v>2795</v>
      </c>
      <c r="KJR735" s="424"/>
      <c r="KJS735" s="424"/>
      <c r="KJT735" s="424"/>
      <c r="KJU735" s="423" t="s">
        <v>2795</v>
      </c>
      <c r="KJV735" s="424"/>
      <c r="KJW735" s="424"/>
      <c r="KJX735" s="424"/>
      <c r="KJY735" s="423" t="s">
        <v>2795</v>
      </c>
      <c r="KJZ735" s="424"/>
      <c r="KKA735" s="424"/>
      <c r="KKB735" s="424"/>
      <c r="KKC735" s="423" t="s">
        <v>2795</v>
      </c>
      <c r="KKD735" s="424"/>
      <c r="KKE735" s="424"/>
      <c r="KKF735" s="424"/>
      <c r="KKG735" s="423" t="s">
        <v>2795</v>
      </c>
      <c r="KKH735" s="424"/>
      <c r="KKI735" s="424"/>
      <c r="KKJ735" s="424"/>
      <c r="KKK735" s="423" t="s">
        <v>2795</v>
      </c>
      <c r="KKL735" s="424"/>
      <c r="KKM735" s="424"/>
      <c r="KKN735" s="424"/>
      <c r="KKO735" s="423" t="s">
        <v>2795</v>
      </c>
      <c r="KKP735" s="424"/>
      <c r="KKQ735" s="424"/>
      <c r="KKR735" s="424"/>
      <c r="KKS735" s="423" t="s">
        <v>2795</v>
      </c>
      <c r="KKT735" s="424"/>
      <c r="KKU735" s="424"/>
      <c r="KKV735" s="424"/>
      <c r="KKW735" s="423" t="s">
        <v>2795</v>
      </c>
      <c r="KKX735" s="424"/>
      <c r="KKY735" s="424"/>
      <c r="KKZ735" s="424"/>
      <c r="KLA735" s="423" t="s">
        <v>2795</v>
      </c>
      <c r="KLB735" s="424"/>
      <c r="KLC735" s="424"/>
      <c r="KLD735" s="424"/>
      <c r="KLE735" s="423" t="s">
        <v>2795</v>
      </c>
      <c r="KLF735" s="424"/>
      <c r="KLG735" s="424"/>
      <c r="KLH735" s="424"/>
      <c r="KLI735" s="423" t="s">
        <v>2795</v>
      </c>
      <c r="KLJ735" s="424"/>
      <c r="KLK735" s="424"/>
      <c r="KLL735" s="424"/>
      <c r="KLM735" s="423" t="s">
        <v>2795</v>
      </c>
      <c r="KLN735" s="424"/>
      <c r="KLO735" s="424"/>
      <c r="KLP735" s="424"/>
      <c r="KLQ735" s="423" t="s">
        <v>2795</v>
      </c>
      <c r="KLR735" s="424"/>
      <c r="KLS735" s="424"/>
      <c r="KLT735" s="424"/>
      <c r="KLU735" s="423" t="s">
        <v>2795</v>
      </c>
      <c r="KLV735" s="424"/>
      <c r="KLW735" s="424"/>
      <c r="KLX735" s="424"/>
      <c r="KLY735" s="423" t="s">
        <v>2795</v>
      </c>
      <c r="KLZ735" s="424"/>
      <c r="KMA735" s="424"/>
      <c r="KMB735" s="424"/>
      <c r="KMC735" s="423" t="s">
        <v>2795</v>
      </c>
      <c r="KMD735" s="424"/>
      <c r="KME735" s="424"/>
      <c r="KMF735" s="424"/>
      <c r="KMG735" s="423" t="s">
        <v>2795</v>
      </c>
      <c r="KMH735" s="424"/>
      <c r="KMI735" s="424"/>
      <c r="KMJ735" s="424"/>
      <c r="KMK735" s="423" t="s">
        <v>2795</v>
      </c>
      <c r="KML735" s="424"/>
      <c r="KMM735" s="424"/>
      <c r="KMN735" s="424"/>
      <c r="KMO735" s="423" t="s">
        <v>2795</v>
      </c>
      <c r="KMP735" s="424"/>
      <c r="KMQ735" s="424"/>
      <c r="KMR735" s="424"/>
      <c r="KMS735" s="423" t="s">
        <v>2795</v>
      </c>
      <c r="KMT735" s="424"/>
      <c r="KMU735" s="424"/>
      <c r="KMV735" s="424"/>
      <c r="KMW735" s="423" t="s">
        <v>2795</v>
      </c>
      <c r="KMX735" s="424"/>
      <c r="KMY735" s="424"/>
      <c r="KMZ735" s="424"/>
      <c r="KNA735" s="423" t="s">
        <v>2795</v>
      </c>
      <c r="KNB735" s="424"/>
      <c r="KNC735" s="424"/>
      <c r="KND735" s="424"/>
      <c r="KNE735" s="423" t="s">
        <v>2795</v>
      </c>
      <c r="KNF735" s="424"/>
      <c r="KNG735" s="424"/>
      <c r="KNH735" s="424"/>
      <c r="KNI735" s="423" t="s">
        <v>2795</v>
      </c>
      <c r="KNJ735" s="424"/>
      <c r="KNK735" s="424"/>
      <c r="KNL735" s="424"/>
      <c r="KNM735" s="423" t="s">
        <v>2795</v>
      </c>
      <c r="KNN735" s="424"/>
      <c r="KNO735" s="424"/>
      <c r="KNP735" s="424"/>
      <c r="KNQ735" s="423" t="s">
        <v>2795</v>
      </c>
      <c r="KNR735" s="424"/>
      <c r="KNS735" s="424"/>
      <c r="KNT735" s="424"/>
      <c r="KNU735" s="423" t="s">
        <v>2795</v>
      </c>
      <c r="KNV735" s="424"/>
      <c r="KNW735" s="424"/>
      <c r="KNX735" s="424"/>
      <c r="KNY735" s="423" t="s">
        <v>2795</v>
      </c>
      <c r="KNZ735" s="424"/>
      <c r="KOA735" s="424"/>
      <c r="KOB735" s="424"/>
      <c r="KOC735" s="423" t="s">
        <v>2795</v>
      </c>
      <c r="KOD735" s="424"/>
      <c r="KOE735" s="424"/>
      <c r="KOF735" s="424"/>
      <c r="KOG735" s="423" t="s">
        <v>2795</v>
      </c>
      <c r="KOH735" s="424"/>
      <c r="KOI735" s="424"/>
      <c r="KOJ735" s="424"/>
      <c r="KOK735" s="423" t="s">
        <v>2795</v>
      </c>
      <c r="KOL735" s="424"/>
      <c r="KOM735" s="424"/>
      <c r="KON735" s="424"/>
      <c r="KOO735" s="423" t="s">
        <v>2795</v>
      </c>
      <c r="KOP735" s="424"/>
      <c r="KOQ735" s="424"/>
      <c r="KOR735" s="424"/>
      <c r="KOS735" s="423" t="s">
        <v>2795</v>
      </c>
      <c r="KOT735" s="424"/>
      <c r="KOU735" s="424"/>
      <c r="KOV735" s="424"/>
      <c r="KOW735" s="423" t="s">
        <v>2795</v>
      </c>
      <c r="KOX735" s="424"/>
      <c r="KOY735" s="424"/>
      <c r="KOZ735" s="424"/>
      <c r="KPA735" s="423" t="s">
        <v>2795</v>
      </c>
      <c r="KPB735" s="424"/>
      <c r="KPC735" s="424"/>
      <c r="KPD735" s="424"/>
      <c r="KPE735" s="423" t="s">
        <v>2795</v>
      </c>
      <c r="KPF735" s="424"/>
      <c r="KPG735" s="424"/>
      <c r="KPH735" s="424"/>
      <c r="KPI735" s="423" t="s">
        <v>2795</v>
      </c>
      <c r="KPJ735" s="424"/>
      <c r="KPK735" s="424"/>
      <c r="KPL735" s="424"/>
      <c r="KPM735" s="423" t="s">
        <v>2795</v>
      </c>
      <c r="KPN735" s="424"/>
      <c r="KPO735" s="424"/>
      <c r="KPP735" s="424"/>
      <c r="KPQ735" s="423" t="s">
        <v>2795</v>
      </c>
      <c r="KPR735" s="424"/>
      <c r="KPS735" s="424"/>
      <c r="KPT735" s="424"/>
      <c r="KPU735" s="423" t="s">
        <v>2795</v>
      </c>
      <c r="KPV735" s="424"/>
      <c r="KPW735" s="424"/>
      <c r="KPX735" s="424"/>
      <c r="KPY735" s="423" t="s">
        <v>2795</v>
      </c>
      <c r="KPZ735" s="424"/>
      <c r="KQA735" s="424"/>
      <c r="KQB735" s="424"/>
      <c r="KQC735" s="423" t="s">
        <v>2795</v>
      </c>
      <c r="KQD735" s="424"/>
      <c r="KQE735" s="424"/>
      <c r="KQF735" s="424"/>
      <c r="KQG735" s="423" t="s">
        <v>2795</v>
      </c>
      <c r="KQH735" s="424"/>
      <c r="KQI735" s="424"/>
      <c r="KQJ735" s="424"/>
      <c r="KQK735" s="423" t="s">
        <v>2795</v>
      </c>
      <c r="KQL735" s="424"/>
      <c r="KQM735" s="424"/>
      <c r="KQN735" s="424"/>
      <c r="KQO735" s="423" t="s">
        <v>2795</v>
      </c>
      <c r="KQP735" s="424"/>
      <c r="KQQ735" s="424"/>
      <c r="KQR735" s="424"/>
      <c r="KQS735" s="423" t="s">
        <v>2795</v>
      </c>
      <c r="KQT735" s="424"/>
      <c r="KQU735" s="424"/>
      <c r="KQV735" s="424"/>
      <c r="KQW735" s="423" t="s">
        <v>2795</v>
      </c>
      <c r="KQX735" s="424"/>
      <c r="KQY735" s="424"/>
      <c r="KQZ735" s="424"/>
      <c r="KRA735" s="423" t="s">
        <v>2795</v>
      </c>
      <c r="KRB735" s="424"/>
      <c r="KRC735" s="424"/>
      <c r="KRD735" s="424"/>
      <c r="KRE735" s="423" t="s">
        <v>2795</v>
      </c>
      <c r="KRF735" s="424"/>
      <c r="KRG735" s="424"/>
      <c r="KRH735" s="424"/>
      <c r="KRI735" s="423" t="s">
        <v>2795</v>
      </c>
      <c r="KRJ735" s="424"/>
      <c r="KRK735" s="424"/>
      <c r="KRL735" s="424"/>
      <c r="KRM735" s="423" t="s">
        <v>2795</v>
      </c>
      <c r="KRN735" s="424"/>
      <c r="KRO735" s="424"/>
      <c r="KRP735" s="424"/>
      <c r="KRQ735" s="423" t="s">
        <v>2795</v>
      </c>
      <c r="KRR735" s="424"/>
      <c r="KRS735" s="424"/>
      <c r="KRT735" s="424"/>
      <c r="KRU735" s="423" t="s">
        <v>2795</v>
      </c>
      <c r="KRV735" s="424"/>
      <c r="KRW735" s="424"/>
      <c r="KRX735" s="424"/>
      <c r="KRY735" s="423" t="s">
        <v>2795</v>
      </c>
      <c r="KRZ735" s="424"/>
      <c r="KSA735" s="424"/>
      <c r="KSB735" s="424"/>
      <c r="KSC735" s="423" t="s">
        <v>2795</v>
      </c>
      <c r="KSD735" s="424"/>
      <c r="KSE735" s="424"/>
      <c r="KSF735" s="424"/>
      <c r="KSG735" s="423" t="s">
        <v>2795</v>
      </c>
      <c r="KSH735" s="424"/>
      <c r="KSI735" s="424"/>
      <c r="KSJ735" s="424"/>
      <c r="KSK735" s="423" t="s">
        <v>2795</v>
      </c>
      <c r="KSL735" s="424"/>
      <c r="KSM735" s="424"/>
      <c r="KSN735" s="424"/>
      <c r="KSO735" s="423" t="s">
        <v>2795</v>
      </c>
      <c r="KSP735" s="424"/>
      <c r="KSQ735" s="424"/>
      <c r="KSR735" s="424"/>
      <c r="KSS735" s="423" t="s">
        <v>2795</v>
      </c>
      <c r="KST735" s="424"/>
      <c r="KSU735" s="424"/>
      <c r="KSV735" s="424"/>
      <c r="KSW735" s="423" t="s">
        <v>2795</v>
      </c>
      <c r="KSX735" s="424"/>
      <c r="KSY735" s="424"/>
      <c r="KSZ735" s="424"/>
      <c r="KTA735" s="423" t="s">
        <v>2795</v>
      </c>
      <c r="KTB735" s="424"/>
      <c r="KTC735" s="424"/>
      <c r="KTD735" s="424"/>
      <c r="KTE735" s="423" t="s">
        <v>2795</v>
      </c>
      <c r="KTF735" s="424"/>
      <c r="KTG735" s="424"/>
      <c r="KTH735" s="424"/>
      <c r="KTI735" s="423" t="s">
        <v>2795</v>
      </c>
      <c r="KTJ735" s="424"/>
      <c r="KTK735" s="424"/>
      <c r="KTL735" s="424"/>
      <c r="KTM735" s="423" t="s">
        <v>2795</v>
      </c>
      <c r="KTN735" s="424"/>
      <c r="KTO735" s="424"/>
      <c r="KTP735" s="424"/>
      <c r="KTQ735" s="423" t="s">
        <v>2795</v>
      </c>
      <c r="KTR735" s="424"/>
      <c r="KTS735" s="424"/>
      <c r="KTT735" s="424"/>
      <c r="KTU735" s="423" t="s">
        <v>2795</v>
      </c>
      <c r="KTV735" s="424"/>
      <c r="KTW735" s="424"/>
      <c r="KTX735" s="424"/>
      <c r="KTY735" s="423" t="s">
        <v>2795</v>
      </c>
      <c r="KTZ735" s="424"/>
      <c r="KUA735" s="424"/>
      <c r="KUB735" s="424"/>
      <c r="KUC735" s="423" t="s">
        <v>2795</v>
      </c>
      <c r="KUD735" s="424"/>
      <c r="KUE735" s="424"/>
      <c r="KUF735" s="424"/>
      <c r="KUG735" s="423" t="s">
        <v>2795</v>
      </c>
      <c r="KUH735" s="424"/>
      <c r="KUI735" s="424"/>
      <c r="KUJ735" s="424"/>
      <c r="KUK735" s="423" t="s">
        <v>2795</v>
      </c>
      <c r="KUL735" s="424"/>
      <c r="KUM735" s="424"/>
      <c r="KUN735" s="424"/>
      <c r="KUO735" s="423" t="s">
        <v>2795</v>
      </c>
      <c r="KUP735" s="424"/>
      <c r="KUQ735" s="424"/>
      <c r="KUR735" s="424"/>
      <c r="KUS735" s="423" t="s">
        <v>2795</v>
      </c>
      <c r="KUT735" s="424"/>
      <c r="KUU735" s="424"/>
      <c r="KUV735" s="424"/>
      <c r="KUW735" s="423" t="s">
        <v>2795</v>
      </c>
      <c r="KUX735" s="424"/>
      <c r="KUY735" s="424"/>
      <c r="KUZ735" s="424"/>
      <c r="KVA735" s="423" t="s">
        <v>2795</v>
      </c>
      <c r="KVB735" s="424"/>
      <c r="KVC735" s="424"/>
      <c r="KVD735" s="424"/>
      <c r="KVE735" s="423" t="s">
        <v>2795</v>
      </c>
      <c r="KVF735" s="424"/>
      <c r="KVG735" s="424"/>
      <c r="KVH735" s="424"/>
      <c r="KVI735" s="423" t="s">
        <v>2795</v>
      </c>
      <c r="KVJ735" s="424"/>
      <c r="KVK735" s="424"/>
      <c r="KVL735" s="424"/>
      <c r="KVM735" s="423" t="s">
        <v>2795</v>
      </c>
      <c r="KVN735" s="424"/>
      <c r="KVO735" s="424"/>
      <c r="KVP735" s="424"/>
      <c r="KVQ735" s="423" t="s">
        <v>2795</v>
      </c>
      <c r="KVR735" s="424"/>
      <c r="KVS735" s="424"/>
      <c r="KVT735" s="424"/>
      <c r="KVU735" s="423" t="s">
        <v>2795</v>
      </c>
      <c r="KVV735" s="424"/>
      <c r="KVW735" s="424"/>
      <c r="KVX735" s="424"/>
      <c r="KVY735" s="423" t="s">
        <v>2795</v>
      </c>
      <c r="KVZ735" s="424"/>
      <c r="KWA735" s="424"/>
      <c r="KWB735" s="424"/>
      <c r="KWC735" s="423" t="s">
        <v>2795</v>
      </c>
      <c r="KWD735" s="424"/>
      <c r="KWE735" s="424"/>
      <c r="KWF735" s="424"/>
      <c r="KWG735" s="423" t="s">
        <v>2795</v>
      </c>
      <c r="KWH735" s="424"/>
      <c r="KWI735" s="424"/>
      <c r="KWJ735" s="424"/>
      <c r="KWK735" s="423" t="s">
        <v>2795</v>
      </c>
      <c r="KWL735" s="424"/>
      <c r="KWM735" s="424"/>
      <c r="KWN735" s="424"/>
      <c r="KWO735" s="423" t="s">
        <v>2795</v>
      </c>
      <c r="KWP735" s="424"/>
      <c r="KWQ735" s="424"/>
      <c r="KWR735" s="424"/>
      <c r="KWS735" s="423" t="s">
        <v>2795</v>
      </c>
      <c r="KWT735" s="424"/>
      <c r="KWU735" s="424"/>
      <c r="KWV735" s="424"/>
      <c r="KWW735" s="423" t="s">
        <v>2795</v>
      </c>
      <c r="KWX735" s="424"/>
      <c r="KWY735" s="424"/>
      <c r="KWZ735" s="424"/>
      <c r="KXA735" s="423" t="s">
        <v>2795</v>
      </c>
      <c r="KXB735" s="424"/>
      <c r="KXC735" s="424"/>
      <c r="KXD735" s="424"/>
      <c r="KXE735" s="423" t="s">
        <v>2795</v>
      </c>
      <c r="KXF735" s="424"/>
      <c r="KXG735" s="424"/>
      <c r="KXH735" s="424"/>
      <c r="KXI735" s="423" t="s">
        <v>2795</v>
      </c>
      <c r="KXJ735" s="424"/>
      <c r="KXK735" s="424"/>
      <c r="KXL735" s="424"/>
      <c r="KXM735" s="423" t="s">
        <v>2795</v>
      </c>
      <c r="KXN735" s="424"/>
      <c r="KXO735" s="424"/>
      <c r="KXP735" s="424"/>
      <c r="KXQ735" s="423" t="s">
        <v>2795</v>
      </c>
      <c r="KXR735" s="424"/>
      <c r="KXS735" s="424"/>
      <c r="KXT735" s="424"/>
      <c r="KXU735" s="423" t="s">
        <v>2795</v>
      </c>
      <c r="KXV735" s="424"/>
      <c r="KXW735" s="424"/>
      <c r="KXX735" s="424"/>
      <c r="KXY735" s="423" t="s">
        <v>2795</v>
      </c>
      <c r="KXZ735" s="424"/>
      <c r="KYA735" s="424"/>
      <c r="KYB735" s="424"/>
      <c r="KYC735" s="423" t="s">
        <v>2795</v>
      </c>
      <c r="KYD735" s="424"/>
      <c r="KYE735" s="424"/>
      <c r="KYF735" s="424"/>
      <c r="KYG735" s="423" t="s">
        <v>2795</v>
      </c>
      <c r="KYH735" s="424"/>
      <c r="KYI735" s="424"/>
      <c r="KYJ735" s="424"/>
      <c r="KYK735" s="423" t="s">
        <v>2795</v>
      </c>
      <c r="KYL735" s="424"/>
      <c r="KYM735" s="424"/>
      <c r="KYN735" s="424"/>
      <c r="KYO735" s="423" t="s">
        <v>2795</v>
      </c>
      <c r="KYP735" s="424"/>
      <c r="KYQ735" s="424"/>
      <c r="KYR735" s="424"/>
      <c r="KYS735" s="423" t="s">
        <v>2795</v>
      </c>
      <c r="KYT735" s="424"/>
      <c r="KYU735" s="424"/>
      <c r="KYV735" s="424"/>
      <c r="KYW735" s="423" t="s">
        <v>2795</v>
      </c>
      <c r="KYX735" s="424"/>
      <c r="KYY735" s="424"/>
      <c r="KYZ735" s="424"/>
      <c r="KZA735" s="423" t="s">
        <v>2795</v>
      </c>
      <c r="KZB735" s="424"/>
      <c r="KZC735" s="424"/>
      <c r="KZD735" s="424"/>
      <c r="KZE735" s="423" t="s">
        <v>2795</v>
      </c>
      <c r="KZF735" s="424"/>
      <c r="KZG735" s="424"/>
      <c r="KZH735" s="424"/>
      <c r="KZI735" s="423" t="s">
        <v>2795</v>
      </c>
      <c r="KZJ735" s="424"/>
      <c r="KZK735" s="424"/>
      <c r="KZL735" s="424"/>
      <c r="KZM735" s="423" t="s">
        <v>2795</v>
      </c>
      <c r="KZN735" s="424"/>
      <c r="KZO735" s="424"/>
      <c r="KZP735" s="424"/>
      <c r="KZQ735" s="423" t="s">
        <v>2795</v>
      </c>
      <c r="KZR735" s="424"/>
      <c r="KZS735" s="424"/>
      <c r="KZT735" s="424"/>
      <c r="KZU735" s="423" t="s">
        <v>2795</v>
      </c>
      <c r="KZV735" s="424"/>
      <c r="KZW735" s="424"/>
      <c r="KZX735" s="424"/>
      <c r="KZY735" s="423" t="s">
        <v>2795</v>
      </c>
      <c r="KZZ735" s="424"/>
      <c r="LAA735" s="424"/>
      <c r="LAB735" s="424"/>
      <c r="LAC735" s="423" t="s">
        <v>2795</v>
      </c>
      <c r="LAD735" s="424"/>
      <c r="LAE735" s="424"/>
      <c r="LAF735" s="424"/>
      <c r="LAG735" s="423" t="s">
        <v>2795</v>
      </c>
      <c r="LAH735" s="424"/>
      <c r="LAI735" s="424"/>
      <c r="LAJ735" s="424"/>
      <c r="LAK735" s="423" t="s">
        <v>2795</v>
      </c>
      <c r="LAL735" s="424"/>
      <c r="LAM735" s="424"/>
      <c r="LAN735" s="424"/>
      <c r="LAO735" s="423" t="s">
        <v>2795</v>
      </c>
      <c r="LAP735" s="424"/>
      <c r="LAQ735" s="424"/>
      <c r="LAR735" s="424"/>
      <c r="LAS735" s="423" t="s">
        <v>2795</v>
      </c>
      <c r="LAT735" s="424"/>
      <c r="LAU735" s="424"/>
      <c r="LAV735" s="424"/>
      <c r="LAW735" s="423" t="s">
        <v>2795</v>
      </c>
      <c r="LAX735" s="424"/>
      <c r="LAY735" s="424"/>
      <c r="LAZ735" s="424"/>
      <c r="LBA735" s="423" t="s">
        <v>2795</v>
      </c>
      <c r="LBB735" s="424"/>
      <c r="LBC735" s="424"/>
      <c r="LBD735" s="424"/>
      <c r="LBE735" s="423" t="s">
        <v>2795</v>
      </c>
      <c r="LBF735" s="424"/>
      <c r="LBG735" s="424"/>
      <c r="LBH735" s="424"/>
      <c r="LBI735" s="423" t="s">
        <v>2795</v>
      </c>
      <c r="LBJ735" s="424"/>
      <c r="LBK735" s="424"/>
      <c r="LBL735" s="424"/>
      <c r="LBM735" s="423" t="s">
        <v>2795</v>
      </c>
      <c r="LBN735" s="424"/>
      <c r="LBO735" s="424"/>
      <c r="LBP735" s="424"/>
      <c r="LBQ735" s="423" t="s">
        <v>2795</v>
      </c>
      <c r="LBR735" s="424"/>
      <c r="LBS735" s="424"/>
      <c r="LBT735" s="424"/>
      <c r="LBU735" s="423" t="s">
        <v>2795</v>
      </c>
      <c r="LBV735" s="424"/>
      <c r="LBW735" s="424"/>
      <c r="LBX735" s="424"/>
      <c r="LBY735" s="423" t="s">
        <v>2795</v>
      </c>
      <c r="LBZ735" s="424"/>
      <c r="LCA735" s="424"/>
      <c r="LCB735" s="424"/>
      <c r="LCC735" s="423" t="s">
        <v>2795</v>
      </c>
      <c r="LCD735" s="424"/>
      <c r="LCE735" s="424"/>
      <c r="LCF735" s="424"/>
      <c r="LCG735" s="423" t="s">
        <v>2795</v>
      </c>
      <c r="LCH735" s="424"/>
      <c r="LCI735" s="424"/>
      <c r="LCJ735" s="424"/>
      <c r="LCK735" s="423" t="s">
        <v>2795</v>
      </c>
      <c r="LCL735" s="424"/>
      <c r="LCM735" s="424"/>
      <c r="LCN735" s="424"/>
      <c r="LCO735" s="423" t="s">
        <v>2795</v>
      </c>
      <c r="LCP735" s="424"/>
      <c r="LCQ735" s="424"/>
      <c r="LCR735" s="424"/>
      <c r="LCS735" s="423" t="s">
        <v>2795</v>
      </c>
      <c r="LCT735" s="424"/>
      <c r="LCU735" s="424"/>
      <c r="LCV735" s="424"/>
      <c r="LCW735" s="423" t="s">
        <v>2795</v>
      </c>
      <c r="LCX735" s="424"/>
      <c r="LCY735" s="424"/>
      <c r="LCZ735" s="424"/>
      <c r="LDA735" s="423" t="s">
        <v>2795</v>
      </c>
      <c r="LDB735" s="424"/>
      <c r="LDC735" s="424"/>
      <c r="LDD735" s="424"/>
      <c r="LDE735" s="423" t="s">
        <v>2795</v>
      </c>
      <c r="LDF735" s="424"/>
      <c r="LDG735" s="424"/>
      <c r="LDH735" s="424"/>
      <c r="LDI735" s="423" t="s">
        <v>2795</v>
      </c>
      <c r="LDJ735" s="424"/>
      <c r="LDK735" s="424"/>
      <c r="LDL735" s="424"/>
      <c r="LDM735" s="423" t="s">
        <v>2795</v>
      </c>
      <c r="LDN735" s="424"/>
      <c r="LDO735" s="424"/>
      <c r="LDP735" s="424"/>
      <c r="LDQ735" s="423" t="s">
        <v>2795</v>
      </c>
      <c r="LDR735" s="424"/>
      <c r="LDS735" s="424"/>
      <c r="LDT735" s="424"/>
      <c r="LDU735" s="423" t="s">
        <v>2795</v>
      </c>
      <c r="LDV735" s="424"/>
      <c r="LDW735" s="424"/>
      <c r="LDX735" s="424"/>
      <c r="LDY735" s="423" t="s">
        <v>2795</v>
      </c>
      <c r="LDZ735" s="424"/>
      <c r="LEA735" s="424"/>
      <c r="LEB735" s="424"/>
      <c r="LEC735" s="423" t="s">
        <v>2795</v>
      </c>
      <c r="LED735" s="424"/>
      <c r="LEE735" s="424"/>
      <c r="LEF735" s="424"/>
      <c r="LEG735" s="423" t="s">
        <v>2795</v>
      </c>
      <c r="LEH735" s="424"/>
      <c r="LEI735" s="424"/>
      <c r="LEJ735" s="424"/>
      <c r="LEK735" s="423" t="s">
        <v>2795</v>
      </c>
      <c r="LEL735" s="424"/>
      <c r="LEM735" s="424"/>
      <c r="LEN735" s="424"/>
      <c r="LEO735" s="423" t="s">
        <v>2795</v>
      </c>
      <c r="LEP735" s="424"/>
      <c r="LEQ735" s="424"/>
      <c r="LER735" s="424"/>
      <c r="LES735" s="423" t="s">
        <v>2795</v>
      </c>
      <c r="LET735" s="424"/>
      <c r="LEU735" s="424"/>
      <c r="LEV735" s="424"/>
      <c r="LEW735" s="423" t="s">
        <v>2795</v>
      </c>
      <c r="LEX735" s="424"/>
      <c r="LEY735" s="424"/>
      <c r="LEZ735" s="424"/>
      <c r="LFA735" s="423" t="s">
        <v>2795</v>
      </c>
      <c r="LFB735" s="424"/>
      <c r="LFC735" s="424"/>
      <c r="LFD735" s="424"/>
      <c r="LFE735" s="423" t="s">
        <v>2795</v>
      </c>
      <c r="LFF735" s="424"/>
      <c r="LFG735" s="424"/>
      <c r="LFH735" s="424"/>
      <c r="LFI735" s="423" t="s">
        <v>2795</v>
      </c>
      <c r="LFJ735" s="424"/>
      <c r="LFK735" s="424"/>
      <c r="LFL735" s="424"/>
      <c r="LFM735" s="423" t="s">
        <v>2795</v>
      </c>
      <c r="LFN735" s="424"/>
      <c r="LFO735" s="424"/>
      <c r="LFP735" s="424"/>
      <c r="LFQ735" s="423" t="s">
        <v>2795</v>
      </c>
      <c r="LFR735" s="424"/>
      <c r="LFS735" s="424"/>
      <c r="LFT735" s="424"/>
      <c r="LFU735" s="423" t="s">
        <v>2795</v>
      </c>
      <c r="LFV735" s="424"/>
      <c r="LFW735" s="424"/>
      <c r="LFX735" s="424"/>
      <c r="LFY735" s="423" t="s">
        <v>2795</v>
      </c>
      <c r="LFZ735" s="424"/>
      <c r="LGA735" s="424"/>
      <c r="LGB735" s="424"/>
      <c r="LGC735" s="423" t="s">
        <v>2795</v>
      </c>
      <c r="LGD735" s="424"/>
      <c r="LGE735" s="424"/>
      <c r="LGF735" s="424"/>
      <c r="LGG735" s="423" t="s">
        <v>2795</v>
      </c>
      <c r="LGH735" s="424"/>
      <c r="LGI735" s="424"/>
      <c r="LGJ735" s="424"/>
      <c r="LGK735" s="423" t="s">
        <v>2795</v>
      </c>
      <c r="LGL735" s="424"/>
      <c r="LGM735" s="424"/>
      <c r="LGN735" s="424"/>
      <c r="LGO735" s="423" t="s">
        <v>2795</v>
      </c>
      <c r="LGP735" s="424"/>
      <c r="LGQ735" s="424"/>
      <c r="LGR735" s="424"/>
      <c r="LGS735" s="423" t="s">
        <v>2795</v>
      </c>
      <c r="LGT735" s="424"/>
      <c r="LGU735" s="424"/>
      <c r="LGV735" s="424"/>
      <c r="LGW735" s="423" t="s">
        <v>2795</v>
      </c>
      <c r="LGX735" s="424"/>
      <c r="LGY735" s="424"/>
      <c r="LGZ735" s="424"/>
      <c r="LHA735" s="423" t="s">
        <v>2795</v>
      </c>
      <c r="LHB735" s="424"/>
      <c r="LHC735" s="424"/>
      <c r="LHD735" s="424"/>
      <c r="LHE735" s="423" t="s">
        <v>2795</v>
      </c>
      <c r="LHF735" s="424"/>
      <c r="LHG735" s="424"/>
      <c r="LHH735" s="424"/>
      <c r="LHI735" s="423" t="s">
        <v>2795</v>
      </c>
      <c r="LHJ735" s="424"/>
      <c r="LHK735" s="424"/>
      <c r="LHL735" s="424"/>
      <c r="LHM735" s="423" t="s">
        <v>2795</v>
      </c>
      <c r="LHN735" s="424"/>
      <c r="LHO735" s="424"/>
      <c r="LHP735" s="424"/>
      <c r="LHQ735" s="423" t="s">
        <v>2795</v>
      </c>
      <c r="LHR735" s="424"/>
      <c r="LHS735" s="424"/>
      <c r="LHT735" s="424"/>
      <c r="LHU735" s="423" t="s">
        <v>2795</v>
      </c>
      <c r="LHV735" s="424"/>
      <c r="LHW735" s="424"/>
      <c r="LHX735" s="424"/>
      <c r="LHY735" s="423" t="s">
        <v>2795</v>
      </c>
      <c r="LHZ735" s="424"/>
      <c r="LIA735" s="424"/>
      <c r="LIB735" s="424"/>
      <c r="LIC735" s="423" t="s">
        <v>2795</v>
      </c>
      <c r="LID735" s="424"/>
      <c r="LIE735" s="424"/>
      <c r="LIF735" s="424"/>
      <c r="LIG735" s="423" t="s">
        <v>2795</v>
      </c>
      <c r="LIH735" s="424"/>
      <c r="LII735" s="424"/>
      <c r="LIJ735" s="424"/>
      <c r="LIK735" s="423" t="s">
        <v>2795</v>
      </c>
      <c r="LIL735" s="424"/>
      <c r="LIM735" s="424"/>
      <c r="LIN735" s="424"/>
      <c r="LIO735" s="423" t="s">
        <v>2795</v>
      </c>
      <c r="LIP735" s="424"/>
      <c r="LIQ735" s="424"/>
      <c r="LIR735" s="424"/>
      <c r="LIS735" s="423" t="s">
        <v>2795</v>
      </c>
      <c r="LIT735" s="424"/>
      <c r="LIU735" s="424"/>
      <c r="LIV735" s="424"/>
      <c r="LIW735" s="423" t="s">
        <v>2795</v>
      </c>
      <c r="LIX735" s="424"/>
      <c r="LIY735" s="424"/>
      <c r="LIZ735" s="424"/>
      <c r="LJA735" s="423" t="s">
        <v>2795</v>
      </c>
      <c r="LJB735" s="424"/>
      <c r="LJC735" s="424"/>
      <c r="LJD735" s="424"/>
      <c r="LJE735" s="423" t="s">
        <v>2795</v>
      </c>
      <c r="LJF735" s="424"/>
      <c r="LJG735" s="424"/>
      <c r="LJH735" s="424"/>
      <c r="LJI735" s="423" t="s">
        <v>2795</v>
      </c>
      <c r="LJJ735" s="424"/>
      <c r="LJK735" s="424"/>
      <c r="LJL735" s="424"/>
      <c r="LJM735" s="423" t="s">
        <v>2795</v>
      </c>
      <c r="LJN735" s="424"/>
      <c r="LJO735" s="424"/>
      <c r="LJP735" s="424"/>
      <c r="LJQ735" s="423" t="s">
        <v>2795</v>
      </c>
      <c r="LJR735" s="424"/>
      <c r="LJS735" s="424"/>
      <c r="LJT735" s="424"/>
      <c r="LJU735" s="423" t="s">
        <v>2795</v>
      </c>
      <c r="LJV735" s="424"/>
      <c r="LJW735" s="424"/>
      <c r="LJX735" s="424"/>
      <c r="LJY735" s="423" t="s">
        <v>2795</v>
      </c>
      <c r="LJZ735" s="424"/>
      <c r="LKA735" s="424"/>
      <c r="LKB735" s="424"/>
      <c r="LKC735" s="423" t="s">
        <v>2795</v>
      </c>
      <c r="LKD735" s="424"/>
      <c r="LKE735" s="424"/>
      <c r="LKF735" s="424"/>
      <c r="LKG735" s="423" t="s">
        <v>2795</v>
      </c>
      <c r="LKH735" s="424"/>
      <c r="LKI735" s="424"/>
      <c r="LKJ735" s="424"/>
      <c r="LKK735" s="423" t="s">
        <v>2795</v>
      </c>
      <c r="LKL735" s="424"/>
      <c r="LKM735" s="424"/>
      <c r="LKN735" s="424"/>
      <c r="LKO735" s="423" t="s">
        <v>2795</v>
      </c>
      <c r="LKP735" s="424"/>
      <c r="LKQ735" s="424"/>
      <c r="LKR735" s="424"/>
      <c r="LKS735" s="423" t="s">
        <v>2795</v>
      </c>
      <c r="LKT735" s="424"/>
      <c r="LKU735" s="424"/>
      <c r="LKV735" s="424"/>
      <c r="LKW735" s="423" t="s">
        <v>2795</v>
      </c>
      <c r="LKX735" s="424"/>
      <c r="LKY735" s="424"/>
      <c r="LKZ735" s="424"/>
      <c r="LLA735" s="423" t="s">
        <v>2795</v>
      </c>
      <c r="LLB735" s="424"/>
      <c r="LLC735" s="424"/>
      <c r="LLD735" s="424"/>
      <c r="LLE735" s="423" t="s">
        <v>2795</v>
      </c>
      <c r="LLF735" s="424"/>
      <c r="LLG735" s="424"/>
      <c r="LLH735" s="424"/>
      <c r="LLI735" s="423" t="s">
        <v>2795</v>
      </c>
      <c r="LLJ735" s="424"/>
      <c r="LLK735" s="424"/>
      <c r="LLL735" s="424"/>
      <c r="LLM735" s="423" t="s">
        <v>2795</v>
      </c>
      <c r="LLN735" s="424"/>
      <c r="LLO735" s="424"/>
      <c r="LLP735" s="424"/>
      <c r="LLQ735" s="423" t="s">
        <v>2795</v>
      </c>
      <c r="LLR735" s="424"/>
      <c r="LLS735" s="424"/>
      <c r="LLT735" s="424"/>
      <c r="LLU735" s="423" t="s">
        <v>2795</v>
      </c>
      <c r="LLV735" s="424"/>
      <c r="LLW735" s="424"/>
      <c r="LLX735" s="424"/>
      <c r="LLY735" s="423" t="s">
        <v>2795</v>
      </c>
      <c r="LLZ735" s="424"/>
      <c r="LMA735" s="424"/>
      <c r="LMB735" s="424"/>
      <c r="LMC735" s="423" t="s">
        <v>2795</v>
      </c>
      <c r="LMD735" s="424"/>
      <c r="LME735" s="424"/>
      <c r="LMF735" s="424"/>
      <c r="LMG735" s="423" t="s">
        <v>2795</v>
      </c>
      <c r="LMH735" s="424"/>
      <c r="LMI735" s="424"/>
      <c r="LMJ735" s="424"/>
      <c r="LMK735" s="423" t="s">
        <v>2795</v>
      </c>
      <c r="LML735" s="424"/>
      <c r="LMM735" s="424"/>
      <c r="LMN735" s="424"/>
      <c r="LMO735" s="423" t="s">
        <v>2795</v>
      </c>
      <c r="LMP735" s="424"/>
      <c r="LMQ735" s="424"/>
      <c r="LMR735" s="424"/>
      <c r="LMS735" s="423" t="s">
        <v>2795</v>
      </c>
      <c r="LMT735" s="424"/>
      <c r="LMU735" s="424"/>
      <c r="LMV735" s="424"/>
      <c r="LMW735" s="423" t="s">
        <v>2795</v>
      </c>
      <c r="LMX735" s="424"/>
      <c r="LMY735" s="424"/>
      <c r="LMZ735" s="424"/>
      <c r="LNA735" s="423" t="s">
        <v>2795</v>
      </c>
      <c r="LNB735" s="424"/>
      <c r="LNC735" s="424"/>
      <c r="LND735" s="424"/>
      <c r="LNE735" s="423" t="s">
        <v>2795</v>
      </c>
      <c r="LNF735" s="424"/>
      <c r="LNG735" s="424"/>
      <c r="LNH735" s="424"/>
      <c r="LNI735" s="423" t="s">
        <v>2795</v>
      </c>
      <c r="LNJ735" s="424"/>
      <c r="LNK735" s="424"/>
      <c r="LNL735" s="424"/>
      <c r="LNM735" s="423" t="s">
        <v>2795</v>
      </c>
      <c r="LNN735" s="424"/>
      <c r="LNO735" s="424"/>
      <c r="LNP735" s="424"/>
      <c r="LNQ735" s="423" t="s">
        <v>2795</v>
      </c>
      <c r="LNR735" s="424"/>
      <c r="LNS735" s="424"/>
      <c r="LNT735" s="424"/>
      <c r="LNU735" s="423" t="s">
        <v>2795</v>
      </c>
      <c r="LNV735" s="424"/>
      <c r="LNW735" s="424"/>
      <c r="LNX735" s="424"/>
      <c r="LNY735" s="423" t="s">
        <v>2795</v>
      </c>
      <c r="LNZ735" s="424"/>
      <c r="LOA735" s="424"/>
      <c r="LOB735" s="424"/>
      <c r="LOC735" s="423" t="s">
        <v>2795</v>
      </c>
      <c r="LOD735" s="424"/>
      <c r="LOE735" s="424"/>
      <c r="LOF735" s="424"/>
      <c r="LOG735" s="423" t="s">
        <v>2795</v>
      </c>
      <c r="LOH735" s="424"/>
      <c r="LOI735" s="424"/>
      <c r="LOJ735" s="424"/>
      <c r="LOK735" s="423" t="s">
        <v>2795</v>
      </c>
      <c r="LOL735" s="424"/>
      <c r="LOM735" s="424"/>
      <c r="LON735" s="424"/>
      <c r="LOO735" s="423" t="s">
        <v>2795</v>
      </c>
      <c r="LOP735" s="424"/>
      <c r="LOQ735" s="424"/>
      <c r="LOR735" s="424"/>
      <c r="LOS735" s="423" t="s">
        <v>2795</v>
      </c>
      <c r="LOT735" s="424"/>
      <c r="LOU735" s="424"/>
      <c r="LOV735" s="424"/>
      <c r="LOW735" s="423" t="s">
        <v>2795</v>
      </c>
      <c r="LOX735" s="424"/>
      <c r="LOY735" s="424"/>
      <c r="LOZ735" s="424"/>
      <c r="LPA735" s="423" t="s">
        <v>2795</v>
      </c>
      <c r="LPB735" s="424"/>
      <c r="LPC735" s="424"/>
      <c r="LPD735" s="424"/>
      <c r="LPE735" s="423" t="s">
        <v>2795</v>
      </c>
      <c r="LPF735" s="424"/>
      <c r="LPG735" s="424"/>
      <c r="LPH735" s="424"/>
      <c r="LPI735" s="423" t="s">
        <v>2795</v>
      </c>
      <c r="LPJ735" s="424"/>
      <c r="LPK735" s="424"/>
      <c r="LPL735" s="424"/>
      <c r="LPM735" s="423" t="s">
        <v>2795</v>
      </c>
      <c r="LPN735" s="424"/>
      <c r="LPO735" s="424"/>
      <c r="LPP735" s="424"/>
      <c r="LPQ735" s="423" t="s">
        <v>2795</v>
      </c>
      <c r="LPR735" s="424"/>
      <c r="LPS735" s="424"/>
      <c r="LPT735" s="424"/>
      <c r="LPU735" s="423" t="s">
        <v>2795</v>
      </c>
      <c r="LPV735" s="424"/>
      <c r="LPW735" s="424"/>
      <c r="LPX735" s="424"/>
      <c r="LPY735" s="423" t="s">
        <v>2795</v>
      </c>
      <c r="LPZ735" s="424"/>
      <c r="LQA735" s="424"/>
      <c r="LQB735" s="424"/>
      <c r="LQC735" s="423" t="s">
        <v>2795</v>
      </c>
      <c r="LQD735" s="424"/>
      <c r="LQE735" s="424"/>
      <c r="LQF735" s="424"/>
      <c r="LQG735" s="423" t="s">
        <v>2795</v>
      </c>
      <c r="LQH735" s="424"/>
      <c r="LQI735" s="424"/>
      <c r="LQJ735" s="424"/>
      <c r="LQK735" s="423" t="s">
        <v>2795</v>
      </c>
      <c r="LQL735" s="424"/>
      <c r="LQM735" s="424"/>
      <c r="LQN735" s="424"/>
      <c r="LQO735" s="423" t="s">
        <v>2795</v>
      </c>
      <c r="LQP735" s="424"/>
      <c r="LQQ735" s="424"/>
      <c r="LQR735" s="424"/>
      <c r="LQS735" s="423" t="s">
        <v>2795</v>
      </c>
      <c r="LQT735" s="424"/>
      <c r="LQU735" s="424"/>
      <c r="LQV735" s="424"/>
      <c r="LQW735" s="423" t="s">
        <v>2795</v>
      </c>
      <c r="LQX735" s="424"/>
      <c r="LQY735" s="424"/>
      <c r="LQZ735" s="424"/>
      <c r="LRA735" s="423" t="s">
        <v>2795</v>
      </c>
      <c r="LRB735" s="424"/>
      <c r="LRC735" s="424"/>
      <c r="LRD735" s="424"/>
      <c r="LRE735" s="423" t="s">
        <v>2795</v>
      </c>
      <c r="LRF735" s="424"/>
      <c r="LRG735" s="424"/>
      <c r="LRH735" s="424"/>
      <c r="LRI735" s="423" t="s">
        <v>2795</v>
      </c>
      <c r="LRJ735" s="424"/>
      <c r="LRK735" s="424"/>
      <c r="LRL735" s="424"/>
      <c r="LRM735" s="423" t="s">
        <v>2795</v>
      </c>
      <c r="LRN735" s="424"/>
      <c r="LRO735" s="424"/>
      <c r="LRP735" s="424"/>
      <c r="LRQ735" s="423" t="s">
        <v>2795</v>
      </c>
      <c r="LRR735" s="424"/>
      <c r="LRS735" s="424"/>
      <c r="LRT735" s="424"/>
      <c r="LRU735" s="423" t="s">
        <v>2795</v>
      </c>
      <c r="LRV735" s="424"/>
      <c r="LRW735" s="424"/>
      <c r="LRX735" s="424"/>
      <c r="LRY735" s="423" t="s">
        <v>2795</v>
      </c>
      <c r="LRZ735" s="424"/>
      <c r="LSA735" s="424"/>
      <c r="LSB735" s="424"/>
      <c r="LSC735" s="423" t="s">
        <v>2795</v>
      </c>
      <c r="LSD735" s="424"/>
      <c r="LSE735" s="424"/>
      <c r="LSF735" s="424"/>
      <c r="LSG735" s="423" t="s">
        <v>2795</v>
      </c>
      <c r="LSH735" s="424"/>
      <c r="LSI735" s="424"/>
      <c r="LSJ735" s="424"/>
      <c r="LSK735" s="423" t="s">
        <v>2795</v>
      </c>
      <c r="LSL735" s="424"/>
      <c r="LSM735" s="424"/>
      <c r="LSN735" s="424"/>
      <c r="LSO735" s="423" t="s">
        <v>2795</v>
      </c>
      <c r="LSP735" s="424"/>
      <c r="LSQ735" s="424"/>
      <c r="LSR735" s="424"/>
      <c r="LSS735" s="423" t="s">
        <v>2795</v>
      </c>
      <c r="LST735" s="424"/>
      <c r="LSU735" s="424"/>
      <c r="LSV735" s="424"/>
      <c r="LSW735" s="423" t="s">
        <v>2795</v>
      </c>
      <c r="LSX735" s="424"/>
      <c r="LSY735" s="424"/>
      <c r="LSZ735" s="424"/>
      <c r="LTA735" s="423" t="s">
        <v>2795</v>
      </c>
      <c r="LTB735" s="424"/>
      <c r="LTC735" s="424"/>
      <c r="LTD735" s="424"/>
      <c r="LTE735" s="423" t="s">
        <v>2795</v>
      </c>
      <c r="LTF735" s="424"/>
      <c r="LTG735" s="424"/>
      <c r="LTH735" s="424"/>
      <c r="LTI735" s="423" t="s">
        <v>2795</v>
      </c>
      <c r="LTJ735" s="424"/>
      <c r="LTK735" s="424"/>
      <c r="LTL735" s="424"/>
      <c r="LTM735" s="423" t="s">
        <v>2795</v>
      </c>
      <c r="LTN735" s="424"/>
      <c r="LTO735" s="424"/>
      <c r="LTP735" s="424"/>
      <c r="LTQ735" s="423" t="s">
        <v>2795</v>
      </c>
      <c r="LTR735" s="424"/>
      <c r="LTS735" s="424"/>
      <c r="LTT735" s="424"/>
      <c r="LTU735" s="423" t="s">
        <v>2795</v>
      </c>
      <c r="LTV735" s="424"/>
      <c r="LTW735" s="424"/>
      <c r="LTX735" s="424"/>
      <c r="LTY735" s="423" t="s">
        <v>2795</v>
      </c>
      <c r="LTZ735" s="424"/>
      <c r="LUA735" s="424"/>
      <c r="LUB735" s="424"/>
      <c r="LUC735" s="423" t="s">
        <v>2795</v>
      </c>
      <c r="LUD735" s="424"/>
      <c r="LUE735" s="424"/>
      <c r="LUF735" s="424"/>
      <c r="LUG735" s="423" t="s">
        <v>2795</v>
      </c>
      <c r="LUH735" s="424"/>
      <c r="LUI735" s="424"/>
      <c r="LUJ735" s="424"/>
      <c r="LUK735" s="423" t="s">
        <v>2795</v>
      </c>
      <c r="LUL735" s="424"/>
      <c r="LUM735" s="424"/>
      <c r="LUN735" s="424"/>
      <c r="LUO735" s="423" t="s">
        <v>2795</v>
      </c>
      <c r="LUP735" s="424"/>
      <c r="LUQ735" s="424"/>
      <c r="LUR735" s="424"/>
      <c r="LUS735" s="423" t="s">
        <v>2795</v>
      </c>
      <c r="LUT735" s="424"/>
      <c r="LUU735" s="424"/>
      <c r="LUV735" s="424"/>
      <c r="LUW735" s="423" t="s">
        <v>2795</v>
      </c>
      <c r="LUX735" s="424"/>
      <c r="LUY735" s="424"/>
      <c r="LUZ735" s="424"/>
      <c r="LVA735" s="423" t="s">
        <v>2795</v>
      </c>
      <c r="LVB735" s="424"/>
      <c r="LVC735" s="424"/>
      <c r="LVD735" s="424"/>
      <c r="LVE735" s="423" t="s">
        <v>2795</v>
      </c>
      <c r="LVF735" s="424"/>
      <c r="LVG735" s="424"/>
      <c r="LVH735" s="424"/>
      <c r="LVI735" s="423" t="s">
        <v>2795</v>
      </c>
      <c r="LVJ735" s="424"/>
      <c r="LVK735" s="424"/>
      <c r="LVL735" s="424"/>
      <c r="LVM735" s="423" t="s">
        <v>2795</v>
      </c>
      <c r="LVN735" s="424"/>
      <c r="LVO735" s="424"/>
      <c r="LVP735" s="424"/>
      <c r="LVQ735" s="423" t="s">
        <v>2795</v>
      </c>
      <c r="LVR735" s="424"/>
      <c r="LVS735" s="424"/>
      <c r="LVT735" s="424"/>
      <c r="LVU735" s="423" t="s">
        <v>2795</v>
      </c>
      <c r="LVV735" s="424"/>
      <c r="LVW735" s="424"/>
      <c r="LVX735" s="424"/>
      <c r="LVY735" s="423" t="s">
        <v>2795</v>
      </c>
      <c r="LVZ735" s="424"/>
      <c r="LWA735" s="424"/>
      <c r="LWB735" s="424"/>
      <c r="LWC735" s="423" t="s">
        <v>2795</v>
      </c>
      <c r="LWD735" s="424"/>
      <c r="LWE735" s="424"/>
      <c r="LWF735" s="424"/>
      <c r="LWG735" s="423" t="s">
        <v>2795</v>
      </c>
      <c r="LWH735" s="424"/>
      <c r="LWI735" s="424"/>
      <c r="LWJ735" s="424"/>
      <c r="LWK735" s="423" t="s">
        <v>2795</v>
      </c>
      <c r="LWL735" s="424"/>
      <c r="LWM735" s="424"/>
      <c r="LWN735" s="424"/>
      <c r="LWO735" s="423" t="s">
        <v>2795</v>
      </c>
      <c r="LWP735" s="424"/>
      <c r="LWQ735" s="424"/>
      <c r="LWR735" s="424"/>
      <c r="LWS735" s="423" t="s">
        <v>2795</v>
      </c>
      <c r="LWT735" s="424"/>
      <c r="LWU735" s="424"/>
      <c r="LWV735" s="424"/>
      <c r="LWW735" s="423" t="s">
        <v>2795</v>
      </c>
      <c r="LWX735" s="424"/>
      <c r="LWY735" s="424"/>
      <c r="LWZ735" s="424"/>
      <c r="LXA735" s="423" t="s">
        <v>2795</v>
      </c>
      <c r="LXB735" s="424"/>
      <c r="LXC735" s="424"/>
      <c r="LXD735" s="424"/>
      <c r="LXE735" s="423" t="s">
        <v>2795</v>
      </c>
      <c r="LXF735" s="424"/>
      <c r="LXG735" s="424"/>
      <c r="LXH735" s="424"/>
      <c r="LXI735" s="423" t="s">
        <v>2795</v>
      </c>
      <c r="LXJ735" s="424"/>
      <c r="LXK735" s="424"/>
      <c r="LXL735" s="424"/>
      <c r="LXM735" s="423" t="s">
        <v>2795</v>
      </c>
      <c r="LXN735" s="424"/>
      <c r="LXO735" s="424"/>
      <c r="LXP735" s="424"/>
      <c r="LXQ735" s="423" t="s">
        <v>2795</v>
      </c>
      <c r="LXR735" s="424"/>
      <c r="LXS735" s="424"/>
      <c r="LXT735" s="424"/>
      <c r="LXU735" s="423" t="s">
        <v>2795</v>
      </c>
      <c r="LXV735" s="424"/>
      <c r="LXW735" s="424"/>
      <c r="LXX735" s="424"/>
      <c r="LXY735" s="423" t="s">
        <v>2795</v>
      </c>
      <c r="LXZ735" s="424"/>
      <c r="LYA735" s="424"/>
      <c r="LYB735" s="424"/>
      <c r="LYC735" s="423" t="s">
        <v>2795</v>
      </c>
      <c r="LYD735" s="424"/>
      <c r="LYE735" s="424"/>
      <c r="LYF735" s="424"/>
      <c r="LYG735" s="423" t="s">
        <v>2795</v>
      </c>
      <c r="LYH735" s="424"/>
      <c r="LYI735" s="424"/>
      <c r="LYJ735" s="424"/>
      <c r="LYK735" s="423" t="s">
        <v>2795</v>
      </c>
      <c r="LYL735" s="424"/>
      <c r="LYM735" s="424"/>
      <c r="LYN735" s="424"/>
      <c r="LYO735" s="423" t="s">
        <v>2795</v>
      </c>
      <c r="LYP735" s="424"/>
      <c r="LYQ735" s="424"/>
      <c r="LYR735" s="424"/>
      <c r="LYS735" s="423" t="s">
        <v>2795</v>
      </c>
      <c r="LYT735" s="424"/>
      <c r="LYU735" s="424"/>
      <c r="LYV735" s="424"/>
      <c r="LYW735" s="423" t="s">
        <v>2795</v>
      </c>
      <c r="LYX735" s="424"/>
      <c r="LYY735" s="424"/>
      <c r="LYZ735" s="424"/>
      <c r="LZA735" s="423" t="s">
        <v>2795</v>
      </c>
      <c r="LZB735" s="424"/>
      <c r="LZC735" s="424"/>
      <c r="LZD735" s="424"/>
      <c r="LZE735" s="423" t="s">
        <v>2795</v>
      </c>
      <c r="LZF735" s="424"/>
      <c r="LZG735" s="424"/>
      <c r="LZH735" s="424"/>
      <c r="LZI735" s="423" t="s">
        <v>2795</v>
      </c>
      <c r="LZJ735" s="424"/>
      <c r="LZK735" s="424"/>
      <c r="LZL735" s="424"/>
      <c r="LZM735" s="423" t="s">
        <v>2795</v>
      </c>
      <c r="LZN735" s="424"/>
      <c r="LZO735" s="424"/>
      <c r="LZP735" s="424"/>
      <c r="LZQ735" s="423" t="s">
        <v>2795</v>
      </c>
      <c r="LZR735" s="424"/>
      <c r="LZS735" s="424"/>
      <c r="LZT735" s="424"/>
      <c r="LZU735" s="423" t="s">
        <v>2795</v>
      </c>
      <c r="LZV735" s="424"/>
      <c r="LZW735" s="424"/>
      <c r="LZX735" s="424"/>
      <c r="LZY735" s="423" t="s">
        <v>2795</v>
      </c>
      <c r="LZZ735" s="424"/>
      <c r="MAA735" s="424"/>
      <c r="MAB735" s="424"/>
      <c r="MAC735" s="423" t="s">
        <v>2795</v>
      </c>
      <c r="MAD735" s="424"/>
      <c r="MAE735" s="424"/>
      <c r="MAF735" s="424"/>
      <c r="MAG735" s="423" t="s">
        <v>2795</v>
      </c>
      <c r="MAH735" s="424"/>
      <c r="MAI735" s="424"/>
      <c r="MAJ735" s="424"/>
      <c r="MAK735" s="423" t="s">
        <v>2795</v>
      </c>
      <c r="MAL735" s="424"/>
      <c r="MAM735" s="424"/>
      <c r="MAN735" s="424"/>
      <c r="MAO735" s="423" t="s">
        <v>2795</v>
      </c>
      <c r="MAP735" s="424"/>
      <c r="MAQ735" s="424"/>
      <c r="MAR735" s="424"/>
      <c r="MAS735" s="423" t="s">
        <v>2795</v>
      </c>
      <c r="MAT735" s="424"/>
      <c r="MAU735" s="424"/>
      <c r="MAV735" s="424"/>
      <c r="MAW735" s="423" t="s">
        <v>2795</v>
      </c>
      <c r="MAX735" s="424"/>
      <c r="MAY735" s="424"/>
      <c r="MAZ735" s="424"/>
      <c r="MBA735" s="423" t="s">
        <v>2795</v>
      </c>
      <c r="MBB735" s="424"/>
      <c r="MBC735" s="424"/>
      <c r="MBD735" s="424"/>
      <c r="MBE735" s="423" t="s">
        <v>2795</v>
      </c>
      <c r="MBF735" s="424"/>
      <c r="MBG735" s="424"/>
      <c r="MBH735" s="424"/>
      <c r="MBI735" s="423" t="s">
        <v>2795</v>
      </c>
      <c r="MBJ735" s="424"/>
      <c r="MBK735" s="424"/>
      <c r="MBL735" s="424"/>
      <c r="MBM735" s="423" t="s">
        <v>2795</v>
      </c>
      <c r="MBN735" s="424"/>
      <c r="MBO735" s="424"/>
      <c r="MBP735" s="424"/>
      <c r="MBQ735" s="423" t="s">
        <v>2795</v>
      </c>
      <c r="MBR735" s="424"/>
      <c r="MBS735" s="424"/>
      <c r="MBT735" s="424"/>
      <c r="MBU735" s="423" t="s">
        <v>2795</v>
      </c>
      <c r="MBV735" s="424"/>
      <c r="MBW735" s="424"/>
      <c r="MBX735" s="424"/>
      <c r="MBY735" s="423" t="s">
        <v>2795</v>
      </c>
      <c r="MBZ735" s="424"/>
      <c r="MCA735" s="424"/>
      <c r="MCB735" s="424"/>
      <c r="MCC735" s="423" t="s">
        <v>2795</v>
      </c>
      <c r="MCD735" s="424"/>
      <c r="MCE735" s="424"/>
      <c r="MCF735" s="424"/>
      <c r="MCG735" s="423" t="s">
        <v>2795</v>
      </c>
      <c r="MCH735" s="424"/>
      <c r="MCI735" s="424"/>
      <c r="MCJ735" s="424"/>
      <c r="MCK735" s="423" t="s">
        <v>2795</v>
      </c>
      <c r="MCL735" s="424"/>
      <c r="MCM735" s="424"/>
      <c r="MCN735" s="424"/>
      <c r="MCO735" s="423" t="s">
        <v>2795</v>
      </c>
      <c r="MCP735" s="424"/>
      <c r="MCQ735" s="424"/>
      <c r="MCR735" s="424"/>
      <c r="MCS735" s="423" t="s">
        <v>2795</v>
      </c>
      <c r="MCT735" s="424"/>
      <c r="MCU735" s="424"/>
      <c r="MCV735" s="424"/>
      <c r="MCW735" s="423" t="s">
        <v>2795</v>
      </c>
      <c r="MCX735" s="424"/>
      <c r="MCY735" s="424"/>
      <c r="MCZ735" s="424"/>
      <c r="MDA735" s="423" t="s">
        <v>2795</v>
      </c>
      <c r="MDB735" s="424"/>
      <c r="MDC735" s="424"/>
      <c r="MDD735" s="424"/>
      <c r="MDE735" s="423" t="s">
        <v>2795</v>
      </c>
      <c r="MDF735" s="424"/>
      <c r="MDG735" s="424"/>
      <c r="MDH735" s="424"/>
      <c r="MDI735" s="423" t="s">
        <v>2795</v>
      </c>
      <c r="MDJ735" s="424"/>
      <c r="MDK735" s="424"/>
      <c r="MDL735" s="424"/>
      <c r="MDM735" s="423" t="s">
        <v>2795</v>
      </c>
      <c r="MDN735" s="424"/>
      <c r="MDO735" s="424"/>
      <c r="MDP735" s="424"/>
      <c r="MDQ735" s="423" t="s">
        <v>2795</v>
      </c>
      <c r="MDR735" s="424"/>
      <c r="MDS735" s="424"/>
      <c r="MDT735" s="424"/>
      <c r="MDU735" s="423" t="s">
        <v>2795</v>
      </c>
      <c r="MDV735" s="424"/>
      <c r="MDW735" s="424"/>
      <c r="MDX735" s="424"/>
      <c r="MDY735" s="423" t="s">
        <v>2795</v>
      </c>
      <c r="MDZ735" s="424"/>
      <c r="MEA735" s="424"/>
      <c r="MEB735" s="424"/>
      <c r="MEC735" s="423" t="s">
        <v>2795</v>
      </c>
      <c r="MED735" s="424"/>
      <c r="MEE735" s="424"/>
      <c r="MEF735" s="424"/>
      <c r="MEG735" s="423" t="s">
        <v>2795</v>
      </c>
      <c r="MEH735" s="424"/>
      <c r="MEI735" s="424"/>
      <c r="MEJ735" s="424"/>
      <c r="MEK735" s="423" t="s">
        <v>2795</v>
      </c>
      <c r="MEL735" s="424"/>
      <c r="MEM735" s="424"/>
      <c r="MEN735" s="424"/>
      <c r="MEO735" s="423" t="s">
        <v>2795</v>
      </c>
      <c r="MEP735" s="424"/>
      <c r="MEQ735" s="424"/>
      <c r="MER735" s="424"/>
      <c r="MES735" s="423" t="s">
        <v>2795</v>
      </c>
      <c r="MET735" s="424"/>
      <c r="MEU735" s="424"/>
      <c r="MEV735" s="424"/>
      <c r="MEW735" s="423" t="s">
        <v>2795</v>
      </c>
      <c r="MEX735" s="424"/>
      <c r="MEY735" s="424"/>
      <c r="MEZ735" s="424"/>
      <c r="MFA735" s="423" t="s">
        <v>2795</v>
      </c>
      <c r="MFB735" s="424"/>
      <c r="MFC735" s="424"/>
      <c r="MFD735" s="424"/>
      <c r="MFE735" s="423" t="s">
        <v>2795</v>
      </c>
      <c r="MFF735" s="424"/>
      <c r="MFG735" s="424"/>
      <c r="MFH735" s="424"/>
      <c r="MFI735" s="423" t="s">
        <v>2795</v>
      </c>
      <c r="MFJ735" s="424"/>
      <c r="MFK735" s="424"/>
      <c r="MFL735" s="424"/>
      <c r="MFM735" s="423" t="s">
        <v>2795</v>
      </c>
      <c r="MFN735" s="424"/>
      <c r="MFO735" s="424"/>
      <c r="MFP735" s="424"/>
      <c r="MFQ735" s="423" t="s">
        <v>2795</v>
      </c>
      <c r="MFR735" s="424"/>
      <c r="MFS735" s="424"/>
      <c r="MFT735" s="424"/>
      <c r="MFU735" s="423" t="s">
        <v>2795</v>
      </c>
      <c r="MFV735" s="424"/>
      <c r="MFW735" s="424"/>
      <c r="MFX735" s="424"/>
      <c r="MFY735" s="423" t="s">
        <v>2795</v>
      </c>
      <c r="MFZ735" s="424"/>
      <c r="MGA735" s="424"/>
      <c r="MGB735" s="424"/>
      <c r="MGC735" s="423" t="s">
        <v>2795</v>
      </c>
      <c r="MGD735" s="424"/>
      <c r="MGE735" s="424"/>
      <c r="MGF735" s="424"/>
      <c r="MGG735" s="423" t="s">
        <v>2795</v>
      </c>
      <c r="MGH735" s="424"/>
      <c r="MGI735" s="424"/>
      <c r="MGJ735" s="424"/>
      <c r="MGK735" s="423" t="s">
        <v>2795</v>
      </c>
      <c r="MGL735" s="424"/>
      <c r="MGM735" s="424"/>
      <c r="MGN735" s="424"/>
      <c r="MGO735" s="423" t="s">
        <v>2795</v>
      </c>
      <c r="MGP735" s="424"/>
      <c r="MGQ735" s="424"/>
      <c r="MGR735" s="424"/>
      <c r="MGS735" s="423" t="s">
        <v>2795</v>
      </c>
      <c r="MGT735" s="424"/>
      <c r="MGU735" s="424"/>
      <c r="MGV735" s="424"/>
      <c r="MGW735" s="423" t="s">
        <v>2795</v>
      </c>
      <c r="MGX735" s="424"/>
      <c r="MGY735" s="424"/>
      <c r="MGZ735" s="424"/>
      <c r="MHA735" s="423" t="s">
        <v>2795</v>
      </c>
      <c r="MHB735" s="424"/>
      <c r="MHC735" s="424"/>
      <c r="MHD735" s="424"/>
      <c r="MHE735" s="423" t="s">
        <v>2795</v>
      </c>
      <c r="MHF735" s="424"/>
      <c r="MHG735" s="424"/>
      <c r="MHH735" s="424"/>
      <c r="MHI735" s="423" t="s">
        <v>2795</v>
      </c>
      <c r="MHJ735" s="424"/>
      <c r="MHK735" s="424"/>
      <c r="MHL735" s="424"/>
      <c r="MHM735" s="423" t="s">
        <v>2795</v>
      </c>
      <c r="MHN735" s="424"/>
      <c r="MHO735" s="424"/>
      <c r="MHP735" s="424"/>
      <c r="MHQ735" s="423" t="s">
        <v>2795</v>
      </c>
      <c r="MHR735" s="424"/>
      <c r="MHS735" s="424"/>
      <c r="MHT735" s="424"/>
      <c r="MHU735" s="423" t="s">
        <v>2795</v>
      </c>
      <c r="MHV735" s="424"/>
      <c r="MHW735" s="424"/>
      <c r="MHX735" s="424"/>
      <c r="MHY735" s="423" t="s">
        <v>2795</v>
      </c>
      <c r="MHZ735" s="424"/>
      <c r="MIA735" s="424"/>
      <c r="MIB735" s="424"/>
      <c r="MIC735" s="423" t="s">
        <v>2795</v>
      </c>
      <c r="MID735" s="424"/>
      <c r="MIE735" s="424"/>
      <c r="MIF735" s="424"/>
      <c r="MIG735" s="423" t="s">
        <v>2795</v>
      </c>
      <c r="MIH735" s="424"/>
      <c r="MII735" s="424"/>
      <c r="MIJ735" s="424"/>
      <c r="MIK735" s="423" t="s">
        <v>2795</v>
      </c>
      <c r="MIL735" s="424"/>
      <c r="MIM735" s="424"/>
      <c r="MIN735" s="424"/>
      <c r="MIO735" s="423" t="s">
        <v>2795</v>
      </c>
      <c r="MIP735" s="424"/>
      <c r="MIQ735" s="424"/>
      <c r="MIR735" s="424"/>
      <c r="MIS735" s="423" t="s">
        <v>2795</v>
      </c>
      <c r="MIT735" s="424"/>
      <c r="MIU735" s="424"/>
      <c r="MIV735" s="424"/>
      <c r="MIW735" s="423" t="s">
        <v>2795</v>
      </c>
      <c r="MIX735" s="424"/>
      <c r="MIY735" s="424"/>
      <c r="MIZ735" s="424"/>
      <c r="MJA735" s="423" t="s">
        <v>2795</v>
      </c>
      <c r="MJB735" s="424"/>
      <c r="MJC735" s="424"/>
      <c r="MJD735" s="424"/>
      <c r="MJE735" s="423" t="s">
        <v>2795</v>
      </c>
      <c r="MJF735" s="424"/>
      <c r="MJG735" s="424"/>
      <c r="MJH735" s="424"/>
      <c r="MJI735" s="423" t="s">
        <v>2795</v>
      </c>
      <c r="MJJ735" s="424"/>
      <c r="MJK735" s="424"/>
      <c r="MJL735" s="424"/>
      <c r="MJM735" s="423" t="s">
        <v>2795</v>
      </c>
      <c r="MJN735" s="424"/>
      <c r="MJO735" s="424"/>
      <c r="MJP735" s="424"/>
      <c r="MJQ735" s="423" t="s">
        <v>2795</v>
      </c>
      <c r="MJR735" s="424"/>
      <c r="MJS735" s="424"/>
      <c r="MJT735" s="424"/>
      <c r="MJU735" s="423" t="s">
        <v>2795</v>
      </c>
      <c r="MJV735" s="424"/>
      <c r="MJW735" s="424"/>
      <c r="MJX735" s="424"/>
      <c r="MJY735" s="423" t="s">
        <v>2795</v>
      </c>
      <c r="MJZ735" s="424"/>
      <c r="MKA735" s="424"/>
      <c r="MKB735" s="424"/>
      <c r="MKC735" s="423" t="s">
        <v>2795</v>
      </c>
      <c r="MKD735" s="424"/>
      <c r="MKE735" s="424"/>
      <c r="MKF735" s="424"/>
      <c r="MKG735" s="423" t="s">
        <v>2795</v>
      </c>
      <c r="MKH735" s="424"/>
      <c r="MKI735" s="424"/>
      <c r="MKJ735" s="424"/>
      <c r="MKK735" s="423" t="s">
        <v>2795</v>
      </c>
      <c r="MKL735" s="424"/>
      <c r="MKM735" s="424"/>
      <c r="MKN735" s="424"/>
      <c r="MKO735" s="423" t="s">
        <v>2795</v>
      </c>
      <c r="MKP735" s="424"/>
      <c r="MKQ735" s="424"/>
      <c r="MKR735" s="424"/>
      <c r="MKS735" s="423" t="s">
        <v>2795</v>
      </c>
      <c r="MKT735" s="424"/>
      <c r="MKU735" s="424"/>
      <c r="MKV735" s="424"/>
      <c r="MKW735" s="423" t="s">
        <v>2795</v>
      </c>
      <c r="MKX735" s="424"/>
      <c r="MKY735" s="424"/>
      <c r="MKZ735" s="424"/>
      <c r="MLA735" s="423" t="s">
        <v>2795</v>
      </c>
      <c r="MLB735" s="424"/>
      <c r="MLC735" s="424"/>
      <c r="MLD735" s="424"/>
      <c r="MLE735" s="423" t="s">
        <v>2795</v>
      </c>
      <c r="MLF735" s="424"/>
      <c r="MLG735" s="424"/>
      <c r="MLH735" s="424"/>
      <c r="MLI735" s="423" t="s">
        <v>2795</v>
      </c>
      <c r="MLJ735" s="424"/>
      <c r="MLK735" s="424"/>
      <c r="MLL735" s="424"/>
      <c r="MLM735" s="423" t="s">
        <v>2795</v>
      </c>
      <c r="MLN735" s="424"/>
      <c r="MLO735" s="424"/>
      <c r="MLP735" s="424"/>
      <c r="MLQ735" s="423" t="s">
        <v>2795</v>
      </c>
      <c r="MLR735" s="424"/>
      <c r="MLS735" s="424"/>
      <c r="MLT735" s="424"/>
      <c r="MLU735" s="423" t="s">
        <v>2795</v>
      </c>
      <c r="MLV735" s="424"/>
      <c r="MLW735" s="424"/>
      <c r="MLX735" s="424"/>
      <c r="MLY735" s="423" t="s">
        <v>2795</v>
      </c>
      <c r="MLZ735" s="424"/>
      <c r="MMA735" s="424"/>
      <c r="MMB735" s="424"/>
      <c r="MMC735" s="423" t="s">
        <v>2795</v>
      </c>
      <c r="MMD735" s="424"/>
      <c r="MME735" s="424"/>
      <c r="MMF735" s="424"/>
      <c r="MMG735" s="423" t="s">
        <v>2795</v>
      </c>
      <c r="MMH735" s="424"/>
      <c r="MMI735" s="424"/>
      <c r="MMJ735" s="424"/>
      <c r="MMK735" s="423" t="s">
        <v>2795</v>
      </c>
      <c r="MML735" s="424"/>
      <c r="MMM735" s="424"/>
      <c r="MMN735" s="424"/>
      <c r="MMO735" s="423" t="s">
        <v>2795</v>
      </c>
      <c r="MMP735" s="424"/>
      <c r="MMQ735" s="424"/>
      <c r="MMR735" s="424"/>
      <c r="MMS735" s="423" t="s">
        <v>2795</v>
      </c>
      <c r="MMT735" s="424"/>
      <c r="MMU735" s="424"/>
      <c r="MMV735" s="424"/>
      <c r="MMW735" s="423" t="s">
        <v>2795</v>
      </c>
      <c r="MMX735" s="424"/>
      <c r="MMY735" s="424"/>
      <c r="MMZ735" s="424"/>
      <c r="MNA735" s="423" t="s">
        <v>2795</v>
      </c>
      <c r="MNB735" s="424"/>
      <c r="MNC735" s="424"/>
      <c r="MND735" s="424"/>
      <c r="MNE735" s="423" t="s">
        <v>2795</v>
      </c>
      <c r="MNF735" s="424"/>
      <c r="MNG735" s="424"/>
      <c r="MNH735" s="424"/>
      <c r="MNI735" s="423" t="s">
        <v>2795</v>
      </c>
      <c r="MNJ735" s="424"/>
      <c r="MNK735" s="424"/>
      <c r="MNL735" s="424"/>
      <c r="MNM735" s="423" t="s">
        <v>2795</v>
      </c>
      <c r="MNN735" s="424"/>
      <c r="MNO735" s="424"/>
      <c r="MNP735" s="424"/>
      <c r="MNQ735" s="423" t="s">
        <v>2795</v>
      </c>
      <c r="MNR735" s="424"/>
      <c r="MNS735" s="424"/>
      <c r="MNT735" s="424"/>
      <c r="MNU735" s="423" t="s">
        <v>2795</v>
      </c>
      <c r="MNV735" s="424"/>
      <c r="MNW735" s="424"/>
      <c r="MNX735" s="424"/>
      <c r="MNY735" s="423" t="s">
        <v>2795</v>
      </c>
      <c r="MNZ735" s="424"/>
      <c r="MOA735" s="424"/>
      <c r="MOB735" s="424"/>
      <c r="MOC735" s="423" t="s">
        <v>2795</v>
      </c>
      <c r="MOD735" s="424"/>
      <c r="MOE735" s="424"/>
      <c r="MOF735" s="424"/>
      <c r="MOG735" s="423" t="s">
        <v>2795</v>
      </c>
      <c r="MOH735" s="424"/>
      <c r="MOI735" s="424"/>
      <c r="MOJ735" s="424"/>
      <c r="MOK735" s="423" t="s">
        <v>2795</v>
      </c>
      <c r="MOL735" s="424"/>
      <c r="MOM735" s="424"/>
      <c r="MON735" s="424"/>
      <c r="MOO735" s="423" t="s">
        <v>2795</v>
      </c>
      <c r="MOP735" s="424"/>
      <c r="MOQ735" s="424"/>
      <c r="MOR735" s="424"/>
      <c r="MOS735" s="423" t="s">
        <v>2795</v>
      </c>
      <c r="MOT735" s="424"/>
      <c r="MOU735" s="424"/>
      <c r="MOV735" s="424"/>
      <c r="MOW735" s="423" t="s">
        <v>2795</v>
      </c>
      <c r="MOX735" s="424"/>
      <c r="MOY735" s="424"/>
      <c r="MOZ735" s="424"/>
      <c r="MPA735" s="423" t="s">
        <v>2795</v>
      </c>
      <c r="MPB735" s="424"/>
      <c r="MPC735" s="424"/>
      <c r="MPD735" s="424"/>
      <c r="MPE735" s="423" t="s">
        <v>2795</v>
      </c>
      <c r="MPF735" s="424"/>
      <c r="MPG735" s="424"/>
      <c r="MPH735" s="424"/>
      <c r="MPI735" s="423" t="s">
        <v>2795</v>
      </c>
      <c r="MPJ735" s="424"/>
      <c r="MPK735" s="424"/>
      <c r="MPL735" s="424"/>
      <c r="MPM735" s="423" t="s">
        <v>2795</v>
      </c>
      <c r="MPN735" s="424"/>
      <c r="MPO735" s="424"/>
      <c r="MPP735" s="424"/>
      <c r="MPQ735" s="423" t="s">
        <v>2795</v>
      </c>
      <c r="MPR735" s="424"/>
      <c r="MPS735" s="424"/>
      <c r="MPT735" s="424"/>
      <c r="MPU735" s="423" t="s">
        <v>2795</v>
      </c>
      <c r="MPV735" s="424"/>
      <c r="MPW735" s="424"/>
      <c r="MPX735" s="424"/>
      <c r="MPY735" s="423" t="s">
        <v>2795</v>
      </c>
      <c r="MPZ735" s="424"/>
      <c r="MQA735" s="424"/>
      <c r="MQB735" s="424"/>
      <c r="MQC735" s="423" t="s">
        <v>2795</v>
      </c>
      <c r="MQD735" s="424"/>
      <c r="MQE735" s="424"/>
      <c r="MQF735" s="424"/>
      <c r="MQG735" s="423" t="s">
        <v>2795</v>
      </c>
      <c r="MQH735" s="424"/>
      <c r="MQI735" s="424"/>
      <c r="MQJ735" s="424"/>
      <c r="MQK735" s="423" t="s">
        <v>2795</v>
      </c>
      <c r="MQL735" s="424"/>
      <c r="MQM735" s="424"/>
      <c r="MQN735" s="424"/>
      <c r="MQO735" s="423" t="s">
        <v>2795</v>
      </c>
      <c r="MQP735" s="424"/>
      <c r="MQQ735" s="424"/>
      <c r="MQR735" s="424"/>
      <c r="MQS735" s="423" t="s">
        <v>2795</v>
      </c>
      <c r="MQT735" s="424"/>
      <c r="MQU735" s="424"/>
      <c r="MQV735" s="424"/>
      <c r="MQW735" s="423" t="s">
        <v>2795</v>
      </c>
      <c r="MQX735" s="424"/>
      <c r="MQY735" s="424"/>
      <c r="MQZ735" s="424"/>
      <c r="MRA735" s="423" t="s">
        <v>2795</v>
      </c>
      <c r="MRB735" s="424"/>
      <c r="MRC735" s="424"/>
      <c r="MRD735" s="424"/>
      <c r="MRE735" s="423" t="s">
        <v>2795</v>
      </c>
      <c r="MRF735" s="424"/>
      <c r="MRG735" s="424"/>
      <c r="MRH735" s="424"/>
      <c r="MRI735" s="423" t="s">
        <v>2795</v>
      </c>
      <c r="MRJ735" s="424"/>
      <c r="MRK735" s="424"/>
      <c r="MRL735" s="424"/>
      <c r="MRM735" s="423" t="s">
        <v>2795</v>
      </c>
      <c r="MRN735" s="424"/>
      <c r="MRO735" s="424"/>
      <c r="MRP735" s="424"/>
      <c r="MRQ735" s="423" t="s">
        <v>2795</v>
      </c>
      <c r="MRR735" s="424"/>
      <c r="MRS735" s="424"/>
      <c r="MRT735" s="424"/>
      <c r="MRU735" s="423" t="s">
        <v>2795</v>
      </c>
      <c r="MRV735" s="424"/>
      <c r="MRW735" s="424"/>
      <c r="MRX735" s="424"/>
      <c r="MRY735" s="423" t="s">
        <v>2795</v>
      </c>
      <c r="MRZ735" s="424"/>
      <c r="MSA735" s="424"/>
      <c r="MSB735" s="424"/>
      <c r="MSC735" s="423" t="s">
        <v>2795</v>
      </c>
      <c r="MSD735" s="424"/>
      <c r="MSE735" s="424"/>
      <c r="MSF735" s="424"/>
      <c r="MSG735" s="423" t="s">
        <v>2795</v>
      </c>
      <c r="MSH735" s="424"/>
      <c r="MSI735" s="424"/>
      <c r="MSJ735" s="424"/>
      <c r="MSK735" s="423" t="s">
        <v>2795</v>
      </c>
      <c r="MSL735" s="424"/>
      <c r="MSM735" s="424"/>
      <c r="MSN735" s="424"/>
      <c r="MSO735" s="423" t="s">
        <v>2795</v>
      </c>
      <c r="MSP735" s="424"/>
      <c r="MSQ735" s="424"/>
      <c r="MSR735" s="424"/>
      <c r="MSS735" s="423" t="s">
        <v>2795</v>
      </c>
      <c r="MST735" s="424"/>
      <c r="MSU735" s="424"/>
      <c r="MSV735" s="424"/>
      <c r="MSW735" s="423" t="s">
        <v>2795</v>
      </c>
      <c r="MSX735" s="424"/>
      <c r="MSY735" s="424"/>
      <c r="MSZ735" s="424"/>
      <c r="MTA735" s="423" t="s">
        <v>2795</v>
      </c>
      <c r="MTB735" s="424"/>
      <c r="MTC735" s="424"/>
      <c r="MTD735" s="424"/>
      <c r="MTE735" s="423" t="s">
        <v>2795</v>
      </c>
      <c r="MTF735" s="424"/>
      <c r="MTG735" s="424"/>
      <c r="MTH735" s="424"/>
      <c r="MTI735" s="423" t="s">
        <v>2795</v>
      </c>
      <c r="MTJ735" s="424"/>
      <c r="MTK735" s="424"/>
      <c r="MTL735" s="424"/>
      <c r="MTM735" s="423" t="s">
        <v>2795</v>
      </c>
      <c r="MTN735" s="424"/>
      <c r="MTO735" s="424"/>
      <c r="MTP735" s="424"/>
      <c r="MTQ735" s="423" t="s">
        <v>2795</v>
      </c>
      <c r="MTR735" s="424"/>
      <c r="MTS735" s="424"/>
      <c r="MTT735" s="424"/>
      <c r="MTU735" s="423" t="s">
        <v>2795</v>
      </c>
      <c r="MTV735" s="424"/>
      <c r="MTW735" s="424"/>
      <c r="MTX735" s="424"/>
      <c r="MTY735" s="423" t="s">
        <v>2795</v>
      </c>
      <c r="MTZ735" s="424"/>
      <c r="MUA735" s="424"/>
      <c r="MUB735" s="424"/>
      <c r="MUC735" s="423" t="s">
        <v>2795</v>
      </c>
      <c r="MUD735" s="424"/>
      <c r="MUE735" s="424"/>
      <c r="MUF735" s="424"/>
      <c r="MUG735" s="423" t="s">
        <v>2795</v>
      </c>
      <c r="MUH735" s="424"/>
      <c r="MUI735" s="424"/>
      <c r="MUJ735" s="424"/>
      <c r="MUK735" s="423" t="s">
        <v>2795</v>
      </c>
      <c r="MUL735" s="424"/>
      <c r="MUM735" s="424"/>
      <c r="MUN735" s="424"/>
      <c r="MUO735" s="423" t="s">
        <v>2795</v>
      </c>
      <c r="MUP735" s="424"/>
      <c r="MUQ735" s="424"/>
      <c r="MUR735" s="424"/>
      <c r="MUS735" s="423" t="s">
        <v>2795</v>
      </c>
      <c r="MUT735" s="424"/>
      <c r="MUU735" s="424"/>
      <c r="MUV735" s="424"/>
      <c r="MUW735" s="423" t="s">
        <v>2795</v>
      </c>
      <c r="MUX735" s="424"/>
      <c r="MUY735" s="424"/>
      <c r="MUZ735" s="424"/>
      <c r="MVA735" s="423" t="s">
        <v>2795</v>
      </c>
      <c r="MVB735" s="424"/>
      <c r="MVC735" s="424"/>
      <c r="MVD735" s="424"/>
      <c r="MVE735" s="423" t="s">
        <v>2795</v>
      </c>
      <c r="MVF735" s="424"/>
      <c r="MVG735" s="424"/>
      <c r="MVH735" s="424"/>
      <c r="MVI735" s="423" t="s">
        <v>2795</v>
      </c>
      <c r="MVJ735" s="424"/>
      <c r="MVK735" s="424"/>
      <c r="MVL735" s="424"/>
      <c r="MVM735" s="423" t="s">
        <v>2795</v>
      </c>
      <c r="MVN735" s="424"/>
      <c r="MVO735" s="424"/>
      <c r="MVP735" s="424"/>
      <c r="MVQ735" s="423" t="s">
        <v>2795</v>
      </c>
      <c r="MVR735" s="424"/>
      <c r="MVS735" s="424"/>
      <c r="MVT735" s="424"/>
      <c r="MVU735" s="423" t="s">
        <v>2795</v>
      </c>
      <c r="MVV735" s="424"/>
      <c r="MVW735" s="424"/>
      <c r="MVX735" s="424"/>
      <c r="MVY735" s="423" t="s">
        <v>2795</v>
      </c>
      <c r="MVZ735" s="424"/>
      <c r="MWA735" s="424"/>
      <c r="MWB735" s="424"/>
      <c r="MWC735" s="423" t="s">
        <v>2795</v>
      </c>
      <c r="MWD735" s="424"/>
      <c r="MWE735" s="424"/>
      <c r="MWF735" s="424"/>
      <c r="MWG735" s="423" t="s">
        <v>2795</v>
      </c>
      <c r="MWH735" s="424"/>
      <c r="MWI735" s="424"/>
      <c r="MWJ735" s="424"/>
      <c r="MWK735" s="423" t="s">
        <v>2795</v>
      </c>
      <c r="MWL735" s="424"/>
      <c r="MWM735" s="424"/>
      <c r="MWN735" s="424"/>
      <c r="MWO735" s="423" t="s">
        <v>2795</v>
      </c>
      <c r="MWP735" s="424"/>
      <c r="MWQ735" s="424"/>
      <c r="MWR735" s="424"/>
      <c r="MWS735" s="423" t="s">
        <v>2795</v>
      </c>
      <c r="MWT735" s="424"/>
      <c r="MWU735" s="424"/>
      <c r="MWV735" s="424"/>
      <c r="MWW735" s="423" t="s">
        <v>2795</v>
      </c>
      <c r="MWX735" s="424"/>
      <c r="MWY735" s="424"/>
      <c r="MWZ735" s="424"/>
      <c r="MXA735" s="423" t="s">
        <v>2795</v>
      </c>
      <c r="MXB735" s="424"/>
      <c r="MXC735" s="424"/>
      <c r="MXD735" s="424"/>
      <c r="MXE735" s="423" t="s">
        <v>2795</v>
      </c>
      <c r="MXF735" s="424"/>
      <c r="MXG735" s="424"/>
      <c r="MXH735" s="424"/>
      <c r="MXI735" s="423" t="s">
        <v>2795</v>
      </c>
      <c r="MXJ735" s="424"/>
      <c r="MXK735" s="424"/>
      <c r="MXL735" s="424"/>
      <c r="MXM735" s="423" t="s">
        <v>2795</v>
      </c>
      <c r="MXN735" s="424"/>
      <c r="MXO735" s="424"/>
      <c r="MXP735" s="424"/>
      <c r="MXQ735" s="423" t="s">
        <v>2795</v>
      </c>
      <c r="MXR735" s="424"/>
      <c r="MXS735" s="424"/>
      <c r="MXT735" s="424"/>
      <c r="MXU735" s="423" t="s">
        <v>2795</v>
      </c>
      <c r="MXV735" s="424"/>
      <c r="MXW735" s="424"/>
      <c r="MXX735" s="424"/>
      <c r="MXY735" s="423" t="s">
        <v>2795</v>
      </c>
      <c r="MXZ735" s="424"/>
      <c r="MYA735" s="424"/>
      <c r="MYB735" s="424"/>
      <c r="MYC735" s="423" t="s">
        <v>2795</v>
      </c>
      <c r="MYD735" s="424"/>
      <c r="MYE735" s="424"/>
      <c r="MYF735" s="424"/>
      <c r="MYG735" s="423" t="s">
        <v>2795</v>
      </c>
      <c r="MYH735" s="424"/>
      <c r="MYI735" s="424"/>
      <c r="MYJ735" s="424"/>
      <c r="MYK735" s="423" t="s">
        <v>2795</v>
      </c>
      <c r="MYL735" s="424"/>
      <c r="MYM735" s="424"/>
      <c r="MYN735" s="424"/>
      <c r="MYO735" s="423" t="s">
        <v>2795</v>
      </c>
      <c r="MYP735" s="424"/>
      <c r="MYQ735" s="424"/>
      <c r="MYR735" s="424"/>
      <c r="MYS735" s="423" t="s">
        <v>2795</v>
      </c>
      <c r="MYT735" s="424"/>
      <c r="MYU735" s="424"/>
      <c r="MYV735" s="424"/>
      <c r="MYW735" s="423" t="s">
        <v>2795</v>
      </c>
      <c r="MYX735" s="424"/>
      <c r="MYY735" s="424"/>
      <c r="MYZ735" s="424"/>
      <c r="MZA735" s="423" t="s">
        <v>2795</v>
      </c>
      <c r="MZB735" s="424"/>
      <c r="MZC735" s="424"/>
      <c r="MZD735" s="424"/>
      <c r="MZE735" s="423" t="s">
        <v>2795</v>
      </c>
      <c r="MZF735" s="424"/>
      <c r="MZG735" s="424"/>
      <c r="MZH735" s="424"/>
      <c r="MZI735" s="423" t="s">
        <v>2795</v>
      </c>
      <c r="MZJ735" s="424"/>
      <c r="MZK735" s="424"/>
      <c r="MZL735" s="424"/>
      <c r="MZM735" s="423" t="s">
        <v>2795</v>
      </c>
      <c r="MZN735" s="424"/>
      <c r="MZO735" s="424"/>
      <c r="MZP735" s="424"/>
      <c r="MZQ735" s="423" t="s">
        <v>2795</v>
      </c>
      <c r="MZR735" s="424"/>
      <c r="MZS735" s="424"/>
      <c r="MZT735" s="424"/>
      <c r="MZU735" s="423" t="s">
        <v>2795</v>
      </c>
      <c r="MZV735" s="424"/>
      <c r="MZW735" s="424"/>
      <c r="MZX735" s="424"/>
      <c r="MZY735" s="423" t="s">
        <v>2795</v>
      </c>
      <c r="MZZ735" s="424"/>
      <c r="NAA735" s="424"/>
      <c r="NAB735" s="424"/>
      <c r="NAC735" s="423" t="s">
        <v>2795</v>
      </c>
      <c r="NAD735" s="424"/>
      <c r="NAE735" s="424"/>
      <c r="NAF735" s="424"/>
      <c r="NAG735" s="423" t="s">
        <v>2795</v>
      </c>
      <c r="NAH735" s="424"/>
      <c r="NAI735" s="424"/>
      <c r="NAJ735" s="424"/>
      <c r="NAK735" s="423" t="s">
        <v>2795</v>
      </c>
      <c r="NAL735" s="424"/>
      <c r="NAM735" s="424"/>
      <c r="NAN735" s="424"/>
      <c r="NAO735" s="423" t="s">
        <v>2795</v>
      </c>
      <c r="NAP735" s="424"/>
      <c r="NAQ735" s="424"/>
      <c r="NAR735" s="424"/>
      <c r="NAS735" s="423" t="s">
        <v>2795</v>
      </c>
      <c r="NAT735" s="424"/>
      <c r="NAU735" s="424"/>
      <c r="NAV735" s="424"/>
      <c r="NAW735" s="423" t="s">
        <v>2795</v>
      </c>
      <c r="NAX735" s="424"/>
      <c r="NAY735" s="424"/>
      <c r="NAZ735" s="424"/>
      <c r="NBA735" s="423" t="s">
        <v>2795</v>
      </c>
      <c r="NBB735" s="424"/>
      <c r="NBC735" s="424"/>
      <c r="NBD735" s="424"/>
      <c r="NBE735" s="423" t="s">
        <v>2795</v>
      </c>
      <c r="NBF735" s="424"/>
      <c r="NBG735" s="424"/>
      <c r="NBH735" s="424"/>
      <c r="NBI735" s="423" t="s">
        <v>2795</v>
      </c>
      <c r="NBJ735" s="424"/>
      <c r="NBK735" s="424"/>
      <c r="NBL735" s="424"/>
      <c r="NBM735" s="423" t="s">
        <v>2795</v>
      </c>
      <c r="NBN735" s="424"/>
      <c r="NBO735" s="424"/>
      <c r="NBP735" s="424"/>
      <c r="NBQ735" s="423" t="s">
        <v>2795</v>
      </c>
      <c r="NBR735" s="424"/>
      <c r="NBS735" s="424"/>
      <c r="NBT735" s="424"/>
      <c r="NBU735" s="423" t="s">
        <v>2795</v>
      </c>
      <c r="NBV735" s="424"/>
      <c r="NBW735" s="424"/>
      <c r="NBX735" s="424"/>
      <c r="NBY735" s="423" t="s">
        <v>2795</v>
      </c>
      <c r="NBZ735" s="424"/>
      <c r="NCA735" s="424"/>
      <c r="NCB735" s="424"/>
      <c r="NCC735" s="423" t="s">
        <v>2795</v>
      </c>
      <c r="NCD735" s="424"/>
      <c r="NCE735" s="424"/>
      <c r="NCF735" s="424"/>
      <c r="NCG735" s="423" t="s">
        <v>2795</v>
      </c>
      <c r="NCH735" s="424"/>
      <c r="NCI735" s="424"/>
      <c r="NCJ735" s="424"/>
      <c r="NCK735" s="423" t="s">
        <v>2795</v>
      </c>
      <c r="NCL735" s="424"/>
      <c r="NCM735" s="424"/>
      <c r="NCN735" s="424"/>
      <c r="NCO735" s="423" t="s">
        <v>2795</v>
      </c>
      <c r="NCP735" s="424"/>
      <c r="NCQ735" s="424"/>
      <c r="NCR735" s="424"/>
      <c r="NCS735" s="423" t="s">
        <v>2795</v>
      </c>
      <c r="NCT735" s="424"/>
      <c r="NCU735" s="424"/>
      <c r="NCV735" s="424"/>
      <c r="NCW735" s="423" t="s">
        <v>2795</v>
      </c>
      <c r="NCX735" s="424"/>
      <c r="NCY735" s="424"/>
      <c r="NCZ735" s="424"/>
      <c r="NDA735" s="423" t="s">
        <v>2795</v>
      </c>
      <c r="NDB735" s="424"/>
      <c r="NDC735" s="424"/>
      <c r="NDD735" s="424"/>
      <c r="NDE735" s="423" t="s">
        <v>2795</v>
      </c>
      <c r="NDF735" s="424"/>
      <c r="NDG735" s="424"/>
      <c r="NDH735" s="424"/>
      <c r="NDI735" s="423" t="s">
        <v>2795</v>
      </c>
      <c r="NDJ735" s="424"/>
      <c r="NDK735" s="424"/>
      <c r="NDL735" s="424"/>
      <c r="NDM735" s="423" t="s">
        <v>2795</v>
      </c>
      <c r="NDN735" s="424"/>
      <c r="NDO735" s="424"/>
      <c r="NDP735" s="424"/>
      <c r="NDQ735" s="423" t="s">
        <v>2795</v>
      </c>
      <c r="NDR735" s="424"/>
      <c r="NDS735" s="424"/>
      <c r="NDT735" s="424"/>
      <c r="NDU735" s="423" t="s">
        <v>2795</v>
      </c>
      <c r="NDV735" s="424"/>
      <c r="NDW735" s="424"/>
      <c r="NDX735" s="424"/>
      <c r="NDY735" s="423" t="s">
        <v>2795</v>
      </c>
      <c r="NDZ735" s="424"/>
      <c r="NEA735" s="424"/>
      <c r="NEB735" s="424"/>
      <c r="NEC735" s="423" t="s">
        <v>2795</v>
      </c>
      <c r="NED735" s="424"/>
      <c r="NEE735" s="424"/>
      <c r="NEF735" s="424"/>
      <c r="NEG735" s="423" t="s">
        <v>2795</v>
      </c>
      <c r="NEH735" s="424"/>
      <c r="NEI735" s="424"/>
      <c r="NEJ735" s="424"/>
      <c r="NEK735" s="423" t="s">
        <v>2795</v>
      </c>
      <c r="NEL735" s="424"/>
      <c r="NEM735" s="424"/>
      <c r="NEN735" s="424"/>
      <c r="NEO735" s="423" t="s">
        <v>2795</v>
      </c>
      <c r="NEP735" s="424"/>
      <c r="NEQ735" s="424"/>
      <c r="NER735" s="424"/>
      <c r="NES735" s="423" t="s">
        <v>2795</v>
      </c>
      <c r="NET735" s="424"/>
      <c r="NEU735" s="424"/>
      <c r="NEV735" s="424"/>
      <c r="NEW735" s="423" t="s">
        <v>2795</v>
      </c>
      <c r="NEX735" s="424"/>
      <c r="NEY735" s="424"/>
      <c r="NEZ735" s="424"/>
      <c r="NFA735" s="423" t="s">
        <v>2795</v>
      </c>
      <c r="NFB735" s="424"/>
      <c r="NFC735" s="424"/>
      <c r="NFD735" s="424"/>
      <c r="NFE735" s="423" t="s">
        <v>2795</v>
      </c>
      <c r="NFF735" s="424"/>
      <c r="NFG735" s="424"/>
      <c r="NFH735" s="424"/>
      <c r="NFI735" s="423" t="s">
        <v>2795</v>
      </c>
      <c r="NFJ735" s="424"/>
      <c r="NFK735" s="424"/>
      <c r="NFL735" s="424"/>
      <c r="NFM735" s="423" t="s">
        <v>2795</v>
      </c>
      <c r="NFN735" s="424"/>
      <c r="NFO735" s="424"/>
      <c r="NFP735" s="424"/>
      <c r="NFQ735" s="423" t="s">
        <v>2795</v>
      </c>
      <c r="NFR735" s="424"/>
      <c r="NFS735" s="424"/>
      <c r="NFT735" s="424"/>
      <c r="NFU735" s="423" t="s">
        <v>2795</v>
      </c>
      <c r="NFV735" s="424"/>
      <c r="NFW735" s="424"/>
      <c r="NFX735" s="424"/>
      <c r="NFY735" s="423" t="s">
        <v>2795</v>
      </c>
      <c r="NFZ735" s="424"/>
      <c r="NGA735" s="424"/>
      <c r="NGB735" s="424"/>
      <c r="NGC735" s="423" t="s">
        <v>2795</v>
      </c>
      <c r="NGD735" s="424"/>
      <c r="NGE735" s="424"/>
      <c r="NGF735" s="424"/>
      <c r="NGG735" s="423" t="s">
        <v>2795</v>
      </c>
      <c r="NGH735" s="424"/>
      <c r="NGI735" s="424"/>
      <c r="NGJ735" s="424"/>
      <c r="NGK735" s="423" t="s">
        <v>2795</v>
      </c>
      <c r="NGL735" s="424"/>
      <c r="NGM735" s="424"/>
      <c r="NGN735" s="424"/>
      <c r="NGO735" s="423" t="s">
        <v>2795</v>
      </c>
      <c r="NGP735" s="424"/>
      <c r="NGQ735" s="424"/>
      <c r="NGR735" s="424"/>
      <c r="NGS735" s="423" t="s">
        <v>2795</v>
      </c>
      <c r="NGT735" s="424"/>
      <c r="NGU735" s="424"/>
      <c r="NGV735" s="424"/>
      <c r="NGW735" s="423" t="s">
        <v>2795</v>
      </c>
      <c r="NGX735" s="424"/>
      <c r="NGY735" s="424"/>
      <c r="NGZ735" s="424"/>
      <c r="NHA735" s="423" t="s">
        <v>2795</v>
      </c>
      <c r="NHB735" s="424"/>
      <c r="NHC735" s="424"/>
      <c r="NHD735" s="424"/>
      <c r="NHE735" s="423" t="s">
        <v>2795</v>
      </c>
      <c r="NHF735" s="424"/>
      <c r="NHG735" s="424"/>
      <c r="NHH735" s="424"/>
      <c r="NHI735" s="423" t="s">
        <v>2795</v>
      </c>
      <c r="NHJ735" s="424"/>
      <c r="NHK735" s="424"/>
      <c r="NHL735" s="424"/>
      <c r="NHM735" s="423" t="s">
        <v>2795</v>
      </c>
      <c r="NHN735" s="424"/>
      <c r="NHO735" s="424"/>
      <c r="NHP735" s="424"/>
      <c r="NHQ735" s="423" t="s">
        <v>2795</v>
      </c>
      <c r="NHR735" s="424"/>
      <c r="NHS735" s="424"/>
      <c r="NHT735" s="424"/>
      <c r="NHU735" s="423" t="s">
        <v>2795</v>
      </c>
      <c r="NHV735" s="424"/>
      <c r="NHW735" s="424"/>
      <c r="NHX735" s="424"/>
      <c r="NHY735" s="423" t="s">
        <v>2795</v>
      </c>
      <c r="NHZ735" s="424"/>
      <c r="NIA735" s="424"/>
      <c r="NIB735" s="424"/>
      <c r="NIC735" s="423" t="s">
        <v>2795</v>
      </c>
      <c r="NID735" s="424"/>
      <c r="NIE735" s="424"/>
      <c r="NIF735" s="424"/>
      <c r="NIG735" s="423" t="s">
        <v>2795</v>
      </c>
      <c r="NIH735" s="424"/>
      <c r="NII735" s="424"/>
      <c r="NIJ735" s="424"/>
      <c r="NIK735" s="423" t="s">
        <v>2795</v>
      </c>
      <c r="NIL735" s="424"/>
      <c r="NIM735" s="424"/>
      <c r="NIN735" s="424"/>
      <c r="NIO735" s="423" t="s">
        <v>2795</v>
      </c>
      <c r="NIP735" s="424"/>
      <c r="NIQ735" s="424"/>
      <c r="NIR735" s="424"/>
      <c r="NIS735" s="423" t="s">
        <v>2795</v>
      </c>
      <c r="NIT735" s="424"/>
      <c r="NIU735" s="424"/>
      <c r="NIV735" s="424"/>
      <c r="NIW735" s="423" t="s">
        <v>2795</v>
      </c>
      <c r="NIX735" s="424"/>
      <c r="NIY735" s="424"/>
      <c r="NIZ735" s="424"/>
      <c r="NJA735" s="423" t="s">
        <v>2795</v>
      </c>
      <c r="NJB735" s="424"/>
      <c r="NJC735" s="424"/>
      <c r="NJD735" s="424"/>
      <c r="NJE735" s="423" t="s">
        <v>2795</v>
      </c>
      <c r="NJF735" s="424"/>
      <c r="NJG735" s="424"/>
      <c r="NJH735" s="424"/>
      <c r="NJI735" s="423" t="s">
        <v>2795</v>
      </c>
      <c r="NJJ735" s="424"/>
      <c r="NJK735" s="424"/>
      <c r="NJL735" s="424"/>
      <c r="NJM735" s="423" t="s">
        <v>2795</v>
      </c>
      <c r="NJN735" s="424"/>
      <c r="NJO735" s="424"/>
      <c r="NJP735" s="424"/>
      <c r="NJQ735" s="423" t="s">
        <v>2795</v>
      </c>
      <c r="NJR735" s="424"/>
      <c r="NJS735" s="424"/>
      <c r="NJT735" s="424"/>
      <c r="NJU735" s="423" t="s">
        <v>2795</v>
      </c>
      <c r="NJV735" s="424"/>
      <c r="NJW735" s="424"/>
      <c r="NJX735" s="424"/>
      <c r="NJY735" s="423" t="s">
        <v>2795</v>
      </c>
      <c r="NJZ735" s="424"/>
      <c r="NKA735" s="424"/>
      <c r="NKB735" s="424"/>
      <c r="NKC735" s="423" t="s">
        <v>2795</v>
      </c>
      <c r="NKD735" s="424"/>
      <c r="NKE735" s="424"/>
      <c r="NKF735" s="424"/>
      <c r="NKG735" s="423" t="s">
        <v>2795</v>
      </c>
      <c r="NKH735" s="424"/>
      <c r="NKI735" s="424"/>
      <c r="NKJ735" s="424"/>
      <c r="NKK735" s="423" t="s">
        <v>2795</v>
      </c>
      <c r="NKL735" s="424"/>
      <c r="NKM735" s="424"/>
      <c r="NKN735" s="424"/>
      <c r="NKO735" s="423" t="s">
        <v>2795</v>
      </c>
      <c r="NKP735" s="424"/>
      <c r="NKQ735" s="424"/>
      <c r="NKR735" s="424"/>
      <c r="NKS735" s="423" t="s">
        <v>2795</v>
      </c>
      <c r="NKT735" s="424"/>
      <c r="NKU735" s="424"/>
      <c r="NKV735" s="424"/>
      <c r="NKW735" s="423" t="s">
        <v>2795</v>
      </c>
      <c r="NKX735" s="424"/>
      <c r="NKY735" s="424"/>
      <c r="NKZ735" s="424"/>
      <c r="NLA735" s="423" t="s">
        <v>2795</v>
      </c>
      <c r="NLB735" s="424"/>
      <c r="NLC735" s="424"/>
      <c r="NLD735" s="424"/>
      <c r="NLE735" s="423" t="s">
        <v>2795</v>
      </c>
      <c r="NLF735" s="424"/>
      <c r="NLG735" s="424"/>
      <c r="NLH735" s="424"/>
      <c r="NLI735" s="423" t="s">
        <v>2795</v>
      </c>
      <c r="NLJ735" s="424"/>
      <c r="NLK735" s="424"/>
      <c r="NLL735" s="424"/>
      <c r="NLM735" s="423" t="s">
        <v>2795</v>
      </c>
      <c r="NLN735" s="424"/>
      <c r="NLO735" s="424"/>
      <c r="NLP735" s="424"/>
      <c r="NLQ735" s="423" t="s">
        <v>2795</v>
      </c>
      <c r="NLR735" s="424"/>
      <c r="NLS735" s="424"/>
      <c r="NLT735" s="424"/>
      <c r="NLU735" s="423" t="s">
        <v>2795</v>
      </c>
      <c r="NLV735" s="424"/>
      <c r="NLW735" s="424"/>
      <c r="NLX735" s="424"/>
      <c r="NLY735" s="423" t="s">
        <v>2795</v>
      </c>
      <c r="NLZ735" s="424"/>
      <c r="NMA735" s="424"/>
      <c r="NMB735" s="424"/>
      <c r="NMC735" s="423" t="s">
        <v>2795</v>
      </c>
      <c r="NMD735" s="424"/>
      <c r="NME735" s="424"/>
      <c r="NMF735" s="424"/>
      <c r="NMG735" s="423" t="s">
        <v>2795</v>
      </c>
      <c r="NMH735" s="424"/>
      <c r="NMI735" s="424"/>
      <c r="NMJ735" s="424"/>
      <c r="NMK735" s="423" t="s">
        <v>2795</v>
      </c>
      <c r="NML735" s="424"/>
      <c r="NMM735" s="424"/>
      <c r="NMN735" s="424"/>
      <c r="NMO735" s="423" t="s">
        <v>2795</v>
      </c>
      <c r="NMP735" s="424"/>
      <c r="NMQ735" s="424"/>
      <c r="NMR735" s="424"/>
      <c r="NMS735" s="423" t="s">
        <v>2795</v>
      </c>
      <c r="NMT735" s="424"/>
      <c r="NMU735" s="424"/>
      <c r="NMV735" s="424"/>
      <c r="NMW735" s="423" t="s">
        <v>2795</v>
      </c>
      <c r="NMX735" s="424"/>
      <c r="NMY735" s="424"/>
      <c r="NMZ735" s="424"/>
      <c r="NNA735" s="423" t="s">
        <v>2795</v>
      </c>
      <c r="NNB735" s="424"/>
      <c r="NNC735" s="424"/>
      <c r="NND735" s="424"/>
      <c r="NNE735" s="423" t="s">
        <v>2795</v>
      </c>
      <c r="NNF735" s="424"/>
      <c r="NNG735" s="424"/>
      <c r="NNH735" s="424"/>
      <c r="NNI735" s="423" t="s">
        <v>2795</v>
      </c>
      <c r="NNJ735" s="424"/>
      <c r="NNK735" s="424"/>
      <c r="NNL735" s="424"/>
      <c r="NNM735" s="423" t="s">
        <v>2795</v>
      </c>
      <c r="NNN735" s="424"/>
      <c r="NNO735" s="424"/>
      <c r="NNP735" s="424"/>
      <c r="NNQ735" s="423" t="s">
        <v>2795</v>
      </c>
      <c r="NNR735" s="424"/>
      <c r="NNS735" s="424"/>
      <c r="NNT735" s="424"/>
      <c r="NNU735" s="423" t="s">
        <v>2795</v>
      </c>
      <c r="NNV735" s="424"/>
      <c r="NNW735" s="424"/>
      <c r="NNX735" s="424"/>
      <c r="NNY735" s="423" t="s">
        <v>2795</v>
      </c>
      <c r="NNZ735" s="424"/>
      <c r="NOA735" s="424"/>
      <c r="NOB735" s="424"/>
      <c r="NOC735" s="423" t="s">
        <v>2795</v>
      </c>
      <c r="NOD735" s="424"/>
      <c r="NOE735" s="424"/>
      <c r="NOF735" s="424"/>
      <c r="NOG735" s="423" t="s">
        <v>2795</v>
      </c>
      <c r="NOH735" s="424"/>
      <c r="NOI735" s="424"/>
      <c r="NOJ735" s="424"/>
      <c r="NOK735" s="423" t="s">
        <v>2795</v>
      </c>
      <c r="NOL735" s="424"/>
      <c r="NOM735" s="424"/>
      <c r="NON735" s="424"/>
      <c r="NOO735" s="423" t="s">
        <v>2795</v>
      </c>
      <c r="NOP735" s="424"/>
      <c r="NOQ735" s="424"/>
      <c r="NOR735" s="424"/>
      <c r="NOS735" s="423" t="s">
        <v>2795</v>
      </c>
      <c r="NOT735" s="424"/>
      <c r="NOU735" s="424"/>
      <c r="NOV735" s="424"/>
      <c r="NOW735" s="423" t="s">
        <v>2795</v>
      </c>
      <c r="NOX735" s="424"/>
      <c r="NOY735" s="424"/>
      <c r="NOZ735" s="424"/>
      <c r="NPA735" s="423" t="s">
        <v>2795</v>
      </c>
      <c r="NPB735" s="424"/>
      <c r="NPC735" s="424"/>
      <c r="NPD735" s="424"/>
      <c r="NPE735" s="423" t="s">
        <v>2795</v>
      </c>
      <c r="NPF735" s="424"/>
      <c r="NPG735" s="424"/>
      <c r="NPH735" s="424"/>
      <c r="NPI735" s="423" t="s">
        <v>2795</v>
      </c>
      <c r="NPJ735" s="424"/>
      <c r="NPK735" s="424"/>
      <c r="NPL735" s="424"/>
      <c r="NPM735" s="423" t="s">
        <v>2795</v>
      </c>
      <c r="NPN735" s="424"/>
      <c r="NPO735" s="424"/>
      <c r="NPP735" s="424"/>
      <c r="NPQ735" s="423" t="s">
        <v>2795</v>
      </c>
      <c r="NPR735" s="424"/>
      <c r="NPS735" s="424"/>
      <c r="NPT735" s="424"/>
      <c r="NPU735" s="423" t="s">
        <v>2795</v>
      </c>
      <c r="NPV735" s="424"/>
      <c r="NPW735" s="424"/>
      <c r="NPX735" s="424"/>
      <c r="NPY735" s="423" t="s">
        <v>2795</v>
      </c>
      <c r="NPZ735" s="424"/>
      <c r="NQA735" s="424"/>
      <c r="NQB735" s="424"/>
      <c r="NQC735" s="423" t="s">
        <v>2795</v>
      </c>
      <c r="NQD735" s="424"/>
      <c r="NQE735" s="424"/>
      <c r="NQF735" s="424"/>
      <c r="NQG735" s="423" t="s">
        <v>2795</v>
      </c>
      <c r="NQH735" s="424"/>
      <c r="NQI735" s="424"/>
      <c r="NQJ735" s="424"/>
      <c r="NQK735" s="423" t="s">
        <v>2795</v>
      </c>
      <c r="NQL735" s="424"/>
      <c r="NQM735" s="424"/>
      <c r="NQN735" s="424"/>
      <c r="NQO735" s="423" t="s">
        <v>2795</v>
      </c>
      <c r="NQP735" s="424"/>
      <c r="NQQ735" s="424"/>
      <c r="NQR735" s="424"/>
      <c r="NQS735" s="423" t="s">
        <v>2795</v>
      </c>
      <c r="NQT735" s="424"/>
      <c r="NQU735" s="424"/>
      <c r="NQV735" s="424"/>
      <c r="NQW735" s="423" t="s">
        <v>2795</v>
      </c>
      <c r="NQX735" s="424"/>
      <c r="NQY735" s="424"/>
      <c r="NQZ735" s="424"/>
      <c r="NRA735" s="423" t="s">
        <v>2795</v>
      </c>
      <c r="NRB735" s="424"/>
      <c r="NRC735" s="424"/>
      <c r="NRD735" s="424"/>
      <c r="NRE735" s="423" t="s">
        <v>2795</v>
      </c>
      <c r="NRF735" s="424"/>
      <c r="NRG735" s="424"/>
      <c r="NRH735" s="424"/>
      <c r="NRI735" s="423" t="s">
        <v>2795</v>
      </c>
      <c r="NRJ735" s="424"/>
      <c r="NRK735" s="424"/>
      <c r="NRL735" s="424"/>
      <c r="NRM735" s="423" t="s">
        <v>2795</v>
      </c>
      <c r="NRN735" s="424"/>
      <c r="NRO735" s="424"/>
      <c r="NRP735" s="424"/>
      <c r="NRQ735" s="423" t="s">
        <v>2795</v>
      </c>
      <c r="NRR735" s="424"/>
      <c r="NRS735" s="424"/>
      <c r="NRT735" s="424"/>
      <c r="NRU735" s="423" t="s">
        <v>2795</v>
      </c>
      <c r="NRV735" s="424"/>
      <c r="NRW735" s="424"/>
      <c r="NRX735" s="424"/>
      <c r="NRY735" s="423" t="s">
        <v>2795</v>
      </c>
      <c r="NRZ735" s="424"/>
      <c r="NSA735" s="424"/>
      <c r="NSB735" s="424"/>
      <c r="NSC735" s="423" t="s">
        <v>2795</v>
      </c>
      <c r="NSD735" s="424"/>
      <c r="NSE735" s="424"/>
      <c r="NSF735" s="424"/>
      <c r="NSG735" s="423" t="s">
        <v>2795</v>
      </c>
      <c r="NSH735" s="424"/>
      <c r="NSI735" s="424"/>
      <c r="NSJ735" s="424"/>
      <c r="NSK735" s="423" t="s">
        <v>2795</v>
      </c>
      <c r="NSL735" s="424"/>
      <c r="NSM735" s="424"/>
      <c r="NSN735" s="424"/>
      <c r="NSO735" s="423" t="s">
        <v>2795</v>
      </c>
      <c r="NSP735" s="424"/>
      <c r="NSQ735" s="424"/>
      <c r="NSR735" s="424"/>
      <c r="NSS735" s="423" t="s">
        <v>2795</v>
      </c>
      <c r="NST735" s="424"/>
      <c r="NSU735" s="424"/>
      <c r="NSV735" s="424"/>
      <c r="NSW735" s="423" t="s">
        <v>2795</v>
      </c>
      <c r="NSX735" s="424"/>
      <c r="NSY735" s="424"/>
      <c r="NSZ735" s="424"/>
      <c r="NTA735" s="423" t="s">
        <v>2795</v>
      </c>
      <c r="NTB735" s="424"/>
      <c r="NTC735" s="424"/>
      <c r="NTD735" s="424"/>
      <c r="NTE735" s="423" t="s">
        <v>2795</v>
      </c>
      <c r="NTF735" s="424"/>
      <c r="NTG735" s="424"/>
      <c r="NTH735" s="424"/>
      <c r="NTI735" s="423" t="s">
        <v>2795</v>
      </c>
      <c r="NTJ735" s="424"/>
      <c r="NTK735" s="424"/>
      <c r="NTL735" s="424"/>
      <c r="NTM735" s="423" t="s">
        <v>2795</v>
      </c>
      <c r="NTN735" s="424"/>
      <c r="NTO735" s="424"/>
      <c r="NTP735" s="424"/>
      <c r="NTQ735" s="423" t="s">
        <v>2795</v>
      </c>
      <c r="NTR735" s="424"/>
      <c r="NTS735" s="424"/>
      <c r="NTT735" s="424"/>
      <c r="NTU735" s="423" t="s">
        <v>2795</v>
      </c>
      <c r="NTV735" s="424"/>
      <c r="NTW735" s="424"/>
      <c r="NTX735" s="424"/>
      <c r="NTY735" s="423" t="s">
        <v>2795</v>
      </c>
      <c r="NTZ735" s="424"/>
      <c r="NUA735" s="424"/>
      <c r="NUB735" s="424"/>
      <c r="NUC735" s="423" t="s">
        <v>2795</v>
      </c>
      <c r="NUD735" s="424"/>
      <c r="NUE735" s="424"/>
      <c r="NUF735" s="424"/>
      <c r="NUG735" s="423" t="s">
        <v>2795</v>
      </c>
      <c r="NUH735" s="424"/>
      <c r="NUI735" s="424"/>
      <c r="NUJ735" s="424"/>
      <c r="NUK735" s="423" t="s">
        <v>2795</v>
      </c>
      <c r="NUL735" s="424"/>
      <c r="NUM735" s="424"/>
      <c r="NUN735" s="424"/>
      <c r="NUO735" s="423" t="s">
        <v>2795</v>
      </c>
      <c r="NUP735" s="424"/>
      <c r="NUQ735" s="424"/>
      <c r="NUR735" s="424"/>
      <c r="NUS735" s="423" t="s">
        <v>2795</v>
      </c>
      <c r="NUT735" s="424"/>
      <c r="NUU735" s="424"/>
      <c r="NUV735" s="424"/>
      <c r="NUW735" s="423" t="s">
        <v>2795</v>
      </c>
      <c r="NUX735" s="424"/>
      <c r="NUY735" s="424"/>
      <c r="NUZ735" s="424"/>
      <c r="NVA735" s="423" t="s">
        <v>2795</v>
      </c>
      <c r="NVB735" s="424"/>
      <c r="NVC735" s="424"/>
      <c r="NVD735" s="424"/>
      <c r="NVE735" s="423" t="s">
        <v>2795</v>
      </c>
      <c r="NVF735" s="424"/>
      <c r="NVG735" s="424"/>
      <c r="NVH735" s="424"/>
      <c r="NVI735" s="423" t="s">
        <v>2795</v>
      </c>
      <c r="NVJ735" s="424"/>
      <c r="NVK735" s="424"/>
      <c r="NVL735" s="424"/>
      <c r="NVM735" s="423" t="s">
        <v>2795</v>
      </c>
      <c r="NVN735" s="424"/>
      <c r="NVO735" s="424"/>
      <c r="NVP735" s="424"/>
      <c r="NVQ735" s="423" t="s">
        <v>2795</v>
      </c>
      <c r="NVR735" s="424"/>
      <c r="NVS735" s="424"/>
      <c r="NVT735" s="424"/>
      <c r="NVU735" s="423" t="s">
        <v>2795</v>
      </c>
      <c r="NVV735" s="424"/>
      <c r="NVW735" s="424"/>
      <c r="NVX735" s="424"/>
      <c r="NVY735" s="423" t="s">
        <v>2795</v>
      </c>
      <c r="NVZ735" s="424"/>
      <c r="NWA735" s="424"/>
      <c r="NWB735" s="424"/>
      <c r="NWC735" s="423" t="s">
        <v>2795</v>
      </c>
      <c r="NWD735" s="424"/>
      <c r="NWE735" s="424"/>
      <c r="NWF735" s="424"/>
      <c r="NWG735" s="423" t="s">
        <v>2795</v>
      </c>
      <c r="NWH735" s="424"/>
      <c r="NWI735" s="424"/>
      <c r="NWJ735" s="424"/>
      <c r="NWK735" s="423" t="s">
        <v>2795</v>
      </c>
      <c r="NWL735" s="424"/>
      <c r="NWM735" s="424"/>
      <c r="NWN735" s="424"/>
      <c r="NWO735" s="423" t="s">
        <v>2795</v>
      </c>
      <c r="NWP735" s="424"/>
      <c r="NWQ735" s="424"/>
      <c r="NWR735" s="424"/>
      <c r="NWS735" s="423" t="s">
        <v>2795</v>
      </c>
      <c r="NWT735" s="424"/>
      <c r="NWU735" s="424"/>
      <c r="NWV735" s="424"/>
      <c r="NWW735" s="423" t="s">
        <v>2795</v>
      </c>
      <c r="NWX735" s="424"/>
      <c r="NWY735" s="424"/>
      <c r="NWZ735" s="424"/>
      <c r="NXA735" s="423" t="s">
        <v>2795</v>
      </c>
      <c r="NXB735" s="424"/>
      <c r="NXC735" s="424"/>
      <c r="NXD735" s="424"/>
      <c r="NXE735" s="423" t="s">
        <v>2795</v>
      </c>
      <c r="NXF735" s="424"/>
      <c r="NXG735" s="424"/>
      <c r="NXH735" s="424"/>
      <c r="NXI735" s="423" t="s">
        <v>2795</v>
      </c>
      <c r="NXJ735" s="424"/>
      <c r="NXK735" s="424"/>
      <c r="NXL735" s="424"/>
      <c r="NXM735" s="423" t="s">
        <v>2795</v>
      </c>
      <c r="NXN735" s="424"/>
      <c r="NXO735" s="424"/>
      <c r="NXP735" s="424"/>
      <c r="NXQ735" s="423" t="s">
        <v>2795</v>
      </c>
      <c r="NXR735" s="424"/>
      <c r="NXS735" s="424"/>
      <c r="NXT735" s="424"/>
      <c r="NXU735" s="423" t="s">
        <v>2795</v>
      </c>
      <c r="NXV735" s="424"/>
      <c r="NXW735" s="424"/>
      <c r="NXX735" s="424"/>
      <c r="NXY735" s="423" t="s">
        <v>2795</v>
      </c>
      <c r="NXZ735" s="424"/>
      <c r="NYA735" s="424"/>
      <c r="NYB735" s="424"/>
      <c r="NYC735" s="423" t="s">
        <v>2795</v>
      </c>
      <c r="NYD735" s="424"/>
      <c r="NYE735" s="424"/>
      <c r="NYF735" s="424"/>
      <c r="NYG735" s="423" t="s">
        <v>2795</v>
      </c>
      <c r="NYH735" s="424"/>
      <c r="NYI735" s="424"/>
      <c r="NYJ735" s="424"/>
      <c r="NYK735" s="423" t="s">
        <v>2795</v>
      </c>
      <c r="NYL735" s="424"/>
      <c r="NYM735" s="424"/>
      <c r="NYN735" s="424"/>
      <c r="NYO735" s="423" t="s">
        <v>2795</v>
      </c>
      <c r="NYP735" s="424"/>
      <c r="NYQ735" s="424"/>
      <c r="NYR735" s="424"/>
      <c r="NYS735" s="423" t="s">
        <v>2795</v>
      </c>
      <c r="NYT735" s="424"/>
      <c r="NYU735" s="424"/>
      <c r="NYV735" s="424"/>
      <c r="NYW735" s="423" t="s">
        <v>2795</v>
      </c>
      <c r="NYX735" s="424"/>
      <c r="NYY735" s="424"/>
      <c r="NYZ735" s="424"/>
      <c r="NZA735" s="423" t="s">
        <v>2795</v>
      </c>
      <c r="NZB735" s="424"/>
      <c r="NZC735" s="424"/>
      <c r="NZD735" s="424"/>
      <c r="NZE735" s="423" t="s">
        <v>2795</v>
      </c>
      <c r="NZF735" s="424"/>
      <c r="NZG735" s="424"/>
      <c r="NZH735" s="424"/>
      <c r="NZI735" s="423" t="s">
        <v>2795</v>
      </c>
      <c r="NZJ735" s="424"/>
      <c r="NZK735" s="424"/>
      <c r="NZL735" s="424"/>
      <c r="NZM735" s="423" t="s">
        <v>2795</v>
      </c>
      <c r="NZN735" s="424"/>
      <c r="NZO735" s="424"/>
      <c r="NZP735" s="424"/>
      <c r="NZQ735" s="423" t="s">
        <v>2795</v>
      </c>
      <c r="NZR735" s="424"/>
      <c r="NZS735" s="424"/>
      <c r="NZT735" s="424"/>
      <c r="NZU735" s="423" t="s">
        <v>2795</v>
      </c>
      <c r="NZV735" s="424"/>
      <c r="NZW735" s="424"/>
      <c r="NZX735" s="424"/>
      <c r="NZY735" s="423" t="s">
        <v>2795</v>
      </c>
      <c r="NZZ735" s="424"/>
      <c r="OAA735" s="424"/>
      <c r="OAB735" s="424"/>
      <c r="OAC735" s="423" t="s">
        <v>2795</v>
      </c>
      <c r="OAD735" s="424"/>
      <c r="OAE735" s="424"/>
      <c r="OAF735" s="424"/>
      <c r="OAG735" s="423" t="s">
        <v>2795</v>
      </c>
      <c r="OAH735" s="424"/>
      <c r="OAI735" s="424"/>
      <c r="OAJ735" s="424"/>
      <c r="OAK735" s="423" t="s">
        <v>2795</v>
      </c>
      <c r="OAL735" s="424"/>
      <c r="OAM735" s="424"/>
      <c r="OAN735" s="424"/>
      <c r="OAO735" s="423" t="s">
        <v>2795</v>
      </c>
      <c r="OAP735" s="424"/>
      <c r="OAQ735" s="424"/>
      <c r="OAR735" s="424"/>
      <c r="OAS735" s="423" t="s">
        <v>2795</v>
      </c>
      <c r="OAT735" s="424"/>
      <c r="OAU735" s="424"/>
      <c r="OAV735" s="424"/>
      <c r="OAW735" s="423" t="s">
        <v>2795</v>
      </c>
      <c r="OAX735" s="424"/>
      <c r="OAY735" s="424"/>
      <c r="OAZ735" s="424"/>
      <c r="OBA735" s="423" t="s">
        <v>2795</v>
      </c>
      <c r="OBB735" s="424"/>
      <c r="OBC735" s="424"/>
      <c r="OBD735" s="424"/>
      <c r="OBE735" s="423" t="s">
        <v>2795</v>
      </c>
      <c r="OBF735" s="424"/>
      <c r="OBG735" s="424"/>
      <c r="OBH735" s="424"/>
      <c r="OBI735" s="423" t="s">
        <v>2795</v>
      </c>
      <c r="OBJ735" s="424"/>
      <c r="OBK735" s="424"/>
      <c r="OBL735" s="424"/>
      <c r="OBM735" s="423" t="s">
        <v>2795</v>
      </c>
      <c r="OBN735" s="424"/>
      <c r="OBO735" s="424"/>
      <c r="OBP735" s="424"/>
      <c r="OBQ735" s="423" t="s">
        <v>2795</v>
      </c>
      <c r="OBR735" s="424"/>
      <c r="OBS735" s="424"/>
      <c r="OBT735" s="424"/>
      <c r="OBU735" s="423" t="s">
        <v>2795</v>
      </c>
      <c r="OBV735" s="424"/>
      <c r="OBW735" s="424"/>
      <c r="OBX735" s="424"/>
      <c r="OBY735" s="423" t="s">
        <v>2795</v>
      </c>
      <c r="OBZ735" s="424"/>
      <c r="OCA735" s="424"/>
      <c r="OCB735" s="424"/>
      <c r="OCC735" s="423" t="s">
        <v>2795</v>
      </c>
      <c r="OCD735" s="424"/>
      <c r="OCE735" s="424"/>
      <c r="OCF735" s="424"/>
      <c r="OCG735" s="423" t="s">
        <v>2795</v>
      </c>
      <c r="OCH735" s="424"/>
      <c r="OCI735" s="424"/>
      <c r="OCJ735" s="424"/>
      <c r="OCK735" s="423" t="s">
        <v>2795</v>
      </c>
      <c r="OCL735" s="424"/>
      <c r="OCM735" s="424"/>
      <c r="OCN735" s="424"/>
      <c r="OCO735" s="423" t="s">
        <v>2795</v>
      </c>
      <c r="OCP735" s="424"/>
      <c r="OCQ735" s="424"/>
      <c r="OCR735" s="424"/>
      <c r="OCS735" s="423" t="s">
        <v>2795</v>
      </c>
      <c r="OCT735" s="424"/>
      <c r="OCU735" s="424"/>
      <c r="OCV735" s="424"/>
      <c r="OCW735" s="423" t="s">
        <v>2795</v>
      </c>
      <c r="OCX735" s="424"/>
      <c r="OCY735" s="424"/>
      <c r="OCZ735" s="424"/>
      <c r="ODA735" s="423" t="s">
        <v>2795</v>
      </c>
      <c r="ODB735" s="424"/>
      <c r="ODC735" s="424"/>
      <c r="ODD735" s="424"/>
      <c r="ODE735" s="423" t="s">
        <v>2795</v>
      </c>
      <c r="ODF735" s="424"/>
      <c r="ODG735" s="424"/>
      <c r="ODH735" s="424"/>
      <c r="ODI735" s="423" t="s">
        <v>2795</v>
      </c>
      <c r="ODJ735" s="424"/>
      <c r="ODK735" s="424"/>
      <c r="ODL735" s="424"/>
      <c r="ODM735" s="423" t="s">
        <v>2795</v>
      </c>
      <c r="ODN735" s="424"/>
      <c r="ODO735" s="424"/>
      <c r="ODP735" s="424"/>
      <c r="ODQ735" s="423" t="s">
        <v>2795</v>
      </c>
      <c r="ODR735" s="424"/>
      <c r="ODS735" s="424"/>
      <c r="ODT735" s="424"/>
      <c r="ODU735" s="423" t="s">
        <v>2795</v>
      </c>
      <c r="ODV735" s="424"/>
      <c r="ODW735" s="424"/>
      <c r="ODX735" s="424"/>
      <c r="ODY735" s="423" t="s">
        <v>2795</v>
      </c>
      <c r="ODZ735" s="424"/>
      <c r="OEA735" s="424"/>
      <c r="OEB735" s="424"/>
      <c r="OEC735" s="423" t="s">
        <v>2795</v>
      </c>
      <c r="OED735" s="424"/>
      <c r="OEE735" s="424"/>
      <c r="OEF735" s="424"/>
      <c r="OEG735" s="423" t="s">
        <v>2795</v>
      </c>
      <c r="OEH735" s="424"/>
      <c r="OEI735" s="424"/>
      <c r="OEJ735" s="424"/>
      <c r="OEK735" s="423" t="s">
        <v>2795</v>
      </c>
      <c r="OEL735" s="424"/>
      <c r="OEM735" s="424"/>
      <c r="OEN735" s="424"/>
      <c r="OEO735" s="423" t="s">
        <v>2795</v>
      </c>
      <c r="OEP735" s="424"/>
      <c r="OEQ735" s="424"/>
      <c r="OER735" s="424"/>
      <c r="OES735" s="423" t="s">
        <v>2795</v>
      </c>
      <c r="OET735" s="424"/>
      <c r="OEU735" s="424"/>
      <c r="OEV735" s="424"/>
      <c r="OEW735" s="423" t="s">
        <v>2795</v>
      </c>
      <c r="OEX735" s="424"/>
      <c r="OEY735" s="424"/>
      <c r="OEZ735" s="424"/>
      <c r="OFA735" s="423" t="s">
        <v>2795</v>
      </c>
      <c r="OFB735" s="424"/>
      <c r="OFC735" s="424"/>
      <c r="OFD735" s="424"/>
      <c r="OFE735" s="423" t="s">
        <v>2795</v>
      </c>
      <c r="OFF735" s="424"/>
      <c r="OFG735" s="424"/>
      <c r="OFH735" s="424"/>
      <c r="OFI735" s="423" t="s">
        <v>2795</v>
      </c>
      <c r="OFJ735" s="424"/>
      <c r="OFK735" s="424"/>
      <c r="OFL735" s="424"/>
      <c r="OFM735" s="423" t="s">
        <v>2795</v>
      </c>
      <c r="OFN735" s="424"/>
      <c r="OFO735" s="424"/>
      <c r="OFP735" s="424"/>
      <c r="OFQ735" s="423" t="s">
        <v>2795</v>
      </c>
      <c r="OFR735" s="424"/>
      <c r="OFS735" s="424"/>
      <c r="OFT735" s="424"/>
      <c r="OFU735" s="423" t="s">
        <v>2795</v>
      </c>
      <c r="OFV735" s="424"/>
      <c r="OFW735" s="424"/>
      <c r="OFX735" s="424"/>
      <c r="OFY735" s="423" t="s">
        <v>2795</v>
      </c>
      <c r="OFZ735" s="424"/>
      <c r="OGA735" s="424"/>
      <c r="OGB735" s="424"/>
      <c r="OGC735" s="423" t="s">
        <v>2795</v>
      </c>
      <c r="OGD735" s="424"/>
      <c r="OGE735" s="424"/>
      <c r="OGF735" s="424"/>
      <c r="OGG735" s="423" t="s">
        <v>2795</v>
      </c>
      <c r="OGH735" s="424"/>
      <c r="OGI735" s="424"/>
      <c r="OGJ735" s="424"/>
      <c r="OGK735" s="423" t="s">
        <v>2795</v>
      </c>
      <c r="OGL735" s="424"/>
      <c r="OGM735" s="424"/>
      <c r="OGN735" s="424"/>
      <c r="OGO735" s="423" t="s">
        <v>2795</v>
      </c>
      <c r="OGP735" s="424"/>
      <c r="OGQ735" s="424"/>
      <c r="OGR735" s="424"/>
      <c r="OGS735" s="423" t="s">
        <v>2795</v>
      </c>
      <c r="OGT735" s="424"/>
      <c r="OGU735" s="424"/>
      <c r="OGV735" s="424"/>
      <c r="OGW735" s="423" t="s">
        <v>2795</v>
      </c>
      <c r="OGX735" s="424"/>
      <c r="OGY735" s="424"/>
      <c r="OGZ735" s="424"/>
      <c r="OHA735" s="423" t="s">
        <v>2795</v>
      </c>
      <c r="OHB735" s="424"/>
      <c r="OHC735" s="424"/>
      <c r="OHD735" s="424"/>
      <c r="OHE735" s="423" t="s">
        <v>2795</v>
      </c>
      <c r="OHF735" s="424"/>
      <c r="OHG735" s="424"/>
      <c r="OHH735" s="424"/>
      <c r="OHI735" s="423" t="s">
        <v>2795</v>
      </c>
      <c r="OHJ735" s="424"/>
      <c r="OHK735" s="424"/>
      <c r="OHL735" s="424"/>
      <c r="OHM735" s="423" t="s">
        <v>2795</v>
      </c>
      <c r="OHN735" s="424"/>
      <c r="OHO735" s="424"/>
      <c r="OHP735" s="424"/>
      <c r="OHQ735" s="423" t="s">
        <v>2795</v>
      </c>
      <c r="OHR735" s="424"/>
      <c r="OHS735" s="424"/>
      <c r="OHT735" s="424"/>
      <c r="OHU735" s="423" t="s">
        <v>2795</v>
      </c>
      <c r="OHV735" s="424"/>
      <c r="OHW735" s="424"/>
      <c r="OHX735" s="424"/>
      <c r="OHY735" s="423" t="s">
        <v>2795</v>
      </c>
      <c r="OHZ735" s="424"/>
      <c r="OIA735" s="424"/>
      <c r="OIB735" s="424"/>
      <c r="OIC735" s="423" t="s">
        <v>2795</v>
      </c>
      <c r="OID735" s="424"/>
      <c r="OIE735" s="424"/>
      <c r="OIF735" s="424"/>
      <c r="OIG735" s="423" t="s">
        <v>2795</v>
      </c>
      <c r="OIH735" s="424"/>
      <c r="OII735" s="424"/>
      <c r="OIJ735" s="424"/>
      <c r="OIK735" s="423" t="s">
        <v>2795</v>
      </c>
      <c r="OIL735" s="424"/>
      <c r="OIM735" s="424"/>
      <c r="OIN735" s="424"/>
      <c r="OIO735" s="423" t="s">
        <v>2795</v>
      </c>
      <c r="OIP735" s="424"/>
      <c r="OIQ735" s="424"/>
      <c r="OIR735" s="424"/>
      <c r="OIS735" s="423" t="s">
        <v>2795</v>
      </c>
      <c r="OIT735" s="424"/>
      <c r="OIU735" s="424"/>
      <c r="OIV735" s="424"/>
      <c r="OIW735" s="423" t="s">
        <v>2795</v>
      </c>
      <c r="OIX735" s="424"/>
      <c r="OIY735" s="424"/>
      <c r="OIZ735" s="424"/>
      <c r="OJA735" s="423" t="s">
        <v>2795</v>
      </c>
      <c r="OJB735" s="424"/>
      <c r="OJC735" s="424"/>
      <c r="OJD735" s="424"/>
      <c r="OJE735" s="423" t="s">
        <v>2795</v>
      </c>
      <c r="OJF735" s="424"/>
      <c r="OJG735" s="424"/>
      <c r="OJH735" s="424"/>
      <c r="OJI735" s="423" t="s">
        <v>2795</v>
      </c>
      <c r="OJJ735" s="424"/>
      <c r="OJK735" s="424"/>
      <c r="OJL735" s="424"/>
      <c r="OJM735" s="423" t="s">
        <v>2795</v>
      </c>
      <c r="OJN735" s="424"/>
      <c r="OJO735" s="424"/>
      <c r="OJP735" s="424"/>
      <c r="OJQ735" s="423" t="s">
        <v>2795</v>
      </c>
      <c r="OJR735" s="424"/>
      <c r="OJS735" s="424"/>
      <c r="OJT735" s="424"/>
      <c r="OJU735" s="423" t="s">
        <v>2795</v>
      </c>
      <c r="OJV735" s="424"/>
      <c r="OJW735" s="424"/>
      <c r="OJX735" s="424"/>
      <c r="OJY735" s="423" t="s">
        <v>2795</v>
      </c>
      <c r="OJZ735" s="424"/>
      <c r="OKA735" s="424"/>
      <c r="OKB735" s="424"/>
      <c r="OKC735" s="423" t="s">
        <v>2795</v>
      </c>
      <c r="OKD735" s="424"/>
      <c r="OKE735" s="424"/>
      <c r="OKF735" s="424"/>
      <c r="OKG735" s="423" t="s">
        <v>2795</v>
      </c>
      <c r="OKH735" s="424"/>
      <c r="OKI735" s="424"/>
      <c r="OKJ735" s="424"/>
      <c r="OKK735" s="423" t="s">
        <v>2795</v>
      </c>
      <c r="OKL735" s="424"/>
      <c r="OKM735" s="424"/>
      <c r="OKN735" s="424"/>
      <c r="OKO735" s="423" t="s">
        <v>2795</v>
      </c>
      <c r="OKP735" s="424"/>
      <c r="OKQ735" s="424"/>
      <c r="OKR735" s="424"/>
      <c r="OKS735" s="423" t="s">
        <v>2795</v>
      </c>
      <c r="OKT735" s="424"/>
      <c r="OKU735" s="424"/>
      <c r="OKV735" s="424"/>
      <c r="OKW735" s="423" t="s">
        <v>2795</v>
      </c>
      <c r="OKX735" s="424"/>
      <c r="OKY735" s="424"/>
      <c r="OKZ735" s="424"/>
      <c r="OLA735" s="423" t="s">
        <v>2795</v>
      </c>
      <c r="OLB735" s="424"/>
      <c r="OLC735" s="424"/>
      <c r="OLD735" s="424"/>
      <c r="OLE735" s="423" t="s">
        <v>2795</v>
      </c>
      <c r="OLF735" s="424"/>
      <c r="OLG735" s="424"/>
      <c r="OLH735" s="424"/>
      <c r="OLI735" s="423" t="s">
        <v>2795</v>
      </c>
      <c r="OLJ735" s="424"/>
      <c r="OLK735" s="424"/>
      <c r="OLL735" s="424"/>
      <c r="OLM735" s="423" t="s">
        <v>2795</v>
      </c>
      <c r="OLN735" s="424"/>
      <c r="OLO735" s="424"/>
      <c r="OLP735" s="424"/>
      <c r="OLQ735" s="423" t="s">
        <v>2795</v>
      </c>
      <c r="OLR735" s="424"/>
      <c r="OLS735" s="424"/>
      <c r="OLT735" s="424"/>
      <c r="OLU735" s="423" t="s">
        <v>2795</v>
      </c>
      <c r="OLV735" s="424"/>
      <c r="OLW735" s="424"/>
      <c r="OLX735" s="424"/>
      <c r="OLY735" s="423" t="s">
        <v>2795</v>
      </c>
      <c r="OLZ735" s="424"/>
      <c r="OMA735" s="424"/>
      <c r="OMB735" s="424"/>
      <c r="OMC735" s="423" t="s">
        <v>2795</v>
      </c>
      <c r="OMD735" s="424"/>
      <c r="OME735" s="424"/>
      <c r="OMF735" s="424"/>
      <c r="OMG735" s="423" t="s">
        <v>2795</v>
      </c>
      <c r="OMH735" s="424"/>
      <c r="OMI735" s="424"/>
      <c r="OMJ735" s="424"/>
      <c r="OMK735" s="423" t="s">
        <v>2795</v>
      </c>
      <c r="OML735" s="424"/>
      <c r="OMM735" s="424"/>
      <c r="OMN735" s="424"/>
      <c r="OMO735" s="423" t="s">
        <v>2795</v>
      </c>
      <c r="OMP735" s="424"/>
      <c r="OMQ735" s="424"/>
      <c r="OMR735" s="424"/>
      <c r="OMS735" s="423" t="s">
        <v>2795</v>
      </c>
      <c r="OMT735" s="424"/>
      <c r="OMU735" s="424"/>
      <c r="OMV735" s="424"/>
      <c r="OMW735" s="423" t="s">
        <v>2795</v>
      </c>
      <c r="OMX735" s="424"/>
      <c r="OMY735" s="424"/>
      <c r="OMZ735" s="424"/>
      <c r="ONA735" s="423" t="s">
        <v>2795</v>
      </c>
      <c r="ONB735" s="424"/>
      <c r="ONC735" s="424"/>
      <c r="OND735" s="424"/>
      <c r="ONE735" s="423" t="s">
        <v>2795</v>
      </c>
      <c r="ONF735" s="424"/>
      <c r="ONG735" s="424"/>
      <c r="ONH735" s="424"/>
      <c r="ONI735" s="423" t="s">
        <v>2795</v>
      </c>
      <c r="ONJ735" s="424"/>
      <c r="ONK735" s="424"/>
      <c r="ONL735" s="424"/>
      <c r="ONM735" s="423" t="s">
        <v>2795</v>
      </c>
      <c r="ONN735" s="424"/>
      <c r="ONO735" s="424"/>
      <c r="ONP735" s="424"/>
      <c r="ONQ735" s="423" t="s">
        <v>2795</v>
      </c>
      <c r="ONR735" s="424"/>
      <c r="ONS735" s="424"/>
      <c r="ONT735" s="424"/>
      <c r="ONU735" s="423" t="s">
        <v>2795</v>
      </c>
      <c r="ONV735" s="424"/>
      <c r="ONW735" s="424"/>
      <c r="ONX735" s="424"/>
      <c r="ONY735" s="423" t="s">
        <v>2795</v>
      </c>
      <c r="ONZ735" s="424"/>
      <c r="OOA735" s="424"/>
      <c r="OOB735" s="424"/>
      <c r="OOC735" s="423" t="s">
        <v>2795</v>
      </c>
      <c r="OOD735" s="424"/>
      <c r="OOE735" s="424"/>
      <c r="OOF735" s="424"/>
      <c r="OOG735" s="423" t="s">
        <v>2795</v>
      </c>
      <c r="OOH735" s="424"/>
      <c r="OOI735" s="424"/>
      <c r="OOJ735" s="424"/>
      <c r="OOK735" s="423" t="s">
        <v>2795</v>
      </c>
      <c r="OOL735" s="424"/>
      <c r="OOM735" s="424"/>
      <c r="OON735" s="424"/>
      <c r="OOO735" s="423" t="s">
        <v>2795</v>
      </c>
      <c r="OOP735" s="424"/>
      <c r="OOQ735" s="424"/>
      <c r="OOR735" s="424"/>
      <c r="OOS735" s="423" t="s">
        <v>2795</v>
      </c>
      <c r="OOT735" s="424"/>
      <c r="OOU735" s="424"/>
      <c r="OOV735" s="424"/>
      <c r="OOW735" s="423" t="s">
        <v>2795</v>
      </c>
      <c r="OOX735" s="424"/>
      <c r="OOY735" s="424"/>
      <c r="OOZ735" s="424"/>
      <c r="OPA735" s="423" t="s">
        <v>2795</v>
      </c>
      <c r="OPB735" s="424"/>
      <c r="OPC735" s="424"/>
      <c r="OPD735" s="424"/>
      <c r="OPE735" s="423" t="s">
        <v>2795</v>
      </c>
      <c r="OPF735" s="424"/>
      <c r="OPG735" s="424"/>
      <c r="OPH735" s="424"/>
      <c r="OPI735" s="423" t="s">
        <v>2795</v>
      </c>
      <c r="OPJ735" s="424"/>
      <c r="OPK735" s="424"/>
      <c r="OPL735" s="424"/>
      <c r="OPM735" s="423" t="s">
        <v>2795</v>
      </c>
      <c r="OPN735" s="424"/>
      <c r="OPO735" s="424"/>
      <c r="OPP735" s="424"/>
      <c r="OPQ735" s="423" t="s">
        <v>2795</v>
      </c>
      <c r="OPR735" s="424"/>
      <c r="OPS735" s="424"/>
      <c r="OPT735" s="424"/>
      <c r="OPU735" s="423" t="s">
        <v>2795</v>
      </c>
      <c r="OPV735" s="424"/>
      <c r="OPW735" s="424"/>
      <c r="OPX735" s="424"/>
      <c r="OPY735" s="423" t="s">
        <v>2795</v>
      </c>
      <c r="OPZ735" s="424"/>
      <c r="OQA735" s="424"/>
      <c r="OQB735" s="424"/>
      <c r="OQC735" s="423" t="s">
        <v>2795</v>
      </c>
      <c r="OQD735" s="424"/>
      <c r="OQE735" s="424"/>
      <c r="OQF735" s="424"/>
      <c r="OQG735" s="423" t="s">
        <v>2795</v>
      </c>
      <c r="OQH735" s="424"/>
      <c r="OQI735" s="424"/>
      <c r="OQJ735" s="424"/>
      <c r="OQK735" s="423" t="s">
        <v>2795</v>
      </c>
      <c r="OQL735" s="424"/>
      <c r="OQM735" s="424"/>
      <c r="OQN735" s="424"/>
      <c r="OQO735" s="423" t="s">
        <v>2795</v>
      </c>
      <c r="OQP735" s="424"/>
      <c r="OQQ735" s="424"/>
      <c r="OQR735" s="424"/>
      <c r="OQS735" s="423" t="s">
        <v>2795</v>
      </c>
      <c r="OQT735" s="424"/>
      <c r="OQU735" s="424"/>
      <c r="OQV735" s="424"/>
      <c r="OQW735" s="423" t="s">
        <v>2795</v>
      </c>
      <c r="OQX735" s="424"/>
      <c r="OQY735" s="424"/>
      <c r="OQZ735" s="424"/>
      <c r="ORA735" s="423" t="s">
        <v>2795</v>
      </c>
      <c r="ORB735" s="424"/>
      <c r="ORC735" s="424"/>
      <c r="ORD735" s="424"/>
      <c r="ORE735" s="423" t="s">
        <v>2795</v>
      </c>
      <c r="ORF735" s="424"/>
      <c r="ORG735" s="424"/>
      <c r="ORH735" s="424"/>
      <c r="ORI735" s="423" t="s">
        <v>2795</v>
      </c>
      <c r="ORJ735" s="424"/>
      <c r="ORK735" s="424"/>
      <c r="ORL735" s="424"/>
      <c r="ORM735" s="423" t="s">
        <v>2795</v>
      </c>
      <c r="ORN735" s="424"/>
      <c r="ORO735" s="424"/>
      <c r="ORP735" s="424"/>
      <c r="ORQ735" s="423" t="s">
        <v>2795</v>
      </c>
      <c r="ORR735" s="424"/>
      <c r="ORS735" s="424"/>
      <c r="ORT735" s="424"/>
      <c r="ORU735" s="423" t="s">
        <v>2795</v>
      </c>
      <c r="ORV735" s="424"/>
      <c r="ORW735" s="424"/>
      <c r="ORX735" s="424"/>
      <c r="ORY735" s="423" t="s">
        <v>2795</v>
      </c>
      <c r="ORZ735" s="424"/>
      <c r="OSA735" s="424"/>
      <c r="OSB735" s="424"/>
      <c r="OSC735" s="423" t="s">
        <v>2795</v>
      </c>
      <c r="OSD735" s="424"/>
      <c r="OSE735" s="424"/>
      <c r="OSF735" s="424"/>
      <c r="OSG735" s="423" t="s">
        <v>2795</v>
      </c>
      <c r="OSH735" s="424"/>
      <c r="OSI735" s="424"/>
      <c r="OSJ735" s="424"/>
      <c r="OSK735" s="423" t="s">
        <v>2795</v>
      </c>
      <c r="OSL735" s="424"/>
      <c r="OSM735" s="424"/>
      <c r="OSN735" s="424"/>
      <c r="OSO735" s="423" t="s">
        <v>2795</v>
      </c>
      <c r="OSP735" s="424"/>
      <c r="OSQ735" s="424"/>
      <c r="OSR735" s="424"/>
      <c r="OSS735" s="423" t="s">
        <v>2795</v>
      </c>
      <c r="OST735" s="424"/>
      <c r="OSU735" s="424"/>
      <c r="OSV735" s="424"/>
      <c r="OSW735" s="423" t="s">
        <v>2795</v>
      </c>
      <c r="OSX735" s="424"/>
      <c r="OSY735" s="424"/>
      <c r="OSZ735" s="424"/>
      <c r="OTA735" s="423" t="s">
        <v>2795</v>
      </c>
      <c r="OTB735" s="424"/>
      <c r="OTC735" s="424"/>
      <c r="OTD735" s="424"/>
      <c r="OTE735" s="423" t="s">
        <v>2795</v>
      </c>
      <c r="OTF735" s="424"/>
      <c r="OTG735" s="424"/>
      <c r="OTH735" s="424"/>
      <c r="OTI735" s="423" t="s">
        <v>2795</v>
      </c>
      <c r="OTJ735" s="424"/>
      <c r="OTK735" s="424"/>
      <c r="OTL735" s="424"/>
      <c r="OTM735" s="423" t="s">
        <v>2795</v>
      </c>
      <c r="OTN735" s="424"/>
      <c r="OTO735" s="424"/>
      <c r="OTP735" s="424"/>
      <c r="OTQ735" s="423" t="s">
        <v>2795</v>
      </c>
      <c r="OTR735" s="424"/>
      <c r="OTS735" s="424"/>
      <c r="OTT735" s="424"/>
      <c r="OTU735" s="423" t="s">
        <v>2795</v>
      </c>
      <c r="OTV735" s="424"/>
      <c r="OTW735" s="424"/>
      <c r="OTX735" s="424"/>
      <c r="OTY735" s="423" t="s">
        <v>2795</v>
      </c>
      <c r="OTZ735" s="424"/>
      <c r="OUA735" s="424"/>
      <c r="OUB735" s="424"/>
      <c r="OUC735" s="423" t="s">
        <v>2795</v>
      </c>
      <c r="OUD735" s="424"/>
      <c r="OUE735" s="424"/>
      <c r="OUF735" s="424"/>
      <c r="OUG735" s="423" t="s">
        <v>2795</v>
      </c>
      <c r="OUH735" s="424"/>
      <c r="OUI735" s="424"/>
      <c r="OUJ735" s="424"/>
      <c r="OUK735" s="423" t="s">
        <v>2795</v>
      </c>
      <c r="OUL735" s="424"/>
      <c r="OUM735" s="424"/>
      <c r="OUN735" s="424"/>
      <c r="OUO735" s="423" t="s">
        <v>2795</v>
      </c>
      <c r="OUP735" s="424"/>
      <c r="OUQ735" s="424"/>
      <c r="OUR735" s="424"/>
      <c r="OUS735" s="423" t="s">
        <v>2795</v>
      </c>
      <c r="OUT735" s="424"/>
      <c r="OUU735" s="424"/>
      <c r="OUV735" s="424"/>
      <c r="OUW735" s="423" t="s">
        <v>2795</v>
      </c>
      <c r="OUX735" s="424"/>
      <c r="OUY735" s="424"/>
      <c r="OUZ735" s="424"/>
      <c r="OVA735" s="423" t="s">
        <v>2795</v>
      </c>
      <c r="OVB735" s="424"/>
      <c r="OVC735" s="424"/>
      <c r="OVD735" s="424"/>
      <c r="OVE735" s="423" t="s">
        <v>2795</v>
      </c>
      <c r="OVF735" s="424"/>
      <c r="OVG735" s="424"/>
      <c r="OVH735" s="424"/>
      <c r="OVI735" s="423" t="s">
        <v>2795</v>
      </c>
      <c r="OVJ735" s="424"/>
      <c r="OVK735" s="424"/>
      <c r="OVL735" s="424"/>
      <c r="OVM735" s="423" t="s">
        <v>2795</v>
      </c>
      <c r="OVN735" s="424"/>
      <c r="OVO735" s="424"/>
      <c r="OVP735" s="424"/>
      <c r="OVQ735" s="423" t="s">
        <v>2795</v>
      </c>
      <c r="OVR735" s="424"/>
      <c r="OVS735" s="424"/>
      <c r="OVT735" s="424"/>
      <c r="OVU735" s="423" t="s">
        <v>2795</v>
      </c>
      <c r="OVV735" s="424"/>
      <c r="OVW735" s="424"/>
      <c r="OVX735" s="424"/>
      <c r="OVY735" s="423" t="s">
        <v>2795</v>
      </c>
      <c r="OVZ735" s="424"/>
      <c r="OWA735" s="424"/>
      <c r="OWB735" s="424"/>
      <c r="OWC735" s="423" t="s">
        <v>2795</v>
      </c>
      <c r="OWD735" s="424"/>
      <c r="OWE735" s="424"/>
      <c r="OWF735" s="424"/>
      <c r="OWG735" s="423" t="s">
        <v>2795</v>
      </c>
      <c r="OWH735" s="424"/>
      <c r="OWI735" s="424"/>
      <c r="OWJ735" s="424"/>
      <c r="OWK735" s="423" t="s">
        <v>2795</v>
      </c>
      <c r="OWL735" s="424"/>
      <c r="OWM735" s="424"/>
      <c r="OWN735" s="424"/>
      <c r="OWO735" s="423" t="s">
        <v>2795</v>
      </c>
      <c r="OWP735" s="424"/>
      <c r="OWQ735" s="424"/>
      <c r="OWR735" s="424"/>
      <c r="OWS735" s="423" t="s">
        <v>2795</v>
      </c>
      <c r="OWT735" s="424"/>
      <c r="OWU735" s="424"/>
      <c r="OWV735" s="424"/>
      <c r="OWW735" s="423" t="s">
        <v>2795</v>
      </c>
      <c r="OWX735" s="424"/>
      <c r="OWY735" s="424"/>
      <c r="OWZ735" s="424"/>
      <c r="OXA735" s="423" t="s">
        <v>2795</v>
      </c>
      <c r="OXB735" s="424"/>
      <c r="OXC735" s="424"/>
      <c r="OXD735" s="424"/>
      <c r="OXE735" s="423" t="s">
        <v>2795</v>
      </c>
      <c r="OXF735" s="424"/>
      <c r="OXG735" s="424"/>
      <c r="OXH735" s="424"/>
      <c r="OXI735" s="423" t="s">
        <v>2795</v>
      </c>
      <c r="OXJ735" s="424"/>
      <c r="OXK735" s="424"/>
      <c r="OXL735" s="424"/>
      <c r="OXM735" s="423" t="s">
        <v>2795</v>
      </c>
      <c r="OXN735" s="424"/>
      <c r="OXO735" s="424"/>
      <c r="OXP735" s="424"/>
      <c r="OXQ735" s="423" t="s">
        <v>2795</v>
      </c>
      <c r="OXR735" s="424"/>
      <c r="OXS735" s="424"/>
      <c r="OXT735" s="424"/>
      <c r="OXU735" s="423" t="s">
        <v>2795</v>
      </c>
      <c r="OXV735" s="424"/>
      <c r="OXW735" s="424"/>
      <c r="OXX735" s="424"/>
      <c r="OXY735" s="423" t="s">
        <v>2795</v>
      </c>
      <c r="OXZ735" s="424"/>
      <c r="OYA735" s="424"/>
      <c r="OYB735" s="424"/>
      <c r="OYC735" s="423" t="s">
        <v>2795</v>
      </c>
      <c r="OYD735" s="424"/>
      <c r="OYE735" s="424"/>
      <c r="OYF735" s="424"/>
      <c r="OYG735" s="423" t="s">
        <v>2795</v>
      </c>
      <c r="OYH735" s="424"/>
      <c r="OYI735" s="424"/>
      <c r="OYJ735" s="424"/>
      <c r="OYK735" s="423" t="s">
        <v>2795</v>
      </c>
      <c r="OYL735" s="424"/>
      <c r="OYM735" s="424"/>
      <c r="OYN735" s="424"/>
      <c r="OYO735" s="423" t="s">
        <v>2795</v>
      </c>
      <c r="OYP735" s="424"/>
      <c r="OYQ735" s="424"/>
      <c r="OYR735" s="424"/>
      <c r="OYS735" s="423" t="s">
        <v>2795</v>
      </c>
      <c r="OYT735" s="424"/>
      <c r="OYU735" s="424"/>
      <c r="OYV735" s="424"/>
      <c r="OYW735" s="423" t="s">
        <v>2795</v>
      </c>
      <c r="OYX735" s="424"/>
      <c r="OYY735" s="424"/>
      <c r="OYZ735" s="424"/>
      <c r="OZA735" s="423" t="s">
        <v>2795</v>
      </c>
      <c r="OZB735" s="424"/>
      <c r="OZC735" s="424"/>
      <c r="OZD735" s="424"/>
      <c r="OZE735" s="423" t="s">
        <v>2795</v>
      </c>
      <c r="OZF735" s="424"/>
      <c r="OZG735" s="424"/>
      <c r="OZH735" s="424"/>
      <c r="OZI735" s="423" t="s">
        <v>2795</v>
      </c>
      <c r="OZJ735" s="424"/>
      <c r="OZK735" s="424"/>
      <c r="OZL735" s="424"/>
      <c r="OZM735" s="423" t="s">
        <v>2795</v>
      </c>
      <c r="OZN735" s="424"/>
      <c r="OZO735" s="424"/>
      <c r="OZP735" s="424"/>
      <c r="OZQ735" s="423" t="s">
        <v>2795</v>
      </c>
      <c r="OZR735" s="424"/>
      <c r="OZS735" s="424"/>
      <c r="OZT735" s="424"/>
      <c r="OZU735" s="423" t="s">
        <v>2795</v>
      </c>
      <c r="OZV735" s="424"/>
      <c r="OZW735" s="424"/>
      <c r="OZX735" s="424"/>
      <c r="OZY735" s="423" t="s">
        <v>2795</v>
      </c>
      <c r="OZZ735" s="424"/>
      <c r="PAA735" s="424"/>
      <c r="PAB735" s="424"/>
      <c r="PAC735" s="423" t="s">
        <v>2795</v>
      </c>
      <c r="PAD735" s="424"/>
      <c r="PAE735" s="424"/>
      <c r="PAF735" s="424"/>
      <c r="PAG735" s="423" t="s">
        <v>2795</v>
      </c>
      <c r="PAH735" s="424"/>
      <c r="PAI735" s="424"/>
      <c r="PAJ735" s="424"/>
      <c r="PAK735" s="423" t="s">
        <v>2795</v>
      </c>
      <c r="PAL735" s="424"/>
      <c r="PAM735" s="424"/>
      <c r="PAN735" s="424"/>
      <c r="PAO735" s="423" t="s">
        <v>2795</v>
      </c>
      <c r="PAP735" s="424"/>
      <c r="PAQ735" s="424"/>
      <c r="PAR735" s="424"/>
      <c r="PAS735" s="423" t="s">
        <v>2795</v>
      </c>
      <c r="PAT735" s="424"/>
      <c r="PAU735" s="424"/>
      <c r="PAV735" s="424"/>
      <c r="PAW735" s="423" t="s">
        <v>2795</v>
      </c>
      <c r="PAX735" s="424"/>
      <c r="PAY735" s="424"/>
      <c r="PAZ735" s="424"/>
      <c r="PBA735" s="423" t="s">
        <v>2795</v>
      </c>
      <c r="PBB735" s="424"/>
      <c r="PBC735" s="424"/>
      <c r="PBD735" s="424"/>
      <c r="PBE735" s="423" t="s">
        <v>2795</v>
      </c>
      <c r="PBF735" s="424"/>
      <c r="PBG735" s="424"/>
      <c r="PBH735" s="424"/>
      <c r="PBI735" s="423" t="s">
        <v>2795</v>
      </c>
      <c r="PBJ735" s="424"/>
      <c r="PBK735" s="424"/>
      <c r="PBL735" s="424"/>
      <c r="PBM735" s="423" t="s">
        <v>2795</v>
      </c>
      <c r="PBN735" s="424"/>
      <c r="PBO735" s="424"/>
      <c r="PBP735" s="424"/>
      <c r="PBQ735" s="423" t="s">
        <v>2795</v>
      </c>
      <c r="PBR735" s="424"/>
      <c r="PBS735" s="424"/>
      <c r="PBT735" s="424"/>
      <c r="PBU735" s="423" t="s">
        <v>2795</v>
      </c>
      <c r="PBV735" s="424"/>
      <c r="PBW735" s="424"/>
      <c r="PBX735" s="424"/>
      <c r="PBY735" s="423" t="s">
        <v>2795</v>
      </c>
      <c r="PBZ735" s="424"/>
      <c r="PCA735" s="424"/>
      <c r="PCB735" s="424"/>
      <c r="PCC735" s="423" t="s">
        <v>2795</v>
      </c>
      <c r="PCD735" s="424"/>
      <c r="PCE735" s="424"/>
      <c r="PCF735" s="424"/>
      <c r="PCG735" s="423" t="s">
        <v>2795</v>
      </c>
      <c r="PCH735" s="424"/>
      <c r="PCI735" s="424"/>
      <c r="PCJ735" s="424"/>
      <c r="PCK735" s="423" t="s">
        <v>2795</v>
      </c>
      <c r="PCL735" s="424"/>
      <c r="PCM735" s="424"/>
      <c r="PCN735" s="424"/>
      <c r="PCO735" s="423" t="s">
        <v>2795</v>
      </c>
      <c r="PCP735" s="424"/>
      <c r="PCQ735" s="424"/>
      <c r="PCR735" s="424"/>
      <c r="PCS735" s="423" t="s">
        <v>2795</v>
      </c>
      <c r="PCT735" s="424"/>
      <c r="PCU735" s="424"/>
      <c r="PCV735" s="424"/>
      <c r="PCW735" s="423" t="s">
        <v>2795</v>
      </c>
      <c r="PCX735" s="424"/>
      <c r="PCY735" s="424"/>
      <c r="PCZ735" s="424"/>
      <c r="PDA735" s="423" t="s">
        <v>2795</v>
      </c>
      <c r="PDB735" s="424"/>
      <c r="PDC735" s="424"/>
      <c r="PDD735" s="424"/>
      <c r="PDE735" s="423" t="s">
        <v>2795</v>
      </c>
      <c r="PDF735" s="424"/>
      <c r="PDG735" s="424"/>
      <c r="PDH735" s="424"/>
      <c r="PDI735" s="423" t="s">
        <v>2795</v>
      </c>
      <c r="PDJ735" s="424"/>
      <c r="PDK735" s="424"/>
      <c r="PDL735" s="424"/>
      <c r="PDM735" s="423" t="s">
        <v>2795</v>
      </c>
      <c r="PDN735" s="424"/>
      <c r="PDO735" s="424"/>
      <c r="PDP735" s="424"/>
      <c r="PDQ735" s="423" t="s">
        <v>2795</v>
      </c>
      <c r="PDR735" s="424"/>
      <c r="PDS735" s="424"/>
      <c r="PDT735" s="424"/>
      <c r="PDU735" s="423" t="s">
        <v>2795</v>
      </c>
      <c r="PDV735" s="424"/>
      <c r="PDW735" s="424"/>
      <c r="PDX735" s="424"/>
      <c r="PDY735" s="423" t="s">
        <v>2795</v>
      </c>
      <c r="PDZ735" s="424"/>
      <c r="PEA735" s="424"/>
      <c r="PEB735" s="424"/>
      <c r="PEC735" s="423" t="s">
        <v>2795</v>
      </c>
      <c r="PED735" s="424"/>
      <c r="PEE735" s="424"/>
      <c r="PEF735" s="424"/>
      <c r="PEG735" s="423" t="s">
        <v>2795</v>
      </c>
      <c r="PEH735" s="424"/>
      <c r="PEI735" s="424"/>
      <c r="PEJ735" s="424"/>
      <c r="PEK735" s="423" t="s">
        <v>2795</v>
      </c>
      <c r="PEL735" s="424"/>
      <c r="PEM735" s="424"/>
      <c r="PEN735" s="424"/>
      <c r="PEO735" s="423" t="s">
        <v>2795</v>
      </c>
      <c r="PEP735" s="424"/>
      <c r="PEQ735" s="424"/>
      <c r="PER735" s="424"/>
      <c r="PES735" s="423" t="s">
        <v>2795</v>
      </c>
      <c r="PET735" s="424"/>
      <c r="PEU735" s="424"/>
      <c r="PEV735" s="424"/>
      <c r="PEW735" s="423" t="s">
        <v>2795</v>
      </c>
      <c r="PEX735" s="424"/>
      <c r="PEY735" s="424"/>
      <c r="PEZ735" s="424"/>
      <c r="PFA735" s="423" t="s">
        <v>2795</v>
      </c>
      <c r="PFB735" s="424"/>
      <c r="PFC735" s="424"/>
      <c r="PFD735" s="424"/>
      <c r="PFE735" s="423" t="s">
        <v>2795</v>
      </c>
      <c r="PFF735" s="424"/>
      <c r="PFG735" s="424"/>
      <c r="PFH735" s="424"/>
      <c r="PFI735" s="423" t="s">
        <v>2795</v>
      </c>
      <c r="PFJ735" s="424"/>
      <c r="PFK735" s="424"/>
      <c r="PFL735" s="424"/>
      <c r="PFM735" s="423" t="s">
        <v>2795</v>
      </c>
      <c r="PFN735" s="424"/>
      <c r="PFO735" s="424"/>
      <c r="PFP735" s="424"/>
      <c r="PFQ735" s="423" t="s">
        <v>2795</v>
      </c>
      <c r="PFR735" s="424"/>
      <c r="PFS735" s="424"/>
      <c r="PFT735" s="424"/>
      <c r="PFU735" s="423" t="s">
        <v>2795</v>
      </c>
      <c r="PFV735" s="424"/>
      <c r="PFW735" s="424"/>
      <c r="PFX735" s="424"/>
      <c r="PFY735" s="423" t="s">
        <v>2795</v>
      </c>
      <c r="PFZ735" s="424"/>
      <c r="PGA735" s="424"/>
      <c r="PGB735" s="424"/>
      <c r="PGC735" s="423" t="s">
        <v>2795</v>
      </c>
      <c r="PGD735" s="424"/>
      <c r="PGE735" s="424"/>
      <c r="PGF735" s="424"/>
      <c r="PGG735" s="423" t="s">
        <v>2795</v>
      </c>
      <c r="PGH735" s="424"/>
      <c r="PGI735" s="424"/>
      <c r="PGJ735" s="424"/>
      <c r="PGK735" s="423" t="s">
        <v>2795</v>
      </c>
      <c r="PGL735" s="424"/>
      <c r="PGM735" s="424"/>
      <c r="PGN735" s="424"/>
      <c r="PGO735" s="423" t="s">
        <v>2795</v>
      </c>
      <c r="PGP735" s="424"/>
      <c r="PGQ735" s="424"/>
      <c r="PGR735" s="424"/>
      <c r="PGS735" s="423" t="s">
        <v>2795</v>
      </c>
      <c r="PGT735" s="424"/>
      <c r="PGU735" s="424"/>
      <c r="PGV735" s="424"/>
      <c r="PGW735" s="423" t="s">
        <v>2795</v>
      </c>
      <c r="PGX735" s="424"/>
      <c r="PGY735" s="424"/>
      <c r="PGZ735" s="424"/>
      <c r="PHA735" s="423" t="s">
        <v>2795</v>
      </c>
      <c r="PHB735" s="424"/>
      <c r="PHC735" s="424"/>
      <c r="PHD735" s="424"/>
      <c r="PHE735" s="423" t="s">
        <v>2795</v>
      </c>
      <c r="PHF735" s="424"/>
      <c r="PHG735" s="424"/>
      <c r="PHH735" s="424"/>
      <c r="PHI735" s="423" t="s">
        <v>2795</v>
      </c>
      <c r="PHJ735" s="424"/>
      <c r="PHK735" s="424"/>
      <c r="PHL735" s="424"/>
      <c r="PHM735" s="423" t="s">
        <v>2795</v>
      </c>
      <c r="PHN735" s="424"/>
      <c r="PHO735" s="424"/>
      <c r="PHP735" s="424"/>
      <c r="PHQ735" s="423" t="s">
        <v>2795</v>
      </c>
      <c r="PHR735" s="424"/>
      <c r="PHS735" s="424"/>
      <c r="PHT735" s="424"/>
      <c r="PHU735" s="423" t="s">
        <v>2795</v>
      </c>
      <c r="PHV735" s="424"/>
      <c r="PHW735" s="424"/>
      <c r="PHX735" s="424"/>
      <c r="PHY735" s="423" t="s">
        <v>2795</v>
      </c>
      <c r="PHZ735" s="424"/>
      <c r="PIA735" s="424"/>
      <c r="PIB735" s="424"/>
      <c r="PIC735" s="423" t="s">
        <v>2795</v>
      </c>
      <c r="PID735" s="424"/>
      <c r="PIE735" s="424"/>
      <c r="PIF735" s="424"/>
      <c r="PIG735" s="423" t="s">
        <v>2795</v>
      </c>
      <c r="PIH735" s="424"/>
      <c r="PII735" s="424"/>
      <c r="PIJ735" s="424"/>
      <c r="PIK735" s="423" t="s">
        <v>2795</v>
      </c>
      <c r="PIL735" s="424"/>
      <c r="PIM735" s="424"/>
      <c r="PIN735" s="424"/>
      <c r="PIO735" s="423" t="s">
        <v>2795</v>
      </c>
      <c r="PIP735" s="424"/>
      <c r="PIQ735" s="424"/>
      <c r="PIR735" s="424"/>
      <c r="PIS735" s="423" t="s">
        <v>2795</v>
      </c>
      <c r="PIT735" s="424"/>
      <c r="PIU735" s="424"/>
      <c r="PIV735" s="424"/>
      <c r="PIW735" s="423" t="s">
        <v>2795</v>
      </c>
      <c r="PIX735" s="424"/>
      <c r="PIY735" s="424"/>
      <c r="PIZ735" s="424"/>
      <c r="PJA735" s="423" t="s">
        <v>2795</v>
      </c>
      <c r="PJB735" s="424"/>
      <c r="PJC735" s="424"/>
      <c r="PJD735" s="424"/>
      <c r="PJE735" s="423" t="s">
        <v>2795</v>
      </c>
      <c r="PJF735" s="424"/>
      <c r="PJG735" s="424"/>
      <c r="PJH735" s="424"/>
      <c r="PJI735" s="423" t="s">
        <v>2795</v>
      </c>
      <c r="PJJ735" s="424"/>
      <c r="PJK735" s="424"/>
      <c r="PJL735" s="424"/>
      <c r="PJM735" s="423" t="s">
        <v>2795</v>
      </c>
      <c r="PJN735" s="424"/>
      <c r="PJO735" s="424"/>
      <c r="PJP735" s="424"/>
      <c r="PJQ735" s="423" t="s">
        <v>2795</v>
      </c>
      <c r="PJR735" s="424"/>
      <c r="PJS735" s="424"/>
      <c r="PJT735" s="424"/>
      <c r="PJU735" s="423" t="s">
        <v>2795</v>
      </c>
      <c r="PJV735" s="424"/>
      <c r="PJW735" s="424"/>
      <c r="PJX735" s="424"/>
      <c r="PJY735" s="423" t="s">
        <v>2795</v>
      </c>
      <c r="PJZ735" s="424"/>
      <c r="PKA735" s="424"/>
      <c r="PKB735" s="424"/>
      <c r="PKC735" s="423" t="s">
        <v>2795</v>
      </c>
      <c r="PKD735" s="424"/>
      <c r="PKE735" s="424"/>
      <c r="PKF735" s="424"/>
      <c r="PKG735" s="423" t="s">
        <v>2795</v>
      </c>
      <c r="PKH735" s="424"/>
      <c r="PKI735" s="424"/>
      <c r="PKJ735" s="424"/>
      <c r="PKK735" s="423" t="s">
        <v>2795</v>
      </c>
      <c r="PKL735" s="424"/>
      <c r="PKM735" s="424"/>
      <c r="PKN735" s="424"/>
      <c r="PKO735" s="423" t="s">
        <v>2795</v>
      </c>
      <c r="PKP735" s="424"/>
      <c r="PKQ735" s="424"/>
      <c r="PKR735" s="424"/>
      <c r="PKS735" s="423" t="s">
        <v>2795</v>
      </c>
      <c r="PKT735" s="424"/>
      <c r="PKU735" s="424"/>
      <c r="PKV735" s="424"/>
      <c r="PKW735" s="423" t="s">
        <v>2795</v>
      </c>
      <c r="PKX735" s="424"/>
      <c r="PKY735" s="424"/>
      <c r="PKZ735" s="424"/>
      <c r="PLA735" s="423" t="s">
        <v>2795</v>
      </c>
      <c r="PLB735" s="424"/>
      <c r="PLC735" s="424"/>
      <c r="PLD735" s="424"/>
      <c r="PLE735" s="423" t="s">
        <v>2795</v>
      </c>
      <c r="PLF735" s="424"/>
      <c r="PLG735" s="424"/>
      <c r="PLH735" s="424"/>
      <c r="PLI735" s="423" t="s">
        <v>2795</v>
      </c>
      <c r="PLJ735" s="424"/>
      <c r="PLK735" s="424"/>
      <c r="PLL735" s="424"/>
      <c r="PLM735" s="423" t="s">
        <v>2795</v>
      </c>
      <c r="PLN735" s="424"/>
      <c r="PLO735" s="424"/>
      <c r="PLP735" s="424"/>
      <c r="PLQ735" s="423" t="s">
        <v>2795</v>
      </c>
      <c r="PLR735" s="424"/>
      <c r="PLS735" s="424"/>
      <c r="PLT735" s="424"/>
      <c r="PLU735" s="423" t="s">
        <v>2795</v>
      </c>
      <c r="PLV735" s="424"/>
      <c r="PLW735" s="424"/>
      <c r="PLX735" s="424"/>
      <c r="PLY735" s="423" t="s">
        <v>2795</v>
      </c>
      <c r="PLZ735" s="424"/>
      <c r="PMA735" s="424"/>
      <c r="PMB735" s="424"/>
      <c r="PMC735" s="423" t="s">
        <v>2795</v>
      </c>
      <c r="PMD735" s="424"/>
      <c r="PME735" s="424"/>
      <c r="PMF735" s="424"/>
      <c r="PMG735" s="423" t="s">
        <v>2795</v>
      </c>
      <c r="PMH735" s="424"/>
      <c r="PMI735" s="424"/>
      <c r="PMJ735" s="424"/>
      <c r="PMK735" s="423" t="s">
        <v>2795</v>
      </c>
      <c r="PML735" s="424"/>
      <c r="PMM735" s="424"/>
      <c r="PMN735" s="424"/>
      <c r="PMO735" s="423" t="s">
        <v>2795</v>
      </c>
      <c r="PMP735" s="424"/>
      <c r="PMQ735" s="424"/>
      <c r="PMR735" s="424"/>
      <c r="PMS735" s="423" t="s">
        <v>2795</v>
      </c>
      <c r="PMT735" s="424"/>
      <c r="PMU735" s="424"/>
      <c r="PMV735" s="424"/>
      <c r="PMW735" s="423" t="s">
        <v>2795</v>
      </c>
      <c r="PMX735" s="424"/>
      <c r="PMY735" s="424"/>
      <c r="PMZ735" s="424"/>
      <c r="PNA735" s="423" t="s">
        <v>2795</v>
      </c>
      <c r="PNB735" s="424"/>
      <c r="PNC735" s="424"/>
      <c r="PND735" s="424"/>
      <c r="PNE735" s="423" t="s">
        <v>2795</v>
      </c>
      <c r="PNF735" s="424"/>
      <c r="PNG735" s="424"/>
      <c r="PNH735" s="424"/>
      <c r="PNI735" s="423" t="s">
        <v>2795</v>
      </c>
      <c r="PNJ735" s="424"/>
      <c r="PNK735" s="424"/>
      <c r="PNL735" s="424"/>
      <c r="PNM735" s="423" t="s">
        <v>2795</v>
      </c>
      <c r="PNN735" s="424"/>
      <c r="PNO735" s="424"/>
      <c r="PNP735" s="424"/>
      <c r="PNQ735" s="423" t="s">
        <v>2795</v>
      </c>
      <c r="PNR735" s="424"/>
      <c r="PNS735" s="424"/>
      <c r="PNT735" s="424"/>
      <c r="PNU735" s="423" t="s">
        <v>2795</v>
      </c>
      <c r="PNV735" s="424"/>
      <c r="PNW735" s="424"/>
      <c r="PNX735" s="424"/>
      <c r="PNY735" s="423" t="s">
        <v>2795</v>
      </c>
      <c r="PNZ735" s="424"/>
      <c r="POA735" s="424"/>
      <c r="POB735" s="424"/>
      <c r="POC735" s="423" t="s">
        <v>2795</v>
      </c>
      <c r="POD735" s="424"/>
      <c r="POE735" s="424"/>
      <c r="POF735" s="424"/>
      <c r="POG735" s="423" t="s">
        <v>2795</v>
      </c>
      <c r="POH735" s="424"/>
      <c r="POI735" s="424"/>
      <c r="POJ735" s="424"/>
      <c r="POK735" s="423" t="s">
        <v>2795</v>
      </c>
      <c r="POL735" s="424"/>
      <c r="POM735" s="424"/>
      <c r="PON735" s="424"/>
      <c r="POO735" s="423" t="s">
        <v>2795</v>
      </c>
      <c r="POP735" s="424"/>
      <c r="POQ735" s="424"/>
      <c r="POR735" s="424"/>
      <c r="POS735" s="423" t="s">
        <v>2795</v>
      </c>
      <c r="POT735" s="424"/>
      <c r="POU735" s="424"/>
      <c r="POV735" s="424"/>
      <c r="POW735" s="423" t="s">
        <v>2795</v>
      </c>
      <c r="POX735" s="424"/>
      <c r="POY735" s="424"/>
      <c r="POZ735" s="424"/>
      <c r="PPA735" s="423" t="s">
        <v>2795</v>
      </c>
      <c r="PPB735" s="424"/>
      <c r="PPC735" s="424"/>
      <c r="PPD735" s="424"/>
      <c r="PPE735" s="423" t="s">
        <v>2795</v>
      </c>
      <c r="PPF735" s="424"/>
      <c r="PPG735" s="424"/>
      <c r="PPH735" s="424"/>
      <c r="PPI735" s="423" t="s">
        <v>2795</v>
      </c>
      <c r="PPJ735" s="424"/>
      <c r="PPK735" s="424"/>
      <c r="PPL735" s="424"/>
      <c r="PPM735" s="423" t="s">
        <v>2795</v>
      </c>
      <c r="PPN735" s="424"/>
      <c r="PPO735" s="424"/>
      <c r="PPP735" s="424"/>
      <c r="PPQ735" s="423" t="s">
        <v>2795</v>
      </c>
      <c r="PPR735" s="424"/>
      <c r="PPS735" s="424"/>
      <c r="PPT735" s="424"/>
      <c r="PPU735" s="423" t="s">
        <v>2795</v>
      </c>
      <c r="PPV735" s="424"/>
      <c r="PPW735" s="424"/>
      <c r="PPX735" s="424"/>
      <c r="PPY735" s="423" t="s">
        <v>2795</v>
      </c>
      <c r="PPZ735" s="424"/>
      <c r="PQA735" s="424"/>
      <c r="PQB735" s="424"/>
      <c r="PQC735" s="423" t="s">
        <v>2795</v>
      </c>
      <c r="PQD735" s="424"/>
      <c r="PQE735" s="424"/>
      <c r="PQF735" s="424"/>
      <c r="PQG735" s="423" t="s">
        <v>2795</v>
      </c>
      <c r="PQH735" s="424"/>
      <c r="PQI735" s="424"/>
      <c r="PQJ735" s="424"/>
      <c r="PQK735" s="423" t="s">
        <v>2795</v>
      </c>
      <c r="PQL735" s="424"/>
      <c r="PQM735" s="424"/>
      <c r="PQN735" s="424"/>
      <c r="PQO735" s="423" t="s">
        <v>2795</v>
      </c>
      <c r="PQP735" s="424"/>
      <c r="PQQ735" s="424"/>
      <c r="PQR735" s="424"/>
      <c r="PQS735" s="423" t="s">
        <v>2795</v>
      </c>
      <c r="PQT735" s="424"/>
      <c r="PQU735" s="424"/>
      <c r="PQV735" s="424"/>
      <c r="PQW735" s="423" t="s">
        <v>2795</v>
      </c>
      <c r="PQX735" s="424"/>
      <c r="PQY735" s="424"/>
      <c r="PQZ735" s="424"/>
      <c r="PRA735" s="423" t="s">
        <v>2795</v>
      </c>
      <c r="PRB735" s="424"/>
      <c r="PRC735" s="424"/>
      <c r="PRD735" s="424"/>
      <c r="PRE735" s="423" t="s">
        <v>2795</v>
      </c>
      <c r="PRF735" s="424"/>
      <c r="PRG735" s="424"/>
      <c r="PRH735" s="424"/>
      <c r="PRI735" s="423" t="s">
        <v>2795</v>
      </c>
      <c r="PRJ735" s="424"/>
      <c r="PRK735" s="424"/>
      <c r="PRL735" s="424"/>
      <c r="PRM735" s="423" t="s">
        <v>2795</v>
      </c>
      <c r="PRN735" s="424"/>
      <c r="PRO735" s="424"/>
      <c r="PRP735" s="424"/>
      <c r="PRQ735" s="423" t="s">
        <v>2795</v>
      </c>
      <c r="PRR735" s="424"/>
      <c r="PRS735" s="424"/>
      <c r="PRT735" s="424"/>
      <c r="PRU735" s="423" t="s">
        <v>2795</v>
      </c>
      <c r="PRV735" s="424"/>
      <c r="PRW735" s="424"/>
      <c r="PRX735" s="424"/>
      <c r="PRY735" s="423" t="s">
        <v>2795</v>
      </c>
      <c r="PRZ735" s="424"/>
      <c r="PSA735" s="424"/>
      <c r="PSB735" s="424"/>
      <c r="PSC735" s="423" t="s">
        <v>2795</v>
      </c>
      <c r="PSD735" s="424"/>
      <c r="PSE735" s="424"/>
      <c r="PSF735" s="424"/>
      <c r="PSG735" s="423" t="s">
        <v>2795</v>
      </c>
      <c r="PSH735" s="424"/>
      <c r="PSI735" s="424"/>
      <c r="PSJ735" s="424"/>
      <c r="PSK735" s="423" t="s">
        <v>2795</v>
      </c>
      <c r="PSL735" s="424"/>
      <c r="PSM735" s="424"/>
      <c r="PSN735" s="424"/>
      <c r="PSO735" s="423" t="s">
        <v>2795</v>
      </c>
      <c r="PSP735" s="424"/>
      <c r="PSQ735" s="424"/>
      <c r="PSR735" s="424"/>
      <c r="PSS735" s="423" t="s">
        <v>2795</v>
      </c>
      <c r="PST735" s="424"/>
      <c r="PSU735" s="424"/>
      <c r="PSV735" s="424"/>
      <c r="PSW735" s="423" t="s">
        <v>2795</v>
      </c>
      <c r="PSX735" s="424"/>
      <c r="PSY735" s="424"/>
      <c r="PSZ735" s="424"/>
      <c r="PTA735" s="423" t="s">
        <v>2795</v>
      </c>
      <c r="PTB735" s="424"/>
      <c r="PTC735" s="424"/>
      <c r="PTD735" s="424"/>
      <c r="PTE735" s="423" t="s">
        <v>2795</v>
      </c>
      <c r="PTF735" s="424"/>
      <c r="PTG735" s="424"/>
      <c r="PTH735" s="424"/>
      <c r="PTI735" s="423" t="s">
        <v>2795</v>
      </c>
      <c r="PTJ735" s="424"/>
      <c r="PTK735" s="424"/>
      <c r="PTL735" s="424"/>
      <c r="PTM735" s="423" t="s">
        <v>2795</v>
      </c>
      <c r="PTN735" s="424"/>
      <c r="PTO735" s="424"/>
      <c r="PTP735" s="424"/>
      <c r="PTQ735" s="423" t="s">
        <v>2795</v>
      </c>
      <c r="PTR735" s="424"/>
      <c r="PTS735" s="424"/>
      <c r="PTT735" s="424"/>
      <c r="PTU735" s="423" t="s">
        <v>2795</v>
      </c>
      <c r="PTV735" s="424"/>
      <c r="PTW735" s="424"/>
      <c r="PTX735" s="424"/>
      <c r="PTY735" s="423" t="s">
        <v>2795</v>
      </c>
      <c r="PTZ735" s="424"/>
      <c r="PUA735" s="424"/>
      <c r="PUB735" s="424"/>
      <c r="PUC735" s="423" t="s">
        <v>2795</v>
      </c>
      <c r="PUD735" s="424"/>
      <c r="PUE735" s="424"/>
      <c r="PUF735" s="424"/>
      <c r="PUG735" s="423" t="s">
        <v>2795</v>
      </c>
      <c r="PUH735" s="424"/>
      <c r="PUI735" s="424"/>
      <c r="PUJ735" s="424"/>
      <c r="PUK735" s="423" t="s">
        <v>2795</v>
      </c>
      <c r="PUL735" s="424"/>
      <c r="PUM735" s="424"/>
      <c r="PUN735" s="424"/>
      <c r="PUO735" s="423" t="s">
        <v>2795</v>
      </c>
      <c r="PUP735" s="424"/>
      <c r="PUQ735" s="424"/>
      <c r="PUR735" s="424"/>
      <c r="PUS735" s="423" t="s">
        <v>2795</v>
      </c>
      <c r="PUT735" s="424"/>
      <c r="PUU735" s="424"/>
      <c r="PUV735" s="424"/>
      <c r="PUW735" s="423" t="s">
        <v>2795</v>
      </c>
      <c r="PUX735" s="424"/>
      <c r="PUY735" s="424"/>
      <c r="PUZ735" s="424"/>
      <c r="PVA735" s="423" t="s">
        <v>2795</v>
      </c>
      <c r="PVB735" s="424"/>
      <c r="PVC735" s="424"/>
      <c r="PVD735" s="424"/>
      <c r="PVE735" s="423" t="s">
        <v>2795</v>
      </c>
      <c r="PVF735" s="424"/>
      <c r="PVG735" s="424"/>
      <c r="PVH735" s="424"/>
      <c r="PVI735" s="423" t="s">
        <v>2795</v>
      </c>
      <c r="PVJ735" s="424"/>
      <c r="PVK735" s="424"/>
      <c r="PVL735" s="424"/>
      <c r="PVM735" s="423" t="s">
        <v>2795</v>
      </c>
      <c r="PVN735" s="424"/>
      <c r="PVO735" s="424"/>
      <c r="PVP735" s="424"/>
      <c r="PVQ735" s="423" t="s">
        <v>2795</v>
      </c>
      <c r="PVR735" s="424"/>
      <c r="PVS735" s="424"/>
      <c r="PVT735" s="424"/>
      <c r="PVU735" s="423" t="s">
        <v>2795</v>
      </c>
      <c r="PVV735" s="424"/>
      <c r="PVW735" s="424"/>
      <c r="PVX735" s="424"/>
      <c r="PVY735" s="423" t="s">
        <v>2795</v>
      </c>
      <c r="PVZ735" s="424"/>
      <c r="PWA735" s="424"/>
      <c r="PWB735" s="424"/>
      <c r="PWC735" s="423" t="s">
        <v>2795</v>
      </c>
      <c r="PWD735" s="424"/>
      <c r="PWE735" s="424"/>
      <c r="PWF735" s="424"/>
      <c r="PWG735" s="423" t="s">
        <v>2795</v>
      </c>
      <c r="PWH735" s="424"/>
      <c r="PWI735" s="424"/>
      <c r="PWJ735" s="424"/>
      <c r="PWK735" s="423" t="s">
        <v>2795</v>
      </c>
      <c r="PWL735" s="424"/>
      <c r="PWM735" s="424"/>
      <c r="PWN735" s="424"/>
      <c r="PWO735" s="423" t="s">
        <v>2795</v>
      </c>
      <c r="PWP735" s="424"/>
      <c r="PWQ735" s="424"/>
      <c r="PWR735" s="424"/>
      <c r="PWS735" s="423" t="s">
        <v>2795</v>
      </c>
      <c r="PWT735" s="424"/>
      <c r="PWU735" s="424"/>
      <c r="PWV735" s="424"/>
      <c r="PWW735" s="423" t="s">
        <v>2795</v>
      </c>
      <c r="PWX735" s="424"/>
      <c r="PWY735" s="424"/>
      <c r="PWZ735" s="424"/>
      <c r="PXA735" s="423" t="s">
        <v>2795</v>
      </c>
      <c r="PXB735" s="424"/>
      <c r="PXC735" s="424"/>
      <c r="PXD735" s="424"/>
      <c r="PXE735" s="423" t="s">
        <v>2795</v>
      </c>
      <c r="PXF735" s="424"/>
      <c r="PXG735" s="424"/>
      <c r="PXH735" s="424"/>
      <c r="PXI735" s="423" t="s">
        <v>2795</v>
      </c>
      <c r="PXJ735" s="424"/>
      <c r="PXK735" s="424"/>
      <c r="PXL735" s="424"/>
      <c r="PXM735" s="423" t="s">
        <v>2795</v>
      </c>
      <c r="PXN735" s="424"/>
      <c r="PXO735" s="424"/>
      <c r="PXP735" s="424"/>
      <c r="PXQ735" s="423" t="s">
        <v>2795</v>
      </c>
      <c r="PXR735" s="424"/>
      <c r="PXS735" s="424"/>
      <c r="PXT735" s="424"/>
      <c r="PXU735" s="423" t="s">
        <v>2795</v>
      </c>
      <c r="PXV735" s="424"/>
      <c r="PXW735" s="424"/>
      <c r="PXX735" s="424"/>
      <c r="PXY735" s="423" t="s">
        <v>2795</v>
      </c>
      <c r="PXZ735" s="424"/>
      <c r="PYA735" s="424"/>
      <c r="PYB735" s="424"/>
      <c r="PYC735" s="423" t="s">
        <v>2795</v>
      </c>
      <c r="PYD735" s="424"/>
      <c r="PYE735" s="424"/>
      <c r="PYF735" s="424"/>
      <c r="PYG735" s="423" t="s">
        <v>2795</v>
      </c>
      <c r="PYH735" s="424"/>
      <c r="PYI735" s="424"/>
      <c r="PYJ735" s="424"/>
      <c r="PYK735" s="423" t="s">
        <v>2795</v>
      </c>
      <c r="PYL735" s="424"/>
      <c r="PYM735" s="424"/>
      <c r="PYN735" s="424"/>
      <c r="PYO735" s="423" t="s">
        <v>2795</v>
      </c>
      <c r="PYP735" s="424"/>
      <c r="PYQ735" s="424"/>
      <c r="PYR735" s="424"/>
      <c r="PYS735" s="423" t="s">
        <v>2795</v>
      </c>
      <c r="PYT735" s="424"/>
      <c r="PYU735" s="424"/>
      <c r="PYV735" s="424"/>
      <c r="PYW735" s="423" t="s">
        <v>2795</v>
      </c>
      <c r="PYX735" s="424"/>
      <c r="PYY735" s="424"/>
      <c r="PYZ735" s="424"/>
      <c r="PZA735" s="423" t="s">
        <v>2795</v>
      </c>
      <c r="PZB735" s="424"/>
      <c r="PZC735" s="424"/>
      <c r="PZD735" s="424"/>
      <c r="PZE735" s="423" t="s">
        <v>2795</v>
      </c>
      <c r="PZF735" s="424"/>
      <c r="PZG735" s="424"/>
      <c r="PZH735" s="424"/>
      <c r="PZI735" s="423" t="s">
        <v>2795</v>
      </c>
      <c r="PZJ735" s="424"/>
      <c r="PZK735" s="424"/>
      <c r="PZL735" s="424"/>
      <c r="PZM735" s="423" t="s">
        <v>2795</v>
      </c>
      <c r="PZN735" s="424"/>
      <c r="PZO735" s="424"/>
      <c r="PZP735" s="424"/>
      <c r="PZQ735" s="423" t="s">
        <v>2795</v>
      </c>
      <c r="PZR735" s="424"/>
      <c r="PZS735" s="424"/>
      <c r="PZT735" s="424"/>
      <c r="PZU735" s="423" t="s">
        <v>2795</v>
      </c>
      <c r="PZV735" s="424"/>
      <c r="PZW735" s="424"/>
      <c r="PZX735" s="424"/>
      <c r="PZY735" s="423" t="s">
        <v>2795</v>
      </c>
      <c r="PZZ735" s="424"/>
      <c r="QAA735" s="424"/>
      <c r="QAB735" s="424"/>
      <c r="QAC735" s="423" t="s">
        <v>2795</v>
      </c>
      <c r="QAD735" s="424"/>
      <c r="QAE735" s="424"/>
      <c r="QAF735" s="424"/>
      <c r="QAG735" s="423" t="s">
        <v>2795</v>
      </c>
      <c r="QAH735" s="424"/>
      <c r="QAI735" s="424"/>
      <c r="QAJ735" s="424"/>
      <c r="QAK735" s="423" t="s">
        <v>2795</v>
      </c>
      <c r="QAL735" s="424"/>
      <c r="QAM735" s="424"/>
      <c r="QAN735" s="424"/>
      <c r="QAO735" s="423" t="s">
        <v>2795</v>
      </c>
      <c r="QAP735" s="424"/>
      <c r="QAQ735" s="424"/>
      <c r="QAR735" s="424"/>
      <c r="QAS735" s="423" t="s">
        <v>2795</v>
      </c>
      <c r="QAT735" s="424"/>
      <c r="QAU735" s="424"/>
      <c r="QAV735" s="424"/>
      <c r="QAW735" s="423" t="s">
        <v>2795</v>
      </c>
      <c r="QAX735" s="424"/>
      <c r="QAY735" s="424"/>
      <c r="QAZ735" s="424"/>
      <c r="QBA735" s="423" t="s">
        <v>2795</v>
      </c>
      <c r="QBB735" s="424"/>
      <c r="QBC735" s="424"/>
      <c r="QBD735" s="424"/>
      <c r="QBE735" s="423" t="s">
        <v>2795</v>
      </c>
      <c r="QBF735" s="424"/>
      <c r="QBG735" s="424"/>
      <c r="QBH735" s="424"/>
      <c r="QBI735" s="423" t="s">
        <v>2795</v>
      </c>
      <c r="QBJ735" s="424"/>
      <c r="QBK735" s="424"/>
      <c r="QBL735" s="424"/>
      <c r="QBM735" s="423" t="s">
        <v>2795</v>
      </c>
      <c r="QBN735" s="424"/>
      <c r="QBO735" s="424"/>
      <c r="QBP735" s="424"/>
      <c r="QBQ735" s="423" t="s">
        <v>2795</v>
      </c>
      <c r="QBR735" s="424"/>
      <c r="QBS735" s="424"/>
      <c r="QBT735" s="424"/>
      <c r="QBU735" s="423" t="s">
        <v>2795</v>
      </c>
      <c r="QBV735" s="424"/>
      <c r="QBW735" s="424"/>
      <c r="QBX735" s="424"/>
      <c r="QBY735" s="423" t="s">
        <v>2795</v>
      </c>
      <c r="QBZ735" s="424"/>
      <c r="QCA735" s="424"/>
      <c r="QCB735" s="424"/>
      <c r="QCC735" s="423" t="s">
        <v>2795</v>
      </c>
      <c r="QCD735" s="424"/>
      <c r="QCE735" s="424"/>
      <c r="QCF735" s="424"/>
      <c r="QCG735" s="423" t="s">
        <v>2795</v>
      </c>
      <c r="QCH735" s="424"/>
      <c r="QCI735" s="424"/>
      <c r="QCJ735" s="424"/>
      <c r="QCK735" s="423" t="s">
        <v>2795</v>
      </c>
      <c r="QCL735" s="424"/>
      <c r="QCM735" s="424"/>
      <c r="QCN735" s="424"/>
      <c r="QCO735" s="423" t="s">
        <v>2795</v>
      </c>
      <c r="QCP735" s="424"/>
      <c r="QCQ735" s="424"/>
      <c r="QCR735" s="424"/>
      <c r="QCS735" s="423" t="s">
        <v>2795</v>
      </c>
      <c r="QCT735" s="424"/>
      <c r="QCU735" s="424"/>
      <c r="QCV735" s="424"/>
      <c r="QCW735" s="423" t="s">
        <v>2795</v>
      </c>
      <c r="QCX735" s="424"/>
      <c r="QCY735" s="424"/>
      <c r="QCZ735" s="424"/>
      <c r="QDA735" s="423" t="s">
        <v>2795</v>
      </c>
      <c r="QDB735" s="424"/>
      <c r="QDC735" s="424"/>
      <c r="QDD735" s="424"/>
      <c r="QDE735" s="423" t="s">
        <v>2795</v>
      </c>
      <c r="QDF735" s="424"/>
      <c r="QDG735" s="424"/>
      <c r="QDH735" s="424"/>
      <c r="QDI735" s="423" t="s">
        <v>2795</v>
      </c>
      <c r="QDJ735" s="424"/>
      <c r="QDK735" s="424"/>
      <c r="QDL735" s="424"/>
      <c r="QDM735" s="423" t="s">
        <v>2795</v>
      </c>
      <c r="QDN735" s="424"/>
      <c r="QDO735" s="424"/>
      <c r="QDP735" s="424"/>
      <c r="QDQ735" s="423" t="s">
        <v>2795</v>
      </c>
      <c r="QDR735" s="424"/>
      <c r="QDS735" s="424"/>
      <c r="QDT735" s="424"/>
      <c r="QDU735" s="423" t="s">
        <v>2795</v>
      </c>
      <c r="QDV735" s="424"/>
      <c r="QDW735" s="424"/>
      <c r="QDX735" s="424"/>
      <c r="QDY735" s="423" t="s">
        <v>2795</v>
      </c>
      <c r="QDZ735" s="424"/>
      <c r="QEA735" s="424"/>
      <c r="QEB735" s="424"/>
      <c r="QEC735" s="423" t="s">
        <v>2795</v>
      </c>
      <c r="QED735" s="424"/>
      <c r="QEE735" s="424"/>
      <c r="QEF735" s="424"/>
      <c r="QEG735" s="423" t="s">
        <v>2795</v>
      </c>
      <c r="QEH735" s="424"/>
      <c r="QEI735" s="424"/>
      <c r="QEJ735" s="424"/>
      <c r="QEK735" s="423" t="s">
        <v>2795</v>
      </c>
      <c r="QEL735" s="424"/>
      <c r="QEM735" s="424"/>
      <c r="QEN735" s="424"/>
      <c r="QEO735" s="423" t="s">
        <v>2795</v>
      </c>
      <c r="QEP735" s="424"/>
      <c r="QEQ735" s="424"/>
      <c r="QER735" s="424"/>
      <c r="QES735" s="423" t="s">
        <v>2795</v>
      </c>
      <c r="QET735" s="424"/>
      <c r="QEU735" s="424"/>
      <c r="QEV735" s="424"/>
      <c r="QEW735" s="423" t="s">
        <v>2795</v>
      </c>
      <c r="QEX735" s="424"/>
      <c r="QEY735" s="424"/>
      <c r="QEZ735" s="424"/>
      <c r="QFA735" s="423" t="s">
        <v>2795</v>
      </c>
      <c r="QFB735" s="424"/>
      <c r="QFC735" s="424"/>
      <c r="QFD735" s="424"/>
      <c r="QFE735" s="423" t="s">
        <v>2795</v>
      </c>
      <c r="QFF735" s="424"/>
      <c r="QFG735" s="424"/>
      <c r="QFH735" s="424"/>
      <c r="QFI735" s="423" t="s">
        <v>2795</v>
      </c>
      <c r="QFJ735" s="424"/>
      <c r="QFK735" s="424"/>
      <c r="QFL735" s="424"/>
      <c r="QFM735" s="423" t="s">
        <v>2795</v>
      </c>
      <c r="QFN735" s="424"/>
      <c r="QFO735" s="424"/>
      <c r="QFP735" s="424"/>
      <c r="QFQ735" s="423" t="s">
        <v>2795</v>
      </c>
      <c r="QFR735" s="424"/>
      <c r="QFS735" s="424"/>
      <c r="QFT735" s="424"/>
      <c r="QFU735" s="423" t="s">
        <v>2795</v>
      </c>
      <c r="QFV735" s="424"/>
      <c r="QFW735" s="424"/>
      <c r="QFX735" s="424"/>
      <c r="QFY735" s="423" t="s">
        <v>2795</v>
      </c>
      <c r="QFZ735" s="424"/>
      <c r="QGA735" s="424"/>
      <c r="QGB735" s="424"/>
      <c r="QGC735" s="423" t="s">
        <v>2795</v>
      </c>
      <c r="QGD735" s="424"/>
      <c r="QGE735" s="424"/>
      <c r="QGF735" s="424"/>
      <c r="QGG735" s="423" t="s">
        <v>2795</v>
      </c>
      <c r="QGH735" s="424"/>
      <c r="QGI735" s="424"/>
      <c r="QGJ735" s="424"/>
      <c r="QGK735" s="423" t="s">
        <v>2795</v>
      </c>
      <c r="QGL735" s="424"/>
      <c r="QGM735" s="424"/>
      <c r="QGN735" s="424"/>
      <c r="QGO735" s="423" t="s">
        <v>2795</v>
      </c>
      <c r="QGP735" s="424"/>
      <c r="QGQ735" s="424"/>
      <c r="QGR735" s="424"/>
      <c r="QGS735" s="423" t="s">
        <v>2795</v>
      </c>
      <c r="QGT735" s="424"/>
      <c r="QGU735" s="424"/>
      <c r="QGV735" s="424"/>
      <c r="QGW735" s="423" t="s">
        <v>2795</v>
      </c>
      <c r="QGX735" s="424"/>
      <c r="QGY735" s="424"/>
      <c r="QGZ735" s="424"/>
      <c r="QHA735" s="423" t="s">
        <v>2795</v>
      </c>
      <c r="QHB735" s="424"/>
      <c r="QHC735" s="424"/>
      <c r="QHD735" s="424"/>
      <c r="QHE735" s="423" t="s">
        <v>2795</v>
      </c>
      <c r="QHF735" s="424"/>
      <c r="QHG735" s="424"/>
      <c r="QHH735" s="424"/>
      <c r="QHI735" s="423" t="s">
        <v>2795</v>
      </c>
      <c r="QHJ735" s="424"/>
      <c r="QHK735" s="424"/>
      <c r="QHL735" s="424"/>
      <c r="QHM735" s="423" t="s">
        <v>2795</v>
      </c>
      <c r="QHN735" s="424"/>
      <c r="QHO735" s="424"/>
      <c r="QHP735" s="424"/>
      <c r="QHQ735" s="423" t="s">
        <v>2795</v>
      </c>
      <c r="QHR735" s="424"/>
      <c r="QHS735" s="424"/>
      <c r="QHT735" s="424"/>
      <c r="QHU735" s="423" t="s">
        <v>2795</v>
      </c>
      <c r="QHV735" s="424"/>
      <c r="QHW735" s="424"/>
      <c r="QHX735" s="424"/>
      <c r="QHY735" s="423" t="s">
        <v>2795</v>
      </c>
      <c r="QHZ735" s="424"/>
      <c r="QIA735" s="424"/>
      <c r="QIB735" s="424"/>
      <c r="QIC735" s="423" t="s">
        <v>2795</v>
      </c>
      <c r="QID735" s="424"/>
      <c r="QIE735" s="424"/>
      <c r="QIF735" s="424"/>
      <c r="QIG735" s="423" t="s">
        <v>2795</v>
      </c>
      <c r="QIH735" s="424"/>
      <c r="QII735" s="424"/>
      <c r="QIJ735" s="424"/>
      <c r="QIK735" s="423" t="s">
        <v>2795</v>
      </c>
      <c r="QIL735" s="424"/>
      <c r="QIM735" s="424"/>
      <c r="QIN735" s="424"/>
      <c r="QIO735" s="423" t="s">
        <v>2795</v>
      </c>
      <c r="QIP735" s="424"/>
      <c r="QIQ735" s="424"/>
      <c r="QIR735" s="424"/>
      <c r="QIS735" s="423" t="s">
        <v>2795</v>
      </c>
      <c r="QIT735" s="424"/>
      <c r="QIU735" s="424"/>
      <c r="QIV735" s="424"/>
      <c r="QIW735" s="423" t="s">
        <v>2795</v>
      </c>
      <c r="QIX735" s="424"/>
      <c r="QIY735" s="424"/>
      <c r="QIZ735" s="424"/>
      <c r="QJA735" s="423" t="s">
        <v>2795</v>
      </c>
      <c r="QJB735" s="424"/>
      <c r="QJC735" s="424"/>
      <c r="QJD735" s="424"/>
      <c r="QJE735" s="423" t="s">
        <v>2795</v>
      </c>
      <c r="QJF735" s="424"/>
      <c r="QJG735" s="424"/>
      <c r="QJH735" s="424"/>
      <c r="QJI735" s="423" t="s">
        <v>2795</v>
      </c>
      <c r="QJJ735" s="424"/>
      <c r="QJK735" s="424"/>
      <c r="QJL735" s="424"/>
      <c r="QJM735" s="423" t="s">
        <v>2795</v>
      </c>
      <c r="QJN735" s="424"/>
      <c r="QJO735" s="424"/>
      <c r="QJP735" s="424"/>
      <c r="QJQ735" s="423" t="s">
        <v>2795</v>
      </c>
      <c r="QJR735" s="424"/>
      <c r="QJS735" s="424"/>
      <c r="QJT735" s="424"/>
      <c r="QJU735" s="423" t="s">
        <v>2795</v>
      </c>
      <c r="QJV735" s="424"/>
      <c r="QJW735" s="424"/>
      <c r="QJX735" s="424"/>
      <c r="QJY735" s="423" t="s">
        <v>2795</v>
      </c>
      <c r="QJZ735" s="424"/>
      <c r="QKA735" s="424"/>
      <c r="QKB735" s="424"/>
      <c r="QKC735" s="423" t="s">
        <v>2795</v>
      </c>
      <c r="QKD735" s="424"/>
      <c r="QKE735" s="424"/>
      <c r="QKF735" s="424"/>
      <c r="QKG735" s="423" t="s">
        <v>2795</v>
      </c>
      <c r="QKH735" s="424"/>
      <c r="QKI735" s="424"/>
      <c r="QKJ735" s="424"/>
      <c r="QKK735" s="423" t="s">
        <v>2795</v>
      </c>
      <c r="QKL735" s="424"/>
      <c r="QKM735" s="424"/>
      <c r="QKN735" s="424"/>
      <c r="QKO735" s="423" t="s">
        <v>2795</v>
      </c>
      <c r="QKP735" s="424"/>
      <c r="QKQ735" s="424"/>
      <c r="QKR735" s="424"/>
      <c r="QKS735" s="423" t="s">
        <v>2795</v>
      </c>
      <c r="QKT735" s="424"/>
      <c r="QKU735" s="424"/>
      <c r="QKV735" s="424"/>
      <c r="QKW735" s="423" t="s">
        <v>2795</v>
      </c>
      <c r="QKX735" s="424"/>
      <c r="QKY735" s="424"/>
      <c r="QKZ735" s="424"/>
      <c r="QLA735" s="423" t="s">
        <v>2795</v>
      </c>
      <c r="QLB735" s="424"/>
      <c r="QLC735" s="424"/>
      <c r="QLD735" s="424"/>
      <c r="QLE735" s="423" t="s">
        <v>2795</v>
      </c>
      <c r="QLF735" s="424"/>
      <c r="QLG735" s="424"/>
      <c r="QLH735" s="424"/>
      <c r="QLI735" s="423" t="s">
        <v>2795</v>
      </c>
      <c r="QLJ735" s="424"/>
      <c r="QLK735" s="424"/>
      <c r="QLL735" s="424"/>
      <c r="QLM735" s="423" t="s">
        <v>2795</v>
      </c>
      <c r="QLN735" s="424"/>
      <c r="QLO735" s="424"/>
      <c r="QLP735" s="424"/>
      <c r="QLQ735" s="423" t="s">
        <v>2795</v>
      </c>
      <c r="QLR735" s="424"/>
      <c r="QLS735" s="424"/>
      <c r="QLT735" s="424"/>
      <c r="QLU735" s="423" t="s">
        <v>2795</v>
      </c>
      <c r="QLV735" s="424"/>
      <c r="QLW735" s="424"/>
      <c r="QLX735" s="424"/>
      <c r="QLY735" s="423" t="s">
        <v>2795</v>
      </c>
      <c r="QLZ735" s="424"/>
      <c r="QMA735" s="424"/>
      <c r="QMB735" s="424"/>
      <c r="QMC735" s="423" t="s">
        <v>2795</v>
      </c>
      <c r="QMD735" s="424"/>
      <c r="QME735" s="424"/>
      <c r="QMF735" s="424"/>
      <c r="QMG735" s="423" t="s">
        <v>2795</v>
      </c>
      <c r="QMH735" s="424"/>
      <c r="QMI735" s="424"/>
      <c r="QMJ735" s="424"/>
      <c r="QMK735" s="423" t="s">
        <v>2795</v>
      </c>
      <c r="QML735" s="424"/>
      <c r="QMM735" s="424"/>
      <c r="QMN735" s="424"/>
      <c r="QMO735" s="423" t="s">
        <v>2795</v>
      </c>
      <c r="QMP735" s="424"/>
      <c r="QMQ735" s="424"/>
      <c r="QMR735" s="424"/>
      <c r="QMS735" s="423" t="s">
        <v>2795</v>
      </c>
      <c r="QMT735" s="424"/>
      <c r="QMU735" s="424"/>
      <c r="QMV735" s="424"/>
      <c r="QMW735" s="423" t="s">
        <v>2795</v>
      </c>
      <c r="QMX735" s="424"/>
      <c r="QMY735" s="424"/>
      <c r="QMZ735" s="424"/>
      <c r="QNA735" s="423" t="s">
        <v>2795</v>
      </c>
      <c r="QNB735" s="424"/>
      <c r="QNC735" s="424"/>
      <c r="QND735" s="424"/>
      <c r="QNE735" s="423" t="s">
        <v>2795</v>
      </c>
      <c r="QNF735" s="424"/>
      <c r="QNG735" s="424"/>
      <c r="QNH735" s="424"/>
      <c r="QNI735" s="423" t="s">
        <v>2795</v>
      </c>
      <c r="QNJ735" s="424"/>
      <c r="QNK735" s="424"/>
      <c r="QNL735" s="424"/>
      <c r="QNM735" s="423" t="s">
        <v>2795</v>
      </c>
      <c r="QNN735" s="424"/>
      <c r="QNO735" s="424"/>
      <c r="QNP735" s="424"/>
      <c r="QNQ735" s="423" t="s">
        <v>2795</v>
      </c>
      <c r="QNR735" s="424"/>
      <c r="QNS735" s="424"/>
      <c r="QNT735" s="424"/>
      <c r="QNU735" s="423" t="s">
        <v>2795</v>
      </c>
      <c r="QNV735" s="424"/>
      <c r="QNW735" s="424"/>
      <c r="QNX735" s="424"/>
      <c r="QNY735" s="423" t="s">
        <v>2795</v>
      </c>
      <c r="QNZ735" s="424"/>
      <c r="QOA735" s="424"/>
      <c r="QOB735" s="424"/>
      <c r="QOC735" s="423" t="s">
        <v>2795</v>
      </c>
      <c r="QOD735" s="424"/>
      <c r="QOE735" s="424"/>
      <c r="QOF735" s="424"/>
      <c r="QOG735" s="423" t="s">
        <v>2795</v>
      </c>
      <c r="QOH735" s="424"/>
      <c r="QOI735" s="424"/>
      <c r="QOJ735" s="424"/>
      <c r="QOK735" s="423" t="s">
        <v>2795</v>
      </c>
      <c r="QOL735" s="424"/>
      <c r="QOM735" s="424"/>
      <c r="QON735" s="424"/>
      <c r="QOO735" s="423" t="s">
        <v>2795</v>
      </c>
      <c r="QOP735" s="424"/>
      <c r="QOQ735" s="424"/>
      <c r="QOR735" s="424"/>
      <c r="QOS735" s="423" t="s">
        <v>2795</v>
      </c>
      <c r="QOT735" s="424"/>
      <c r="QOU735" s="424"/>
      <c r="QOV735" s="424"/>
      <c r="QOW735" s="423" t="s">
        <v>2795</v>
      </c>
      <c r="QOX735" s="424"/>
      <c r="QOY735" s="424"/>
      <c r="QOZ735" s="424"/>
      <c r="QPA735" s="423" t="s">
        <v>2795</v>
      </c>
      <c r="QPB735" s="424"/>
      <c r="QPC735" s="424"/>
      <c r="QPD735" s="424"/>
      <c r="QPE735" s="423" t="s">
        <v>2795</v>
      </c>
      <c r="QPF735" s="424"/>
      <c r="QPG735" s="424"/>
      <c r="QPH735" s="424"/>
      <c r="QPI735" s="423" t="s">
        <v>2795</v>
      </c>
      <c r="QPJ735" s="424"/>
      <c r="QPK735" s="424"/>
      <c r="QPL735" s="424"/>
      <c r="QPM735" s="423" t="s">
        <v>2795</v>
      </c>
      <c r="QPN735" s="424"/>
      <c r="QPO735" s="424"/>
      <c r="QPP735" s="424"/>
      <c r="QPQ735" s="423" t="s">
        <v>2795</v>
      </c>
      <c r="QPR735" s="424"/>
      <c r="QPS735" s="424"/>
      <c r="QPT735" s="424"/>
      <c r="QPU735" s="423" t="s">
        <v>2795</v>
      </c>
      <c r="QPV735" s="424"/>
      <c r="QPW735" s="424"/>
      <c r="QPX735" s="424"/>
      <c r="QPY735" s="423" t="s">
        <v>2795</v>
      </c>
      <c r="QPZ735" s="424"/>
      <c r="QQA735" s="424"/>
      <c r="QQB735" s="424"/>
      <c r="QQC735" s="423" t="s">
        <v>2795</v>
      </c>
      <c r="QQD735" s="424"/>
      <c r="QQE735" s="424"/>
      <c r="QQF735" s="424"/>
      <c r="QQG735" s="423" t="s">
        <v>2795</v>
      </c>
      <c r="QQH735" s="424"/>
      <c r="QQI735" s="424"/>
      <c r="QQJ735" s="424"/>
      <c r="QQK735" s="423" t="s">
        <v>2795</v>
      </c>
      <c r="QQL735" s="424"/>
      <c r="QQM735" s="424"/>
      <c r="QQN735" s="424"/>
      <c r="QQO735" s="423" t="s">
        <v>2795</v>
      </c>
      <c r="QQP735" s="424"/>
      <c r="QQQ735" s="424"/>
      <c r="QQR735" s="424"/>
      <c r="QQS735" s="423" t="s">
        <v>2795</v>
      </c>
      <c r="QQT735" s="424"/>
      <c r="QQU735" s="424"/>
      <c r="QQV735" s="424"/>
      <c r="QQW735" s="423" t="s">
        <v>2795</v>
      </c>
      <c r="QQX735" s="424"/>
      <c r="QQY735" s="424"/>
      <c r="QQZ735" s="424"/>
      <c r="QRA735" s="423" t="s">
        <v>2795</v>
      </c>
      <c r="QRB735" s="424"/>
      <c r="QRC735" s="424"/>
      <c r="QRD735" s="424"/>
      <c r="QRE735" s="423" t="s">
        <v>2795</v>
      </c>
      <c r="QRF735" s="424"/>
      <c r="QRG735" s="424"/>
      <c r="QRH735" s="424"/>
      <c r="QRI735" s="423" t="s">
        <v>2795</v>
      </c>
      <c r="QRJ735" s="424"/>
      <c r="QRK735" s="424"/>
      <c r="QRL735" s="424"/>
      <c r="QRM735" s="423" t="s">
        <v>2795</v>
      </c>
      <c r="QRN735" s="424"/>
      <c r="QRO735" s="424"/>
      <c r="QRP735" s="424"/>
      <c r="QRQ735" s="423" t="s">
        <v>2795</v>
      </c>
      <c r="QRR735" s="424"/>
      <c r="QRS735" s="424"/>
      <c r="QRT735" s="424"/>
      <c r="QRU735" s="423" t="s">
        <v>2795</v>
      </c>
      <c r="QRV735" s="424"/>
      <c r="QRW735" s="424"/>
      <c r="QRX735" s="424"/>
      <c r="QRY735" s="423" t="s">
        <v>2795</v>
      </c>
      <c r="QRZ735" s="424"/>
      <c r="QSA735" s="424"/>
      <c r="QSB735" s="424"/>
      <c r="QSC735" s="423" t="s">
        <v>2795</v>
      </c>
      <c r="QSD735" s="424"/>
      <c r="QSE735" s="424"/>
      <c r="QSF735" s="424"/>
      <c r="QSG735" s="423" t="s">
        <v>2795</v>
      </c>
      <c r="QSH735" s="424"/>
      <c r="QSI735" s="424"/>
      <c r="QSJ735" s="424"/>
      <c r="QSK735" s="423" t="s">
        <v>2795</v>
      </c>
      <c r="QSL735" s="424"/>
      <c r="QSM735" s="424"/>
      <c r="QSN735" s="424"/>
      <c r="QSO735" s="423" t="s">
        <v>2795</v>
      </c>
      <c r="QSP735" s="424"/>
      <c r="QSQ735" s="424"/>
      <c r="QSR735" s="424"/>
      <c r="QSS735" s="423" t="s">
        <v>2795</v>
      </c>
      <c r="QST735" s="424"/>
      <c r="QSU735" s="424"/>
      <c r="QSV735" s="424"/>
      <c r="QSW735" s="423" t="s">
        <v>2795</v>
      </c>
      <c r="QSX735" s="424"/>
      <c r="QSY735" s="424"/>
      <c r="QSZ735" s="424"/>
      <c r="QTA735" s="423" t="s">
        <v>2795</v>
      </c>
      <c r="QTB735" s="424"/>
      <c r="QTC735" s="424"/>
      <c r="QTD735" s="424"/>
      <c r="QTE735" s="423" t="s">
        <v>2795</v>
      </c>
      <c r="QTF735" s="424"/>
      <c r="QTG735" s="424"/>
      <c r="QTH735" s="424"/>
      <c r="QTI735" s="423" t="s">
        <v>2795</v>
      </c>
      <c r="QTJ735" s="424"/>
      <c r="QTK735" s="424"/>
      <c r="QTL735" s="424"/>
      <c r="QTM735" s="423" t="s">
        <v>2795</v>
      </c>
      <c r="QTN735" s="424"/>
      <c r="QTO735" s="424"/>
      <c r="QTP735" s="424"/>
      <c r="QTQ735" s="423" t="s">
        <v>2795</v>
      </c>
      <c r="QTR735" s="424"/>
      <c r="QTS735" s="424"/>
      <c r="QTT735" s="424"/>
      <c r="QTU735" s="423" t="s">
        <v>2795</v>
      </c>
      <c r="QTV735" s="424"/>
      <c r="QTW735" s="424"/>
      <c r="QTX735" s="424"/>
      <c r="QTY735" s="423" t="s">
        <v>2795</v>
      </c>
      <c r="QTZ735" s="424"/>
      <c r="QUA735" s="424"/>
      <c r="QUB735" s="424"/>
      <c r="QUC735" s="423" t="s">
        <v>2795</v>
      </c>
      <c r="QUD735" s="424"/>
      <c r="QUE735" s="424"/>
      <c r="QUF735" s="424"/>
      <c r="QUG735" s="423" t="s">
        <v>2795</v>
      </c>
      <c r="QUH735" s="424"/>
      <c r="QUI735" s="424"/>
      <c r="QUJ735" s="424"/>
      <c r="QUK735" s="423" t="s">
        <v>2795</v>
      </c>
      <c r="QUL735" s="424"/>
      <c r="QUM735" s="424"/>
      <c r="QUN735" s="424"/>
      <c r="QUO735" s="423" t="s">
        <v>2795</v>
      </c>
      <c r="QUP735" s="424"/>
      <c r="QUQ735" s="424"/>
      <c r="QUR735" s="424"/>
      <c r="QUS735" s="423" t="s">
        <v>2795</v>
      </c>
      <c r="QUT735" s="424"/>
      <c r="QUU735" s="424"/>
      <c r="QUV735" s="424"/>
      <c r="QUW735" s="423" t="s">
        <v>2795</v>
      </c>
      <c r="QUX735" s="424"/>
      <c r="QUY735" s="424"/>
      <c r="QUZ735" s="424"/>
      <c r="QVA735" s="423" t="s">
        <v>2795</v>
      </c>
      <c r="QVB735" s="424"/>
      <c r="QVC735" s="424"/>
      <c r="QVD735" s="424"/>
      <c r="QVE735" s="423" t="s">
        <v>2795</v>
      </c>
      <c r="QVF735" s="424"/>
      <c r="QVG735" s="424"/>
      <c r="QVH735" s="424"/>
      <c r="QVI735" s="423" t="s">
        <v>2795</v>
      </c>
      <c r="QVJ735" s="424"/>
      <c r="QVK735" s="424"/>
      <c r="QVL735" s="424"/>
      <c r="QVM735" s="423" t="s">
        <v>2795</v>
      </c>
      <c r="QVN735" s="424"/>
      <c r="QVO735" s="424"/>
      <c r="QVP735" s="424"/>
      <c r="QVQ735" s="423" t="s">
        <v>2795</v>
      </c>
      <c r="QVR735" s="424"/>
      <c r="QVS735" s="424"/>
      <c r="QVT735" s="424"/>
      <c r="QVU735" s="423" t="s">
        <v>2795</v>
      </c>
      <c r="QVV735" s="424"/>
      <c r="QVW735" s="424"/>
      <c r="QVX735" s="424"/>
      <c r="QVY735" s="423" t="s">
        <v>2795</v>
      </c>
      <c r="QVZ735" s="424"/>
      <c r="QWA735" s="424"/>
      <c r="QWB735" s="424"/>
      <c r="QWC735" s="423" t="s">
        <v>2795</v>
      </c>
      <c r="QWD735" s="424"/>
      <c r="QWE735" s="424"/>
      <c r="QWF735" s="424"/>
      <c r="QWG735" s="423" t="s">
        <v>2795</v>
      </c>
      <c r="QWH735" s="424"/>
      <c r="QWI735" s="424"/>
      <c r="QWJ735" s="424"/>
      <c r="QWK735" s="423" t="s">
        <v>2795</v>
      </c>
      <c r="QWL735" s="424"/>
      <c r="QWM735" s="424"/>
      <c r="QWN735" s="424"/>
      <c r="QWO735" s="423" t="s">
        <v>2795</v>
      </c>
      <c r="QWP735" s="424"/>
      <c r="QWQ735" s="424"/>
      <c r="QWR735" s="424"/>
      <c r="QWS735" s="423" t="s">
        <v>2795</v>
      </c>
      <c r="QWT735" s="424"/>
      <c r="QWU735" s="424"/>
      <c r="QWV735" s="424"/>
      <c r="QWW735" s="423" t="s">
        <v>2795</v>
      </c>
      <c r="QWX735" s="424"/>
      <c r="QWY735" s="424"/>
      <c r="QWZ735" s="424"/>
      <c r="QXA735" s="423" t="s">
        <v>2795</v>
      </c>
      <c r="QXB735" s="424"/>
      <c r="QXC735" s="424"/>
      <c r="QXD735" s="424"/>
      <c r="QXE735" s="423" t="s">
        <v>2795</v>
      </c>
      <c r="QXF735" s="424"/>
      <c r="QXG735" s="424"/>
      <c r="QXH735" s="424"/>
      <c r="QXI735" s="423" t="s">
        <v>2795</v>
      </c>
      <c r="QXJ735" s="424"/>
      <c r="QXK735" s="424"/>
      <c r="QXL735" s="424"/>
      <c r="QXM735" s="423" t="s">
        <v>2795</v>
      </c>
      <c r="QXN735" s="424"/>
      <c r="QXO735" s="424"/>
      <c r="QXP735" s="424"/>
      <c r="QXQ735" s="423" t="s">
        <v>2795</v>
      </c>
      <c r="QXR735" s="424"/>
      <c r="QXS735" s="424"/>
      <c r="QXT735" s="424"/>
      <c r="QXU735" s="423" t="s">
        <v>2795</v>
      </c>
      <c r="QXV735" s="424"/>
      <c r="QXW735" s="424"/>
      <c r="QXX735" s="424"/>
      <c r="QXY735" s="423" t="s">
        <v>2795</v>
      </c>
      <c r="QXZ735" s="424"/>
      <c r="QYA735" s="424"/>
      <c r="QYB735" s="424"/>
      <c r="QYC735" s="423" t="s">
        <v>2795</v>
      </c>
      <c r="QYD735" s="424"/>
      <c r="QYE735" s="424"/>
      <c r="QYF735" s="424"/>
      <c r="QYG735" s="423" t="s">
        <v>2795</v>
      </c>
      <c r="QYH735" s="424"/>
      <c r="QYI735" s="424"/>
      <c r="QYJ735" s="424"/>
      <c r="QYK735" s="423" t="s">
        <v>2795</v>
      </c>
      <c r="QYL735" s="424"/>
      <c r="QYM735" s="424"/>
      <c r="QYN735" s="424"/>
      <c r="QYO735" s="423" t="s">
        <v>2795</v>
      </c>
      <c r="QYP735" s="424"/>
      <c r="QYQ735" s="424"/>
      <c r="QYR735" s="424"/>
      <c r="QYS735" s="423" t="s">
        <v>2795</v>
      </c>
      <c r="QYT735" s="424"/>
      <c r="QYU735" s="424"/>
      <c r="QYV735" s="424"/>
      <c r="QYW735" s="423" t="s">
        <v>2795</v>
      </c>
      <c r="QYX735" s="424"/>
      <c r="QYY735" s="424"/>
      <c r="QYZ735" s="424"/>
      <c r="QZA735" s="423" t="s">
        <v>2795</v>
      </c>
      <c r="QZB735" s="424"/>
      <c r="QZC735" s="424"/>
      <c r="QZD735" s="424"/>
      <c r="QZE735" s="423" t="s">
        <v>2795</v>
      </c>
      <c r="QZF735" s="424"/>
      <c r="QZG735" s="424"/>
      <c r="QZH735" s="424"/>
      <c r="QZI735" s="423" t="s">
        <v>2795</v>
      </c>
      <c r="QZJ735" s="424"/>
      <c r="QZK735" s="424"/>
      <c r="QZL735" s="424"/>
      <c r="QZM735" s="423" t="s">
        <v>2795</v>
      </c>
      <c r="QZN735" s="424"/>
      <c r="QZO735" s="424"/>
      <c r="QZP735" s="424"/>
      <c r="QZQ735" s="423" t="s">
        <v>2795</v>
      </c>
      <c r="QZR735" s="424"/>
      <c r="QZS735" s="424"/>
      <c r="QZT735" s="424"/>
      <c r="QZU735" s="423" t="s">
        <v>2795</v>
      </c>
      <c r="QZV735" s="424"/>
      <c r="QZW735" s="424"/>
      <c r="QZX735" s="424"/>
      <c r="QZY735" s="423" t="s">
        <v>2795</v>
      </c>
      <c r="QZZ735" s="424"/>
      <c r="RAA735" s="424"/>
      <c r="RAB735" s="424"/>
      <c r="RAC735" s="423" t="s">
        <v>2795</v>
      </c>
      <c r="RAD735" s="424"/>
      <c r="RAE735" s="424"/>
      <c r="RAF735" s="424"/>
      <c r="RAG735" s="423" t="s">
        <v>2795</v>
      </c>
      <c r="RAH735" s="424"/>
      <c r="RAI735" s="424"/>
      <c r="RAJ735" s="424"/>
      <c r="RAK735" s="423" t="s">
        <v>2795</v>
      </c>
      <c r="RAL735" s="424"/>
      <c r="RAM735" s="424"/>
      <c r="RAN735" s="424"/>
      <c r="RAO735" s="423" t="s">
        <v>2795</v>
      </c>
      <c r="RAP735" s="424"/>
      <c r="RAQ735" s="424"/>
      <c r="RAR735" s="424"/>
      <c r="RAS735" s="423" t="s">
        <v>2795</v>
      </c>
      <c r="RAT735" s="424"/>
      <c r="RAU735" s="424"/>
      <c r="RAV735" s="424"/>
      <c r="RAW735" s="423" t="s">
        <v>2795</v>
      </c>
      <c r="RAX735" s="424"/>
      <c r="RAY735" s="424"/>
      <c r="RAZ735" s="424"/>
      <c r="RBA735" s="423" t="s">
        <v>2795</v>
      </c>
      <c r="RBB735" s="424"/>
      <c r="RBC735" s="424"/>
      <c r="RBD735" s="424"/>
      <c r="RBE735" s="423" t="s">
        <v>2795</v>
      </c>
      <c r="RBF735" s="424"/>
      <c r="RBG735" s="424"/>
      <c r="RBH735" s="424"/>
      <c r="RBI735" s="423" t="s">
        <v>2795</v>
      </c>
      <c r="RBJ735" s="424"/>
      <c r="RBK735" s="424"/>
      <c r="RBL735" s="424"/>
      <c r="RBM735" s="423" t="s">
        <v>2795</v>
      </c>
      <c r="RBN735" s="424"/>
      <c r="RBO735" s="424"/>
      <c r="RBP735" s="424"/>
      <c r="RBQ735" s="423" t="s">
        <v>2795</v>
      </c>
      <c r="RBR735" s="424"/>
      <c r="RBS735" s="424"/>
      <c r="RBT735" s="424"/>
      <c r="RBU735" s="423" t="s">
        <v>2795</v>
      </c>
      <c r="RBV735" s="424"/>
      <c r="RBW735" s="424"/>
      <c r="RBX735" s="424"/>
      <c r="RBY735" s="423" t="s">
        <v>2795</v>
      </c>
      <c r="RBZ735" s="424"/>
      <c r="RCA735" s="424"/>
      <c r="RCB735" s="424"/>
      <c r="RCC735" s="423" t="s">
        <v>2795</v>
      </c>
      <c r="RCD735" s="424"/>
      <c r="RCE735" s="424"/>
      <c r="RCF735" s="424"/>
      <c r="RCG735" s="423" t="s">
        <v>2795</v>
      </c>
      <c r="RCH735" s="424"/>
      <c r="RCI735" s="424"/>
      <c r="RCJ735" s="424"/>
      <c r="RCK735" s="423" t="s">
        <v>2795</v>
      </c>
      <c r="RCL735" s="424"/>
      <c r="RCM735" s="424"/>
      <c r="RCN735" s="424"/>
      <c r="RCO735" s="423" t="s">
        <v>2795</v>
      </c>
      <c r="RCP735" s="424"/>
      <c r="RCQ735" s="424"/>
      <c r="RCR735" s="424"/>
      <c r="RCS735" s="423" t="s">
        <v>2795</v>
      </c>
      <c r="RCT735" s="424"/>
      <c r="RCU735" s="424"/>
      <c r="RCV735" s="424"/>
      <c r="RCW735" s="423" t="s">
        <v>2795</v>
      </c>
      <c r="RCX735" s="424"/>
      <c r="RCY735" s="424"/>
      <c r="RCZ735" s="424"/>
      <c r="RDA735" s="423" t="s">
        <v>2795</v>
      </c>
      <c r="RDB735" s="424"/>
      <c r="RDC735" s="424"/>
      <c r="RDD735" s="424"/>
      <c r="RDE735" s="423" t="s">
        <v>2795</v>
      </c>
      <c r="RDF735" s="424"/>
      <c r="RDG735" s="424"/>
      <c r="RDH735" s="424"/>
      <c r="RDI735" s="423" t="s">
        <v>2795</v>
      </c>
      <c r="RDJ735" s="424"/>
      <c r="RDK735" s="424"/>
      <c r="RDL735" s="424"/>
      <c r="RDM735" s="423" t="s">
        <v>2795</v>
      </c>
      <c r="RDN735" s="424"/>
      <c r="RDO735" s="424"/>
      <c r="RDP735" s="424"/>
      <c r="RDQ735" s="423" t="s">
        <v>2795</v>
      </c>
      <c r="RDR735" s="424"/>
      <c r="RDS735" s="424"/>
      <c r="RDT735" s="424"/>
      <c r="RDU735" s="423" t="s">
        <v>2795</v>
      </c>
      <c r="RDV735" s="424"/>
      <c r="RDW735" s="424"/>
      <c r="RDX735" s="424"/>
      <c r="RDY735" s="423" t="s">
        <v>2795</v>
      </c>
      <c r="RDZ735" s="424"/>
      <c r="REA735" s="424"/>
      <c r="REB735" s="424"/>
      <c r="REC735" s="423" t="s">
        <v>2795</v>
      </c>
      <c r="RED735" s="424"/>
      <c r="REE735" s="424"/>
      <c r="REF735" s="424"/>
      <c r="REG735" s="423" t="s">
        <v>2795</v>
      </c>
      <c r="REH735" s="424"/>
      <c r="REI735" s="424"/>
      <c r="REJ735" s="424"/>
      <c r="REK735" s="423" t="s">
        <v>2795</v>
      </c>
      <c r="REL735" s="424"/>
      <c r="REM735" s="424"/>
      <c r="REN735" s="424"/>
      <c r="REO735" s="423" t="s">
        <v>2795</v>
      </c>
      <c r="REP735" s="424"/>
      <c r="REQ735" s="424"/>
      <c r="RER735" s="424"/>
      <c r="RES735" s="423" t="s">
        <v>2795</v>
      </c>
      <c r="RET735" s="424"/>
      <c r="REU735" s="424"/>
      <c r="REV735" s="424"/>
      <c r="REW735" s="423" t="s">
        <v>2795</v>
      </c>
      <c r="REX735" s="424"/>
      <c r="REY735" s="424"/>
      <c r="REZ735" s="424"/>
      <c r="RFA735" s="423" t="s">
        <v>2795</v>
      </c>
      <c r="RFB735" s="424"/>
      <c r="RFC735" s="424"/>
      <c r="RFD735" s="424"/>
      <c r="RFE735" s="423" t="s">
        <v>2795</v>
      </c>
      <c r="RFF735" s="424"/>
      <c r="RFG735" s="424"/>
      <c r="RFH735" s="424"/>
      <c r="RFI735" s="423" t="s">
        <v>2795</v>
      </c>
      <c r="RFJ735" s="424"/>
      <c r="RFK735" s="424"/>
      <c r="RFL735" s="424"/>
      <c r="RFM735" s="423" t="s">
        <v>2795</v>
      </c>
      <c r="RFN735" s="424"/>
      <c r="RFO735" s="424"/>
      <c r="RFP735" s="424"/>
      <c r="RFQ735" s="423" t="s">
        <v>2795</v>
      </c>
      <c r="RFR735" s="424"/>
      <c r="RFS735" s="424"/>
      <c r="RFT735" s="424"/>
      <c r="RFU735" s="423" t="s">
        <v>2795</v>
      </c>
      <c r="RFV735" s="424"/>
      <c r="RFW735" s="424"/>
      <c r="RFX735" s="424"/>
      <c r="RFY735" s="423" t="s">
        <v>2795</v>
      </c>
      <c r="RFZ735" s="424"/>
      <c r="RGA735" s="424"/>
      <c r="RGB735" s="424"/>
      <c r="RGC735" s="423" t="s">
        <v>2795</v>
      </c>
      <c r="RGD735" s="424"/>
      <c r="RGE735" s="424"/>
      <c r="RGF735" s="424"/>
      <c r="RGG735" s="423" t="s">
        <v>2795</v>
      </c>
      <c r="RGH735" s="424"/>
      <c r="RGI735" s="424"/>
      <c r="RGJ735" s="424"/>
      <c r="RGK735" s="423" t="s">
        <v>2795</v>
      </c>
      <c r="RGL735" s="424"/>
      <c r="RGM735" s="424"/>
      <c r="RGN735" s="424"/>
      <c r="RGO735" s="423" t="s">
        <v>2795</v>
      </c>
      <c r="RGP735" s="424"/>
      <c r="RGQ735" s="424"/>
      <c r="RGR735" s="424"/>
      <c r="RGS735" s="423" t="s">
        <v>2795</v>
      </c>
      <c r="RGT735" s="424"/>
      <c r="RGU735" s="424"/>
      <c r="RGV735" s="424"/>
      <c r="RGW735" s="423" t="s">
        <v>2795</v>
      </c>
      <c r="RGX735" s="424"/>
      <c r="RGY735" s="424"/>
      <c r="RGZ735" s="424"/>
      <c r="RHA735" s="423" t="s">
        <v>2795</v>
      </c>
      <c r="RHB735" s="424"/>
      <c r="RHC735" s="424"/>
      <c r="RHD735" s="424"/>
      <c r="RHE735" s="423" t="s">
        <v>2795</v>
      </c>
      <c r="RHF735" s="424"/>
      <c r="RHG735" s="424"/>
      <c r="RHH735" s="424"/>
      <c r="RHI735" s="423" t="s">
        <v>2795</v>
      </c>
      <c r="RHJ735" s="424"/>
      <c r="RHK735" s="424"/>
      <c r="RHL735" s="424"/>
      <c r="RHM735" s="423" t="s">
        <v>2795</v>
      </c>
      <c r="RHN735" s="424"/>
      <c r="RHO735" s="424"/>
      <c r="RHP735" s="424"/>
      <c r="RHQ735" s="423" t="s">
        <v>2795</v>
      </c>
      <c r="RHR735" s="424"/>
      <c r="RHS735" s="424"/>
      <c r="RHT735" s="424"/>
      <c r="RHU735" s="423" t="s">
        <v>2795</v>
      </c>
      <c r="RHV735" s="424"/>
      <c r="RHW735" s="424"/>
      <c r="RHX735" s="424"/>
      <c r="RHY735" s="423" t="s">
        <v>2795</v>
      </c>
      <c r="RHZ735" s="424"/>
      <c r="RIA735" s="424"/>
      <c r="RIB735" s="424"/>
      <c r="RIC735" s="423" t="s">
        <v>2795</v>
      </c>
      <c r="RID735" s="424"/>
      <c r="RIE735" s="424"/>
      <c r="RIF735" s="424"/>
      <c r="RIG735" s="423" t="s">
        <v>2795</v>
      </c>
      <c r="RIH735" s="424"/>
      <c r="RII735" s="424"/>
      <c r="RIJ735" s="424"/>
      <c r="RIK735" s="423" t="s">
        <v>2795</v>
      </c>
      <c r="RIL735" s="424"/>
      <c r="RIM735" s="424"/>
      <c r="RIN735" s="424"/>
      <c r="RIO735" s="423" t="s">
        <v>2795</v>
      </c>
      <c r="RIP735" s="424"/>
      <c r="RIQ735" s="424"/>
      <c r="RIR735" s="424"/>
      <c r="RIS735" s="423" t="s">
        <v>2795</v>
      </c>
      <c r="RIT735" s="424"/>
      <c r="RIU735" s="424"/>
      <c r="RIV735" s="424"/>
      <c r="RIW735" s="423" t="s">
        <v>2795</v>
      </c>
      <c r="RIX735" s="424"/>
      <c r="RIY735" s="424"/>
      <c r="RIZ735" s="424"/>
      <c r="RJA735" s="423" t="s">
        <v>2795</v>
      </c>
      <c r="RJB735" s="424"/>
      <c r="RJC735" s="424"/>
      <c r="RJD735" s="424"/>
      <c r="RJE735" s="423" t="s">
        <v>2795</v>
      </c>
      <c r="RJF735" s="424"/>
      <c r="RJG735" s="424"/>
      <c r="RJH735" s="424"/>
      <c r="RJI735" s="423" t="s">
        <v>2795</v>
      </c>
      <c r="RJJ735" s="424"/>
      <c r="RJK735" s="424"/>
      <c r="RJL735" s="424"/>
      <c r="RJM735" s="423" t="s">
        <v>2795</v>
      </c>
      <c r="RJN735" s="424"/>
      <c r="RJO735" s="424"/>
      <c r="RJP735" s="424"/>
      <c r="RJQ735" s="423" t="s">
        <v>2795</v>
      </c>
      <c r="RJR735" s="424"/>
      <c r="RJS735" s="424"/>
      <c r="RJT735" s="424"/>
      <c r="RJU735" s="423" t="s">
        <v>2795</v>
      </c>
      <c r="RJV735" s="424"/>
      <c r="RJW735" s="424"/>
      <c r="RJX735" s="424"/>
      <c r="RJY735" s="423" t="s">
        <v>2795</v>
      </c>
      <c r="RJZ735" s="424"/>
      <c r="RKA735" s="424"/>
      <c r="RKB735" s="424"/>
      <c r="RKC735" s="423" t="s">
        <v>2795</v>
      </c>
      <c r="RKD735" s="424"/>
      <c r="RKE735" s="424"/>
      <c r="RKF735" s="424"/>
      <c r="RKG735" s="423" t="s">
        <v>2795</v>
      </c>
      <c r="RKH735" s="424"/>
      <c r="RKI735" s="424"/>
      <c r="RKJ735" s="424"/>
      <c r="RKK735" s="423" t="s">
        <v>2795</v>
      </c>
      <c r="RKL735" s="424"/>
      <c r="RKM735" s="424"/>
      <c r="RKN735" s="424"/>
      <c r="RKO735" s="423" t="s">
        <v>2795</v>
      </c>
      <c r="RKP735" s="424"/>
      <c r="RKQ735" s="424"/>
      <c r="RKR735" s="424"/>
      <c r="RKS735" s="423" t="s">
        <v>2795</v>
      </c>
      <c r="RKT735" s="424"/>
      <c r="RKU735" s="424"/>
      <c r="RKV735" s="424"/>
      <c r="RKW735" s="423" t="s">
        <v>2795</v>
      </c>
      <c r="RKX735" s="424"/>
      <c r="RKY735" s="424"/>
      <c r="RKZ735" s="424"/>
      <c r="RLA735" s="423" t="s">
        <v>2795</v>
      </c>
      <c r="RLB735" s="424"/>
      <c r="RLC735" s="424"/>
      <c r="RLD735" s="424"/>
      <c r="RLE735" s="423" t="s">
        <v>2795</v>
      </c>
      <c r="RLF735" s="424"/>
      <c r="RLG735" s="424"/>
      <c r="RLH735" s="424"/>
      <c r="RLI735" s="423" t="s">
        <v>2795</v>
      </c>
      <c r="RLJ735" s="424"/>
      <c r="RLK735" s="424"/>
      <c r="RLL735" s="424"/>
      <c r="RLM735" s="423" t="s">
        <v>2795</v>
      </c>
      <c r="RLN735" s="424"/>
      <c r="RLO735" s="424"/>
      <c r="RLP735" s="424"/>
      <c r="RLQ735" s="423" t="s">
        <v>2795</v>
      </c>
      <c r="RLR735" s="424"/>
      <c r="RLS735" s="424"/>
      <c r="RLT735" s="424"/>
      <c r="RLU735" s="423" t="s">
        <v>2795</v>
      </c>
      <c r="RLV735" s="424"/>
      <c r="RLW735" s="424"/>
      <c r="RLX735" s="424"/>
      <c r="RLY735" s="423" t="s">
        <v>2795</v>
      </c>
      <c r="RLZ735" s="424"/>
      <c r="RMA735" s="424"/>
      <c r="RMB735" s="424"/>
      <c r="RMC735" s="423" t="s">
        <v>2795</v>
      </c>
      <c r="RMD735" s="424"/>
      <c r="RME735" s="424"/>
      <c r="RMF735" s="424"/>
      <c r="RMG735" s="423" t="s">
        <v>2795</v>
      </c>
      <c r="RMH735" s="424"/>
      <c r="RMI735" s="424"/>
      <c r="RMJ735" s="424"/>
      <c r="RMK735" s="423" t="s">
        <v>2795</v>
      </c>
      <c r="RML735" s="424"/>
      <c r="RMM735" s="424"/>
      <c r="RMN735" s="424"/>
      <c r="RMO735" s="423" t="s">
        <v>2795</v>
      </c>
      <c r="RMP735" s="424"/>
      <c r="RMQ735" s="424"/>
      <c r="RMR735" s="424"/>
      <c r="RMS735" s="423" t="s">
        <v>2795</v>
      </c>
      <c r="RMT735" s="424"/>
      <c r="RMU735" s="424"/>
      <c r="RMV735" s="424"/>
      <c r="RMW735" s="423" t="s">
        <v>2795</v>
      </c>
      <c r="RMX735" s="424"/>
      <c r="RMY735" s="424"/>
      <c r="RMZ735" s="424"/>
      <c r="RNA735" s="423" t="s">
        <v>2795</v>
      </c>
      <c r="RNB735" s="424"/>
      <c r="RNC735" s="424"/>
      <c r="RND735" s="424"/>
      <c r="RNE735" s="423" t="s">
        <v>2795</v>
      </c>
      <c r="RNF735" s="424"/>
      <c r="RNG735" s="424"/>
      <c r="RNH735" s="424"/>
      <c r="RNI735" s="423" t="s">
        <v>2795</v>
      </c>
      <c r="RNJ735" s="424"/>
      <c r="RNK735" s="424"/>
      <c r="RNL735" s="424"/>
      <c r="RNM735" s="423" t="s">
        <v>2795</v>
      </c>
      <c r="RNN735" s="424"/>
      <c r="RNO735" s="424"/>
      <c r="RNP735" s="424"/>
      <c r="RNQ735" s="423" t="s">
        <v>2795</v>
      </c>
      <c r="RNR735" s="424"/>
      <c r="RNS735" s="424"/>
      <c r="RNT735" s="424"/>
      <c r="RNU735" s="423" t="s">
        <v>2795</v>
      </c>
      <c r="RNV735" s="424"/>
      <c r="RNW735" s="424"/>
      <c r="RNX735" s="424"/>
      <c r="RNY735" s="423" t="s">
        <v>2795</v>
      </c>
      <c r="RNZ735" s="424"/>
      <c r="ROA735" s="424"/>
      <c r="ROB735" s="424"/>
      <c r="ROC735" s="423" t="s">
        <v>2795</v>
      </c>
      <c r="ROD735" s="424"/>
      <c r="ROE735" s="424"/>
      <c r="ROF735" s="424"/>
      <c r="ROG735" s="423" t="s">
        <v>2795</v>
      </c>
      <c r="ROH735" s="424"/>
      <c r="ROI735" s="424"/>
      <c r="ROJ735" s="424"/>
      <c r="ROK735" s="423" t="s">
        <v>2795</v>
      </c>
      <c r="ROL735" s="424"/>
      <c r="ROM735" s="424"/>
      <c r="RON735" s="424"/>
      <c r="ROO735" s="423" t="s">
        <v>2795</v>
      </c>
      <c r="ROP735" s="424"/>
      <c r="ROQ735" s="424"/>
      <c r="ROR735" s="424"/>
      <c r="ROS735" s="423" t="s">
        <v>2795</v>
      </c>
      <c r="ROT735" s="424"/>
      <c r="ROU735" s="424"/>
      <c r="ROV735" s="424"/>
      <c r="ROW735" s="423" t="s">
        <v>2795</v>
      </c>
      <c r="ROX735" s="424"/>
      <c r="ROY735" s="424"/>
      <c r="ROZ735" s="424"/>
      <c r="RPA735" s="423" t="s">
        <v>2795</v>
      </c>
      <c r="RPB735" s="424"/>
      <c r="RPC735" s="424"/>
      <c r="RPD735" s="424"/>
      <c r="RPE735" s="423" t="s">
        <v>2795</v>
      </c>
      <c r="RPF735" s="424"/>
      <c r="RPG735" s="424"/>
      <c r="RPH735" s="424"/>
      <c r="RPI735" s="423" t="s">
        <v>2795</v>
      </c>
      <c r="RPJ735" s="424"/>
      <c r="RPK735" s="424"/>
      <c r="RPL735" s="424"/>
      <c r="RPM735" s="423" t="s">
        <v>2795</v>
      </c>
      <c r="RPN735" s="424"/>
      <c r="RPO735" s="424"/>
      <c r="RPP735" s="424"/>
      <c r="RPQ735" s="423" t="s">
        <v>2795</v>
      </c>
      <c r="RPR735" s="424"/>
      <c r="RPS735" s="424"/>
      <c r="RPT735" s="424"/>
      <c r="RPU735" s="423" t="s">
        <v>2795</v>
      </c>
      <c r="RPV735" s="424"/>
      <c r="RPW735" s="424"/>
      <c r="RPX735" s="424"/>
      <c r="RPY735" s="423" t="s">
        <v>2795</v>
      </c>
      <c r="RPZ735" s="424"/>
      <c r="RQA735" s="424"/>
      <c r="RQB735" s="424"/>
      <c r="RQC735" s="423" t="s">
        <v>2795</v>
      </c>
      <c r="RQD735" s="424"/>
      <c r="RQE735" s="424"/>
      <c r="RQF735" s="424"/>
      <c r="RQG735" s="423" t="s">
        <v>2795</v>
      </c>
      <c r="RQH735" s="424"/>
      <c r="RQI735" s="424"/>
      <c r="RQJ735" s="424"/>
      <c r="RQK735" s="423" t="s">
        <v>2795</v>
      </c>
      <c r="RQL735" s="424"/>
      <c r="RQM735" s="424"/>
      <c r="RQN735" s="424"/>
      <c r="RQO735" s="423" t="s">
        <v>2795</v>
      </c>
      <c r="RQP735" s="424"/>
      <c r="RQQ735" s="424"/>
      <c r="RQR735" s="424"/>
      <c r="RQS735" s="423" t="s">
        <v>2795</v>
      </c>
      <c r="RQT735" s="424"/>
      <c r="RQU735" s="424"/>
      <c r="RQV735" s="424"/>
      <c r="RQW735" s="423" t="s">
        <v>2795</v>
      </c>
      <c r="RQX735" s="424"/>
      <c r="RQY735" s="424"/>
      <c r="RQZ735" s="424"/>
      <c r="RRA735" s="423" t="s">
        <v>2795</v>
      </c>
      <c r="RRB735" s="424"/>
      <c r="RRC735" s="424"/>
      <c r="RRD735" s="424"/>
      <c r="RRE735" s="423" t="s">
        <v>2795</v>
      </c>
      <c r="RRF735" s="424"/>
      <c r="RRG735" s="424"/>
      <c r="RRH735" s="424"/>
      <c r="RRI735" s="423" t="s">
        <v>2795</v>
      </c>
      <c r="RRJ735" s="424"/>
      <c r="RRK735" s="424"/>
      <c r="RRL735" s="424"/>
      <c r="RRM735" s="423" t="s">
        <v>2795</v>
      </c>
      <c r="RRN735" s="424"/>
      <c r="RRO735" s="424"/>
      <c r="RRP735" s="424"/>
      <c r="RRQ735" s="423" t="s">
        <v>2795</v>
      </c>
      <c r="RRR735" s="424"/>
      <c r="RRS735" s="424"/>
      <c r="RRT735" s="424"/>
      <c r="RRU735" s="423" t="s">
        <v>2795</v>
      </c>
      <c r="RRV735" s="424"/>
      <c r="RRW735" s="424"/>
      <c r="RRX735" s="424"/>
      <c r="RRY735" s="423" t="s">
        <v>2795</v>
      </c>
      <c r="RRZ735" s="424"/>
      <c r="RSA735" s="424"/>
      <c r="RSB735" s="424"/>
      <c r="RSC735" s="423" t="s">
        <v>2795</v>
      </c>
      <c r="RSD735" s="424"/>
      <c r="RSE735" s="424"/>
      <c r="RSF735" s="424"/>
      <c r="RSG735" s="423" t="s">
        <v>2795</v>
      </c>
      <c r="RSH735" s="424"/>
      <c r="RSI735" s="424"/>
      <c r="RSJ735" s="424"/>
      <c r="RSK735" s="423" t="s">
        <v>2795</v>
      </c>
      <c r="RSL735" s="424"/>
      <c r="RSM735" s="424"/>
      <c r="RSN735" s="424"/>
      <c r="RSO735" s="423" t="s">
        <v>2795</v>
      </c>
      <c r="RSP735" s="424"/>
      <c r="RSQ735" s="424"/>
      <c r="RSR735" s="424"/>
      <c r="RSS735" s="423" t="s">
        <v>2795</v>
      </c>
      <c r="RST735" s="424"/>
      <c r="RSU735" s="424"/>
      <c r="RSV735" s="424"/>
      <c r="RSW735" s="423" t="s">
        <v>2795</v>
      </c>
      <c r="RSX735" s="424"/>
      <c r="RSY735" s="424"/>
      <c r="RSZ735" s="424"/>
      <c r="RTA735" s="423" t="s">
        <v>2795</v>
      </c>
      <c r="RTB735" s="424"/>
      <c r="RTC735" s="424"/>
      <c r="RTD735" s="424"/>
      <c r="RTE735" s="423" t="s">
        <v>2795</v>
      </c>
      <c r="RTF735" s="424"/>
      <c r="RTG735" s="424"/>
      <c r="RTH735" s="424"/>
      <c r="RTI735" s="423" t="s">
        <v>2795</v>
      </c>
      <c r="RTJ735" s="424"/>
      <c r="RTK735" s="424"/>
      <c r="RTL735" s="424"/>
      <c r="RTM735" s="423" t="s">
        <v>2795</v>
      </c>
      <c r="RTN735" s="424"/>
      <c r="RTO735" s="424"/>
      <c r="RTP735" s="424"/>
      <c r="RTQ735" s="423" t="s">
        <v>2795</v>
      </c>
      <c r="RTR735" s="424"/>
      <c r="RTS735" s="424"/>
      <c r="RTT735" s="424"/>
      <c r="RTU735" s="423" t="s">
        <v>2795</v>
      </c>
      <c r="RTV735" s="424"/>
      <c r="RTW735" s="424"/>
      <c r="RTX735" s="424"/>
      <c r="RTY735" s="423" t="s">
        <v>2795</v>
      </c>
      <c r="RTZ735" s="424"/>
      <c r="RUA735" s="424"/>
      <c r="RUB735" s="424"/>
      <c r="RUC735" s="423" t="s">
        <v>2795</v>
      </c>
      <c r="RUD735" s="424"/>
      <c r="RUE735" s="424"/>
      <c r="RUF735" s="424"/>
      <c r="RUG735" s="423" t="s">
        <v>2795</v>
      </c>
      <c r="RUH735" s="424"/>
      <c r="RUI735" s="424"/>
      <c r="RUJ735" s="424"/>
      <c r="RUK735" s="423" t="s">
        <v>2795</v>
      </c>
      <c r="RUL735" s="424"/>
      <c r="RUM735" s="424"/>
      <c r="RUN735" s="424"/>
      <c r="RUO735" s="423" t="s">
        <v>2795</v>
      </c>
      <c r="RUP735" s="424"/>
      <c r="RUQ735" s="424"/>
      <c r="RUR735" s="424"/>
      <c r="RUS735" s="423" t="s">
        <v>2795</v>
      </c>
      <c r="RUT735" s="424"/>
      <c r="RUU735" s="424"/>
      <c r="RUV735" s="424"/>
      <c r="RUW735" s="423" t="s">
        <v>2795</v>
      </c>
      <c r="RUX735" s="424"/>
      <c r="RUY735" s="424"/>
      <c r="RUZ735" s="424"/>
      <c r="RVA735" s="423" t="s">
        <v>2795</v>
      </c>
      <c r="RVB735" s="424"/>
      <c r="RVC735" s="424"/>
      <c r="RVD735" s="424"/>
      <c r="RVE735" s="423" t="s">
        <v>2795</v>
      </c>
      <c r="RVF735" s="424"/>
      <c r="RVG735" s="424"/>
      <c r="RVH735" s="424"/>
      <c r="RVI735" s="423" t="s">
        <v>2795</v>
      </c>
      <c r="RVJ735" s="424"/>
      <c r="RVK735" s="424"/>
      <c r="RVL735" s="424"/>
      <c r="RVM735" s="423" t="s">
        <v>2795</v>
      </c>
      <c r="RVN735" s="424"/>
      <c r="RVO735" s="424"/>
      <c r="RVP735" s="424"/>
      <c r="RVQ735" s="423" t="s">
        <v>2795</v>
      </c>
      <c r="RVR735" s="424"/>
      <c r="RVS735" s="424"/>
      <c r="RVT735" s="424"/>
      <c r="RVU735" s="423" t="s">
        <v>2795</v>
      </c>
      <c r="RVV735" s="424"/>
      <c r="RVW735" s="424"/>
      <c r="RVX735" s="424"/>
      <c r="RVY735" s="423" t="s">
        <v>2795</v>
      </c>
      <c r="RVZ735" s="424"/>
      <c r="RWA735" s="424"/>
      <c r="RWB735" s="424"/>
      <c r="RWC735" s="423" t="s">
        <v>2795</v>
      </c>
      <c r="RWD735" s="424"/>
      <c r="RWE735" s="424"/>
      <c r="RWF735" s="424"/>
      <c r="RWG735" s="423" t="s">
        <v>2795</v>
      </c>
      <c r="RWH735" s="424"/>
      <c r="RWI735" s="424"/>
      <c r="RWJ735" s="424"/>
      <c r="RWK735" s="423" t="s">
        <v>2795</v>
      </c>
      <c r="RWL735" s="424"/>
      <c r="RWM735" s="424"/>
      <c r="RWN735" s="424"/>
      <c r="RWO735" s="423" t="s">
        <v>2795</v>
      </c>
      <c r="RWP735" s="424"/>
      <c r="RWQ735" s="424"/>
      <c r="RWR735" s="424"/>
      <c r="RWS735" s="423" t="s">
        <v>2795</v>
      </c>
      <c r="RWT735" s="424"/>
      <c r="RWU735" s="424"/>
      <c r="RWV735" s="424"/>
      <c r="RWW735" s="423" t="s">
        <v>2795</v>
      </c>
      <c r="RWX735" s="424"/>
      <c r="RWY735" s="424"/>
      <c r="RWZ735" s="424"/>
      <c r="RXA735" s="423" t="s">
        <v>2795</v>
      </c>
      <c r="RXB735" s="424"/>
      <c r="RXC735" s="424"/>
      <c r="RXD735" s="424"/>
      <c r="RXE735" s="423" t="s">
        <v>2795</v>
      </c>
      <c r="RXF735" s="424"/>
      <c r="RXG735" s="424"/>
      <c r="RXH735" s="424"/>
      <c r="RXI735" s="423" t="s">
        <v>2795</v>
      </c>
      <c r="RXJ735" s="424"/>
      <c r="RXK735" s="424"/>
      <c r="RXL735" s="424"/>
      <c r="RXM735" s="423" t="s">
        <v>2795</v>
      </c>
      <c r="RXN735" s="424"/>
      <c r="RXO735" s="424"/>
      <c r="RXP735" s="424"/>
      <c r="RXQ735" s="423" t="s">
        <v>2795</v>
      </c>
      <c r="RXR735" s="424"/>
      <c r="RXS735" s="424"/>
      <c r="RXT735" s="424"/>
      <c r="RXU735" s="423" t="s">
        <v>2795</v>
      </c>
      <c r="RXV735" s="424"/>
      <c r="RXW735" s="424"/>
      <c r="RXX735" s="424"/>
      <c r="RXY735" s="423" t="s">
        <v>2795</v>
      </c>
      <c r="RXZ735" s="424"/>
      <c r="RYA735" s="424"/>
      <c r="RYB735" s="424"/>
      <c r="RYC735" s="423" t="s">
        <v>2795</v>
      </c>
      <c r="RYD735" s="424"/>
      <c r="RYE735" s="424"/>
      <c r="RYF735" s="424"/>
      <c r="RYG735" s="423" t="s">
        <v>2795</v>
      </c>
      <c r="RYH735" s="424"/>
      <c r="RYI735" s="424"/>
      <c r="RYJ735" s="424"/>
      <c r="RYK735" s="423" t="s">
        <v>2795</v>
      </c>
      <c r="RYL735" s="424"/>
      <c r="RYM735" s="424"/>
      <c r="RYN735" s="424"/>
      <c r="RYO735" s="423" t="s">
        <v>2795</v>
      </c>
      <c r="RYP735" s="424"/>
      <c r="RYQ735" s="424"/>
      <c r="RYR735" s="424"/>
      <c r="RYS735" s="423" t="s">
        <v>2795</v>
      </c>
      <c r="RYT735" s="424"/>
      <c r="RYU735" s="424"/>
      <c r="RYV735" s="424"/>
      <c r="RYW735" s="423" t="s">
        <v>2795</v>
      </c>
      <c r="RYX735" s="424"/>
      <c r="RYY735" s="424"/>
      <c r="RYZ735" s="424"/>
      <c r="RZA735" s="423" t="s">
        <v>2795</v>
      </c>
      <c r="RZB735" s="424"/>
      <c r="RZC735" s="424"/>
      <c r="RZD735" s="424"/>
      <c r="RZE735" s="423" t="s">
        <v>2795</v>
      </c>
      <c r="RZF735" s="424"/>
      <c r="RZG735" s="424"/>
      <c r="RZH735" s="424"/>
      <c r="RZI735" s="423" t="s">
        <v>2795</v>
      </c>
      <c r="RZJ735" s="424"/>
      <c r="RZK735" s="424"/>
      <c r="RZL735" s="424"/>
      <c r="RZM735" s="423" t="s">
        <v>2795</v>
      </c>
      <c r="RZN735" s="424"/>
      <c r="RZO735" s="424"/>
      <c r="RZP735" s="424"/>
      <c r="RZQ735" s="423" t="s">
        <v>2795</v>
      </c>
      <c r="RZR735" s="424"/>
      <c r="RZS735" s="424"/>
      <c r="RZT735" s="424"/>
      <c r="RZU735" s="423" t="s">
        <v>2795</v>
      </c>
      <c r="RZV735" s="424"/>
      <c r="RZW735" s="424"/>
      <c r="RZX735" s="424"/>
      <c r="RZY735" s="423" t="s">
        <v>2795</v>
      </c>
      <c r="RZZ735" s="424"/>
      <c r="SAA735" s="424"/>
      <c r="SAB735" s="424"/>
      <c r="SAC735" s="423" t="s">
        <v>2795</v>
      </c>
      <c r="SAD735" s="424"/>
      <c r="SAE735" s="424"/>
      <c r="SAF735" s="424"/>
      <c r="SAG735" s="423" t="s">
        <v>2795</v>
      </c>
      <c r="SAH735" s="424"/>
      <c r="SAI735" s="424"/>
      <c r="SAJ735" s="424"/>
      <c r="SAK735" s="423" t="s">
        <v>2795</v>
      </c>
      <c r="SAL735" s="424"/>
      <c r="SAM735" s="424"/>
      <c r="SAN735" s="424"/>
      <c r="SAO735" s="423" t="s">
        <v>2795</v>
      </c>
      <c r="SAP735" s="424"/>
      <c r="SAQ735" s="424"/>
      <c r="SAR735" s="424"/>
      <c r="SAS735" s="423" t="s">
        <v>2795</v>
      </c>
      <c r="SAT735" s="424"/>
      <c r="SAU735" s="424"/>
      <c r="SAV735" s="424"/>
      <c r="SAW735" s="423" t="s">
        <v>2795</v>
      </c>
      <c r="SAX735" s="424"/>
      <c r="SAY735" s="424"/>
      <c r="SAZ735" s="424"/>
      <c r="SBA735" s="423" t="s">
        <v>2795</v>
      </c>
      <c r="SBB735" s="424"/>
      <c r="SBC735" s="424"/>
      <c r="SBD735" s="424"/>
      <c r="SBE735" s="423" t="s">
        <v>2795</v>
      </c>
      <c r="SBF735" s="424"/>
      <c r="SBG735" s="424"/>
      <c r="SBH735" s="424"/>
      <c r="SBI735" s="423" t="s">
        <v>2795</v>
      </c>
      <c r="SBJ735" s="424"/>
      <c r="SBK735" s="424"/>
      <c r="SBL735" s="424"/>
      <c r="SBM735" s="423" t="s">
        <v>2795</v>
      </c>
      <c r="SBN735" s="424"/>
      <c r="SBO735" s="424"/>
      <c r="SBP735" s="424"/>
      <c r="SBQ735" s="423" t="s">
        <v>2795</v>
      </c>
      <c r="SBR735" s="424"/>
      <c r="SBS735" s="424"/>
      <c r="SBT735" s="424"/>
      <c r="SBU735" s="423" t="s">
        <v>2795</v>
      </c>
      <c r="SBV735" s="424"/>
      <c r="SBW735" s="424"/>
      <c r="SBX735" s="424"/>
      <c r="SBY735" s="423" t="s">
        <v>2795</v>
      </c>
      <c r="SBZ735" s="424"/>
      <c r="SCA735" s="424"/>
      <c r="SCB735" s="424"/>
      <c r="SCC735" s="423" t="s">
        <v>2795</v>
      </c>
      <c r="SCD735" s="424"/>
      <c r="SCE735" s="424"/>
      <c r="SCF735" s="424"/>
      <c r="SCG735" s="423" t="s">
        <v>2795</v>
      </c>
      <c r="SCH735" s="424"/>
      <c r="SCI735" s="424"/>
      <c r="SCJ735" s="424"/>
      <c r="SCK735" s="423" t="s">
        <v>2795</v>
      </c>
      <c r="SCL735" s="424"/>
      <c r="SCM735" s="424"/>
      <c r="SCN735" s="424"/>
      <c r="SCO735" s="423" t="s">
        <v>2795</v>
      </c>
      <c r="SCP735" s="424"/>
      <c r="SCQ735" s="424"/>
      <c r="SCR735" s="424"/>
      <c r="SCS735" s="423" t="s">
        <v>2795</v>
      </c>
      <c r="SCT735" s="424"/>
      <c r="SCU735" s="424"/>
      <c r="SCV735" s="424"/>
      <c r="SCW735" s="423" t="s">
        <v>2795</v>
      </c>
      <c r="SCX735" s="424"/>
      <c r="SCY735" s="424"/>
      <c r="SCZ735" s="424"/>
      <c r="SDA735" s="423" t="s">
        <v>2795</v>
      </c>
      <c r="SDB735" s="424"/>
      <c r="SDC735" s="424"/>
      <c r="SDD735" s="424"/>
      <c r="SDE735" s="423" t="s">
        <v>2795</v>
      </c>
      <c r="SDF735" s="424"/>
      <c r="SDG735" s="424"/>
      <c r="SDH735" s="424"/>
      <c r="SDI735" s="423" t="s">
        <v>2795</v>
      </c>
      <c r="SDJ735" s="424"/>
      <c r="SDK735" s="424"/>
      <c r="SDL735" s="424"/>
      <c r="SDM735" s="423" t="s">
        <v>2795</v>
      </c>
      <c r="SDN735" s="424"/>
      <c r="SDO735" s="424"/>
      <c r="SDP735" s="424"/>
      <c r="SDQ735" s="423" t="s">
        <v>2795</v>
      </c>
      <c r="SDR735" s="424"/>
      <c r="SDS735" s="424"/>
      <c r="SDT735" s="424"/>
      <c r="SDU735" s="423" t="s">
        <v>2795</v>
      </c>
      <c r="SDV735" s="424"/>
      <c r="SDW735" s="424"/>
      <c r="SDX735" s="424"/>
      <c r="SDY735" s="423" t="s">
        <v>2795</v>
      </c>
      <c r="SDZ735" s="424"/>
      <c r="SEA735" s="424"/>
      <c r="SEB735" s="424"/>
      <c r="SEC735" s="423" t="s">
        <v>2795</v>
      </c>
      <c r="SED735" s="424"/>
      <c r="SEE735" s="424"/>
      <c r="SEF735" s="424"/>
      <c r="SEG735" s="423" t="s">
        <v>2795</v>
      </c>
      <c r="SEH735" s="424"/>
      <c r="SEI735" s="424"/>
      <c r="SEJ735" s="424"/>
      <c r="SEK735" s="423" t="s">
        <v>2795</v>
      </c>
      <c r="SEL735" s="424"/>
      <c r="SEM735" s="424"/>
      <c r="SEN735" s="424"/>
      <c r="SEO735" s="423" t="s">
        <v>2795</v>
      </c>
      <c r="SEP735" s="424"/>
      <c r="SEQ735" s="424"/>
      <c r="SER735" s="424"/>
      <c r="SES735" s="423" t="s">
        <v>2795</v>
      </c>
      <c r="SET735" s="424"/>
      <c r="SEU735" s="424"/>
      <c r="SEV735" s="424"/>
      <c r="SEW735" s="423" t="s">
        <v>2795</v>
      </c>
      <c r="SEX735" s="424"/>
      <c r="SEY735" s="424"/>
      <c r="SEZ735" s="424"/>
      <c r="SFA735" s="423" t="s">
        <v>2795</v>
      </c>
      <c r="SFB735" s="424"/>
      <c r="SFC735" s="424"/>
      <c r="SFD735" s="424"/>
      <c r="SFE735" s="423" t="s">
        <v>2795</v>
      </c>
      <c r="SFF735" s="424"/>
      <c r="SFG735" s="424"/>
      <c r="SFH735" s="424"/>
      <c r="SFI735" s="423" t="s">
        <v>2795</v>
      </c>
      <c r="SFJ735" s="424"/>
      <c r="SFK735" s="424"/>
      <c r="SFL735" s="424"/>
      <c r="SFM735" s="423" t="s">
        <v>2795</v>
      </c>
      <c r="SFN735" s="424"/>
      <c r="SFO735" s="424"/>
      <c r="SFP735" s="424"/>
      <c r="SFQ735" s="423" t="s">
        <v>2795</v>
      </c>
      <c r="SFR735" s="424"/>
      <c r="SFS735" s="424"/>
      <c r="SFT735" s="424"/>
      <c r="SFU735" s="423" t="s">
        <v>2795</v>
      </c>
      <c r="SFV735" s="424"/>
      <c r="SFW735" s="424"/>
      <c r="SFX735" s="424"/>
      <c r="SFY735" s="423" t="s">
        <v>2795</v>
      </c>
      <c r="SFZ735" s="424"/>
      <c r="SGA735" s="424"/>
      <c r="SGB735" s="424"/>
      <c r="SGC735" s="423" t="s">
        <v>2795</v>
      </c>
      <c r="SGD735" s="424"/>
      <c r="SGE735" s="424"/>
      <c r="SGF735" s="424"/>
      <c r="SGG735" s="423" t="s">
        <v>2795</v>
      </c>
      <c r="SGH735" s="424"/>
      <c r="SGI735" s="424"/>
      <c r="SGJ735" s="424"/>
      <c r="SGK735" s="423" t="s">
        <v>2795</v>
      </c>
      <c r="SGL735" s="424"/>
      <c r="SGM735" s="424"/>
      <c r="SGN735" s="424"/>
      <c r="SGO735" s="423" t="s">
        <v>2795</v>
      </c>
      <c r="SGP735" s="424"/>
      <c r="SGQ735" s="424"/>
      <c r="SGR735" s="424"/>
      <c r="SGS735" s="423" t="s">
        <v>2795</v>
      </c>
      <c r="SGT735" s="424"/>
      <c r="SGU735" s="424"/>
      <c r="SGV735" s="424"/>
      <c r="SGW735" s="423" t="s">
        <v>2795</v>
      </c>
      <c r="SGX735" s="424"/>
      <c r="SGY735" s="424"/>
      <c r="SGZ735" s="424"/>
      <c r="SHA735" s="423" t="s">
        <v>2795</v>
      </c>
      <c r="SHB735" s="424"/>
      <c r="SHC735" s="424"/>
      <c r="SHD735" s="424"/>
      <c r="SHE735" s="423" t="s">
        <v>2795</v>
      </c>
      <c r="SHF735" s="424"/>
      <c r="SHG735" s="424"/>
      <c r="SHH735" s="424"/>
      <c r="SHI735" s="423" t="s">
        <v>2795</v>
      </c>
      <c r="SHJ735" s="424"/>
      <c r="SHK735" s="424"/>
      <c r="SHL735" s="424"/>
      <c r="SHM735" s="423" t="s">
        <v>2795</v>
      </c>
      <c r="SHN735" s="424"/>
      <c r="SHO735" s="424"/>
      <c r="SHP735" s="424"/>
      <c r="SHQ735" s="423" t="s">
        <v>2795</v>
      </c>
      <c r="SHR735" s="424"/>
      <c r="SHS735" s="424"/>
      <c r="SHT735" s="424"/>
      <c r="SHU735" s="423" t="s">
        <v>2795</v>
      </c>
      <c r="SHV735" s="424"/>
      <c r="SHW735" s="424"/>
      <c r="SHX735" s="424"/>
      <c r="SHY735" s="423" t="s">
        <v>2795</v>
      </c>
      <c r="SHZ735" s="424"/>
      <c r="SIA735" s="424"/>
      <c r="SIB735" s="424"/>
      <c r="SIC735" s="423" t="s">
        <v>2795</v>
      </c>
      <c r="SID735" s="424"/>
      <c r="SIE735" s="424"/>
      <c r="SIF735" s="424"/>
      <c r="SIG735" s="423" t="s">
        <v>2795</v>
      </c>
      <c r="SIH735" s="424"/>
      <c r="SII735" s="424"/>
      <c r="SIJ735" s="424"/>
      <c r="SIK735" s="423" t="s">
        <v>2795</v>
      </c>
      <c r="SIL735" s="424"/>
      <c r="SIM735" s="424"/>
      <c r="SIN735" s="424"/>
      <c r="SIO735" s="423" t="s">
        <v>2795</v>
      </c>
      <c r="SIP735" s="424"/>
      <c r="SIQ735" s="424"/>
      <c r="SIR735" s="424"/>
      <c r="SIS735" s="423" t="s">
        <v>2795</v>
      </c>
      <c r="SIT735" s="424"/>
      <c r="SIU735" s="424"/>
      <c r="SIV735" s="424"/>
      <c r="SIW735" s="423" t="s">
        <v>2795</v>
      </c>
      <c r="SIX735" s="424"/>
      <c r="SIY735" s="424"/>
      <c r="SIZ735" s="424"/>
      <c r="SJA735" s="423" t="s">
        <v>2795</v>
      </c>
      <c r="SJB735" s="424"/>
      <c r="SJC735" s="424"/>
      <c r="SJD735" s="424"/>
      <c r="SJE735" s="423" t="s">
        <v>2795</v>
      </c>
      <c r="SJF735" s="424"/>
      <c r="SJG735" s="424"/>
      <c r="SJH735" s="424"/>
      <c r="SJI735" s="423" t="s">
        <v>2795</v>
      </c>
      <c r="SJJ735" s="424"/>
      <c r="SJK735" s="424"/>
      <c r="SJL735" s="424"/>
      <c r="SJM735" s="423" t="s">
        <v>2795</v>
      </c>
      <c r="SJN735" s="424"/>
      <c r="SJO735" s="424"/>
      <c r="SJP735" s="424"/>
      <c r="SJQ735" s="423" t="s">
        <v>2795</v>
      </c>
      <c r="SJR735" s="424"/>
      <c r="SJS735" s="424"/>
      <c r="SJT735" s="424"/>
      <c r="SJU735" s="423" t="s">
        <v>2795</v>
      </c>
      <c r="SJV735" s="424"/>
      <c r="SJW735" s="424"/>
      <c r="SJX735" s="424"/>
      <c r="SJY735" s="423" t="s">
        <v>2795</v>
      </c>
      <c r="SJZ735" s="424"/>
      <c r="SKA735" s="424"/>
      <c r="SKB735" s="424"/>
      <c r="SKC735" s="423" t="s">
        <v>2795</v>
      </c>
      <c r="SKD735" s="424"/>
      <c r="SKE735" s="424"/>
      <c r="SKF735" s="424"/>
      <c r="SKG735" s="423" t="s">
        <v>2795</v>
      </c>
      <c r="SKH735" s="424"/>
      <c r="SKI735" s="424"/>
      <c r="SKJ735" s="424"/>
      <c r="SKK735" s="423" t="s">
        <v>2795</v>
      </c>
      <c r="SKL735" s="424"/>
      <c r="SKM735" s="424"/>
      <c r="SKN735" s="424"/>
      <c r="SKO735" s="423" t="s">
        <v>2795</v>
      </c>
      <c r="SKP735" s="424"/>
      <c r="SKQ735" s="424"/>
      <c r="SKR735" s="424"/>
      <c r="SKS735" s="423" t="s">
        <v>2795</v>
      </c>
      <c r="SKT735" s="424"/>
      <c r="SKU735" s="424"/>
      <c r="SKV735" s="424"/>
      <c r="SKW735" s="423" t="s">
        <v>2795</v>
      </c>
      <c r="SKX735" s="424"/>
      <c r="SKY735" s="424"/>
      <c r="SKZ735" s="424"/>
      <c r="SLA735" s="423" t="s">
        <v>2795</v>
      </c>
      <c r="SLB735" s="424"/>
      <c r="SLC735" s="424"/>
      <c r="SLD735" s="424"/>
      <c r="SLE735" s="423" t="s">
        <v>2795</v>
      </c>
      <c r="SLF735" s="424"/>
      <c r="SLG735" s="424"/>
      <c r="SLH735" s="424"/>
      <c r="SLI735" s="423" t="s">
        <v>2795</v>
      </c>
      <c r="SLJ735" s="424"/>
      <c r="SLK735" s="424"/>
      <c r="SLL735" s="424"/>
      <c r="SLM735" s="423" t="s">
        <v>2795</v>
      </c>
      <c r="SLN735" s="424"/>
      <c r="SLO735" s="424"/>
      <c r="SLP735" s="424"/>
      <c r="SLQ735" s="423" t="s">
        <v>2795</v>
      </c>
      <c r="SLR735" s="424"/>
      <c r="SLS735" s="424"/>
      <c r="SLT735" s="424"/>
      <c r="SLU735" s="423" t="s">
        <v>2795</v>
      </c>
      <c r="SLV735" s="424"/>
      <c r="SLW735" s="424"/>
      <c r="SLX735" s="424"/>
      <c r="SLY735" s="423" t="s">
        <v>2795</v>
      </c>
      <c r="SLZ735" s="424"/>
      <c r="SMA735" s="424"/>
      <c r="SMB735" s="424"/>
      <c r="SMC735" s="423" t="s">
        <v>2795</v>
      </c>
      <c r="SMD735" s="424"/>
      <c r="SME735" s="424"/>
      <c r="SMF735" s="424"/>
      <c r="SMG735" s="423" t="s">
        <v>2795</v>
      </c>
      <c r="SMH735" s="424"/>
      <c r="SMI735" s="424"/>
      <c r="SMJ735" s="424"/>
      <c r="SMK735" s="423" t="s">
        <v>2795</v>
      </c>
      <c r="SML735" s="424"/>
      <c r="SMM735" s="424"/>
      <c r="SMN735" s="424"/>
      <c r="SMO735" s="423" t="s">
        <v>2795</v>
      </c>
      <c r="SMP735" s="424"/>
      <c r="SMQ735" s="424"/>
      <c r="SMR735" s="424"/>
      <c r="SMS735" s="423" t="s">
        <v>2795</v>
      </c>
      <c r="SMT735" s="424"/>
      <c r="SMU735" s="424"/>
      <c r="SMV735" s="424"/>
      <c r="SMW735" s="423" t="s">
        <v>2795</v>
      </c>
      <c r="SMX735" s="424"/>
      <c r="SMY735" s="424"/>
      <c r="SMZ735" s="424"/>
      <c r="SNA735" s="423" t="s">
        <v>2795</v>
      </c>
      <c r="SNB735" s="424"/>
      <c r="SNC735" s="424"/>
      <c r="SND735" s="424"/>
      <c r="SNE735" s="423" t="s">
        <v>2795</v>
      </c>
      <c r="SNF735" s="424"/>
      <c r="SNG735" s="424"/>
      <c r="SNH735" s="424"/>
      <c r="SNI735" s="423" t="s">
        <v>2795</v>
      </c>
      <c r="SNJ735" s="424"/>
      <c r="SNK735" s="424"/>
      <c r="SNL735" s="424"/>
      <c r="SNM735" s="423" t="s">
        <v>2795</v>
      </c>
      <c r="SNN735" s="424"/>
      <c r="SNO735" s="424"/>
      <c r="SNP735" s="424"/>
      <c r="SNQ735" s="423" t="s">
        <v>2795</v>
      </c>
      <c r="SNR735" s="424"/>
      <c r="SNS735" s="424"/>
      <c r="SNT735" s="424"/>
      <c r="SNU735" s="423" t="s">
        <v>2795</v>
      </c>
      <c r="SNV735" s="424"/>
      <c r="SNW735" s="424"/>
      <c r="SNX735" s="424"/>
      <c r="SNY735" s="423" t="s">
        <v>2795</v>
      </c>
      <c r="SNZ735" s="424"/>
      <c r="SOA735" s="424"/>
      <c r="SOB735" s="424"/>
      <c r="SOC735" s="423" t="s">
        <v>2795</v>
      </c>
      <c r="SOD735" s="424"/>
      <c r="SOE735" s="424"/>
      <c r="SOF735" s="424"/>
      <c r="SOG735" s="423" t="s">
        <v>2795</v>
      </c>
      <c r="SOH735" s="424"/>
      <c r="SOI735" s="424"/>
      <c r="SOJ735" s="424"/>
      <c r="SOK735" s="423" t="s">
        <v>2795</v>
      </c>
      <c r="SOL735" s="424"/>
      <c r="SOM735" s="424"/>
      <c r="SON735" s="424"/>
      <c r="SOO735" s="423" t="s">
        <v>2795</v>
      </c>
      <c r="SOP735" s="424"/>
      <c r="SOQ735" s="424"/>
      <c r="SOR735" s="424"/>
      <c r="SOS735" s="423" t="s">
        <v>2795</v>
      </c>
      <c r="SOT735" s="424"/>
      <c r="SOU735" s="424"/>
      <c r="SOV735" s="424"/>
      <c r="SOW735" s="423" t="s">
        <v>2795</v>
      </c>
      <c r="SOX735" s="424"/>
      <c r="SOY735" s="424"/>
      <c r="SOZ735" s="424"/>
      <c r="SPA735" s="423" t="s">
        <v>2795</v>
      </c>
      <c r="SPB735" s="424"/>
      <c r="SPC735" s="424"/>
      <c r="SPD735" s="424"/>
      <c r="SPE735" s="423" t="s">
        <v>2795</v>
      </c>
      <c r="SPF735" s="424"/>
      <c r="SPG735" s="424"/>
      <c r="SPH735" s="424"/>
      <c r="SPI735" s="423" t="s">
        <v>2795</v>
      </c>
      <c r="SPJ735" s="424"/>
      <c r="SPK735" s="424"/>
      <c r="SPL735" s="424"/>
      <c r="SPM735" s="423" t="s">
        <v>2795</v>
      </c>
      <c r="SPN735" s="424"/>
      <c r="SPO735" s="424"/>
      <c r="SPP735" s="424"/>
      <c r="SPQ735" s="423" t="s">
        <v>2795</v>
      </c>
      <c r="SPR735" s="424"/>
      <c r="SPS735" s="424"/>
      <c r="SPT735" s="424"/>
      <c r="SPU735" s="423" t="s">
        <v>2795</v>
      </c>
      <c r="SPV735" s="424"/>
      <c r="SPW735" s="424"/>
      <c r="SPX735" s="424"/>
      <c r="SPY735" s="423" t="s">
        <v>2795</v>
      </c>
      <c r="SPZ735" s="424"/>
      <c r="SQA735" s="424"/>
      <c r="SQB735" s="424"/>
      <c r="SQC735" s="423" t="s">
        <v>2795</v>
      </c>
      <c r="SQD735" s="424"/>
      <c r="SQE735" s="424"/>
      <c r="SQF735" s="424"/>
      <c r="SQG735" s="423" t="s">
        <v>2795</v>
      </c>
      <c r="SQH735" s="424"/>
      <c r="SQI735" s="424"/>
      <c r="SQJ735" s="424"/>
      <c r="SQK735" s="423" t="s">
        <v>2795</v>
      </c>
      <c r="SQL735" s="424"/>
      <c r="SQM735" s="424"/>
      <c r="SQN735" s="424"/>
      <c r="SQO735" s="423" t="s">
        <v>2795</v>
      </c>
      <c r="SQP735" s="424"/>
      <c r="SQQ735" s="424"/>
      <c r="SQR735" s="424"/>
      <c r="SQS735" s="423" t="s">
        <v>2795</v>
      </c>
      <c r="SQT735" s="424"/>
      <c r="SQU735" s="424"/>
      <c r="SQV735" s="424"/>
      <c r="SQW735" s="423" t="s">
        <v>2795</v>
      </c>
      <c r="SQX735" s="424"/>
      <c r="SQY735" s="424"/>
      <c r="SQZ735" s="424"/>
      <c r="SRA735" s="423" t="s">
        <v>2795</v>
      </c>
      <c r="SRB735" s="424"/>
      <c r="SRC735" s="424"/>
      <c r="SRD735" s="424"/>
      <c r="SRE735" s="423" t="s">
        <v>2795</v>
      </c>
      <c r="SRF735" s="424"/>
      <c r="SRG735" s="424"/>
      <c r="SRH735" s="424"/>
      <c r="SRI735" s="423" t="s">
        <v>2795</v>
      </c>
      <c r="SRJ735" s="424"/>
      <c r="SRK735" s="424"/>
      <c r="SRL735" s="424"/>
      <c r="SRM735" s="423" t="s">
        <v>2795</v>
      </c>
      <c r="SRN735" s="424"/>
      <c r="SRO735" s="424"/>
      <c r="SRP735" s="424"/>
      <c r="SRQ735" s="423" t="s">
        <v>2795</v>
      </c>
      <c r="SRR735" s="424"/>
      <c r="SRS735" s="424"/>
      <c r="SRT735" s="424"/>
      <c r="SRU735" s="423" t="s">
        <v>2795</v>
      </c>
      <c r="SRV735" s="424"/>
      <c r="SRW735" s="424"/>
      <c r="SRX735" s="424"/>
      <c r="SRY735" s="423" t="s">
        <v>2795</v>
      </c>
      <c r="SRZ735" s="424"/>
      <c r="SSA735" s="424"/>
      <c r="SSB735" s="424"/>
      <c r="SSC735" s="423" t="s">
        <v>2795</v>
      </c>
      <c r="SSD735" s="424"/>
      <c r="SSE735" s="424"/>
      <c r="SSF735" s="424"/>
      <c r="SSG735" s="423" t="s">
        <v>2795</v>
      </c>
      <c r="SSH735" s="424"/>
      <c r="SSI735" s="424"/>
      <c r="SSJ735" s="424"/>
      <c r="SSK735" s="423" t="s">
        <v>2795</v>
      </c>
      <c r="SSL735" s="424"/>
      <c r="SSM735" s="424"/>
      <c r="SSN735" s="424"/>
      <c r="SSO735" s="423" t="s">
        <v>2795</v>
      </c>
      <c r="SSP735" s="424"/>
      <c r="SSQ735" s="424"/>
      <c r="SSR735" s="424"/>
      <c r="SSS735" s="423" t="s">
        <v>2795</v>
      </c>
      <c r="SST735" s="424"/>
      <c r="SSU735" s="424"/>
      <c r="SSV735" s="424"/>
      <c r="SSW735" s="423" t="s">
        <v>2795</v>
      </c>
      <c r="SSX735" s="424"/>
      <c r="SSY735" s="424"/>
      <c r="SSZ735" s="424"/>
      <c r="STA735" s="423" t="s">
        <v>2795</v>
      </c>
      <c r="STB735" s="424"/>
      <c r="STC735" s="424"/>
      <c r="STD735" s="424"/>
      <c r="STE735" s="423" t="s">
        <v>2795</v>
      </c>
      <c r="STF735" s="424"/>
      <c r="STG735" s="424"/>
      <c r="STH735" s="424"/>
      <c r="STI735" s="423" t="s">
        <v>2795</v>
      </c>
      <c r="STJ735" s="424"/>
      <c r="STK735" s="424"/>
      <c r="STL735" s="424"/>
      <c r="STM735" s="423" t="s">
        <v>2795</v>
      </c>
      <c r="STN735" s="424"/>
      <c r="STO735" s="424"/>
      <c r="STP735" s="424"/>
      <c r="STQ735" s="423" t="s">
        <v>2795</v>
      </c>
      <c r="STR735" s="424"/>
      <c r="STS735" s="424"/>
      <c r="STT735" s="424"/>
      <c r="STU735" s="423" t="s">
        <v>2795</v>
      </c>
      <c r="STV735" s="424"/>
      <c r="STW735" s="424"/>
      <c r="STX735" s="424"/>
      <c r="STY735" s="423" t="s">
        <v>2795</v>
      </c>
      <c r="STZ735" s="424"/>
      <c r="SUA735" s="424"/>
      <c r="SUB735" s="424"/>
      <c r="SUC735" s="423" t="s">
        <v>2795</v>
      </c>
      <c r="SUD735" s="424"/>
      <c r="SUE735" s="424"/>
      <c r="SUF735" s="424"/>
      <c r="SUG735" s="423" t="s">
        <v>2795</v>
      </c>
      <c r="SUH735" s="424"/>
      <c r="SUI735" s="424"/>
      <c r="SUJ735" s="424"/>
      <c r="SUK735" s="423" t="s">
        <v>2795</v>
      </c>
      <c r="SUL735" s="424"/>
      <c r="SUM735" s="424"/>
      <c r="SUN735" s="424"/>
      <c r="SUO735" s="423" t="s">
        <v>2795</v>
      </c>
      <c r="SUP735" s="424"/>
      <c r="SUQ735" s="424"/>
      <c r="SUR735" s="424"/>
      <c r="SUS735" s="423" t="s">
        <v>2795</v>
      </c>
      <c r="SUT735" s="424"/>
      <c r="SUU735" s="424"/>
      <c r="SUV735" s="424"/>
      <c r="SUW735" s="423" t="s">
        <v>2795</v>
      </c>
      <c r="SUX735" s="424"/>
      <c r="SUY735" s="424"/>
      <c r="SUZ735" s="424"/>
      <c r="SVA735" s="423" t="s">
        <v>2795</v>
      </c>
      <c r="SVB735" s="424"/>
      <c r="SVC735" s="424"/>
      <c r="SVD735" s="424"/>
      <c r="SVE735" s="423" t="s">
        <v>2795</v>
      </c>
      <c r="SVF735" s="424"/>
      <c r="SVG735" s="424"/>
      <c r="SVH735" s="424"/>
      <c r="SVI735" s="423" t="s">
        <v>2795</v>
      </c>
      <c r="SVJ735" s="424"/>
      <c r="SVK735" s="424"/>
      <c r="SVL735" s="424"/>
      <c r="SVM735" s="423" t="s">
        <v>2795</v>
      </c>
      <c r="SVN735" s="424"/>
      <c r="SVO735" s="424"/>
      <c r="SVP735" s="424"/>
      <c r="SVQ735" s="423" t="s">
        <v>2795</v>
      </c>
      <c r="SVR735" s="424"/>
      <c r="SVS735" s="424"/>
      <c r="SVT735" s="424"/>
      <c r="SVU735" s="423" t="s">
        <v>2795</v>
      </c>
      <c r="SVV735" s="424"/>
      <c r="SVW735" s="424"/>
      <c r="SVX735" s="424"/>
      <c r="SVY735" s="423" t="s">
        <v>2795</v>
      </c>
      <c r="SVZ735" s="424"/>
      <c r="SWA735" s="424"/>
      <c r="SWB735" s="424"/>
      <c r="SWC735" s="423" t="s">
        <v>2795</v>
      </c>
      <c r="SWD735" s="424"/>
      <c r="SWE735" s="424"/>
      <c r="SWF735" s="424"/>
      <c r="SWG735" s="423" t="s">
        <v>2795</v>
      </c>
      <c r="SWH735" s="424"/>
      <c r="SWI735" s="424"/>
      <c r="SWJ735" s="424"/>
      <c r="SWK735" s="423" t="s">
        <v>2795</v>
      </c>
      <c r="SWL735" s="424"/>
      <c r="SWM735" s="424"/>
      <c r="SWN735" s="424"/>
      <c r="SWO735" s="423" t="s">
        <v>2795</v>
      </c>
      <c r="SWP735" s="424"/>
      <c r="SWQ735" s="424"/>
      <c r="SWR735" s="424"/>
      <c r="SWS735" s="423" t="s">
        <v>2795</v>
      </c>
      <c r="SWT735" s="424"/>
      <c r="SWU735" s="424"/>
      <c r="SWV735" s="424"/>
      <c r="SWW735" s="423" t="s">
        <v>2795</v>
      </c>
      <c r="SWX735" s="424"/>
      <c r="SWY735" s="424"/>
      <c r="SWZ735" s="424"/>
      <c r="SXA735" s="423" t="s">
        <v>2795</v>
      </c>
      <c r="SXB735" s="424"/>
      <c r="SXC735" s="424"/>
      <c r="SXD735" s="424"/>
      <c r="SXE735" s="423" t="s">
        <v>2795</v>
      </c>
      <c r="SXF735" s="424"/>
      <c r="SXG735" s="424"/>
      <c r="SXH735" s="424"/>
      <c r="SXI735" s="423" t="s">
        <v>2795</v>
      </c>
      <c r="SXJ735" s="424"/>
      <c r="SXK735" s="424"/>
      <c r="SXL735" s="424"/>
      <c r="SXM735" s="423" t="s">
        <v>2795</v>
      </c>
      <c r="SXN735" s="424"/>
      <c r="SXO735" s="424"/>
      <c r="SXP735" s="424"/>
      <c r="SXQ735" s="423" t="s">
        <v>2795</v>
      </c>
      <c r="SXR735" s="424"/>
      <c r="SXS735" s="424"/>
      <c r="SXT735" s="424"/>
      <c r="SXU735" s="423" t="s">
        <v>2795</v>
      </c>
      <c r="SXV735" s="424"/>
      <c r="SXW735" s="424"/>
      <c r="SXX735" s="424"/>
      <c r="SXY735" s="423" t="s">
        <v>2795</v>
      </c>
      <c r="SXZ735" s="424"/>
      <c r="SYA735" s="424"/>
      <c r="SYB735" s="424"/>
      <c r="SYC735" s="423" t="s">
        <v>2795</v>
      </c>
      <c r="SYD735" s="424"/>
      <c r="SYE735" s="424"/>
      <c r="SYF735" s="424"/>
      <c r="SYG735" s="423" t="s">
        <v>2795</v>
      </c>
      <c r="SYH735" s="424"/>
      <c r="SYI735" s="424"/>
      <c r="SYJ735" s="424"/>
      <c r="SYK735" s="423" t="s">
        <v>2795</v>
      </c>
      <c r="SYL735" s="424"/>
      <c r="SYM735" s="424"/>
      <c r="SYN735" s="424"/>
      <c r="SYO735" s="423" t="s">
        <v>2795</v>
      </c>
      <c r="SYP735" s="424"/>
      <c r="SYQ735" s="424"/>
      <c r="SYR735" s="424"/>
      <c r="SYS735" s="423" t="s">
        <v>2795</v>
      </c>
      <c r="SYT735" s="424"/>
      <c r="SYU735" s="424"/>
      <c r="SYV735" s="424"/>
      <c r="SYW735" s="423" t="s">
        <v>2795</v>
      </c>
      <c r="SYX735" s="424"/>
      <c r="SYY735" s="424"/>
      <c r="SYZ735" s="424"/>
      <c r="SZA735" s="423" t="s">
        <v>2795</v>
      </c>
      <c r="SZB735" s="424"/>
      <c r="SZC735" s="424"/>
      <c r="SZD735" s="424"/>
      <c r="SZE735" s="423" t="s">
        <v>2795</v>
      </c>
      <c r="SZF735" s="424"/>
      <c r="SZG735" s="424"/>
      <c r="SZH735" s="424"/>
      <c r="SZI735" s="423" t="s">
        <v>2795</v>
      </c>
      <c r="SZJ735" s="424"/>
      <c r="SZK735" s="424"/>
      <c r="SZL735" s="424"/>
      <c r="SZM735" s="423" t="s">
        <v>2795</v>
      </c>
      <c r="SZN735" s="424"/>
      <c r="SZO735" s="424"/>
      <c r="SZP735" s="424"/>
      <c r="SZQ735" s="423" t="s">
        <v>2795</v>
      </c>
      <c r="SZR735" s="424"/>
      <c r="SZS735" s="424"/>
      <c r="SZT735" s="424"/>
      <c r="SZU735" s="423" t="s">
        <v>2795</v>
      </c>
      <c r="SZV735" s="424"/>
      <c r="SZW735" s="424"/>
      <c r="SZX735" s="424"/>
      <c r="SZY735" s="423" t="s">
        <v>2795</v>
      </c>
      <c r="SZZ735" s="424"/>
      <c r="TAA735" s="424"/>
      <c r="TAB735" s="424"/>
      <c r="TAC735" s="423" t="s">
        <v>2795</v>
      </c>
      <c r="TAD735" s="424"/>
      <c r="TAE735" s="424"/>
      <c r="TAF735" s="424"/>
      <c r="TAG735" s="423" t="s">
        <v>2795</v>
      </c>
      <c r="TAH735" s="424"/>
      <c r="TAI735" s="424"/>
      <c r="TAJ735" s="424"/>
      <c r="TAK735" s="423" t="s">
        <v>2795</v>
      </c>
      <c r="TAL735" s="424"/>
      <c r="TAM735" s="424"/>
      <c r="TAN735" s="424"/>
      <c r="TAO735" s="423" t="s">
        <v>2795</v>
      </c>
      <c r="TAP735" s="424"/>
      <c r="TAQ735" s="424"/>
      <c r="TAR735" s="424"/>
      <c r="TAS735" s="423" t="s">
        <v>2795</v>
      </c>
      <c r="TAT735" s="424"/>
      <c r="TAU735" s="424"/>
      <c r="TAV735" s="424"/>
      <c r="TAW735" s="423" t="s">
        <v>2795</v>
      </c>
      <c r="TAX735" s="424"/>
      <c r="TAY735" s="424"/>
      <c r="TAZ735" s="424"/>
      <c r="TBA735" s="423" t="s">
        <v>2795</v>
      </c>
      <c r="TBB735" s="424"/>
      <c r="TBC735" s="424"/>
      <c r="TBD735" s="424"/>
      <c r="TBE735" s="423" t="s">
        <v>2795</v>
      </c>
      <c r="TBF735" s="424"/>
      <c r="TBG735" s="424"/>
      <c r="TBH735" s="424"/>
      <c r="TBI735" s="423" t="s">
        <v>2795</v>
      </c>
      <c r="TBJ735" s="424"/>
      <c r="TBK735" s="424"/>
      <c r="TBL735" s="424"/>
      <c r="TBM735" s="423" t="s">
        <v>2795</v>
      </c>
      <c r="TBN735" s="424"/>
      <c r="TBO735" s="424"/>
      <c r="TBP735" s="424"/>
      <c r="TBQ735" s="423" t="s">
        <v>2795</v>
      </c>
      <c r="TBR735" s="424"/>
      <c r="TBS735" s="424"/>
      <c r="TBT735" s="424"/>
      <c r="TBU735" s="423" t="s">
        <v>2795</v>
      </c>
      <c r="TBV735" s="424"/>
      <c r="TBW735" s="424"/>
      <c r="TBX735" s="424"/>
      <c r="TBY735" s="423" t="s">
        <v>2795</v>
      </c>
      <c r="TBZ735" s="424"/>
      <c r="TCA735" s="424"/>
      <c r="TCB735" s="424"/>
      <c r="TCC735" s="423" t="s">
        <v>2795</v>
      </c>
      <c r="TCD735" s="424"/>
      <c r="TCE735" s="424"/>
      <c r="TCF735" s="424"/>
      <c r="TCG735" s="423" t="s">
        <v>2795</v>
      </c>
      <c r="TCH735" s="424"/>
      <c r="TCI735" s="424"/>
      <c r="TCJ735" s="424"/>
      <c r="TCK735" s="423" t="s">
        <v>2795</v>
      </c>
      <c r="TCL735" s="424"/>
      <c r="TCM735" s="424"/>
      <c r="TCN735" s="424"/>
      <c r="TCO735" s="423" t="s">
        <v>2795</v>
      </c>
      <c r="TCP735" s="424"/>
      <c r="TCQ735" s="424"/>
      <c r="TCR735" s="424"/>
      <c r="TCS735" s="423" t="s">
        <v>2795</v>
      </c>
      <c r="TCT735" s="424"/>
      <c r="TCU735" s="424"/>
      <c r="TCV735" s="424"/>
      <c r="TCW735" s="423" t="s">
        <v>2795</v>
      </c>
      <c r="TCX735" s="424"/>
      <c r="TCY735" s="424"/>
      <c r="TCZ735" s="424"/>
      <c r="TDA735" s="423" t="s">
        <v>2795</v>
      </c>
      <c r="TDB735" s="424"/>
      <c r="TDC735" s="424"/>
      <c r="TDD735" s="424"/>
      <c r="TDE735" s="423" t="s">
        <v>2795</v>
      </c>
      <c r="TDF735" s="424"/>
      <c r="TDG735" s="424"/>
      <c r="TDH735" s="424"/>
      <c r="TDI735" s="423" t="s">
        <v>2795</v>
      </c>
      <c r="TDJ735" s="424"/>
      <c r="TDK735" s="424"/>
      <c r="TDL735" s="424"/>
      <c r="TDM735" s="423" t="s">
        <v>2795</v>
      </c>
      <c r="TDN735" s="424"/>
      <c r="TDO735" s="424"/>
      <c r="TDP735" s="424"/>
      <c r="TDQ735" s="423" t="s">
        <v>2795</v>
      </c>
      <c r="TDR735" s="424"/>
      <c r="TDS735" s="424"/>
      <c r="TDT735" s="424"/>
      <c r="TDU735" s="423" t="s">
        <v>2795</v>
      </c>
      <c r="TDV735" s="424"/>
      <c r="TDW735" s="424"/>
      <c r="TDX735" s="424"/>
      <c r="TDY735" s="423" t="s">
        <v>2795</v>
      </c>
      <c r="TDZ735" s="424"/>
      <c r="TEA735" s="424"/>
      <c r="TEB735" s="424"/>
      <c r="TEC735" s="423" t="s">
        <v>2795</v>
      </c>
      <c r="TED735" s="424"/>
      <c r="TEE735" s="424"/>
      <c r="TEF735" s="424"/>
      <c r="TEG735" s="423" t="s">
        <v>2795</v>
      </c>
      <c r="TEH735" s="424"/>
      <c r="TEI735" s="424"/>
      <c r="TEJ735" s="424"/>
      <c r="TEK735" s="423" t="s">
        <v>2795</v>
      </c>
      <c r="TEL735" s="424"/>
      <c r="TEM735" s="424"/>
      <c r="TEN735" s="424"/>
      <c r="TEO735" s="423" t="s">
        <v>2795</v>
      </c>
      <c r="TEP735" s="424"/>
      <c r="TEQ735" s="424"/>
      <c r="TER735" s="424"/>
      <c r="TES735" s="423" t="s">
        <v>2795</v>
      </c>
      <c r="TET735" s="424"/>
      <c r="TEU735" s="424"/>
      <c r="TEV735" s="424"/>
      <c r="TEW735" s="423" t="s">
        <v>2795</v>
      </c>
      <c r="TEX735" s="424"/>
      <c r="TEY735" s="424"/>
      <c r="TEZ735" s="424"/>
      <c r="TFA735" s="423" t="s">
        <v>2795</v>
      </c>
      <c r="TFB735" s="424"/>
      <c r="TFC735" s="424"/>
      <c r="TFD735" s="424"/>
      <c r="TFE735" s="423" t="s">
        <v>2795</v>
      </c>
      <c r="TFF735" s="424"/>
      <c r="TFG735" s="424"/>
      <c r="TFH735" s="424"/>
      <c r="TFI735" s="423" t="s">
        <v>2795</v>
      </c>
      <c r="TFJ735" s="424"/>
      <c r="TFK735" s="424"/>
      <c r="TFL735" s="424"/>
      <c r="TFM735" s="423" t="s">
        <v>2795</v>
      </c>
      <c r="TFN735" s="424"/>
      <c r="TFO735" s="424"/>
      <c r="TFP735" s="424"/>
      <c r="TFQ735" s="423" t="s">
        <v>2795</v>
      </c>
      <c r="TFR735" s="424"/>
      <c r="TFS735" s="424"/>
      <c r="TFT735" s="424"/>
      <c r="TFU735" s="423" t="s">
        <v>2795</v>
      </c>
      <c r="TFV735" s="424"/>
      <c r="TFW735" s="424"/>
      <c r="TFX735" s="424"/>
      <c r="TFY735" s="423" t="s">
        <v>2795</v>
      </c>
      <c r="TFZ735" s="424"/>
      <c r="TGA735" s="424"/>
      <c r="TGB735" s="424"/>
      <c r="TGC735" s="423" t="s">
        <v>2795</v>
      </c>
      <c r="TGD735" s="424"/>
      <c r="TGE735" s="424"/>
      <c r="TGF735" s="424"/>
      <c r="TGG735" s="423" t="s">
        <v>2795</v>
      </c>
      <c r="TGH735" s="424"/>
      <c r="TGI735" s="424"/>
      <c r="TGJ735" s="424"/>
      <c r="TGK735" s="423" t="s">
        <v>2795</v>
      </c>
      <c r="TGL735" s="424"/>
      <c r="TGM735" s="424"/>
      <c r="TGN735" s="424"/>
      <c r="TGO735" s="423" t="s">
        <v>2795</v>
      </c>
      <c r="TGP735" s="424"/>
      <c r="TGQ735" s="424"/>
      <c r="TGR735" s="424"/>
      <c r="TGS735" s="423" t="s">
        <v>2795</v>
      </c>
      <c r="TGT735" s="424"/>
      <c r="TGU735" s="424"/>
      <c r="TGV735" s="424"/>
      <c r="TGW735" s="423" t="s">
        <v>2795</v>
      </c>
      <c r="TGX735" s="424"/>
      <c r="TGY735" s="424"/>
      <c r="TGZ735" s="424"/>
      <c r="THA735" s="423" t="s">
        <v>2795</v>
      </c>
      <c r="THB735" s="424"/>
      <c r="THC735" s="424"/>
      <c r="THD735" s="424"/>
      <c r="THE735" s="423" t="s">
        <v>2795</v>
      </c>
      <c r="THF735" s="424"/>
      <c r="THG735" s="424"/>
      <c r="THH735" s="424"/>
      <c r="THI735" s="423" t="s">
        <v>2795</v>
      </c>
      <c r="THJ735" s="424"/>
      <c r="THK735" s="424"/>
      <c r="THL735" s="424"/>
      <c r="THM735" s="423" t="s">
        <v>2795</v>
      </c>
      <c r="THN735" s="424"/>
      <c r="THO735" s="424"/>
      <c r="THP735" s="424"/>
      <c r="THQ735" s="423" t="s">
        <v>2795</v>
      </c>
      <c r="THR735" s="424"/>
      <c r="THS735" s="424"/>
      <c r="THT735" s="424"/>
      <c r="THU735" s="423" t="s">
        <v>2795</v>
      </c>
      <c r="THV735" s="424"/>
      <c r="THW735" s="424"/>
      <c r="THX735" s="424"/>
      <c r="THY735" s="423" t="s">
        <v>2795</v>
      </c>
      <c r="THZ735" s="424"/>
      <c r="TIA735" s="424"/>
      <c r="TIB735" s="424"/>
      <c r="TIC735" s="423" t="s">
        <v>2795</v>
      </c>
      <c r="TID735" s="424"/>
      <c r="TIE735" s="424"/>
      <c r="TIF735" s="424"/>
      <c r="TIG735" s="423" t="s">
        <v>2795</v>
      </c>
      <c r="TIH735" s="424"/>
      <c r="TII735" s="424"/>
      <c r="TIJ735" s="424"/>
      <c r="TIK735" s="423" t="s">
        <v>2795</v>
      </c>
      <c r="TIL735" s="424"/>
      <c r="TIM735" s="424"/>
      <c r="TIN735" s="424"/>
      <c r="TIO735" s="423" t="s">
        <v>2795</v>
      </c>
      <c r="TIP735" s="424"/>
      <c r="TIQ735" s="424"/>
      <c r="TIR735" s="424"/>
      <c r="TIS735" s="423" t="s">
        <v>2795</v>
      </c>
      <c r="TIT735" s="424"/>
      <c r="TIU735" s="424"/>
      <c r="TIV735" s="424"/>
      <c r="TIW735" s="423" t="s">
        <v>2795</v>
      </c>
      <c r="TIX735" s="424"/>
      <c r="TIY735" s="424"/>
      <c r="TIZ735" s="424"/>
      <c r="TJA735" s="423" t="s">
        <v>2795</v>
      </c>
      <c r="TJB735" s="424"/>
      <c r="TJC735" s="424"/>
      <c r="TJD735" s="424"/>
      <c r="TJE735" s="423" t="s">
        <v>2795</v>
      </c>
      <c r="TJF735" s="424"/>
      <c r="TJG735" s="424"/>
      <c r="TJH735" s="424"/>
      <c r="TJI735" s="423" t="s">
        <v>2795</v>
      </c>
      <c r="TJJ735" s="424"/>
      <c r="TJK735" s="424"/>
      <c r="TJL735" s="424"/>
      <c r="TJM735" s="423" t="s">
        <v>2795</v>
      </c>
      <c r="TJN735" s="424"/>
      <c r="TJO735" s="424"/>
      <c r="TJP735" s="424"/>
      <c r="TJQ735" s="423" t="s">
        <v>2795</v>
      </c>
      <c r="TJR735" s="424"/>
      <c r="TJS735" s="424"/>
      <c r="TJT735" s="424"/>
      <c r="TJU735" s="423" t="s">
        <v>2795</v>
      </c>
      <c r="TJV735" s="424"/>
      <c r="TJW735" s="424"/>
      <c r="TJX735" s="424"/>
      <c r="TJY735" s="423" t="s">
        <v>2795</v>
      </c>
      <c r="TJZ735" s="424"/>
      <c r="TKA735" s="424"/>
      <c r="TKB735" s="424"/>
      <c r="TKC735" s="423" t="s">
        <v>2795</v>
      </c>
      <c r="TKD735" s="424"/>
      <c r="TKE735" s="424"/>
      <c r="TKF735" s="424"/>
      <c r="TKG735" s="423" t="s">
        <v>2795</v>
      </c>
      <c r="TKH735" s="424"/>
      <c r="TKI735" s="424"/>
      <c r="TKJ735" s="424"/>
      <c r="TKK735" s="423" t="s">
        <v>2795</v>
      </c>
      <c r="TKL735" s="424"/>
      <c r="TKM735" s="424"/>
      <c r="TKN735" s="424"/>
      <c r="TKO735" s="423" t="s">
        <v>2795</v>
      </c>
      <c r="TKP735" s="424"/>
      <c r="TKQ735" s="424"/>
      <c r="TKR735" s="424"/>
      <c r="TKS735" s="423" t="s">
        <v>2795</v>
      </c>
      <c r="TKT735" s="424"/>
      <c r="TKU735" s="424"/>
      <c r="TKV735" s="424"/>
      <c r="TKW735" s="423" t="s">
        <v>2795</v>
      </c>
      <c r="TKX735" s="424"/>
      <c r="TKY735" s="424"/>
      <c r="TKZ735" s="424"/>
      <c r="TLA735" s="423" t="s">
        <v>2795</v>
      </c>
      <c r="TLB735" s="424"/>
      <c r="TLC735" s="424"/>
      <c r="TLD735" s="424"/>
      <c r="TLE735" s="423" t="s">
        <v>2795</v>
      </c>
      <c r="TLF735" s="424"/>
      <c r="TLG735" s="424"/>
      <c r="TLH735" s="424"/>
      <c r="TLI735" s="423" t="s">
        <v>2795</v>
      </c>
      <c r="TLJ735" s="424"/>
      <c r="TLK735" s="424"/>
      <c r="TLL735" s="424"/>
      <c r="TLM735" s="423" t="s">
        <v>2795</v>
      </c>
      <c r="TLN735" s="424"/>
      <c r="TLO735" s="424"/>
      <c r="TLP735" s="424"/>
      <c r="TLQ735" s="423" t="s">
        <v>2795</v>
      </c>
      <c r="TLR735" s="424"/>
      <c r="TLS735" s="424"/>
      <c r="TLT735" s="424"/>
      <c r="TLU735" s="423" t="s">
        <v>2795</v>
      </c>
      <c r="TLV735" s="424"/>
      <c r="TLW735" s="424"/>
      <c r="TLX735" s="424"/>
      <c r="TLY735" s="423" t="s">
        <v>2795</v>
      </c>
      <c r="TLZ735" s="424"/>
      <c r="TMA735" s="424"/>
      <c r="TMB735" s="424"/>
      <c r="TMC735" s="423" t="s">
        <v>2795</v>
      </c>
      <c r="TMD735" s="424"/>
      <c r="TME735" s="424"/>
      <c r="TMF735" s="424"/>
      <c r="TMG735" s="423" t="s">
        <v>2795</v>
      </c>
      <c r="TMH735" s="424"/>
      <c r="TMI735" s="424"/>
      <c r="TMJ735" s="424"/>
      <c r="TMK735" s="423" t="s">
        <v>2795</v>
      </c>
      <c r="TML735" s="424"/>
      <c r="TMM735" s="424"/>
      <c r="TMN735" s="424"/>
      <c r="TMO735" s="423" t="s">
        <v>2795</v>
      </c>
      <c r="TMP735" s="424"/>
      <c r="TMQ735" s="424"/>
      <c r="TMR735" s="424"/>
      <c r="TMS735" s="423" t="s">
        <v>2795</v>
      </c>
      <c r="TMT735" s="424"/>
      <c r="TMU735" s="424"/>
      <c r="TMV735" s="424"/>
      <c r="TMW735" s="423" t="s">
        <v>2795</v>
      </c>
      <c r="TMX735" s="424"/>
      <c r="TMY735" s="424"/>
      <c r="TMZ735" s="424"/>
      <c r="TNA735" s="423" t="s">
        <v>2795</v>
      </c>
      <c r="TNB735" s="424"/>
      <c r="TNC735" s="424"/>
      <c r="TND735" s="424"/>
      <c r="TNE735" s="423" t="s">
        <v>2795</v>
      </c>
      <c r="TNF735" s="424"/>
      <c r="TNG735" s="424"/>
      <c r="TNH735" s="424"/>
      <c r="TNI735" s="423" t="s">
        <v>2795</v>
      </c>
      <c r="TNJ735" s="424"/>
      <c r="TNK735" s="424"/>
      <c r="TNL735" s="424"/>
      <c r="TNM735" s="423" t="s">
        <v>2795</v>
      </c>
      <c r="TNN735" s="424"/>
      <c r="TNO735" s="424"/>
      <c r="TNP735" s="424"/>
      <c r="TNQ735" s="423" t="s">
        <v>2795</v>
      </c>
      <c r="TNR735" s="424"/>
      <c r="TNS735" s="424"/>
      <c r="TNT735" s="424"/>
      <c r="TNU735" s="423" t="s">
        <v>2795</v>
      </c>
      <c r="TNV735" s="424"/>
      <c r="TNW735" s="424"/>
      <c r="TNX735" s="424"/>
      <c r="TNY735" s="423" t="s">
        <v>2795</v>
      </c>
      <c r="TNZ735" s="424"/>
      <c r="TOA735" s="424"/>
      <c r="TOB735" s="424"/>
      <c r="TOC735" s="423" t="s">
        <v>2795</v>
      </c>
      <c r="TOD735" s="424"/>
      <c r="TOE735" s="424"/>
      <c r="TOF735" s="424"/>
      <c r="TOG735" s="423" t="s">
        <v>2795</v>
      </c>
      <c r="TOH735" s="424"/>
      <c r="TOI735" s="424"/>
      <c r="TOJ735" s="424"/>
      <c r="TOK735" s="423" t="s">
        <v>2795</v>
      </c>
      <c r="TOL735" s="424"/>
      <c r="TOM735" s="424"/>
      <c r="TON735" s="424"/>
      <c r="TOO735" s="423" t="s">
        <v>2795</v>
      </c>
      <c r="TOP735" s="424"/>
      <c r="TOQ735" s="424"/>
      <c r="TOR735" s="424"/>
      <c r="TOS735" s="423" t="s">
        <v>2795</v>
      </c>
      <c r="TOT735" s="424"/>
      <c r="TOU735" s="424"/>
      <c r="TOV735" s="424"/>
      <c r="TOW735" s="423" t="s">
        <v>2795</v>
      </c>
      <c r="TOX735" s="424"/>
      <c r="TOY735" s="424"/>
      <c r="TOZ735" s="424"/>
      <c r="TPA735" s="423" t="s">
        <v>2795</v>
      </c>
      <c r="TPB735" s="424"/>
      <c r="TPC735" s="424"/>
      <c r="TPD735" s="424"/>
      <c r="TPE735" s="423" t="s">
        <v>2795</v>
      </c>
      <c r="TPF735" s="424"/>
      <c r="TPG735" s="424"/>
      <c r="TPH735" s="424"/>
      <c r="TPI735" s="423" t="s">
        <v>2795</v>
      </c>
      <c r="TPJ735" s="424"/>
      <c r="TPK735" s="424"/>
      <c r="TPL735" s="424"/>
      <c r="TPM735" s="423" t="s">
        <v>2795</v>
      </c>
      <c r="TPN735" s="424"/>
      <c r="TPO735" s="424"/>
      <c r="TPP735" s="424"/>
      <c r="TPQ735" s="423" t="s">
        <v>2795</v>
      </c>
      <c r="TPR735" s="424"/>
      <c r="TPS735" s="424"/>
      <c r="TPT735" s="424"/>
      <c r="TPU735" s="423" t="s">
        <v>2795</v>
      </c>
      <c r="TPV735" s="424"/>
      <c r="TPW735" s="424"/>
      <c r="TPX735" s="424"/>
      <c r="TPY735" s="423" t="s">
        <v>2795</v>
      </c>
      <c r="TPZ735" s="424"/>
      <c r="TQA735" s="424"/>
      <c r="TQB735" s="424"/>
      <c r="TQC735" s="423" t="s">
        <v>2795</v>
      </c>
      <c r="TQD735" s="424"/>
      <c r="TQE735" s="424"/>
      <c r="TQF735" s="424"/>
      <c r="TQG735" s="423" t="s">
        <v>2795</v>
      </c>
      <c r="TQH735" s="424"/>
      <c r="TQI735" s="424"/>
      <c r="TQJ735" s="424"/>
      <c r="TQK735" s="423" t="s">
        <v>2795</v>
      </c>
      <c r="TQL735" s="424"/>
      <c r="TQM735" s="424"/>
      <c r="TQN735" s="424"/>
      <c r="TQO735" s="423" t="s">
        <v>2795</v>
      </c>
      <c r="TQP735" s="424"/>
      <c r="TQQ735" s="424"/>
      <c r="TQR735" s="424"/>
      <c r="TQS735" s="423" t="s">
        <v>2795</v>
      </c>
      <c r="TQT735" s="424"/>
      <c r="TQU735" s="424"/>
      <c r="TQV735" s="424"/>
      <c r="TQW735" s="423" t="s">
        <v>2795</v>
      </c>
      <c r="TQX735" s="424"/>
      <c r="TQY735" s="424"/>
      <c r="TQZ735" s="424"/>
      <c r="TRA735" s="423" t="s">
        <v>2795</v>
      </c>
      <c r="TRB735" s="424"/>
      <c r="TRC735" s="424"/>
      <c r="TRD735" s="424"/>
      <c r="TRE735" s="423" t="s">
        <v>2795</v>
      </c>
      <c r="TRF735" s="424"/>
      <c r="TRG735" s="424"/>
      <c r="TRH735" s="424"/>
      <c r="TRI735" s="423" t="s">
        <v>2795</v>
      </c>
      <c r="TRJ735" s="424"/>
      <c r="TRK735" s="424"/>
      <c r="TRL735" s="424"/>
      <c r="TRM735" s="423" t="s">
        <v>2795</v>
      </c>
      <c r="TRN735" s="424"/>
      <c r="TRO735" s="424"/>
      <c r="TRP735" s="424"/>
      <c r="TRQ735" s="423" t="s">
        <v>2795</v>
      </c>
      <c r="TRR735" s="424"/>
      <c r="TRS735" s="424"/>
      <c r="TRT735" s="424"/>
      <c r="TRU735" s="423" t="s">
        <v>2795</v>
      </c>
      <c r="TRV735" s="424"/>
      <c r="TRW735" s="424"/>
      <c r="TRX735" s="424"/>
      <c r="TRY735" s="423" t="s">
        <v>2795</v>
      </c>
      <c r="TRZ735" s="424"/>
      <c r="TSA735" s="424"/>
      <c r="TSB735" s="424"/>
      <c r="TSC735" s="423" t="s">
        <v>2795</v>
      </c>
      <c r="TSD735" s="424"/>
      <c r="TSE735" s="424"/>
      <c r="TSF735" s="424"/>
      <c r="TSG735" s="423" t="s">
        <v>2795</v>
      </c>
      <c r="TSH735" s="424"/>
      <c r="TSI735" s="424"/>
      <c r="TSJ735" s="424"/>
      <c r="TSK735" s="423" t="s">
        <v>2795</v>
      </c>
      <c r="TSL735" s="424"/>
      <c r="TSM735" s="424"/>
      <c r="TSN735" s="424"/>
      <c r="TSO735" s="423" t="s">
        <v>2795</v>
      </c>
      <c r="TSP735" s="424"/>
      <c r="TSQ735" s="424"/>
      <c r="TSR735" s="424"/>
      <c r="TSS735" s="423" t="s">
        <v>2795</v>
      </c>
      <c r="TST735" s="424"/>
      <c r="TSU735" s="424"/>
      <c r="TSV735" s="424"/>
      <c r="TSW735" s="423" t="s">
        <v>2795</v>
      </c>
      <c r="TSX735" s="424"/>
      <c r="TSY735" s="424"/>
      <c r="TSZ735" s="424"/>
      <c r="TTA735" s="423" t="s">
        <v>2795</v>
      </c>
      <c r="TTB735" s="424"/>
      <c r="TTC735" s="424"/>
      <c r="TTD735" s="424"/>
      <c r="TTE735" s="423" t="s">
        <v>2795</v>
      </c>
      <c r="TTF735" s="424"/>
      <c r="TTG735" s="424"/>
      <c r="TTH735" s="424"/>
      <c r="TTI735" s="423" t="s">
        <v>2795</v>
      </c>
      <c r="TTJ735" s="424"/>
      <c r="TTK735" s="424"/>
      <c r="TTL735" s="424"/>
      <c r="TTM735" s="423" t="s">
        <v>2795</v>
      </c>
      <c r="TTN735" s="424"/>
      <c r="TTO735" s="424"/>
      <c r="TTP735" s="424"/>
      <c r="TTQ735" s="423" t="s">
        <v>2795</v>
      </c>
      <c r="TTR735" s="424"/>
      <c r="TTS735" s="424"/>
      <c r="TTT735" s="424"/>
      <c r="TTU735" s="423" t="s">
        <v>2795</v>
      </c>
      <c r="TTV735" s="424"/>
      <c r="TTW735" s="424"/>
      <c r="TTX735" s="424"/>
      <c r="TTY735" s="423" t="s">
        <v>2795</v>
      </c>
      <c r="TTZ735" s="424"/>
      <c r="TUA735" s="424"/>
      <c r="TUB735" s="424"/>
      <c r="TUC735" s="423" t="s">
        <v>2795</v>
      </c>
      <c r="TUD735" s="424"/>
      <c r="TUE735" s="424"/>
      <c r="TUF735" s="424"/>
      <c r="TUG735" s="423" t="s">
        <v>2795</v>
      </c>
      <c r="TUH735" s="424"/>
      <c r="TUI735" s="424"/>
      <c r="TUJ735" s="424"/>
      <c r="TUK735" s="423" t="s">
        <v>2795</v>
      </c>
      <c r="TUL735" s="424"/>
      <c r="TUM735" s="424"/>
      <c r="TUN735" s="424"/>
      <c r="TUO735" s="423" t="s">
        <v>2795</v>
      </c>
      <c r="TUP735" s="424"/>
      <c r="TUQ735" s="424"/>
      <c r="TUR735" s="424"/>
      <c r="TUS735" s="423" t="s">
        <v>2795</v>
      </c>
      <c r="TUT735" s="424"/>
      <c r="TUU735" s="424"/>
      <c r="TUV735" s="424"/>
      <c r="TUW735" s="423" t="s">
        <v>2795</v>
      </c>
      <c r="TUX735" s="424"/>
      <c r="TUY735" s="424"/>
      <c r="TUZ735" s="424"/>
      <c r="TVA735" s="423" t="s">
        <v>2795</v>
      </c>
      <c r="TVB735" s="424"/>
      <c r="TVC735" s="424"/>
      <c r="TVD735" s="424"/>
      <c r="TVE735" s="423" t="s">
        <v>2795</v>
      </c>
      <c r="TVF735" s="424"/>
      <c r="TVG735" s="424"/>
      <c r="TVH735" s="424"/>
      <c r="TVI735" s="423" t="s">
        <v>2795</v>
      </c>
      <c r="TVJ735" s="424"/>
      <c r="TVK735" s="424"/>
      <c r="TVL735" s="424"/>
      <c r="TVM735" s="423" t="s">
        <v>2795</v>
      </c>
      <c r="TVN735" s="424"/>
      <c r="TVO735" s="424"/>
      <c r="TVP735" s="424"/>
      <c r="TVQ735" s="423" t="s">
        <v>2795</v>
      </c>
      <c r="TVR735" s="424"/>
      <c r="TVS735" s="424"/>
      <c r="TVT735" s="424"/>
      <c r="TVU735" s="423" t="s">
        <v>2795</v>
      </c>
      <c r="TVV735" s="424"/>
      <c r="TVW735" s="424"/>
      <c r="TVX735" s="424"/>
      <c r="TVY735" s="423" t="s">
        <v>2795</v>
      </c>
      <c r="TVZ735" s="424"/>
      <c r="TWA735" s="424"/>
      <c r="TWB735" s="424"/>
      <c r="TWC735" s="423" t="s">
        <v>2795</v>
      </c>
      <c r="TWD735" s="424"/>
      <c r="TWE735" s="424"/>
      <c r="TWF735" s="424"/>
      <c r="TWG735" s="423" t="s">
        <v>2795</v>
      </c>
      <c r="TWH735" s="424"/>
      <c r="TWI735" s="424"/>
      <c r="TWJ735" s="424"/>
      <c r="TWK735" s="423" t="s">
        <v>2795</v>
      </c>
      <c r="TWL735" s="424"/>
      <c r="TWM735" s="424"/>
      <c r="TWN735" s="424"/>
      <c r="TWO735" s="423" t="s">
        <v>2795</v>
      </c>
      <c r="TWP735" s="424"/>
      <c r="TWQ735" s="424"/>
      <c r="TWR735" s="424"/>
      <c r="TWS735" s="423" t="s">
        <v>2795</v>
      </c>
      <c r="TWT735" s="424"/>
      <c r="TWU735" s="424"/>
      <c r="TWV735" s="424"/>
      <c r="TWW735" s="423" t="s">
        <v>2795</v>
      </c>
      <c r="TWX735" s="424"/>
      <c r="TWY735" s="424"/>
      <c r="TWZ735" s="424"/>
      <c r="TXA735" s="423" t="s">
        <v>2795</v>
      </c>
      <c r="TXB735" s="424"/>
      <c r="TXC735" s="424"/>
      <c r="TXD735" s="424"/>
      <c r="TXE735" s="423" t="s">
        <v>2795</v>
      </c>
      <c r="TXF735" s="424"/>
      <c r="TXG735" s="424"/>
      <c r="TXH735" s="424"/>
      <c r="TXI735" s="423" t="s">
        <v>2795</v>
      </c>
      <c r="TXJ735" s="424"/>
      <c r="TXK735" s="424"/>
      <c r="TXL735" s="424"/>
      <c r="TXM735" s="423" t="s">
        <v>2795</v>
      </c>
      <c r="TXN735" s="424"/>
      <c r="TXO735" s="424"/>
      <c r="TXP735" s="424"/>
      <c r="TXQ735" s="423" t="s">
        <v>2795</v>
      </c>
      <c r="TXR735" s="424"/>
      <c r="TXS735" s="424"/>
      <c r="TXT735" s="424"/>
      <c r="TXU735" s="423" t="s">
        <v>2795</v>
      </c>
      <c r="TXV735" s="424"/>
      <c r="TXW735" s="424"/>
      <c r="TXX735" s="424"/>
      <c r="TXY735" s="423" t="s">
        <v>2795</v>
      </c>
      <c r="TXZ735" s="424"/>
      <c r="TYA735" s="424"/>
      <c r="TYB735" s="424"/>
      <c r="TYC735" s="423" t="s">
        <v>2795</v>
      </c>
      <c r="TYD735" s="424"/>
      <c r="TYE735" s="424"/>
      <c r="TYF735" s="424"/>
      <c r="TYG735" s="423" t="s">
        <v>2795</v>
      </c>
      <c r="TYH735" s="424"/>
      <c r="TYI735" s="424"/>
      <c r="TYJ735" s="424"/>
      <c r="TYK735" s="423" t="s">
        <v>2795</v>
      </c>
      <c r="TYL735" s="424"/>
      <c r="TYM735" s="424"/>
      <c r="TYN735" s="424"/>
      <c r="TYO735" s="423" t="s">
        <v>2795</v>
      </c>
      <c r="TYP735" s="424"/>
      <c r="TYQ735" s="424"/>
      <c r="TYR735" s="424"/>
      <c r="TYS735" s="423" t="s">
        <v>2795</v>
      </c>
      <c r="TYT735" s="424"/>
      <c r="TYU735" s="424"/>
      <c r="TYV735" s="424"/>
      <c r="TYW735" s="423" t="s">
        <v>2795</v>
      </c>
      <c r="TYX735" s="424"/>
      <c r="TYY735" s="424"/>
      <c r="TYZ735" s="424"/>
      <c r="TZA735" s="423" t="s">
        <v>2795</v>
      </c>
      <c r="TZB735" s="424"/>
      <c r="TZC735" s="424"/>
      <c r="TZD735" s="424"/>
      <c r="TZE735" s="423" t="s">
        <v>2795</v>
      </c>
      <c r="TZF735" s="424"/>
      <c r="TZG735" s="424"/>
      <c r="TZH735" s="424"/>
      <c r="TZI735" s="423" t="s">
        <v>2795</v>
      </c>
      <c r="TZJ735" s="424"/>
      <c r="TZK735" s="424"/>
      <c r="TZL735" s="424"/>
      <c r="TZM735" s="423" t="s">
        <v>2795</v>
      </c>
      <c r="TZN735" s="424"/>
      <c r="TZO735" s="424"/>
      <c r="TZP735" s="424"/>
      <c r="TZQ735" s="423" t="s">
        <v>2795</v>
      </c>
      <c r="TZR735" s="424"/>
      <c r="TZS735" s="424"/>
      <c r="TZT735" s="424"/>
      <c r="TZU735" s="423" t="s">
        <v>2795</v>
      </c>
      <c r="TZV735" s="424"/>
      <c r="TZW735" s="424"/>
      <c r="TZX735" s="424"/>
      <c r="TZY735" s="423" t="s">
        <v>2795</v>
      </c>
      <c r="TZZ735" s="424"/>
      <c r="UAA735" s="424"/>
      <c r="UAB735" s="424"/>
      <c r="UAC735" s="423" t="s">
        <v>2795</v>
      </c>
      <c r="UAD735" s="424"/>
      <c r="UAE735" s="424"/>
      <c r="UAF735" s="424"/>
      <c r="UAG735" s="423" t="s">
        <v>2795</v>
      </c>
      <c r="UAH735" s="424"/>
      <c r="UAI735" s="424"/>
      <c r="UAJ735" s="424"/>
      <c r="UAK735" s="423" t="s">
        <v>2795</v>
      </c>
      <c r="UAL735" s="424"/>
      <c r="UAM735" s="424"/>
      <c r="UAN735" s="424"/>
      <c r="UAO735" s="423" t="s">
        <v>2795</v>
      </c>
      <c r="UAP735" s="424"/>
      <c r="UAQ735" s="424"/>
      <c r="UAR735" s="424"/>
      <c r="UAS735" s="423" t="s">
        <v>2795</v>
      </c>
      <c r="UAT735" s="424"/>
      <c r="UAU735" s="424"/>
      <c r="UAV735" s="424"/>
      <c r="UAW735" s="423" t="s">
        <v>2795</v>
      </c>
      <c r="UAX735" s="424"/>
      <c r="UAY735" s="424"/>
      <c r="UAZ735" s="424"/>
      <c r="UBA735" s="423" t="s">
        <v>2795</v>
      </c>
      <c r="UBB735" s="424"/>
      <c r="UBC735" s="424"/>
      <c r="UBD735" s="424"/>
      <c r="UBE735" s="423" t="s">
        <v>2795</v>
      </c>
      <c r="UBF735" s="424"/>
      <c r="UBG735" s="424"/>
      <c r="UBH735" s="424"/>
      <c r="UBI735" s="423" t="s">
        <v>2795</v>
      </c>
      <c r="UBJ735" s="424"/>
      <c r="UBK735" s="424"/>
      <c r="UBL735" s="424"/>
      <c r="UBM735" s="423" t="s">
        <v>2795</v>
      </c>
      <c r="UBN735" s="424"/>
      <c r="UBO735" s="424"/>
      <c r="UBP735" s="424"/>
      <c r="UBQ735" s="423" t="s">
        <v>2795</v>
      </c>
      <c r="UBR735" s="424"/>
      <c r="UBS735" s="424"/>
      <c r="UBT735" s="424"/>
      <c r="UBU735" s="423" t="s">
        <v>2795</v>
      </c>
      <c r="UBV735" s="424"/>
      <c r="UBW735" s="424"/>
      <c r="UBX735" s="424"/>
      <c r="UBY735" s="423" t="s">
        <v>2795</v>
      </c>
      <c r="UBZ735" s="424"/>
      <c r="UCA735" s="424"/>
      <c r="UCB735" s="424"/>
      <c r="UCC735" s="423" t="s">
        <v>2795</v>
      </c>
      <c r="UCD735" s="424"/>
      <c r="UCE735" s="424"/>
      <c r="UCF735" s="424"/>
      <c r="UCG735" s="423" t="s">
        <v>2795</v>
      </c>
      <c r="UCH735" s="424"/>
      <c r="UCI735" s="424"/>
      <c r="UCJ735" s="424"/>
      <c r="UCK735" s="423" t="s">
        <v>2795</v>
      </c>
      <c r="UCL735" s="424"/>
      <c r="UCM735" s="424"/>
      <c r="UCN735" s="424"/>
      <c r="UCO735" s="423" t="s">
        <v>2795</v>
      </c>
      <c r="UCP735" s="424"/>
      <c r="UCQ735" s="424"/>
      <c r="UCR735" s="424"/>
      <c r="UCS735" s="423" t="s">
        <v>2795</v>
      </c>
      <c r="UCT735" s="424"/>
      <c r="UCU735" s="424"/>
      <c r="UCV735" s="424"/>
      <c r="UCW735" s="423" t="s">
        <v>2795</v>
      </c>
      <c r="UCX735" s="424"/>
      <c r="UCY735" s="424"/>
      <c r="UCZ735" s="424"/>
      <c r="UDA735" s="423" t="s">
        <v>2795</v>
      </c>
      <c r="UDB735" s="424"/>
      <c r="UDC735" s="424"/>
      <c r="UDD735" s="424"/>
      <c r="UDE735" s="423" t="s">
        <v>2795</v>
      </c>
      <c r="UDF735" s="424"/>
      <c r="UDG735" s="424"/>
      <c r="UDH735" s="424"/>
      <c r="UDI735" s="423" t="s">
        <v>2795</v>
      </c>
      <c r="UDJ735" s="424"/>
      <c r="UDK735" s="424"/>
      <c r="UDL735" s="424"/>
      <c r="UDM735" s="423" t="s">
        <v>2795</v>
      </c>
      <c r="UDN735" s="424"/>
      <c r="UDO735" s="424"/>
      <c r="UDP735" s="424"/>
      <c r="UDQ735" s="423" t="s">
        <v>2795</v>
      </c>
      <c r="UDR735" s="424"/>
      <c r="UDS735" s="424"/>
      <c r="UDT735" s="424"/>
      <c r="UDU735" s="423" t="s">
        <v>2795</v>
      </c>
      <c r="UDV735" s="424"/>
      <c r="UDW735" s="424"/>
      <c r="UDX735" s="424"/>
      <c r="UDY735" s="423" t="s">
        <v>2795</v>
      </c>
      <c r="UDZ735" s="424"/>
      <c r="UEA735" s="424"/>
      <c r="UEB735" s="424"/>
      <c r="UEC735" s="423" t="s">
        <v>2795</v>
      </c>
      <c r="UED735" s="424"/>
      <c r="UEE735" s="424"/>
      <c r="UEF735" s="424"/>
      <c r="UEG735" s="423" t="s">
        <v>2795</v>
      </c>
      <c r="UEH735" s="424"/>
      <c r="UEI735" s="424"/>
      <c r="UEJ735" s="424"/>
      <c r="UEK735" s="423" t="s">
        <v>2795</v>
      </c>
      <c r="UEL735" s="424"/>
      <c r="UEM735" s="424"/>
      <c r="UEN735" s="424"/>
      <c r="UEO735" s="423" t="s">
        <v>2795</v>
      </c>
      <c r="UEP735" s="424"/>
      <c r="UEQ735" s="424"/>
      <c r="UER735" s="424"/>
      <c r="UES735" s="423" t="s">
        <v>2795</v>
      </c>
      <c r="UET735" s="424"/>
      <c r="UEU735" s="424"/>
      <c r="UEV735" s="424"/>
      <c r="UEW735" s="423" t="s">
        <v>2795</v>
      </c>
      <c r="UEX735" s="424"/>
      <c r="UEY735" s="424"/>
      <c r="UEZ735" s="424"/>
      <c r="UFA735" s="423" t="s">
        <v>2795</v>
      </c>
      <c r="UFB735" s="424"/>
      <c r="UFC735" s="424"/>
      <c r="UFD735" s="424"/>
      <c r="UFE735" s="423" t="s">
        <v>2795</v>
      </c>
      <c r="UFF735" s="424"/>
      <c r="UFG735" s="424"/>
      <c r="UFH735" s="424"/>
      <c r="UFI735" s="423" t="s">
        <v>2795</v>
      </c>
      <c r="UFJ735" s="424"/>
      <c r="UFK735" s="424"/>
      <c r="UFL735" s="424"/>
      <c r="UFM735" s="423" t="s">
        <v>2795</v>
      </c>
      <c r="UFN735" s="424"/>
      <c r="UFO735" s="424"/>
      <c r="UFP735" s="424"/>
      <c r="UFQ735" s="423" t="s">
        <v>2795</v>
      </c>
      <c r="UFR735" s="424"/>
      <c r="UFS735" s="424"/>
      <c r="UFT735" s="424"/>
      <c r="UFU735" s="423" t="s">
        <v>2795</v>
      </c>
      <c r="UFV735" s="424"/>
      <c r="UFW735" s="424"/>
      <c r="UFX735" s="424"/>
      <c r="UFY735" s="423" t="s">
        <v>2795</v>
      </c>
      <c r="UFZ735" s="424"/>
      <c r="UGA735" s="424"/>
      <c r="UGB735" s="424"/>
      <c r="UGC735" s="423" t="s">
        <v>2795</v>
      </c>
      <c r="UGD735" s="424"/>
      <c r="UGE735" s="424"/>
      <c r="UGF735" s="424"/>
      <c r="UGG735" s="423" t="s">
        <v>2795</v>
      </c>
      <c r="UGH735" s="424"/>
      <c r="UGI735" s="424"/>
      <c r="UGJ735" s="424"/>
      <c r="UGK735" s="423" t="s">
        <v>2795</v>
      </c>
      <c r="UGL735" s="424"/>
      <c r="UGM735" s="424"/>
      <c r="UGN735" s="424"/>
      <c r="UGO735" s="423" t="s">
        <v>2795</v>
      </c>
      <c r="UGP735" s="424"/>
      <c r="UGQ735" s="424"/>
      <c r="UGR735" s="424"/>
      <c r="UGS735" s="423" t="s">
        <v>2795</v>
      </c>
      <c r="UGT735" s="424"/>
      <c r="UGU735" s="424"/>
      <c r="UGV735" s="424"/>
      <c r="UGW735" s="423" t="s">
        <v>2795</v>
      </c>
      <c r="UGX735" s="424"/>
      <c r="UGY735" s="424"/>
      <c r="UGZ735" s="424"/>
      <c r="UHA735" s="423" t="s">
        <v>2795</v>
      </c>
      <c r="UHB735" s="424"/>
      <c r="UHC735" s="424"/>
      <c r="UHD735" s="424"/>
      <c r="UHE735" s="423" t="s">
        <v>2795</v>
      </c>
      <c r="UHF735" s="424"/>
      <c r="UHG735" s="424"/>
      <c r="UHH735" s="424"/>
      <c r="UHI735" s="423" t="s">
        <v>2795</v>
      </c>
      <c r="UHJ735" s="424"/>
      <c r="UHK735" s="424"/>
      <c r="UHL735" s="424"/>
      <c r="UHM735" s="423" t="s">
        <v>2795</v>
      </c>
      <c r="UHN735" s="424"/>
      <c r="UHO735" s="424"/>
      <c r="UHP735" s="424"/>
      <c r="UHQ735" s="423" t="s">
        <v>2795</v>
      </c>
      <c r="UHR735" s="424"/>
      <c r="UHS735" s="424"/>
      <c r="UHT735" s="424"/>
      <c r="UHU735" s="423" t="s">
        <v>2795</v>
      </c>
      <c r="UHV735" s="424"/>
      <c r="UHW735" s="424"/>
      <c r="UHX735" s="424"/>
      <c r="UHY735" s="423" t="s">
        <v>2795</v>
      </c>
      <c r="UHZ735" s="424"/>
      <c r="UIA735" s="424"/>
      <c r="UIB735" s="424"/>
      <c r="UIC735" s="423" t="s">
        <v>2795</v>
      </c>
      <c r="UID735" s="424"/>
      <c r="UIE735" s="424"/>
      <c r="UIF735" s="424"/>
      <c r="UIG735" s="423" t="s">
        <v>2795</v>
      </c>
      <c r="UIH735" s="424"/>
      <c r="UII735" s="424"/>
      <c r="UIJ735" s="424"/>
      <c r="UIK735" s="423" t="s">
        <v>2795</v>
      </c>
      <c r="UIL735" s="424"/>
      <c r="UIM735" s="424"/>
      <c r="UIN735" s="424"/>
      <c r="UIO735" s="423" t="s">
        <v>2795</v>
      </c>
      <c r="UIP735" s="424"/>
      <c r="UIQ735" s="424"/>
      <c r="UIR735" s="424"/>
      <c r="UIS735" s="423" t="s">
        <v>2795</v>
      </c>
      <c r="UIT735" s="424"/>
      <c r="UIU735" s="424"/>
      <c r="UIV735" s="424"/>
      <c r="UIW735" s="423" t="s">
        <v>2795</v>
      </c>
      <c r="UIX735" s="424"/>
      <c r="UIY735" s="424"/>
      <c r="UIZ735" s="424"/>
      <c r="UJA735" s="423" t="s">
        <v>2795</v>
      </c>
      <c r="UJB735" s="424"/>
      <c r="UJC735" s="424"/>
      <c r="UJD735" s="424"/>
      <c r="UJE735" s="423" t="s">
        <v>2795</v>
      </c>
      <c r="UJF735" s="424"/>
      <c r="UJG735" s="424"/>
      <c r="UJH735" s="424"/>
      <c r="UJI735" s="423" t="s">
        <v>2795</v>
      </c>
      <c r="UJJ735" s="424"/>
      <c r="UJK735" s="424"/>
      <c r="UJL735" s="424"/>
      <c r="UJM735" s="423" t="s">
        <v>2795</v>
      </c>
      <c r="UJN735" s="424"/>
      <c r="UJO735" s="424"/>
      <c r="UJP735" s="424"/>
      <c r="UJQ735" s="423" t="s">
        <v>2795</v>
      </c>
      <c r="UJR735" s="424"/>
      <c r="UJS735" s="424"/>
      <c r="UJT735" s="424"/>
      <c r="UJU735" s="423" t="s">
        <v>2795</v>
      </c>
      <c r="UJV735" s="424"/>
      <c r="UJW735" s="424"/>
      <c r="UJX735" s="424"/>
      <c r="UJY735" s="423" t="s">
        <v>2795</v>
      </c>
      <c r="UJZ735" s="424"/>
      <c r="UKA735" s="424"/>
      <c r="UKB735" s="424"/>
      <c r="UKC735" s="423" t="s">
        <v>2795</v>
      </c>
      <c r="UKD735" s="424"/>
      <c r="UKE735" s="424"/>
      <c r="UKF735" s="424"/>
      <c r="UKG735" s="423" t="s">
        <v>2795</v>
      </c>
      <c r="UKH735" s="424"/>
      <c r="UKI735" s="424"/>
      <c r="UKJ735" s="424"/>
      <c r="UKK735" s="423" t="s">
        <v>2795</v>
      </c>
      <c r="UKL735" s="424"/>
      <c r="UKM735" s="424"/>
      <c r="UKN735" s="424"/>
      <c r="UKO735" s="423" t="s">
        <v>2795</v>
      </c>
      <c r="UKP735" s="424"/>
      <c r="UKQ735" s="424"/>
      <c r="UKR735" s="424"/>
      <c r="UKS735" s="423" t="s">
        <v>2795</v>
      </c>
      <c r="UKT735" s="424"/>
      <c r="UKU735" s="424"/>
      <c r="UKV735" s="424"/>
      <c r="UKW735" s="423" t="s">
        <v>2795</v>
      </c>
      <c r="UKX735" s="424"/>
      <c r="UKY735" s="424"/>
      <c r="UKZ735" s="424"/>
      <c r="ULA735" s="423" t="s">
        <v>2795</v>
      </c>
      <c r="ULB735" s="424"/>
      <c r="ULC735" s="424"/>
      <c r="ULD735" s="424"/>
      <c r="ULE735" s="423" t="s">
        <v>2795</v>
      </c>
      <c r="ULF735" s="424"/>
      <c r="ULG735" s="424"/>
      <c r="ULH735" s="424"/>
      <c r="ULI735" s="423" t="s">
        <v>2795</v>
      </c>
      <c r="ULJ735" s="424"/>
      <c r="ULK735" s="424"/>
      <c r="ULL735" s="424"/>
      <c r="ULM735" s="423" t="s">
        <v>2795</v>
      </c>
      <c r="ULN735" s="424"/>
      <c r="ULO735" s="424"/>
      <c r="ULP735" s="424"/>
      <c r="ULQ735" s="423" t="s">
        <v>2795</v>
      </c>
      <c r="ULR735" s="424"/>
      <c r="ULS735" s="424"/>
      <c r="ULT735" s="424"/>
      <c r="ULU735" s="423" t="s">
        <v>2795</v>
      </c>
      <c r="ULV735" s="424"/>
      <c r="ULW735" s="424"/>
      <c r="ULX735" s="424"/>
      <c r="ULY735" s="423" t="s">
        <v>2795</v>
      </c>
      <c r="ULZ735" s="424"/>
      <c r="UMA735" s="424"/>
      <c r="UMB735" s="424"/>
      <c r="UMC735" s="423" t="s">
        <v>2795</v>
      </c>
      <c r="UMD735" s="424"/>
      <c r="UME735" s="424"/>
      <c r="UMF735" s="424"/>
      <c r="UMG735" s="423" t="s">
        <v>2795</v>
      </c>
      <c r="UMH735" s="424"/>
      <c r="UMI735" s="424"/>
      <c r="UMJ735" s="424"/>
      <c r="UMK735" s="423" t="s">
        <v>2795</v>
      </c>
      <c r="UML735" s="424"/>
      <c r="UMM735" s="424"/>
      <c r="UMN735" s="424"/>
      <c r="UMO735" s="423" t="s">
        <v>2795</v>
      </c>
      <c r="UMP735" s="424"/>
      <c r="UMQ735" s="424"/>
      <c r="UMR735" s="424"/>
      <c r="UMS735" s="423" t="s">
        <v>2795</v>
      </c>
      <c r="UMT735" s="424"/>
      <c r="UMU735" s="424"/>
      <c r="UMV735" s="424"/>
      <c r="UMW735" s="423" t="s">
        <v>2795</v>
      </c>
      <c r="UMX735" s="424"/>
      <c r="UMY735" s="424"/>
      <c r="UMZ735" s="424"/>
      <c r="UNA735" s="423" t="s">
        <v>2795</v>
      </c>
      <c r="UNB735" s="424"/>
      <c r="UNC735" s="424"/>
      <c r="UND735" s="424"/>
      <c r="UNE735" s="423" t="s">
        <v>2795</v>
      </c>
      <c r="UNF735" s="424"/>
      <c r="UNG735" s="424"/>
      <c r="UNH735" s="424"/>
      <c r="UNI735" s="423" t="s">
        <v>2795</v>
      </c>
      <c r="UNJ735" s="424"/>
      <c r="UNK735" s="424"/>
      <c r="UNL735" s="424"/>
      <c r="UNM735" s="423" t="s">
        <v>2795</v>
      </c>
      <c r="UNN735" s="424"/>
      <c r="UNO735" s="424"/>
      <c r="UNP735" s="424"/>
      <c r="UNQ735" s="423" t="s">
        <v>2795</v>
      </c>
      <c r="UNR735" s="424"/>
      <c r="UNS735" s="424"/>
      <c r="UNT735" s="424"/>
      <c r="UNU735" s="423" t="s">
        <v>2795</v>
      </c>
      <c r="UNV735" s="424"/>
      <c r="UNW735" s="424"/>
      <c r="UNX735" s="424"/>
      <c r="UNY735" s="423" t="s">
        <v>2795</v>
      </c>
      <c r="UNZ735" s="424"/>
      <c r="UOA735" s="424"/>
      <c r="UOB735" s="424"/>
      <c r="UOC735" s="423" t="s">
        <v>2795</v>
      </c>
      <c r="UOD735" s="424"/>
      <c r="UOE735" s="424"/>
      <c r="UOF735" s="424"/>
      <c r="UOG735" s="423" t="s">
        <v>2795</v>
      </c>
      <c r="UOH735" s="424"/>
      <c r="UOI735" s="424"/>
      <c r="UOJ735" s="424"/>
      <c r="UOK735" s="423" t="s">
        <v>2795</v>
      </c>
      <c r="UOL735" s="424"/>
      <c r="UOM735" s="424"/>
      <c r="UON735" s="424"/>
      <c r="UOO735" s="423" t="s">
        <v>2795</v>
      </c>
      <c r="UOP735" s="424"/>
      <c r="UOQ735" s="424"/>
      <c r="UOR735" s="424"/>
      <c r="UOS735" s="423" t="s">
        <v>2795</v>
      </c>
      <c r="UOT735" s="424"/>
      <c r="UOU735" s="424"/>
      <c r="UOV735" s="424"/>
      <c r="UOW735" s="423" t="s">
        <v>2795</v>
      </c>
      <c r="UOX735" s="424"/>
      <c r="UOY735" s="424"/>
      <c r="UOZ735" s="424"/>
      <c r="UPA735" s="423" t="s">
        <v>2795</v>
      </c>
      <c r="UPB735" s="424"/>
      <c r="UPC735" s="424"/>
      <c r="UPD735" s="424"/>
      <c r="UPE735" s="423" t="s">
        <v>2795</v>
      </c>
      <c r="UPF735" s="424"/>
      <c r="UPG735" s="424"/>
      <c r="UPH735" s="424"/>
      <c r="UPI735" s="423" t="s">
        <v>2795</v>
      </c>
      <c r="UPJ735" s="424"/>
      <c r="UPK735" s="424"/>
      <c r="UPL735" s="424"/>
      <c r="UPM735" s="423" t="s">
        <v>2795</v>
      </c>
      <c r="UPN735" s="424"/>
      <c r="UPO735" s="424"/>
      <c r="UPP735" s="424"/>
      <c r="UPQ735" s="423" t="s">
        <v>2795</v>
      </c>
      <c r="UPR735" s="424"/>
      <c r="UPS735" s="424"/>
      <c r="UPT735" s="424"/>
      <c r="UPU735" s="423" t="s">
        <v>2795</v>
      </c>
      <c r="UPV735" s="424"/>
      <c r="UPW735" s="424"/>
      <c r="UPX735" s="424"/>
      <c r="UPY735" s="423" t="s">
        <v>2795</v>
      </c>
      <c r="UPZ735" s="424"/>
      <c r="UQA735" s="424"/>
      <c r="UQB735" s="424"/>
      <c r="UQC735" s="423" t="s">
        <v>2795</v>
      </c>
      <c r="UQD735" s="424"/>
      <c r="UQE735" s="424"/>
      <c r="UQF735" s="424"/>
      <c r="UQG735" s="423" t="s">
        <v>2795</v>
      </c>
      <c r="UQH735" s="424"/>
      <c r="UQI735" s="424"/>
      <c r="UQJ735" s="424"/>
      <c r="UQK735" s="423" t="s">
        <v>2795</v>
      </c>
      <c r="UQL735" s="424"/>
      <c r="UQM735" s="424"/>
      <c r="UQN735" s="424"/>
      <c r="UQO735" s="423" t="s">
        <v>2795</v>
      </c>
      <c r="UQP735" s="424"/>
      <c r="UQQ735" s="424"/>
      <c r="UQR735" s="424"/>
      <c r="UQS735" s="423" t="s">
        <v>2795</v>
      </c>
      <c r="UQT735" s="424"/>
      <c r="UQU735" s="424"/>
      <c r="UQV735" s="424"/>
      <c r="UQW735" s="423" t="s">
        <v>2795</v>
      </c>
      <c r="UQX735" s="424"/>
      <c r="UQY735" s="424"/>
      <c r="UQZ735" s="424"/>
      <c r="URA735" s="423" t="s">
        <v>2795</v>
      </c>
      <c r="URB735" s="424"/>
      <c r="URC735" s="424"/>
      <c r="URD735" s="424"/>
      <c r="URE735" s="423" t="s">
        <v>2795</v>
      </c>
      <c r="URF735" s="424"/>
      <c r="URG735" s="424"/>
      <c r="URH735" s="424"/>
      <c r="URI735" s="423" t="s">
        <v>2795</v>
      </c>
      <c r="URJ735" s="424"/>
      <c r="URK735" s="424"/>
      <c r="URL735" s="424"/>
      <c r="URM735" s="423" t="s">
        <v>2795</v>
      </c>
      <c r="URN735" s="424"/>
      <c r="URO735" s="424"/>
      <c r="URP735" s="424"/>
      <c r="URQ735" s="423" t="s">
        <v>2795</v>
      </c>
      <c r="URR735" s="424"/>
      <c r="URS735" s="424"/>
      <c r="URT735" s="424"/>
      <c r="URU735" s="423" t="s">
        <v>2795</v>
      </c>
      <c r="URV735" s="424"/>
      <c r="URW735" s="424"/>
      <c r="URX735" s="424"/>
      <c r="URY735" s="423" t="s">
        <v>2795</v>
      </c>
      <c r="URZ735" s="424"/>
      <c r="USA735" s="424"/>
      <c r="USB735" s="424"/>
      <c r="USC735" s="423" t="s">
        <v>2795</v>
      </c>
      <c r="USD735" s="424"/>
      <c r="USE735" s="424"/>
      <c r="USF735" s="424"/>
      <c r="USG735" s="423" t="s">
        <v>2795</v>
      </c>
      <c r="USH735" s="424"/>
      <c r="USI735" s="424"/>
      <c r="USJ735" s="424"/>
      <c r="USK735" s="423" t="s">
        <v>2795</v>
      </c>
      <c r="USL735" s="424"/>
      <c r="USM735" s="424"/>
      <c r="USN735" s="424"/>
      <c r="USO735" s="423" t="s">
        <v>2795</v>
      </c>
      <c r="USP735" s="424"/>
      <c r="USQ735" s="424"/>
      <c r="USR735" s="424"/>
      <c r="USS735" s="423" t="s">
        <v>2795</v>
      </c>
      <c r="UST735" s="424"/>
      <c r="USU735" s="424"/>
      <c r="USV735" s="424"/>
      <c r="USW735" s="423" t="s">
        <v>2795</v>
      </c>
      <c r="USX735" s="424"/>
      <c r="USY735" s="424"/>
      <c r="USZ735" s="424"/>
      <c r="UTA735" s="423" t="s">
        <v>2795</v>
      </c>
      <c r="UTB735" s="424"/>
      <c r="UTC735" s="424"/>
      <c r="UTD735" s="424"/>
      <c r="UTE735" s="423" t="s">
        <v>2795</v>
      </c>
      <c r="UTF735" s="424"/>
      <c r="UTG735" s="424"/>
      <c r="UTH735" s="424"/>
      <c r="UTI735" s="423" t="s">
        <v>2795</v>
      </c>
      <c r="UTJ735" s="424"/>
      <c r="UTK735" s="424"/>
      <c r="UTL735" s="424"/>
      <c r="UTM735" s="423" t="s">
        <v>2795</v>
      </c>
      <c r="UTN735" s="424"/>
      <c r="UTO735" s="424"/>
      <c r="UTP735" s="424"/>
      <c r="UTQ735" s="423" t="s">
        <v>2795</v>
      </c>
      <c r="UTR735" s="424"/>
      <c r="UTS735" s="424"/>
      <c r="UTT735" s="424"/>
      <c r="UTU735" s="423" t="s">
        <v>2795</v>
      </c>
      <c r="UTV735" s="424"/>
      <c r="UTW735" s="424"/>
      <c r="UTX735" s="424"/>
      <c r="UTY735" s="423" t="s">
        <v>2795</v>
      </c>
      <c r="UTZ735" s="424"/>
      <c r="UUA735" s="424"/>
      <c r="UUB735" s="424"/>
      <c r="UUC735" s="423" t="s">
        <v>2795</v>
      </c>
      <c r="UUD735" s="424"/>
      <c r="UUE735" s="424"/>
      <c r="UUF735" s="424"/>
      <c r="UUG735" s="423" t="s">
        <v>2795</v>
      </c>
      <c r="UUH735" s="424"/>
      <c r="UUI735" s="424"/>
      <c r="UUJ735" s="424"/>
      <c r="UUK735" s="423" t="s">
        <v>2795</v>
      </c>
      <c r="UUL735" s="424"/>
      <c r="UUM735" s="424"/>
      <c r="UUN735" s="424"/>
      <c r="UUO735" s="423" t="s">
        <v>2795</v>
      </c>
      <c r="UUP735" s="424"/>
      <c r="UUQ735" s="424"/>
      <c r="UUR735" s="424"/>
      <c r="UUS735" s="423" t="s">
        <v>2795</v>
      </c>
      <c r="UUT735" s="424"/>
      <c r="UUU735" s="424"/>
      <c r="UUV735" s="424"/>
      <c r="UUW735" s="423" t="s">
        <v>2795</v>
      </c>
      <c r="UUX735" s="424"/>
      <c r="UUY735" s="424"/>
      <c r="UUZ735" s="424"/>
      <c r="UVA735" s="423" t="s">
        <v>2795</v>
      </c>
      <c r="UVB735" s="424"/>
      <c r="UVC735" s="424"/>
      <c r="UVD735" s="424"/>
      <c r="UVE735" s="423" t="s">
        <v>2795</v>
      </c>
      <c r="UVF735" s="424"/>
      <c r="UVG735" s="424"/>
      <c r="UVH735" s="424"/>
      <c r="UVI735" s="423" t="s">
        <v>2795</v>
      </c>
      <c r="UVJ735" s="424"/>
      <c r="UVK735" s="424"/>
      <c r="UVL735" s="424"/>
      <c r="UVM735" s="423" t="s">
        <v>2795</v>
      </c>
      <c r="UVN735" s="424"/>
      <c r="UVO735" s="424"/>
      <c r="UVP735" s="424"/>
      <c r="UVQ735" s="423" t="s">
        <v>2795</v>
      </c>
      <c r="UVR735" s="424"/>
      <c r="UVS735" s="424"/>
      <c r="UVT735" s="424"/>
      <c r="UVU735" s="423" t="s">
        <v>2795</v>
      </c>
      <c r="UVV735" s="424"/>
      <c r="UVW735" s="424"/>
      <c r="UVX735" s="424"/>
      <c r="UVY735" s="423" t="s">
        <v>2795</v>
      </c>
      <c r="UVZ735" s="424"/>
      <c r="UWA735" s="424"/>
      <c r="UWB735" s="424"/>
      <c r="UWC735" s="423" t="s">
        <v>2795</v>
      </c>
      <c r="UWD735" s="424"/>
      <c r="UWE735" s="424"/>
      <c r="UWF735" s="424"/>
      <c r="UWG735" s="423" t="s">
        <v>2795</v>
      </c>
      <c r="UWH735" s="424"/>
      <c r="UWI735" s="424"/>
      <c r="UWJ735" s="424"/>
      <c r="UWK735" s="423" t="s">
        <v>2795</v>
      </c>
      <c r="UWL735" s="424"/>
      <c r="UWM735" s="424"/>
      <c r="UWN735" s="424"/>
      <c r="UWO735" s="423" t="s">
        <v>2795</v>
      </c>
      <c r="UWP735" s="424"/>
      <c r="UWQ735" s="424"/>
      <c r="UWR735" s="424"/>
      <c r="UWS735" s="423" t="s">
        <v>2795</v>
      </c>
      <c r="UWT735" s="424"/>
      <c r="UWU735" s="424"/>
      <c r="UWV735" s="424"/>
      <c r="UWW735" s="423" t="s">
        <v>2795</v>
      </c>
      <c r="UWX735" s="424"/>
      <c r="UWY735" s="424"/>
      <c r="UWZ735" s="424"/>
      <c r="UXA735" s="423" t="s">
        <v>2795</v>
      </c>
      <c r="UXB735" s="424"/>
      <c r="UXC735" s="424"/>
      <c r="UXD735" s="424"/>
      <c r="UXE735" s="423" t="s">
        <v>2795</v>
      </c>
      <c r="UXF735" s="424"/>
      <c r="UXG735" s="424"/>
      <c r="UXH735" s="424"/>
      <c r="UXI735" s="423" t="s">
        <v>2795</v>
      </c>
      <c r="UXJ735" s="424"/>
      <c r="UXK735" s="424"/>
      <c r="UXL735" s="424"/>
      <c r="UXM735" s="423" t="s">
        <v>2795</v>
      </c>
      <c r="UXN735" s="424"/>
      <c r="UXO735" s="424"/>
      <c r="UXP735" s="424"/>
      <c r="UXQ735" s="423" t="s">
        <v>2795</v>
      </c>
      <c r="UXR735" s="424"/>
      <c r="UXS735" s="424"/>
      <c r="UXT735" s="424"/>
      <c r="UXU735" s="423" t="s">
        <v>2795</v>
      </c>
      <c r="UXV735" s="424"/>
      <c r="UXW735" s="424"/>
      <c r="UXX735" s="424"/>
      <c r="UXY735" s="423" t="s">
        <v>2795</v>
      </c>
      <c r="UXZ735" s="424"/>
      <c r="UYA735" s="424"/>
      <c r="UYB735" s="424"/>
      <c r="UYC735" s="423" t="s">
        <v>2795</v>
      </c>
      <c r="UYD735" s="424"/>
      <c r="UYE735" s="424"/>
      <c r="UYF735" s="424"/>
      <c r="UYG735" s="423" t="s">
        <v>2795</v>
      </c>
      <c r="UYH735" s="424"/>
      <c r="UYI735" s="424"/>
      <c r="UYJ735" s="424"/>
      <c r="UYK735" s="423" t="s">
        <v>2795</v>
      </c>
      <c r="UYL735" s="424"/>
      <c r="UYM735" s="424"/>
      <c r="UYN735" s="424"/>
      <c r="UYO735" s="423" t="s">
        <v>2795</v>
      </c>
      <c r="UYP735" s="424"/>
      <c r="UYQ735" s="424"/>
      <c r="UYR735" s="424"/>
      <c r="UYS735" s="423" t="s">
        <v>2795</v>
      </c>
      <c r="UYT735" s="424"/>
      <c r="UYU735" s="424"/>
      <c r="UYV735" s="424"/>
      <c r="UYW735" s="423" t="s">
        <v>2795</v>
      </c>
      <c r="UYX735" s="424"/>
      <c r="UYY735" s="424"/>
      <c r="UYZ735" s="424"/>
      <c r="UZA735" s="423" t="s">
        <v>2795</v>
      </c>
      <c r="UZB735" s="424"/>
      <c r="UZC735" s="424"/>
      <c r="UZD735" s="424"/>
      <c r="UZE735" s="423" t="s">
        <v>2795</v>
      </c>
      <c r="UZF735" s="424"/>
      <c r="UZG735" s="424"/>
      <c r="UZH735" s="424"/>
      <c r="UZI735" s="423" t="s">
        <v>2795</v>
      </c>
      <c r="UZJ735" s="424"/>
      <c r="UZK735" s="424"/>
      <c r="UZL735" s="424"/>
      <c r="UZM735" s="423" t="s">
        <v>2795</v>
      </c>
      <c r="UZN735" s="424"/>
      <c r="UZO735" s="424"/>
      <c r="UZP735" s="424"/>
      <c r="UZQ735" s="423" t="s">
        <v>2795</v>
      </c>
      <c r="UZR735" s="424"/>
      <c r="UZS735" s="424"/>
      <c r="UZT735" s="424"/>
      <c r="UZU735" s="423" t="s">
        <v>2795</v>
      </c>
      <c r="UZV735" s="424"/>
      <c r="UZW735" s="424"/>
      <c r="UZX735" s="424"/>
      <c r="UZY735" s="423" t="s">
        <v>2795</v>
      </c>
      <c r="UZZ735" s="424"/>
      <c r="VAA735" s="424"/>
      <c r="VAB735" s="424"/>
      <c r="VAC735" s="423" t="s">
        <v>2795</v>
      </c>
      <c r="VAD735" s="424"/>
      <c r="VAE735" s="424"/>
      <c r="VAF735" s="424"/>
      <c r="VAG735" s="423" t="s">
        <v>2795</v>
      </c>
      <c r="VAH735" s="424"/>
      <c r="VAI735" s="424"/>
      <c r="VAJ735" s="424"/>
      <c r="VAK735" s="423" t="s">
        <v>2795</v>
      </c>
      <c r="VAL735" s="424"/>
      <c r="VAM735" s="424"/>
      <c r="VAN735" s="424"/>
      <c r="VAO735" s="423" t="s">
        <v>2795</v>
      </c>
      <c r="VAP735" s="424"/>
      <c r="VAQ735" s="424"/>
      <c r="VAR735" s="424"/>
      <c r="VAS735" s="423" t="s">
        <v>2795</v>
      </c>
      <c r="VAT735" s="424"/>
      <c r="VAU735" s="424"/>
      <c r="VAV735" s="424"/>
      <c r="VAW735" s="423" t="s">
        <v>2795</v>
      </c>
      <c r="VAX735" s="424"/>
      <c r="VAY735" s="424"/>
      <c r="VAZ735" s="424"/>
      <c r="VBA735" s="423" t="s">
        <v>2795</v>
      </c>
      <c r="VBB735" s="424"/>
      <c r="VBC735" s="424"/>
      <c r="VBD735" s="424"/>
      <c r="VBE735" s="423" t="s">
        <v>2795</v>
      </c>
      <c r="VBF735" s="424"/>
      <c r="VBG735" s="424"/>
      <c r="VBH735" s="424"/>
      <c r="VBI735" s="423" t="s">
        <v>2795</v>
      </c>
      <c r="VBJ735" s="424"/>
      <c r="VBK735" s="424"/>
      <c r="VBL735" s="424"/>
      <c r="VBM735" s="423" t="s">
        <v>2795</v>
      </c>
      <c r="VBN735" s="424"/>
      <c r="VBO735" s="424"/>
      <c r="VBP735" s="424"/>
      <c r="VBQ735" s="423" t="s">
        <v>2795</v>
      </c>
      <c r="VBR735" s="424"/>
      <c r="VBS735" s="424"/>
      <c r="VBT735" s="424"/>
      <c r="VBU735" s="423" t="s">
        <v>2795</v>
      </c>
      <c r="VBV735" s="424"/>
      <c r="VBW735" s="424"/>
      <c r="VBX735" s="424"/>
      <c r="VBY735" s="423" t="s">
        <v>2795</v>
      </c>
      <c r="VBZ735" s="424"/>
      <c r="VCA735" s="424"/>
      <c r="VCB735" s="424"/>
      <c r="VCC735" s="423" t="s">
        <v>2795</v>
      </c>
      <c r="VCD735" s="424"/>
      <c r="VCE735" s="424"/>
      <c r="VCF735" s="424"/>
      <c r="VCG735" s="423" t="s">
        <v>2795</v>
      </c>
      <c r="VCH735" s="424"/>
      <c r="VCI735" s="424"/>
      <c r="VCJ735" s="424"/>
      <c r="VCK735" s="423" t="s">
        <v>2795</v>
      </c>
      <c r="VCL735" s="424"/>
      <c r="VCM735" s="424"/>
      <c r="VCN735" s="424"/>
      <c r="VCO735" s="423" t="s">
        <v>2795</v>
      </c>
      <c r="VCP735" s="424"/>
      <c r="VCQ735" s="424"/>
      <c r="VCR735" s="424"/>
      <c r="VCS735" s="423" t="s">
        <v>2795</v>
      </c>
      <c r="VCT735" s="424"/>
      <c r="VCU735" s="424"/>
      <c r="VCV735" s="424"/>
      <c r="VCW735" s="423" t="s">
        <v>2795</v>
      </c>
      <c r="VCX735" s="424"/>
      <c r="VCY735" s="424"/>
      <c r="VCZ735" s="424"/>
      <c r="VDA735" s="423" t="s">
        <v>2795</v>
      </c>
      <c r="VDB735" s="424"/>
      <c r="VDC735" s="424"/>
      <c r="VDD735" s="424"/>
      <c r="VDE735" s="423" t="s">
        <v>2795</v>
      </c>
      <c r="VDF735" s="424"/>
      <c r="VDG735" s="424"/>
      <c r="VDH735" s="424"/>
      <c r="VDI735" s="423" t="s">
        <v>2795</v>
      </c>
      <c r="VDJ735" s="424"/>
      <c r="VDK735" s="424"/>
      <c r="VDL735" s="424"/>
      <c r="VDM735" s="423" t="s">
        <v>2795</v>
      </c>
      <c r="VDN735" s="424"/>
      <c r="VDO735" s="424"/>
      <c r="VDP735" s="424"/>
      <c r="VDQ735" s="423" t="s">
        <v>2795</v>
      </c>
      <c r="VDR735" s="424"/>
      <c r="VDS735" s="424"/>
      <c r="VDT735" s="424"/>
      <c r="VDU735" s="423" t="s">
        <v>2795</v>
      </c>
      <c r="VDV735" s="424"/>
      <c r="VDW735" s="424"/>
      <c r="VDX735" s="424"/>
      <c r="VDY735" s="423" t="s">
        <v>2795</v>
      </c>
      <c r="VDZ735" s="424"/>
      <c r="VEA735" s="424"/>
      <c r="VEB735" s="424"/>
      <c r="VEC735" s="423" t="s">
        <v>2795</v>
      </c>
      <c r="VED735" s="424"/>
      <c r="VEE735" s="424"/>
      <c r="VEF735" s="424"/>
      <c r="VEG735" s="423" t="s">
        <v>2795</v>
      </c>
      <c r="VEH735" s="424"/>
      <c r="VEI735" s="424"/>
      <c r="VEJ735" s="424"/>
      <c r="VEK735" s="423" t="s">
        <v>2795</v>
      </c>
      <c r="VEL735" s="424"/>
      <c r="VEM735" s="424"/>
      <c r="VEN735" s="424"/>
      <c r="VEO735" s="423" t="s">
        <v>2795</v>
      </c>
      <c r="VEP735" s="424"/>
      <c r="VEQ735" s="424"/>
      <c r="VER735" s="424"/>
      <c r="VES735" s="423" t="s">
        <v>2795</v>
      </c>
      <c r="VET735" s="424"/>
      <c r="VEU735" s="424"/>
      <c r="VEV735" s="424"/>
      <c r="VEW735" s="423" t="s">
        <v>2795</v>
      </c>
      <c r="VEX735" s="424"/>
      <c r="VEY735" s="424"/>
      <c r="VEZ735" s="424"/>
      <c r="VFA735" s="423" t="s">
        <v>2795</v>
      </c>
      <c r="VFB735" s="424"/>
      <c r="VFC735" s="424"/>
      <c r="VFD735" s="424"/>
      <c r="VFE735" s="423" t="s">
        <v>2795</v>
      </c>
      <c r="VFF735" s="424"/>
      <c r="VFG735" s="424"/>
      <c r="VFH735" s="424"/>
      <c r="VFI735" s="423" t="s">
        <v>2795</v>
      </c>
      <c r="VFJ735" s="424"/>
      <c r="VFK735" s="424"/>
      <c r="VFL735" s="424"/>
      <c r="VFM735" s="423" t="s">
        <v>2795</v>
      </c>
      <c r="VFN735" s="424"/>
      <c r="VFO735" s="424"/>
      <c r="VFP735" s="424"/>
      <c r="VFQ735" s="423" t="s">
        <v>2795</v>
      </c>
      <c r="VFR735" s="424"/>
      <c r="VFS735" s="424"/>
      <c r="VFT735" s="424"/>
      <c r="VFU735" s="423" t="s">
        <v>2795</v>
      </c>
      <c r="VFV735" s="424"/>
      <c r="VFW735" s="424"/>
      <c r="VFX735" s="424"/>
      <c r="VFY735" s="423" t="s">
        <v>2795</v>
      </c>
      <c r="VFZ735" s="424"/>
      <c r="VGA735" s="424"/>
      <c r="VGB735" s="424"/>
      <c r="VGC735" s="423" t="s">
        <v>2795</v>
      </c>
      <c r="VGD735" s="424"/>
      <c r="VGE735" s="424"/>
      <c r="VGF735" s="424"/>
      <c r="VGG735" s="423" t="s">
        <v>2795</v>
      </c>
      <c r="VGH735" s="424"/>
      <c r="VGI735" s="424"/>
      <c r="VGJ735" s="424"/>
      <c r="VGK735" s="423" t="s">
        <v>2795</v>
      </c>
      <c r="VGL735" s="424"/>
      <c r="VGM735" s="424"/>
      <c r="VGN735" s="424"/>
      <c r="VGO735" s="423" t="s">
        <v>2795</v>
      </c>
      <c r="VGP735" s="424"/>
      <c r="VGQ735" s="424"/>
      <c r="VGR735" s="424"/>
      <c r="VGS735" s="423" t="s">
        <v>2795</v>
      </c>
      <c r="VGT735" s="424"/>
      <c r="VGU735" s="424"/>
      <c r="VGV735" s="424"/>
      <c r="VGW735" s="423" t="s">
        <v>2795</v>
      </c>
      <c r="VGX735" s="424"/>
      <c r="VGY735" s="424"/>
      <c r="VGZ735" s="424"/>
      <c r="VHA735" s="423" t="s">
        <v>2795</v>
      </c>
      <c r="VHB735" s="424"/>
      <c r="VHC735" s="424"/>
      <c r="VHD735" s="424"/>
      <c r="VHE735" s="423" t="s">
        <v>2795</v>
      </c>
      <c r="VHF735" s="424"/>
      <c r="VHG735" s="424"/>
      <c r="VHH735" s="424"/>
      <c r="VHI735" s="423" t="s">
        <v>2795</v>
      </c>
      <c r="VHJ735" s="424"/>
      <c r="VHK735" s="424"/>
      <c r="VHL735" s="424"/>
      <c r="VHM735" s="423" t="s">
        <v>2795</v>
      </c>
      <c r="VHN735" s="424"/>
      <c r="VHO735" s="424"/>
      <c r="VHP735" s="424"/>
      <c r="VHQ735" s="423" t="s">
        <v>2795</v>
      </c>
      <c r="VHR735" s="424"/>
      <c r="VHS735" s="424"/>
      <c r="VHT735" s="424"/>
      <c r="VHU735" s="423" t="s">
        <v>2795</v>
      </c>
      <c r="VHV735" s="424"/>
      <c r="VHW735" s="424"/>
      <c r="VHX735" s="424"/>
      <c r="VHY735" s="423" t="s">
        <v>2795</v>
      </c>
      <c r="VHZ735" s="424"/>
      <c r="VIA735" s="424"/>
      <c r="VIB735" s="424"/>
      <c r="VIC735" s="423" t="s">
        <v>2795</v>
      </c>
      <c r="VID735" s="424"/>
      <c r="VIE735" s="424"/>
      <c r="VIF735" s="424"/>
      <c r="VIG735" s="423" t="s">
        <v>2795</v>
      </c>
      <c r="VIH735" s="424"/>
      <c r="VII735" s="424"/>
      <c r="VIJ735" s="424"/>
      <c r="VIK735" s="423" t="s">
        <v>2795</v>
      </c>
      <c r="VIL735" s="424"/>
      <c r="VIM735" s="424"/>
      <c r="VIN735" s="424"/>
      <c r="VIO735" s="423" t="s">
        <v>2795</v>
      </c>
      <c r="VIP735" s="424"/>
      <c r="VIQ735" s="424"/>
      <c r="VIR735" s="424"/>
      <c r="VIS735" s="423" t="s">
        <v>2795</v>
      </c>
      <c r="VIT735" s="424"/>
      <c r="VIU735" s="424"/>
      <c r="VIV735" s="424"/>
      <c r="VIW735" s="423" t="s">
        <v>2795</v>
      </c>
      <c r="VIX735" s="424"/>
      <c r="VIY735" s="424"/>
      <c r="VIZ735" s="424"/>
      <c r="VJA735" s="423" t="s">
        <v>2795</v>
      </c>
      <c r="VJB735" s="424"/>
      <c r="VJC735" s="424"/>
      <c r="VJD735" s="424"/>
      <c r="VJE735" s="423" t="s">
        <v>2795</v>
      </c>
      <c r="VJF735" s="424"/>
      <c r="VJG735" s="424"/>
      <c r="VJH735" s="424"/>
      <c r="VJI735" s="423" t="s">
        <v>2795</v>
      </c>
      <c r="VJJ735" s="424"/>
      <c r="VJK735" s="424"/>
      <c r="VJL735" s="424"/>
      <c r="VJM735" s="423" t="s">
        <v>2795</v>
      </c>
      <c r="VJN735" s="424"/>
      <c r="VJO735" s="424"/>
      <c r="VJP735" s="424"/>
      <c r="VJQ735" s="423" t="s">
        <v>2795</v>
      </c>
      <c r="VJR735" s="424"/>
      <c r="VJS735" s="424"/>
      <c r="VJT735" s="424"/>
      <c r="VJU735" s="423" t="s">
        <v>2795</v>
      </c>
      <c r="VJV735" s="424"/>
      <c r="VJW735" s="424"/>
      <c r="VJX735" s="424"/>
      <c r="VJY735" s="423" t="s">
        <v>2795</v>
      </c>
      <c r="VJZ735" s="424"/>
      <c r="VKA735" s="424"/>
      <c r="VKB735" s="424"/>
      <c r="VKC735" s="423" t="s">
        <v>2795</v>
      </c>
      <c r="VKD735" s="424"/>
      <c r="VKE735" s="424"/>
      <c r="VKF735" s="424"/>
      <c r="VKG735" s="423" t="s">
        <v>2795</v>
      </c>
      <c r="VKH735" s="424"/>
      <c r="VKI735" s="424"/>
      <c r="VKJ735" s="424"/>
      <c r="VKK735" s="423" t="s">
        <v>2795</v>
      </c>
      <c r="VKL735" s="424"/>
      <c r="VKM735" s="424"/>
      <c r="VKN735" s="424"/>
      <c r="VKO735" s="423" t="s">
        <v>2795</v>
      </c>
      <c r="VKP735" s="424"/>
      <c r="VKQ735" s="424"/>
      <c r="VKR735" s="424"/>
      <c r="VKS735" s="423" t="s">
        <v>2795</v>
      </c>
      <c r="VKT735" s="424"/>
      <c r="VKU735" s="424"/>
      <c r="VKV735" s="424"/>
      <c r="VKW735" s="423" t="s">
        <v>2795</v>
      </c>
      <c r="VKX735" s="424"/>
      <c r="VKY735" s="424"/>
      <c r="VKZ735" s="424"/>
      <c r="VLA735" s="423" t="s">
        <v>2795</v>
      </c>
      <c r="VLB735" s="424"/>
      <c r="VLC735" s="424"/>
      <c r="VLD735" s="424"/>
      <c r="VLE735" s="423" t="s">
        <v>2795</v>
      </c>
      <c r="VLF735" s="424"/>
      <c r="VLG735" s="424"/>
      <c r="VLH735" s="424"/>
      <c r="VLI735" s="423" t="s">
        <v>2795</v>
      </c>
      <c r="VLJ735" s="424"/>
      <c r="VLK735" s="424"/>
      <c r="VLL735" s="424"/>
      <c r="VLM735" s="423" t="s">
        <v>2795</v>
      </c>
      <c r="VLN735" s="424"/>
      <c r="VLO735" s="424"/>
      <c r="VLP735" s="424"/>
      <c r="VLQ735" s="423" t="s">
        <v>2795</v>
      </c>
      <c r="VLR735" s="424"/>
      <c r="VLS735" s="424"/>
      <c r="VLT735" s="424"/>
      <c r="VLU735" s="423" t="s">
        <v>2795</v>
      </c>
      <c r="VLV735" s="424"/>
      <c r="VLW735" s="424"/>
      <c r="VLX735" s="424"/>
      <c r="VLY735" s="423" t="s">
        <v>2795</v>
      </c>
      <c r="VLZ735" s="424"/>
      <c r="VMA735" s="424"/>
      <c r="VMB735" s="424"/>
      <c r="VMC735" s="423" t="s">
        <v>2795</v>
      </c>
      <c r="VMD735" s="424"/>
      <c r="VME735" s="424"/>
      <c r="VMF735" s="424"/>
      <c r="VMG735" s="423" t="s">
        <v>2795</v>
      </c>
      <c r="VMH735" s="424"/>
      <c r="VMI735" s="424"/>
      <c r="VMJ735" s="424"/>
      <c r="VMK735" s="423" t="s">
        <v>2795</v>
      </c>
      <c r="VML735" s="424"/>
      <c r="VMM735" s="424"/>
      <c r="VMN735" s="424"/>
      <c r="VMO735" s="423" t="s">
        <v>2795</v>
      </c>
      <c r="VMP735" s="424"/>
      <c r="VMQ735" s="424"/>
      <c r="VMR735" s="424"/>
      <c r="VMS735" s="423" t="s">
        <v>2795</v>
      </c>
      <c r="VMT735" s="424"/>
      <c r="VMU735" s="424"/>
      <c r="VMV735" s="424"/>
      <c r="VMW735" s="423" t="s">
        <v>2795</v>
      </c>
      <c r="VMX735" s="424"/>
      <c r="VMY735" s="424"/>
      <c r="VMZ735" s="424"/>
      <c r="VNA735" s="423" t="s">
        <v>2795</v>
      </c>
      <c r="VNB735" s="424"/>
      <c r="VNC735" s="424"/>
      <c r="VND735" s="424"/>
      <c r="VNE735" s="423" t="s">
        <v>2795</v>
      </c>
      <c r="VNF735" s="424"/>
      <c r="VNG735" s="424"/>
      <c r="VNH735" s="424"/>
      <c r="VNI735" s="423" t="s">
        <v>2795</v>
      </c>
      <c r="VNJ735" s="424"/>
      <c r="VNK735" s="424"/>
      <c r="VNL735" s="424"/>
      <c r="VNM735" s="423" t="s">
        <v>2795</v>
      </c>
      <c r="VNN735" s="424"/>
      <c r="VNO735" s="424"/>
      <c r="VNP735" s="424"/>
      <c r="VNQ735" s="423" t="s">
        <v>2795</v>
      </c>
      <c r="VNR735" s="424"/>
      <c r="VNS735" s="424"/>
      <c r="VNT735" s="424"/>
      <c r="VNU735" s="423" t="s">
        <v>2795</v>
      </c>
      <c r="VNV735" s="424"/>
      <c r="VNW735" s="424"/>
      <c r="VNX735" s="424"/>
      <c r="VNY735" s="423" t="s">
        <v>2795</v>
      </c>
      <c r="VNZ735" s="424"/>
      <c r="VOA735" s="424"/>
      <c r="VOB735" s="424"/>
      <c r="VOC735" s="423" t="s">
        <v>2795</v>
      </c>
      <c r="VOD735" s="424"/>
      <c r="VOE735" s="424"/>
      <c r="VOF735" s="424"/>
      <c r="VOG735" s="423" t="s">
        <v>2795</v>
      </c>
      <c r="VOH735" s="424"/>
      <c r="VOI735" s="424"/>
      <c r="VOJ735" s="424"/>
      <c r="VOK735" s="423" t="s">
        <v>2795</v>
      </c>
      <c r="VOL735" s="424"/>
      <c r="VOM735" s="424"/>
      <c r="VON735" s="424"/>
      <c r="VOO735" s="423" t="s">
        <v>2795</v>
      </c>
      <c r="VOP735" s="424"/>
      <c r="VOQ735" s="424"/>
      <c r="VOR735" s="424"/>
      <c r="VOS735" s="423" t="s">
        <v>2795</v>
      </c>
      <c r="VOT735" s="424"/>
      <c r="VOU735" s="424"/>
      <c r="VOV735" s="424"/>
      <c r="VOW735" s="423" t="s">
        <v>2795</v>
      </c>
      <c r="VOX735" s="424"/>
      <c r="VOY735" s="424"/>
      <c r="VOZ735" s="424"/>
      <c r="VPA735" s="423" t="s">
        <v>2795</v>
      </c>
      <c r="VPB735" s="424"/>
      <c r="VPC735" s="424"/>
      <c r="VPD735" s="424"/>
      <c r="VPE735" s="423" t="s">
        <v>2795</v>
      </c>
      <c r="VPF735" s="424"/>
      <c r="VPG735" s="424"/>
      <c r="VPH735" s="424"/>
      <c r="VPI735" s="423" t="s">
        <v>2795</v>
      </c>
      <c r="VPJ735" s="424"/>
      <c r="VPK735" s="424"/>
      <c r="VPL735" s="424"/>
      <c r="VPM735" s="423" t="s">
        <v>2795</v>
      </c>
      <c r="VPN735" s="424"/>
      <c r="VPO735" s="424"/>
      <c r="VPP735" s="424"/>
      <c r="VPQ735" s="423" t="s">
        <v>2795</v>
      </c>
      <c r="VPR735" s="424"/>
      <c r="VPS735" s="424"/>
      <c r="VPT735" s="424"/>
      <c r="VPU735" s="423" t="s">
        <v>2795</v>
      </c>
      <c r="VPV735" s="424"/>
      <c r="VPW735" s="424"/>
      <c r="VPX735" s="424"/>
      <c r="VPY735" s="423" t="s">
        <v>2795</v>
      </c>
      <c r="VPZ735" s="424"/>
      <c r="VQA735" s="424"/>
      <c r="VQB735" s="424"/>
      <c r="VQC735" s="423" t="s">
        <v>2795</v>
      </c>
      <c r="VQD735" s="424"/>
      <c r="VQE735" s="424"/>
      <c r="VQF735" s="424"/>
      <c r="VQG735" s="423" t="s">
        <v>2795</v>
      </c>
      <c r="VQH735" s="424"/>
      <c r="VQI735" s="424"/>
      <c r="VQJ735" s="424"/>
      <c r="VQK735" s="423" t="s">
        <v>2795</v>
      </c>
      <c r="VQL735" s="424"/>
      <c r="VQM735" s="424"/>
      <c r="VQN735" s="424"/>
      <c r="VQO735" s="423" t="s">
        <v>2795</v>
      </c>
      <c r="VQP735" s="424"/>
      <c r="VQQ735" s="424"/>
      <c r="VQR735" s="424"/>
      <c r="VQS735" s="423" t="s">
        <v>2795</v>
      </c>
      <c r="VQT735" s="424"/>
      <c r="VQU735" s="424"/>
      <c r="VQV735" s="424"/>
      <c r="VQW735" s="423" t="s">
        <v>2795</v>
      </c>
      <c r="VQX735" s="424"/>
      <c r="VQY735" s="424"/>
      <c r="VQZ735" s="424"/>
      <c r="VRA735" s="423" t="s">
        <v>2795</v>
      </c>
      <c r="VRB735" s="424"/>
      <c r="VRC735" s="424"/>
      <c r="VRD735" s="424"/>
      <c r="VRE735" s="423" t="s">
        <v>2795</v>
      </c>
      <c r="VRF735" s="424"/>
      <c r="VRG735" s="424"/>
      <c r="VRH735" s="424"/>
      <c r="VRI735" s="423" t="s">
        <v>2795</v>
      </c>
      <c r="VRJ735" s="424"/>
      <c r="VRK735" s="424"/>
      <c r="VRL735" s="424"/>
      <c r="VRM735" s="423" t="s">
        <v>2795</v>
      </c>
      <c r="VRN735" s="424"/>
      <c r="VRO735" s="424"/>
      <c r="VRP735" s="424"/>
      <c r="VRQ735" s="423" t="s">
        <v>2795</v>
      </c>
      <c r="VRR735" s="424"/>
      <c r="VRS735" s="424"/>
      <c r="VRT735" s="424"/>
      <c r="VRU735" s="423" t="s">
        <v>2795</v>
      </c>
      <c r="VRV735" s="424"/>
      <c r="VRW735" s="424"/>
      <c r="VRX735" s="424"/>
      <c r="VRY735" s="423" t="s">
        <v>2795</v>
      </c>
      <c r="VRZ735" s="424"/>
      <c r="VSA735" s="424"/>
      <c r="VSB735" s="424"/>
      <c r="VSC735" s="423" t="s">
        <v>2795</v>
      </c>
      <c r="VSD735" s="424"/>
      <c r="VSE735" s="424"/>
      <c r="VSF735" s="424"/>
      <c r="VSG735" s="423" t="s">
        <v>2795</v>
      </c>
      <c r="VSH735" s="424"/>
      <c r="VSI735" s="424"/>
      <c r="VSJ735" s="424"/>
      <c r="VSK735" s="423" t="s">
        <v>2795</v>
      </c>
      <c r="VSL735" s="424"/>
      <c r="VSM735" s="424"/>
      <c r="VSN735" s="424"/>
      <c r="VSO735" s="423" t="s">
        <v>2795</v>
      </c>
      <c r="VSP735" s="424"/>
      <c r="VSQ735" s="424"/>
      <c r="VSR735" s="424"/>
      <c r="VSS735" s="423" t="s">
        <v>2795</v>
      </c>
      <c r="VST735" s="424"/>
      <c r="VSU735" s="424"/>
      <c r="VSV735" s="424"/>
      <c r="VSW735" s="423" t="s">
        <v>2795</v>
      </c>
      <c r="VSX735" s="424"/>
      <c r="VSY735" s="424"/>
      <c r="VSZ735" s="424"/>
      <c r="VTA735" s="423" t="s">
        <v>2795</v>
      </c>
      <c r="VTB735" s="424"/>
      <c r="VTC735" s="424"/>
      <c r="VTD735" s="424"/>
      <c r="VTE735" s="423" t="s">
        <v>2795</v>
      </c>
      <c r="VTF735" s="424"/>
      <c r="VTG735" s="424"/>
      <c r="VTH735" s="424"/>
      <c r="VTI735" s="423" t="s">
        <v>2795</v>
      </c>
      <c r="VTJ735" s="424"/>
      <c r="VTK735" s="424"/>
      <c r="VTL735" s="424"/>
      <c r="VTM735" s="423" t="s">
        <v>2795</v>
      </c>
      <c r="VTN735" s="424"/>
      <c r="VTO735" s="424"/>
      <c r="VTP735" s="424"/>
      <c r="VTQ735" s="423" t="s">
        <v>2795</v>
      </c>
      <c r="VTR735" s="424"/>
      <c r="VTS735" s="424"/>
      <c r="VTT735" s="424"/>
      <c r="VTU735" s="423" t="s">
        <v>2795</v>
      </c>
      <c r="VTV735" s="424"/>
      <c r="VTW735" s="424"/>
      <c r="VTX735" s="424"/>
      <c r="VTY735" s="423" t="s">
        <v>2795</v>
      </c>
      <c r="VTZ735" s="424"/>
      <c r="VUA735" s="424"/>
      <c r="VUB735" s="424"/>
      <c r="VUC735" s="423" t="s">
        <v>2795</v>
      </c>
      <c r="VUD735" s="424"/>
      <c r="VUE735" s="424"/>
      <c r="VUF735" s="424"/>
      <c r="VUG735" s="423" t="s">
        <v>2795</v>
      </c>
      <c r="VUH735" s="424"/>
      <c r="VUI735" s="424"/>
      <c r="VUJ735" s="424"/>
      <c r="VUK735" s="423" t="s">
        <v>2795</v>
      </c>
      <c r="VUL735" s="424"/>
      <c r="VUM735" s="424"/>
      <c r="VUN735" s="424"/>
      <c r="VUO735" s="423" t="s">
        <v>2795</v>
      </c>
      <c r="VUP735" s="424"/>
      <c r="VUQ735" s="424"/>
      <c r="VUR735" s="424"/>
      <c r="VUS735" s="423" t="s">
        <v>2795</v>
      </c>
      <c r="VUT735" s="424"/>
      <c r="VUU735" s="424"/>
      <c r="VUV735" s="424"/>
      <c r="VUW735" s="423" t="s">
        <v>2795</v>
      </c>
      <c r="VUX735" s="424"/>
      <c r="VUY735" s="424"/>
      <c r="VUZ735" s="424"/>
      <c r="VVA735" s="423" t="s">
        <v>2795</v>
      </c>
      <c r="VVB735" s="424"/>
      <c r="VVC735" s="424"/>
      <c r="VVD735" s="424"/>
      <c r="VVE735" s="423" t="s">
        <v>2795</v>
      </c>
      <c r="VVF735" s="424"/>
      <c r="VVG735" s="424"/>
      <c r="VVH735" s="424"/>
      <c r="VVI735" s="423" t="s">
        <v>2795</v>
      </c>
      <c r="VVJ735" s="424"/>
      <c r="VVK735" s="424"/>
      <c r="VVL735" s="424"/>
      <c r="VVM735" s="423" t="s">
        <v>2795</v>
      </c>
      <c r="VVN735" s="424"/>
      <c r="VVO735" s="424"/>
      <c r="VVP735" s="424"/>
      <c r="VVQ735" s="423" t="s">
        <v>2795</v>
      </c>
      <c r="VVR735" s="424"/>
      <c r="VVS735" s="424"/>
      <c r="VVT735" s="424"/>
      <c r="VVU735" s="423" t="s">
        <v>2795</v>
      </c>
      <c r="VVV735" s="424"/>
      <c r="VVW735" s="424"/>
      <c r="VVX735" s="424"/>
      <c r="VVY735" s="423" t="s">
        <v>2795</v>
      </c>
      <c r="VVZ735" s="424"/>
      <c r="VWA735" s="424"/>
      <c r="VWB735" s="424"/>
      <c r="VWC735" s="423" t="s">
        <v>2795</v>
      </c>
      <c r="VWD735" s="424"/>
      <c r="VWE735" s="424"/>
      <c r="VWF735" s="424"/>
      <c r="VWG735" s="423" t="s">
        <v>2795</v>
      </c>
      <c r="VWH735" s="424"/>
      <c r="VWI735" s="424"/>
      <c r="VWJ735" s="424"/>
      <c r="VWK735" s="423" t="s">
        <v>2795</v>
      </c>
      <c r="VWL735" s="424"/>
      <c r="VWM735" s="424"/>
      <c r="VWN735" s="424"/>
      <c r="VWO735" s="423" t="s">
        <v>2795</v>
      </c>
      <c r="VWP735" s="424"/>
      <c r="VWQ735" s="424"/>
      <c r="VWR735" s="424"/>
      <c r="VWS735" s="423" t="s">
        <v>2795</v>
      </c>
      <c r="VWT735" s="424"/>
      <c r="VWU735" s="424"/>
      <c r="VWV735" s="424"/>
      <c r="VWW735" s="423" t="s">
        <v>2795</v>
      </c>
      <c r="VWX735" s="424"/>
      <c r="VWY735" s="424"/>
      <c r="VWZ735" s="424"/>
      <c r="VXA735" s="423" t="s">
        <v>2795</v>
      </c>
      <c r="VXB735" s="424"/>
      <c r="VXC735" s="424"/>
      <c r="VXD735" s="424"/>
      <c r="VXE735" s="423" t="s">
        <v>2795</v>
      </c>
      <c r="VXF735" s="424"/>
      <c r="VXG735" s="424"/>
      <c r="VXH735" s="424"/>
      <c r="VXI735" s="423" t="s">
        <v>2795</v>
      </c>
      <c r="VXJ735" s="424"/>
      <c r="VXK735" s="424"/>
      <c r="VXL735" s="424"/>
      <c r="VXM735" s="423" t="s">
        <v>2795</v>
      </c>
      <c r="VXN735" s="424"/>
      <c r="VXO735" s="424"/>
      <c r="VXP735" s="424"/>
      <c r="VXQ735" s="423" t="s">
        <v>2795</v>
      </c>
      <c r="VXR735" s="424"/>
      <c r="VXS735" s="424"/>
      <c r="VXT735" s="424"/>
      <c r="VXU735" s="423" t="s">
        <v>2795</v>
      </c>
      <c r="VXV735" s="424"/>
      <c r="VXW735" s="424"/>
      <c r="VXX735" s="424"/>
      <c r="VXY735" s="423" t="s">
        <v>2795</v>
      </c>
      <c r="VXZ735" s="424"/>
      <c r="VYA735" s="424"/>
      <c r="VYB735" s="424"/>
      <c r="VYC735" s="423" t="s">
        <v>2795</v>
      </c>
      <c r="VYD735" s="424"/>
      <c r="VYE735" s="424"/>
      <c r="VYF735" s="424"/>
      <c r="VYG735" s="423" t="s">
        <v>2795</v>
      </c>
      <c r="VYH735" s="424"/>
      <c r="VYI735" s="424"/>
      <c r="VYJ735" s="424"/>
      <c r="VYK735" s="423" t="s">
        <v>2795</v>
      </c>
      <c r="VYL735" s="424"/>
      <c r="VYM735" s="424"/>
      <c r="VYN735" s="424"/>
      <c r="VYO735" s="423" t="s">
        <v>2795</v>
      </c>
      <c r="VYP735" s="424"/>
      <c r="VYQ735" s="424"/>
      <c r="VYR735" s="424"/>
      <c r="VYS735" s="423" t="s">
        <v>2795</v>
      </c>
      <c r="VYT735" s="424"/>
      <c r="VYU735" s="424"/>
      <c r="VYV735" s="424"/>
      <c r="VYW735" s="423" t="s">
        <v>2795</v>
      </c>
      <c r="VYX735" s="424"/>
      <c r="VYY735" s="424"/>
      <c r="VYZ735" s="424"/>
      <c r="VZA735" s="423" t="s">
        <v>2795</v>
      </c>
      <c r="VZB735" s="424"/>
      <c r="VZC735" s="424"/>
      <c r="VZD735" s="424"/>
      <c r="VZE735" s="423" t="s">
        <v>2795</v>
      </c>
      <c r="VZF735" s="424"/>
      <c r="VZG735" s="424"/>
      <c r="VZH735" s="424"/>
      <c r="VZI735" s="423" t="s">
        <v>2795</v>
      </c>
      <c r="VZJ735" s="424"/>
      <c r="VZK735" s="424"/>
      <c r="VZL735" s="424"/>
      <c r="VZM735" s="423" t="s">
        <v>2795</v>
      </c>
      <c r="VZN735" s="424"/>
      <c r="VZO735" s="424"/>
      <c r="VZP735" s="424"/>
      <c r="VZQ735" s="423" t="s">
        <v>2795</v>
      </c>
      <c r="VZR735" s="424"/>
      <c r="VZS735" s="424"/>
      <c r="VZT735" s="424"/>
      <c r="VZU735" s="423" t="s">
        <v>2795</v>
      </c>
      <c r="VZV735" s="424"/>
      <c r="VZW735" s="424"/>
      <c r="VZX735" s="424"/>
      <c r="VZY735" s="423" t="s">
        <v>2795</v>
      </c>
      <c r="VZZ735" s="424"/>
      <c r="WAA735" s="424"/>
      <c r="WAB735" s="424"/>
      <c r="WAC735" s="423" t="s">
        <v>2795</v>
      </c>
      <c r="WAD735" s="424"/>
      <c r="WAE735" s="424"/>
      <c r="WAF735" s="424"/>
      <c r="WAG735" s="423" t="s">
        <v>2795</v>
      </c>
      <c r="WAH735" s="424"/>
      <c r="WAI735" s="424"/>
      <c r="WAJ735" s="424"/>
      <c r="WAK735" s="423" t="s">
        <v>2795</v>
      </c>
      <c r="WAL735" s="424"/>
      <c r="WAM735" s="424"/>
      <c r="WAN735" s="424"/>
      <c r="WAO735" s="423" t="s">
        <v>2795</v>
      </c>
      <c r="WAP735" s="424"/>
      <c r="WAQ735" s="424"/>
      <c r="WAR735" s="424"/>
      <c r="WAS735" s="423" t="s">
        <v>2795</v>
      </c>
      <c r="WAT735" s="424"/>
      <c r="WAU735" s="424"/>
      <c r="WAV735" s="424"/>
      <c r="WAW735" s="423" t="s">
        <v>2795</v>
      </c>
      <c r="WAX735" s="424"/>
      <c r="WAY735" s="424"/>
      <c r="WAZ735" s="424"/>
      <c r="WBA735" s="423" t="s">
        <v>2795</v>
      </c>
      <c r="WBB735" s="424"/>
      <c r="WBC735" s="424"/>
      <c r="WBD735" s="424"/>
      <c r="WBE735" s="423" t="s">
        <v>2795</v>
      </c>
      <c r="WBF735" s="424"/>
      <c r="WBG735" s="424"/>
      <c r="WBH735" s="424"/>
      <c r="WBI735" s="423" t="s">
        <v>2795</v>
      </c>
      <c r="WBJ735" s="424"/>
      <c r="WBK735" s="424"/>
      <c r="WBL735" s="424"/>
      <c r="WBM735" s="423" t="s">
        <v>2795</v>
      </c>
      <c r="WBN735" s="424"/>
      <c r="WBO735" s="424"/>
      <c r="WBP735" s="424"/>
      <c r="WBQ735" s="423" t="s">
        <v>2795</v>
      </c>
      <c r="WBR735" s="424"/>
      <c r="WBS735" s="424"/>
      <c r="WBT735" s="424"/>
      <c r="WBU735" s="423" t="s">
        <v>2795</v>
      </c>
      <c r="WBV735" s="424"/>
      <c r="WBW735" s="424"/>
      <c r="WBX735" s="424"/>
      <c r="WBY735" s="423" t="s">
        <v>2795</v>
      </c>
      <c r="WBZ735" s="424"/>
      <c r="WCA735" s="424"/>
      <c r="WCB735" s="424"/>
      <c r="WCC735" s="423" t="s">
        <v>2795</v>
      </c>
      <c r="WCD735" s="424"/>
      <c r="WCE735" s="424"/>
      <c r="WCF735" s="424"/>
      <c r="WCG735" s="423" t="s">
        <v>2795</v>
      </c>
      <c r="WCH735" s="424"/>
      <c r="WCI735" s="424"/>
      <c r="WCJ735" s="424"/>
      <c r="WCK735" s="423" t="s">
        <v>2795</v>
      </c>
      <c r="WCL735" s="424"/>
      <c r="WCM735" s="424"/>
      <c r="WCN735" s="424"/>
      <c r="WCO735" s="423" t="s">
        <v>2795</v>
      </c>
      <c r="WCP735" s="424"/>
      <c r="WCQ735" s="424"/>
      <c r="WCR735" s="424"/>
      <c r="WCS735" s="423" t="s">
        <v>2795</v>
      </c>
      <c r="WCT735" s="424"/>
      <c r="WCU735" s="424"/>
      <c r="WCV735" s="424"/>
      <c r="WCW735" s="423" t="s">
        <v>2795</v>
      </c>
      <c r="WCX735" s="424"/>
      <c r="WCY735" s="424"/>
      <c r="WCZ735" s="424"/>
      <c r="WDA735" s="423" t="s">
        <v>2795</v>
      </c>
      <c r="WDB735" s="424"/>
      <c r="WDC735" s="424"/>
      <c r="WDD735" s="424"/>
      <c r="WDE735" s="423" t="s">
        <v>2795</v>
      </c>
      <c r="WDF735" s="424"/>
      <c r="WDG735" s="424"/>
      <c r="WDH735" s="424"/>
      <c r="WDI735" s="423" t="s">
        <v>2795</v>
      </c>
      <c r="WDJ735" s="424"/>
      <c r="WDK735" s="424"/>
      <c r="WDL735" s="424"/>
      <c r="WDM735" s="423" t="s">
        <v>2795</v>
      </c>
      <c r="WDN735" s="424"/>
      <c r="WDO735" s="424"/>
      <c r="WDP735" s="424"/>
      <c r="WDQ735" s="423" t="s">
        <v>2795</v>
      </c>
      <c r="WDR735" s="424"/>
      <c r="WDS735" s="424"/>
      <c r="WDT735" s="424"/>
      <c r="WDU735" s="423" t="s">
        <v>2795</v>
      </c>
      <c r="WDV735" s="424"/>
      <c r="WDW735" s="424"/>
      <c r="WDX735" s="424"/>
      <c r="WDY735" s="423" t="s">
        <v>2795</v>
      </c>
      <c r="WDZ735" s="424"/>
      <c r="WEA735" s="424"/>
      <c r="WEB735" s="424"/>
      <c r="WEC735" s="423" t="s">
        <v>2795</v>
      </c>
      <c r="WED735" s="424"/>
      <c r="WEE735" s="424"/>
      <c r="WEF735" s="424"/>
      <c r="WEG735" s="423" t="s">
        <v>2795</v>
      </c>
      <c r="WEH735" s="424"/>
      <c r="WEI735" s="424"/>
      <c r="WEJ735" s="424"/>
      <c r="WEK735" s="423" t="s">
        <v>2795</v>
      </c>
      <c r="WEL735" s="424"/>
      <c r="WEM735" s="424"/>
      <c r="WEN735" s="424"/>
      <c r="WEO735" s="423" t="s">
        <v>2795</v>
      </c>
      <c r="WEP735" s="424"/>
      <c r="WEQ735" s="424"/>
      <c r="WER735" s="424"/>
      <c r="WES735" s="423" t="s">
        <v>2795</v>
      </c>
      <c r="WET735" s="424"/>
      <c r="WEU735" s="424"/>
      <c r="WEV735" s="424"/>
      <c r="WEW735" s="423" t="s">
        <v>2795</v>
      </c>
      <c r="WEX735" s="424"/>
      <c r="WEY735" s="424"/>
      <c r="WEZ735" s="424"/>
      <c r="WFA735" s="423" t="s">
        <v>2795</v>
      </c>
      <c r="WFB735" s="424"/>
      <c r="WFC735" s="424"/>
      <c r="WFD735" s="424"/>
      <c r="WFE735" s="423" t="s">
        <v>2795</v>
      </c>
      <c r="WFF735" s="424"/>
      <c r="WFG735" s="424"/>
      <c r="WFH735" s="424"/>
      <c r="WFI735" s="423" t="s">
        <v>2795</v>
      </c>
      <c r="WFJ735" s="424"/>
      <c r="WFK735" s="424"/>
      <c r="WFL735" s="424"/>
      <c r="WFM735" s="423" t="s">
        <v>2795</v>
      </c>
      <c r="WFN735" s="424"/>
      <c r="WFO735" s="424"/>
      <c r="WFP735" s="424"/>
      <c r="WFQ735" s="423" t="s">
        <v>2795</v>
      </c>
      <c r="WFR735" s="424"/>
      <c r="WFS735" s="424"/>
      <c r="WFT735" s="424"/>
      <c r="WFU735" s="423" t="s">
        <v>2795</v>
      </c>
      <c r="WFV735" s="424"/>
      <c r="WFW735" s="424"/>
      <c r="WFX735" s="424"/>
      <c r="WFY735" s="423" t="s">
        <v>2795</v>
      </c>
      <c r="WFZ735" s="424"/>
      <c r="WGA735" s="424"/>
      <c r="WGB735" s="424"/>
      <c r="WGC735" s="423" t="s">
        <v>2795</v>
      </c>
      <c r="WGD735" s="424"/>
      <c r="WGE735" s="424"/>
      <c r="WGF735" s="424"/>
      <c r="WGG735" s="423" t="s">
        <v>2795</v>
      </c>
      <c r="WGH735" s="424"/>
      <c r="WGI735" s="424"/>
      <c r="WGJ735" s="424"/>
      <c r="WGK735" s="423" t="s">
        <v>2795</v>
      </c>
      <c r="WGL735" s="424"/>
      <c r="WGM735" s="424"/>
      <c r="WGN735" s="424"/>
      <c r="WGO735" s="423" t="s">
        <v>2795</v>
      </c>
      <c r="WGP735" s="424"/>
      <c r="WGQ735" s="424"/>
      <c r="WGR735" s="424"/>
      <c r="WGS735" s="423" t="s">
        <v>2795</v>
      </c>
      <c r="WGT735" s="424"/>
      <c r="WGU735" s="424"/>
      <c r="WGV735" s="424"/>
      <c r="WGW735" s="423" t="s">
        <v>2795</v>
      </c>
      <c r="WGX735" s="424"/>
      <c r="WGY735" s="424"/>
      <c r="WGZ735" s="424"/>
      <c r="WHA735" s="423" t="s">
        <v>2795</v>
      </c>
      <c r="WHB735" s="424"/>
      <c r="WHC735" s="424"/>
      <c r="WHD735" s="424"/>
      <c r="WHE735" s="423" t="s">
        <v>2795</v>
      </c>
      <c r="WHF735" s="424"/>
      <c r="WHG735" s="424"/>
      <c r="WHH735" s="424"/>
      <c r="WHI735" s="423" t="s">
        <v>2795</v>
      </c>
      <c r="WHJ735" s="424"/>
      <c r="WHK735" s="424"/>
      <c r="WHL735" s="424"/>
      <c r="WHM735" s="423" t="s">
        <v>2795</v>
      </c>
      <c r="WHN735" s="424"/>
      <c r="WHO735" s="424"/>
      <c r="WHP735" s="424"/>
      <c r="WHQ735" s="423" t="s">
        <v>2795</v>
      </c>
      <c r="WHR735" s="424"/>
      <c r="WHS735" s="424"/>
      <c r="WHT735" s="424"/>
      <c r="WHU735" s="423" t="s">
        <v>2795</v>
      </c>
      <c r="WHV735" s="424"/>
      <c r="WHW735" s="424"/>
      <c r="WHX735" s="424"/>
      <c r="WHY735" s="423" t="s">
        <v>2795</v>
      </c>
      <c r="WHZ735" s="424"/>
      <c r="WIA735" s="424"/>
      <c r="WIB735" s="424"/>
      <c r="WIC735" s="423" t="s">
        <v>2795</v>
      </c>
      <c r="WID735" s="424"/>
      <c r="WIE735" s="424"/>
      <c r="WIF735" s="424"/>
      <c r="WIG735" s="423" t="s">
        <v>2795</v>
      </c>
      <c r="WIH735" s="424"/>
      <c r="WII735" s="424"/>
      <c r="WIJ735" s="424"/>
      <c r="WIK735" s="423" t="s">
        <v>2795</v>
      </c>
      <c r="WIL735" s="424"/>
      <c r="WIM735" s="424"/>
      <c r="WIN735" s="424"/>
      <c r="WIO735" s="423" t="s">
        <v>2795</v>
      </c>
      <c r="WIP735" s="424"/>
      <c r="WIQ735" s="424"/>
      <c r="WIR735" s="424"/>
      <c r="WIS735" s="423" t="s">
        <v>2795</v>
      </c>
      <c r="WIT735" s="424"/>
      <c r="WIU735" s="424"/>
      <c r="WIV735" s="424"/>
      <c r="WIW735" s="423" t="s">
        <v>2795</v>
      </c>
      <c r="WIX735" s="424"/>
      <c r="WIY735" s="424"/>
      <c r="WIZ735" s="424"/>
      <c r="WJA735" s="423" t="s">
        <v>2795</v>
      </c>
      <c r="WJB735" s="424"/>
      <c r="WJC735" s="424"/>
      <c r="WJD735" s="424"/>
      <c r="WJE735" s="423" t="s">
        <v>2795</v>
      </c>
      <c r="WJF735" s="424"/>
      <c r="WJG735" s="424"/>
      <c r="WJH735" s="424"/>
      <c r="WJI735" s="423" t="s">
        <v>2795</v>
      </c>
      <c r="WJJ735" s="424"/>
      <c r="WJK735" s="424"/>
      <c r="WJL735" s="424"/>
      <c r="WJM735" s="423" t="s">
        <v>2795</v>
      </c>
      <c r="WJN735" s="424"/>
      <c r="WJO735" s="424"/>
      <c r="WJP735" s="424"/>
      <c r="WJQ735" s="423" t="s">
        <v>2795</v>
      </c>
      <c r="WJR735" s="424"/>
      <c r="WJS735" s="424"/>
      <c r="WJT735" s="424"/>
      <c r="WJU735" s="423" t="s">
        <v>2795</v>
      </c>
      <c r="WJV735" s="424"/>
      <c r="WJW735" s="424"/>
      <c r="WJX735" s="424"/>
      <c r="WJY735" s="423" t="s">
        <v>2795</v>
      </c>
      <c r="WJZ735" s="424"/>
      <c r="WKA735" s="424"/>
      <c r="WKB735" s="424"/>
      <c r="WKC735" s="423" t="s">
        <v>2795</v>
      </c>
      <c r="WKD735" s="424"/>
      <c r="WKE735" s="424"/>
      <c r="WKF735" s="424"/>
      <c r="WKG735" s="423" t="s">
        <v>2795</v>
      </c>
      <c r="WKH735" s="424"/>
      <c r="WKI735" s="424"/>
      <c r="WKJ735" s="424"/>
      <c r="WKK735" s="423" t="s">
        <v>2795</v>
      </c>
      <c r="WKL735" s="424"/>
      <c r="WKM735" s="424"/>
      <c r="WKN735" s="424"/>
      <c r="WKO735" s="423" t="s">
        <v>2795</v>
      </c>
      <c r="WKP735" s="424"/>
      <c r="WKQ735" s="424"/>
      <c r="WKR735" s="424"/>
      <c r="WKS735" s="423" t="s">
        <v>2795</v>
      </c>
      <c r="WKT735" s="424"/>
      <c r="WKU735" s="424"/>
      <c r="WKV735" s="424"/>
      <c r="WKW735" s="423" t="s">
        <v>2795</v>
      </c>
      <c r="WKX735" s="424"/>
      <c r="WKY735" s="424"/>
      <c r="WKZ735" s="424"/>
      <c r="WLA735" s="423" t="s">
        <v>2795</v>
      </c>
      <c r="WLB735" s="424"/>
      <c r="WLC735" s="424"/>
      <c r="WLD735" s="424"/>
      <c r="WLE735" s="423" t="s">
        <v>2795</v>
      </c>
      <c r="WLF735" s="424"/>
      <c r="WLG735" s="424"/>
      <c r="WLH735" s="424"/>
      <c r="WLI735" s="423" t="s">
        <v>2795</v>
      </c>
      <c r="WLJ735" s="424"/>
      <c r="WLK735" s="424"/>
      <c r="WLL735" s="424"/>
      <c r="WLM735" s="423" t="s">
        <v>2795</v>
      </c>
      <c r="WLN735" s="424"/>
      <c r="WLO735" s="424"/>
      <c r="WLP735" s="424"/>
      <c r="WLQ735" s="423" t="s">
        <v>2795</v>
      </c>
      <c r="WLR735" s="424"/>
      <c r="WLS735" s="424"/>
      <c r="WLT735" s="424"/>
      <c r="WLU735" s="423" t="s">
        <v>2795</v>
      </c>
      <c r="WLV735" s="424"/>
      <c r="WLW735" s="424"/>
      <c r="WLX735" s="424"/>
      <c r="WLY735" s="423" t="s">
        <v>2795</v>
      </c>
      <c r="WLZ735" s="424"/>
      <c r="WMA735" s="424"/>
      <c r="WMB735" s="424"/>
      <c r="WMC735" s="423" t="s">
        <v>2795</v>
      </c>
      <c r="WMD735" s="424"/>
      <c r="WME735" s="424"/>
      <c r="WMF735" s="424"/>
      <c r="WMG735" s="423" t="s">
        <v>2795</v>
      </c>
      <c r="WMH735" s="424"/>
      <c r="WMI735" s="424"/>
      <c r="WMJ735" s="424"/>
      <c r="WMK735" s="423" t="s">
        <v>2795</v>
      </c>
      <c r="WML735" s="424"/>
      <c r="WMM735" s="424"/>
      <c r="WMN735" s="424"/>
      <c r="WMO735" s="423" t="s">
        <v>2795</v>
      </c>
      <c r="WMP735" s="424"/>
      <c r="WMQ735" s="424"/>
      <c r="WMR735" s="424"/>
      <c r="WMS735" s="423" t="s">
        <v>2795</v>
      </c>
      <c r="WMT735" s="424"/>
      <c r="WMU735" s="424"/>
      <c r="WMV735" s="424"/>
      <c r="WMW735" s="423" t="s">
        <v>2795</v>
      </c>
      <c r="WMX735" s="424"/>
      <c r="WMY735" s="424"/>
      <c r="WMZ735" s="424"/>
      <c r="WNA735" s="423" t="s">
        <v>2795</v>
      </c>
      <c r="WNB735" s="424"/>
      <c r="WNC735" s="424"/>
      <c r="WND735" s="424"/>
      <c r="WNE735" s="423" t="s">
        <v>2795</v>
      </c>
      <c r="WNF735" s="424"/>
      <c r="WNG735" s="424"/>
      <c r="WNH735" s="424"/>
      <c r="WNI735" s="423" t="s">
        <v>2795</v>
      </c>
      <c r="WNJ735" s="424"/>
      <c r="WNK735" s="424"/>
      <c r="WNL735" s="424"/>
      <c r="WNM735" s="423" t="s">
        <v>2795</v>
      </c>
      <c r="WNN735" s="424"/>
      <c r="WNO735" s="424"/>
      <c r="WNP735" s="424"/>
      <c r="WNQ735" s="423" t="s">
        <v>2795</v>
      </c>
      <c r="WNR735" s="424"/>
      <c r="WNS735" s="424"/>
      <c r="WNT735" s="424"/>
      <c r="WNU735" s="423" t="s">
        <v>2795</v>
      </c>
      <c r="WNV735" s="424"/>
      <c r="WNW735" s="424"/>
      <c r="WNX735" s="424"/>
      <c r="WNY735" s="423" t="s">
        <v>2795</v>
      </c>
      <c r="WNZ735" s="424"/>
      <c r="WOA735" s="424"/>
      <c r="WOB735" s="424"/>
      <c r="WOC735" s="423" t="s">
        <v>2795</v>
      </c>
      <c r="WOD735" s="424"/>
      <c r="WOE735" s="424"/>
      <c r="WOF735" s="424"/>
      <c r="WOG735" s="423" t="s">
        <v>2795</v>
      </c>
      <c r="WOH735" s="424"/>
      <c r="WOI735" s="424"/>
      <c r="WOJ735" s="424"/>
      <c r="WOK735" s="423" t="s">
        <v>2795</v>
      </c>
      <c r="WOL735" s="424"/>
      <c r="WOM735" s="424"/>
      <c r="WON735" s="424"/>
      <c r="WOO735" s="423" t="s">
        <v>2795</v>
      </c>
      <c r="WOP735" s="424"/>
      <c r="WOQ735" s="424"/>
      <c r="WOR735" s="424"/>
      <c r="WOS735" s="423" t="s">
        <v>2795</v>
      </c>
      <c r="WOT735" s="424"/>
      <c r="WOU735" s="424"/>
      <c r="WOV735" s="424"/>
      <c r="WOW735" s="423" t="s">
        <v>2795</v>
      </c>
      <c r="WOX735" s="424"/>
      <c r="WOY735" s="424"/>
      <c r="WOZ735" s="424"/>
      <c r="WPA735" s="423" t="s">
        <v>2795</v>
      </c>
      <c r="WPB735" s="424"/>
      <c r="WPC735" s="424"/>
      <c r="WPD735" s="424"/>
      <c r="WPE735" s="423" t="s">
        <v>2795</v>
      </c>
      <c r="WPF735" s="424"/>
      <c r="WPG735" s="424"/>
      <c r="WPH735" s="424"/>
      <c r="WPI735" s="423" t="s">
        <v>2795</v>
      </c>
      <c r="WPJ735" s="424"/>
      <c r="WPK735" s="424"/>
      <c r="WPL735" s="424"/>
      <c r="WPM735" s="423" t="s">
        <v>2795</v>
      </c>
      <c r="WPN735" s="424"/>
      <c r="WPO735" s="424"/>
      <c r="WPP735" s="424"/>
      <c r="WPQ735" s="423" t="s">
        <v>2795</v>
      </c>
      <c r="WPR735" s="424"/>
      <c r="WPS735" s="424"/>
      <c r="WPT735" s="424"/>
      <c r="WPU735" s="423" t="s">
        <v>2795</v>
      </c>
      <c r="WPV735" s="424"/>
      <c r="WPW735" s="424"/>
      <c r="WPX735" s="424"/>
      <c r="WPY735" s="423" t="s">
        <v>2795</v>
      </c>
      <c r="WPZ735" s="424"/>
      <c r="WQA735" s="424"/>
      <c r="WQB735" s="424"/>
      <c r="WQC735" s="423" t="s">
        <v>2795</v>
      </c>
      <c r="WQD735" s="424"/>
      <c r="WQE735" s="424"/>
      <c r="WQF735" s="424"/>
      <c r="WQG735" s="423" t="s">
        <v>2795</v>
      </c>
      <c r="WQH735" s="424"/>
      <c r="WQI735" s="424"/>
      <c r="WQJ735" s="424"/>
      <c r="WQK735" s="423" t="s">
        <v>2795</v>
      </c>
      <c r="WQL735" s="424"/>
      <c r="WQM735" s="424"/>
      <c r="WQN735" s="424"/>
      <c r="WQO735" s="423" t="s">
        <v>2795</v>
      </c>
      <c r="WQP735" s="424"/>
      <c r="WQQ735" s="424"/>
      <c r="WQR735" s="424"/>
      <c r="WQS735" s="423" t="s">
        <v>2795</v>
      </c>
      <c r="WQT735" s="424"/>
      <c r="WQU735" s="424"/>
      <c r="WQV735" s="424"/>
      <c r="WQW735" s="423" t="s">
        <v>2795</v>
      </c>
      <c r="WQX735" s="424"/>
      <c r="WQY735" s="424"/>
      <c r="WQZ735" s="424"/>
      <c r="WRA735" s="423" t="s">
        <v>2795</v>
      </c>
      <c r="WRB735" s="424"/>
      <c r="WRC735" s="424"/>
      <c r="WRD735" s="424"/>
      <c r="WRE735" s="423" t="s">
        <v>2795</v>
      </c>
      <c r="WRF735" s="424"/>
      <c r="WRG735" s="424"/>
      <c r="WRH735" s="424"/>
      <c r="WRI735" s="423" t="s">
        <v>2795</v>
      </c>
      <c r="WRJ735" s="424"/>
      <c r="WRK735" s="424"/>
      <c r="WRL735" s="424"/>
      <c r="WRM735" s="423" t="s">
        <v>2795</v>
      </c>
      <c r="WRN735" s="424"/>
      <c r="WRO735" s="424"/>
      <c r="WRP735" s="424"/>
      <c r="WRQ735" s="423" t="s">
        <v>2795</v>
      </c>
      <c r="WRR735" s="424"/>
      <c r="WRS735" s="424"/>
      <c r="WRT735" s="424"/>
      <c r="WRU735" s="423" t="s">
        <v>2795</v>
      </c>
      <c r="WRV735" s="424"/>
      <c r="WRW735" s="424"/>
      <c r="WRX735" s="424"/>
      <c r="WRY735" s="423" t="s">
        <v>2795</v>
      </c>
      <c r="WRZ735" s="424"/>
      <c r="WSA735" s="424"/>
      <c r="WSB735" s="424"/>
      <c r="WSC735" s="423" t="s">
        <v>2795</v>
      </c>
      <c r="WSD735" s="424"/>
      <c r="WSE735" s="424"/>
      <c r="WSF735" s="424"/>
      <c r="WSG735" s="423" t="s">
        <v>2795</v>
      </c>
      <c r="WSH735" s="424"/>
      <c r="WSI735" s="424"/>
      <c r="WSJ735" s="424"/>
      <c r="WSK735" s="423" t="s">
        <v>2795</v>
      </c>
      <c r="WSL735" s="424"/>
      <c r="WSM735" s="424"/>
      <c r="WSN735" s="424"/>
      <c r="WSO735" s="423" t="s">
        <v>2795</v>
      </c>
      <c r="WSP735" s="424"/>
      <c r="WSQ735" s="424"/>
      <c r="WSR735" s="424"/>
      <c r="WSS735" s="423" t="s">
        <v>2795</v>
      </c>
      <c r="WST735" s="424"/>
      <c r="WSU735" s="424"/>
      <c r="WSV735" s="424"/>
      <c r="WSW735" s="423" t="s">
        <v>2795</v>
      </c>
      <c r="WSX735" s="424"/>
      <c r="WSY735" s="424"/>
      <c r="WSZ735" s="424"/>
      <c r="WTA735" s="423" t="s">
        <v>2795</v>
      </c>
      <c r="WTB735" s="424"/>
      <c r="WTC735" s="424"/>
      <c r="WTD735" s="424"/>
      <c r="WTE735" s="423" t="s">
        <v>2795</v>
      </c>
      <c r="WTF735" s="424"/>
      <c r="WTG735" s="424"/>
      <c r="WTH735" s="424"/>
      <c r="WTI735" s="423" t="s">
        <v>2795</v>
      </c>
      <c r="WTJ735" s="424"/>
      <c r="WTK735" s="424"/>
      <c r="WTL735" s="424"/>
      <c r="WTM735" s="423" t="s">
        <v>2795</v>
      </c>
      <c r="WTN735" s="424"/>
      <c r="WTO735" s="424"/>
      <c r="WTP735" s="424"/>
      <c r="WTQ735" s="423" t="s">
        <v>2795</v>
      </c>
      <c r="WTR735" s="424"/>
      <c r="WTS735" s="424"/>
      <c r="WTT735" s="424"/>
      <c r="WTU735" s="423" t="s">
        <v>2795</v>
      </c>
      <c r="WTV735" s="424"/>
      <c r="WTW735" s="424"/>
      <c r="WTX735" s="424"/>
      <c r="WTY735" s="423" t="s">
        <v>2795</v>
      </c>
      <c r="WTZ735" s="424"/>
      <c r="WUA735" s="424"/>
      <c r="WUB735" s="424"/>
      <c r="WUC735" s="423" t="s">
        <v>2795</v>
      </c>
      <c r="WUD735" s="424"/>
      <c r="WUE735" s="424"/>
      <c r="WUF735" s="424"/>
      <c r="WUG735" s="423" t="s">
        <v>2795</v>
      </c>
      <c r="WUH735" s="424"/>
      <c r="WUI735" s="424"/>
      <c r="WUJ735" s="424"/>
      <c r="WUK735" s="423" t="s">
        <v>2795</v>
      </c>
      <c r="WUL735" s="424"/>
      <c r="WUM735" s="424"/>
      <c r="WUN735" s="424"/>
      <c r="WUO735" s="423" t="s">
        <v>2795</v>
      </c>
      <c r="WUP735" s="424"/>
      <c r="WUQ735" s="424"/>
      <c r="WUR735" s="424"/>
      <c r="WUS735" s="423" t="s">
        <v>2795</v>
      </c>
      <c r="WUT735" s="424"/>
      <c r="WUU735" s="424"/>
      <c r="WUV735" s="424"/>
      <c r="WUW735" s="423" t="s">
        <v>2795</v>
      </c>
      <c r="WUX735" s="424"/>
      <c r="WUY735" s="424"/>
      <c r="WUZ735" s="424"/>
      <c r="WVA735" s="423" t="s">
        <v>2795</v>
      </c>
      <c r="WVB735" s="424"/>
      <c r="WVC735" s="424"/>
      <c r="WVD735" s="424"/>
      <c r="WVE735" s="423" t="s">
        <v>2795</v>
      </c>
      <c r="WVF735" s="424"/>
      <c r="WVG735" s="424"/>
      <c r="WVH735" s="424"/>
      <c r="WVI735" s="423" t="s">
        <v>2795</v>
      </c>
      <c r="WVJ735" s="424"/>
      <c r="WVK735" s="424"/>
      <c r="WVL735" s="424"/>
      <c r="WVM735" s="423" t="s">
        <v>2795</v>
      </c>
      <c r="WVN735" s="424"/>
      <c r="WVO735" s="424"/>
      <c r="WVP735" s="424"/>
      <c r="WVQ735" s="423" t="s">
        <v>2795</v>
      </c>
      <c r="WVR735" s="424"/>
      <c r="WVS735" s="424"/>
      <c r="WVT735" s="424"/>
      <c r="WVU735" s="423" t="s">
        <v>2795</v>
      </c>
      <c r="WVV735" s="424"/>
      <c r="WVW735" s="424"/>
      <c r="WVX735" s="424"/>
      <c r="WVY735" s="423" t="s">
        <v>2795</v>
      </c>
      <c r="WVZ735" s="424"/>
      <c r="WWA735" s="424"/>
      <c r="WWB735" s="424"/>
      <c r="WWC735" s="423" t="s">
        <v>2795</v>
      </c>
      <c r="WWD735" s="424"/>
      <c r="WWE735" s="424"/>
      <c r="WWF735" s="424"/>
      <c r="WWG735" s="423" t="s">
        <v>2795</v>
      </c>
      <c r="WWH735" s="424"/>
      <c r="WWI735" s="424"/>
      <c r="WWJ735" s="424"/>
      <c r="WWK735" s="423" t="s">
        <v>2795</v>
      </c>
      <c r="WWL735" s="424"/>
      <c r="WWM735" s="424"/>
      <c r="WWN735" s="424"/>
      <c r="WWO735" s="423" t="s">
        <v>2795</v>
      </c>
      <c r="WWP735" s="424"/>
      <c r="WWQ735" s="424"/>
      <c r="WWR735" s="424"/>
      <c r="WWS735" s="423" t="s">
        <v>2795</v>
      </c>
      <c r="WWT735" s="424"/>
      <c r="WWU735" s="424"/>
      <c r="WWV735" s="424"/>
      <c r="WWW735" s="423" t="s">
        <v>2795</v>
      </c>
      <c r="WWX735" s="424"/>
      <c r="WWY735" s="424"/>
      <c r="WWZ735" s="424"/>
      <c r="WXA735" s="423" t="s">
        <v>2795</v>
      </c>
      <c r="WXB735" s="424"/>
      <c r="WXC735" s="424"/>
      <c r="WXD735" s="424"/>
      <c r="WXE735" s="423" t="s">
        <v>2795</v>
      </c>
      <c r="WXF735" s="424"/>
      <c r="WXG735" s="424"/>
      <c r="WXH735" s="424"/>
      <c r="WXI735" s="423" t="s">
        <v>2795</v>
      </c>
      <c r="WXJ735" s="424"/>
      <c r="WXK735" s="424"/>
      <c r="WXL735" s="424"/>
      <c r="WXM735" s="423" t="s">
        <v>2795</v>
      </c>
      <c r="WXN735" s="424"/>
      <c r="WXO735" s="424"/>
      <c r="WXP735" s="424"/>
      <c r="WXQ735" s="423" t="s">
        <v>2795</v>
      </c>
      <c r="WXR735" s="424"/>
      <c r="WXS735" s="424"/>
      <c r="WXT735" s="424"/>
      <c r="WXU735" s="423" t="s">
        <v>2795</v>
      </c>
      <c r="WXV735" s="424"/>
      <c r="WXW735" s="424"/>
      <c r="WXX735" s="424"/>
      <c r="WXY735" s="423" t="s">
        <v>2795</v>
      </c>
      <c r="WXZ735" s="424"/>
      <c r="WYA735" s="424"/>
      <c r="WYB735" s="424"/>
      <c r="WYC735" s="423" t="s">
        <v>2795</v>
      </c>
      <c r="WYD735" s="424"/>
      <c r="WYE735" s="424"/>
      <c r="WYF735" s="424"/>
      <c r="WYG735" s="423" t="s">
        <v>2795</v>
      </c>
      <c r="WYH735" s="424"/>
      <c r="WYI735" s="424"/>
      <c r="WYJ735" s="424"/>
      <c r="WYK735" s="423" t="s">
        <v>2795</v>
      </c>
      <c r="WYL735" s="424"/>
      <c r="WYM735" s="424"/>
      <c r="WYN735" s="424"/>
      <c r="WYO735" s="423" t="s">
        <v>2795</v>
      </c>
      <c r="WYP735" s="424"/>
      <c r="WYQ735" s="424"/>
      <c r="WYR735" s="424"/>
      <c r="WYS735" s="423" t="s">
        <v>2795</v>
      </c>
      <c r="WYT735" s="424"/>
      <c r="WYU735" s="424"/>
      <c r="WYV735" s="424"/>
      <c r="WYW735" s="423" t="s">
        <v>2795</v>
      </c>
      <c r="WYX735" s="424"/>
      <c r="WYY735" s="424"/>
      <c r="WYZ735" s="424"/>
      <c r="WZA735" s="423" t="s">
        <v>2795</v>
      </c>
      <c r="WZB735" s="424"/>
      <c r="WZC735" s="424"/>
      <c r="WZD735" s="424"/>
      <c r="WZE735" s="423" t="s">
        <v>2795</v>
      </c>
      <c r="WZF735" s="424"/>
      <c r="WZG735" s="424"/>
      <c r="WZH735" s="424"/>
      <c r="WZI735" s="423" t="s">
        <v>2795</v>
      </c>
      <c r="WZJ735" s="424"/>
      <c r="WZK735" s="424"/>
      <c r="WZL735" s="424"/>
      <c r="WZM735" s="423" t="s">
        <v>2795</v>
      </c>
      <c r="WZN735" s="424"/>
      <c r="WZO735" s="424"/>
      <c r="WZP735" s="424"/>
      <c r="WZQ735" s="423" t="s">
        <v>2795</v>
      </c>
      <c r="WZR735" s="424"/>
      <c r="WZS735" s="424"/>
      <c r="WZT735" s="424"/>
      <c r="WZU735" s="423" t="s">
        <v>2795</v>
      </c>
      <c r="WZV735" s="424"/>
      <c r="WZW735" s="424"/>
      <c r="WZX735" s="424"/>
      <c r="WZY735" s="423" t="s">
        <v>2795</v>
      </c>
      <c r="WZZ735" s="424"/>
      <c r="XAA735" s="424"/>
      <c r="XAB735" s="424"/>
      <c r="XAC735" s="423" t="s">
        <v>2795</v>
      </c>
      <c r="XAD735" s="424"/>
      <c r="XAE735" s="424"/>
      <c r="XAF735" s="424"/>
      <c r="XAG735" s="423" t="s">
        <v>2795</v>
      </c>
      <c r="XAH735" s="424"/>
      <c r="XAI735" s="424"/>
      <c r="XAJ735" s="424"/>
      <c r="XAK735" s="423" t="s">
        <v>2795</v>
      </c>
      <c r="XAL735" s="424"/>
      <c r="XAM735" s="424"/>
      <c r="XAN735" s="424"/>
      <c r="XAO735" s="423" t="s">
        <v>2795</v>
      </c>
      <c r="XAP735" s="424"/>
      <c r="XAQ735" s="424"/>
      <c r="XAR735" s="424"/>
      <c r="XAS735" s="423" t="s">
        <v>2795</v>
      </c>
      <c r="XAT735" s="424"/>
      <c r="XAU735" s="424"/>
      <c r="XAV735" s="424"/>
      <c r="XAW735" s="423" t="s">
        <v>2795</v>
      </c>
      <c r="XAX735" s="424"/>
      <c r="XAY735" s="424"/>
      <c r="XAZ735" s="424"/>
      <c r="XBA735" s="423" t="s">
        <v>2795</v>
      </c>
      <c r="XBB735" s="424"/>
      <c r="XBC735" s="424"/>
      <c r="XBD735" s="424"/>
      <c r="XBE735" s="423" t="s">
        <v>2795</v>
      </c>
      <c r="XBF735" s="424"/>
      <c r="XBG735" s="424"/>
      <c r="XBH735" s="424"/>
      <c r="XBI735" s="423" t="s">
        <v>2795</v>
      </c>
      <c r="XBJ735" s="424"/>
      <c r="XBK735" s="424"/>
      <c r="XBL735" s="424"/>
      <c r="XBM735" s="423" t="s">
        <v>2795</v>
      </c>
      <c r="XBN735" s="424"/>
      <c r="XBO735" s="424"/>
      <c r="XBP735" s="424"/>
      <c r="XBQ735" s="423" t="s">
        <v>2795</v>
      </c>
      <c r="XBR735" s="424"/>
      <c r="XBS735" s="424"/>
      <c r="XBT735" s="424"/>
      <c r="XBU735" s="423" t="s">
        <v>2795</v>
      </c>
      <c r="XBV735" s="424"/>
      <c r="XBW735" s="424"/>
      <c r="XBX735" s="424"/>
      <c r="XBY735" s="423" t="s">
        <v>2795</v>
      </c>
      <c r="XBZ735" s="424"/>
      <c r="XCA735" s="424"/>
      <c r="XCB735" s="424"/>
      <c r="XCC735" s="423" t="s">
        <v>2795</v>
      </c>
      <c r="XCD735" s="424"/>
      <c r="XCE735" s="424"/>
      <c r="XCF735" s="424"/>
      <c r="XCG735" s="423" t="s">
        <v>2795</v>
      </c>
      <c r="XCH735" s="424"/>
      <c r="XCI735" s="424"/>
      <c r="XCJ735" s="424"/>
      <c r="XCK735" s="423" t="s">
        <v>2795</v>
      </c>
      <c r="XCL735" s="424"/>
      <c r="XCM735" s="424"/>
      <c r="XCN735" s="424"/>
      <c r="XCO735" s="423" t="s">
        <v>2795</v>
      </c>
      <c r="XCP735" s="424"/>
      <c r="XCQ735" s="424"/>
      <c r="XCR735" s="424"/>
      <c r="XCS735" s="423" t="s">
        <v>2795</v>
      </c>
      <c r="XCT735" s="424"/>
      <c r="XCU735" s="424"/>
      <c r="XCV735" s="424"/>
      <c r="XCW735" s="423" t="s">
        <v>2795</v>
      </c>
      <c r="XCX735" s="424"/>
      <c r="XCY735" s="424"/>
      <c r="XCZ735" s="424"/>
      <c r="XDA735" s="423" t="s">
        <v>2795</v>
      </c>
      <c r="XDB735" s="424"/>
      <c r="XDC735" s="424"/>
      <c r="XDD735" s="424"/>
      <c r="XDE735" s="423" t="s">
        <v>2795</v>
      </c>
      <c r="XDF735" s="424"/>
      <c r="XDG735" s="424"/>
      <c r="XDH735" s="424"/>
      <c r="XDI735" s="423" t="s">
        <v>2795</v>
      </c>
      <c r="XDJ735" s="424"/>
      <c r="XDK735" s="424"/>
      <c r="XDL735" s="424"/>
      <c r="XDM735" s="423" t="s">
        <v>2795</v>
      </c>
      <c r="XDN735" s="424"/>
      <c r="XDO735" s="424"/>
      <c r="XDP735" s="424"/>
      <c r="XDQ735" s="423" t="s">
        <v>2795</v>
      </c>
      <c r="XDR735" s="424"/>
      <c r="XDS735" s="424"/>
      <c r="XDT735" s="424"/>
      <c r="XDU735" s="423" t="s">
        <v>2795</v>
      </c>
      <c r="XDV735" s="424"/>
      <c r="XDW735" s="424"/>
      <c r="XDX735" s="424"/>
      <c r="XDY735" s="423" t="s">
        <v>2795</v>
      </c>
      <c r="XDZ735" s="424"/>
      <c r="XEA735" s="424"/>
      <c r="XEB735" s="424"/>
      <c r="XEC735" s="423" t="s">
        <v>2795</v>
      </c>
      <c r="XED735" s="424"/>
      <c r="XEE735" s="424"/>
      <c r="XEF735" s="424"/>
      <c r="XEG735" s="423" t="s">
        <v>2795</v>
      </c>
      <c r="XEH735" s="424"/>
      <c r="XEI735" s="424"/>
      <c r="XEJ735" s="424"/>
      <c r="XEK735" s="423" t="s">
        <v>2795</v>
      </c>
      <c r="XEL735" s="424"/>
      <c r="XEM735" s="424"/>
      <c r="XEN735" s="424"/>
      <c r="XEO735" s="423" t="s">
        <v>2795</v>
      </c>
      <c r="XEP735" s="424"/>
      <c r="XEQ735" s="424"/>
      <c r="XER735" s="424"/>
      <c r="XES735" s="423" t="s">
        <v>2795</v>
      </c>
      <c r="XET735" s="424"/>
      <c r="XEU735" s="424"/>
      <c r="XEV735" s="424"/>
      <c r="XEW735" s="423" t="s">
        <v>2795</v>
      </c>
      <c r="XEX735" s="424"/>
      <c r="XEY735" s="424"/>
      <c r="XEZ735" s="424"/>
      <c r="XFA735" s="423" t="s">
        <v>2795</v>
      </c>
      <c r="XFB735" s="424"/>
      <c r="XFC735" s="424"/>
      <c r="XFD735" s="424"/>
    </row>
    <row r="736" spans="1:16384" s="271" customFormat="1" ht="20" hidden="1">
      <c r="A736" s="423" t="s">
        <v>2795</v>
      </c>
      <c r="B736" s="424"/>
      <c r="C736" s="424"/>
      <c r="D736" s="424"/>
      <c r="E736" s="423" t="s">
        <v>2795</v>
      </c>
      <c r="F736" s="424"/>
      <c r="G736" s="424"/>
      <c r="H736" s="424"/>
      <c r="I736" s="423" t="s">
        <v>2795</v>
      </c>
      <c r="J736" s="424"/>
      <c r="K736" s="424"/>
      <c r="L736" s="424"/>
      <c r="M736" s="423" t="s">
        <v>2795</v>
      </c>
      <c r="N736" s="424"/>
      <c r="O736" s="424"/>
      <c r="P736" s="424"/>
      <c r="Q736" s="426" t="s">
        <v>2795</v>
      </c>
      <c r="R736" s="427"/>
      <c r="S736" s="427"/>
      <c r="T736" s="427"/>
      <c r="U736" s="423" t="s">
        <v>2795</v>
      </c>
      <c r="V736" s="424"/>
      <c r="W736" s="424"/>
      <c r="X736" s="424"/>
      <c r="Y736" s="423" t="s">
        <v>2795</v>
      </c>
      <c r="Z736" s="424"/>
      <c r="AA736" s="424"/>
      <c r="AB736" s="424"/>
      <c r="AC736" s="423" t="s">
        <v>2795</v>
      </c>
      <c r="AD736" s="424"/>
      <c r="AE736" s="424"/>
      <c r="AF736" s="424"/>
      <c r="AG736" s="423" t="s">
        <v>2795</v>
      </c>
      <c r="AH736" s="424"/>
      <c r="AI736" s="424"/>
      <c r="AJ736" s="424"/>
      <c r="AK736" s="423" t="s">
        <v>2795</v>
      </c>
      <c r="AL736" s="424"/>
      <c r="AM736" s="424"/>
      <c r="AN736" s="424"/>
      <c r="AO736" s="423" t="s">
        <v>2795</v>
      </c>
      <c r="AP736" s="424"/>
      <c r="AQ736" s="424"/>
      <c r="AR736" s="424"/>
      <c r="AS736" s="423" t="s">
        <v>2795</v>
      </c>
      <c r="AT736" s="424"/>
      <c r="AU736" s="424"/>
      <c r="AV736" s="424"/>
      <c r="AW736" s="423" t="s">
        <v>2795</v>
      </c>
      <c r="AX736" s="424"/>
      <c r="AY736" s="424"/>
      <c r="AZ736" s="424"/>
      <c r="BA736" s="423" t="s">
        <v>2795</v>
      </c>
      <c r="BB736" s="424"/>
      <c r="BC736" s="424"/>
      <c r="BD736" s="424"/>
      <c r="BE736" s="423" t="s">
        <v>2795</v>
      </c>
      <c r="BF736" s="424"/>
      <c r="BG736" s="424"/>
      <c r="BH736" s="424"/>
      <c r="BI736" s="423" t="s">
        <v>2795</v>
      </c>
      <c r="BJ736" s="424"/>
      <c r="BK736" s="424"/>
      <c r="BL736" s="424"/>
      <c r="BM736" s="423" t="s">
        <v>2795</v>
      </c>
      <c r="BN736" s="424"/>
      <c r="BO736" s="424"/>
      <c r="BP736" s="424"/>
      <c r="BQ736" s="423" t="s">
        <v>2795</v>
      </c>
      <c r="BR736" s="424"/>
      <c r="BS736" s="424"/>
      <c r="BT736" s="424"/>
      <c r="BU736" s="423" t="s">
        <v>2795</v>
      </c>
      <c r="BV736" s="424"/>
      <c r="BW736" s="424"/>
      <c r="BX736" s="424"/>
      <c r="BY736" s="423" t="s">
        <v>2795</v>
      </c>
      <c r="BZ736" s="424"/>
      <c r="CA736" s="424"/>
      <c r="CB736" s="424"/>
      <c r="CC736" s="423" t="s">
        <v>2795</v>
      </c>
      <c r="CD736" s="424"/>
      <c r="CE736" s="424"/>
      <c r="CF736" s="424"/>
      <c r="CG736" s="423" t="s">
        <v>2795</v>
      </c>
      <c r="CH736" s="424"/>
      <c r="CI736" s="424"/>
      <c r="CJ736" s="424"/>
      <c r="CK736" s="423" t="s">
        <v>2795</v>
      </c>
      <c r="CL736" s="424"/>
      <c r="CM736" s="424"/>
      <c r="CN736" s="424"/>
      <c r="CO736" s="423" t="s">
        <v>2795</v>
      </c>
      <c r="CP736" s="424"/>
      <c r="CQ736" s="424"/>
      <c r="CR736" s="424"/>
      <c r="CS736" s="423" t="s">
        <v>2795</v>
      </c>
      <c r="CT736" s="424"/>
      <c r="CU736" s="424"/>
      <c r="CV736" s="424"/>
      <c r="CW736" s="423" t="s">
        <v>2795</v>
      </c>
      <c r="CX736" s="424"/>
      <c r="CY736" s="424"/>
      <c r="CZ736" s="424"/>
      <c r="DA736" s="423" t="s">
        <v>2795</v>
      </c>
      <c r="DB736" s="424"/>
      <c r="DC736" s="424"/>
      <c r="DD736" s="424"/>
      <c r="DE736" s="423" t="s">
        <v>2795</v>
      </c>
      <c r="DF736" s="424"/>
      <c r="DG736" s="424"/>
      <c r="DH736" s="424"/>
      <c r="DI736" s="423" t="s">
        <v>2795</v>
      </c>
      <c r="DJ736" s="424"/>
      <c r="DK736" s="424"/>
      <c r="DL736" s="424"/>
      <c r="DM736" s="423" t="s">
        <v>2795</v>
      </c>
      <c r="DN736" s="424"/>
      <c r="DO736" s="424"/>
      <c r="DP736" s="424"/>
      <c r="DQ736" s="423" t="s">
        <v>2795</v>
      </c>
      <c r="DR736" s="424"/>
      <c r="DS736" s="424"/>
      <c r="DT736" s="424"/>
      <c r="DU736" s="423" t="s">
        <v>2795</v>
      </c>
      <c r="DV736" s="424"/>
      <c r="DW736" s="424"/>
      <c r="DX736" s="424"/>
      <c r="DY736" s="423" t="s">
        <v>2795</v>
      </c>
      <c r="DZ736" s="424"/>
      <c r="EA736" s="424"/>
      <c r="EB736" s="424"/>
      <c r="EC736" s="423" t="s">
        <v>2795</v>
      </c>
      <c r="ED736" s="424"/>
      <c r="EE736" s="424"/>
      <c r="EF736" s="424"/>
      <c r="EG736" s="423" t="s">
        <v>2795</v>
      </c>
      <c r="EH736" s="424"/>
      <c r="EI736" s="424"/>
      <c r="EJ736" s="424"/>
      <c r="EK736" s="423" t="s">
        <v>2795</v>
      </c>
      <c r="EL736" s="424"/>
      <c r="EM736" s="424"/>
      <c r="EN736" s="424"/>
      <c r="EO736" s="423" t="s">
        <v>2795</v>
      </c>
      <c r="EP736" s="424"/>
      <c r="EQ736" s="424"/>
      <c r="ER736" s="424"/>
      <c r="ES736" s="423" t="s">
        <v>2795</v>
      </c>
      <c r="ET736" s="424"/>
      <c r="EU736" s="424"/>
      <c r="EV736" s="424"/>
      <c r="EW736" s="423" t="s">
        <v>2795</v>
      </c>
      <c r="EX736" s="424"/>
      <c r="EY736" s="424"/>
      <c r="EZ736" s="424"/>
      <c r="FA736" s="423" t="s">
        <v>2795</v>
      </c>
      <c r="FB736" s="424"/>
      <c r="FC736" s="424"/>
      <c r="FD736" s="424"/>
      <c r="FE736" s="423" t="s">
        <v>2795</v>
      </c>
      <c r="FF736" s="424"/>
      <c r="FG736" s="424"/>
      <c r="FH736" s="424"/>
      <c r="FI736" s="423" t="s">
        <v>2795</v>
      </c>
      <c r="FJ736" s="424"/>
      <c r="FK736" s="424"/>
      <c r="FL736" s="424"/>
      <c r="FM736" s="423" t="s">
        <v>2795</v>
      </c>
      <c r="FN736" s="424"/>
      <c r="FO736" s="424"/>
      <c r="FP736" s="424"/>
      <c r="FQ736" s="423" t="s">
        <v>2795</v>
      </c>
      <c r="FR736" s="424"/>
      <c r="FS736" s="424"/>
      <c r="FT736" s="424"/>
      <c r="FU736" s="423" t="s">
        <v>2795</v>
      </c>
      <c r="FV736" s="424"/>
      <c r="FW736" s="424"/>
      <c r="FX736" s="424"/>
      <c r="FY736" s="423" t="s">
        <v>2795</v>
      </c>
      <c r="FZ736" s="424"/>
      <c r="GA736" s="424"/>
      <c r="GB736" s="424"/>
      <c r="GC736" s="423" t="s">
        <v>2795</v>
      </c>
      <c r="GD736" s="424"/>
      <c r="GE736" s="424"/>
      <c r="GF736" s="424"/>
      <c r="GG736" s="423" t="s">
        <v>2795</v>
      </c>
      <c r="GH736" s="424"/>
      <c r="GI736" s="424"/>
      <c r="GJ736" s="424"/>
      <c r="GK736" s="423" t="s">
        <v>2795</v>
      </c>
      <c r="GL736" s="424"/>
      <c r="GM736" s="424"/>
      <c r="GN736" s="424"/>
      <c r="GO736" s="423" t="s">
        <v>2795</v>
      </c>
      <c r="GP736" s="424"/>
      <c r="GQ736" s="424"/>
      <c r="GR736" s="424"/>
      <c r="GS736" s="423" t="s">
        <v>2795</v>
      </c>
      <c r="GT736" s="424"/>
      <c r="GU736" s="424"/>
      <c r="GV736" s="424"/>
      <c r="GW736" s="423" t="s">
        <v>2795</v>
      </c>
      <c r="GX736" s="424"/>
      <c r="GY736" s="424"/>
      <c r="GZ736" s="424"/>
      <c r="HA736" s="423" t="s">
        <v>2795</v>
      </c>
      <c r="HB736" s="424"/>
      <c r="HC736" s="424"/>
      <c r="HD736" s="424"/>
      <c r="HE736" s="423" t="s">
        <v>2795</v>
      </c>
      <c r="HF736" s="424"/>
      <c r="HG736" s="424"/>
      <c r="HH736" s="424"/>
      <c r="HI736" s="423" t="s">
        <v>2795</v>
      </c>
      <c r="HJ736" s="424"/>
      <c r="HK736" s="424"/>
      <c r="HL736" s="424"/>
      <c r="HM736" s="423" t="s">
        <v>2795</v>
      </c>
      <c r="HN736" s="424"/>
      <c r="HO736" s="424"/>
      <c r="HP736" s="424"/>
      <c r="HQ736" s="423" t="s">
        <v>2795</v>
      </c>
      <c r="HR736" s="424"/>
      <c r="HS736" s="424"/>
      <c r="HT736" s="424"/>
      <c r="HU736" s="423" t="s">
        <v>2795</v>
      </c>
      <c r="HV736" s="424"/>
      <c r="HW736" s="424"/>
      <c r="HX736" s="424"/>
      <c r="HY736" s="423" t="s">
        <v>2795</v>
      </c>
      <c r="HZ736" s="424"/>
      <c r="IA736" s="424"/>
      <c r="IB736" s="424"/>
      <c r="IC736" s="423" t="s">
        <v>2795</v>
      </c>
      <c r="ID736" s="424"/>
      <c r="IE736" s="424"/>
      <c r="IF736" s="424"/>
      <c r="IG736" s="423" t="s">
        <v>2795</v>
      </c>
      <c r="IH736" s="424"/>
      <c r="II736" s="424"/>
      <c r="IJ736" s="424"/>
      <c r="IK736" s="423" t="s">
        <v>2795</v>
      </c>
      <c r="IL736" s="424"/>
      <c r="IM736" s="424"/>
      <c r="IN736" s="424"/>
      <c r="IO736" s="423" t="s">
        <v>2795</v>
      </c>
      <c r="IP736" s="424"/>
      <c r="IQ736" s="424"/>
      <c r="IR736" s="424"/>
      <c r="IS736" s="423" t="s">
        <v>2795</v>
      </c>
      <c r="IT736" s="424"/>
      <c r="IU736" s="424"/>
      <c r="IV736" s="424"/>
      <c r="IW736" s="423" t="s">
        <v>2795</v>
      </c>
      <c r="IX736" s="424"/>
      <c r="IY736" s="424"/>
      <c r="IZ736" s="424"/>
      <c r="JA736" s="423" t="s">
        <v>2795</v>
      </c>
      <c r="JB736" s="424"/>
      <c r="JC736" s="424"/>
      <c r="JD736" s="424"/>
      <c r="JE736" s="423" t="s">
        <v>2795</v>
      </c>
      <c r="JF736" s="424"/>
      <c r="JG736" s="424"/>
      <c r="JH736" s="424"/>
      <c r="JI736" s="423" t="s">
        <v>2795</v>
      </c>
      <c r="JJ736" s="424"/>
      <c r="JK736" s="424"/>
      <c r="JL736" s="424"/>
      <c r="JM736" s="423" t="s">
        <v>2795</v>
      </c>
      <c r="JN736" s="424"/>
      <c r="JO736" s="424"/>
      <c r="JP736" s="424"/>
      <c r="JQ736" s="423" t="s">
        <v>2795</v>
      </c>
      <c r="JR736" s="424"/>
      <c r="JS736" s="424"/>
      <c r="JT736" s="424"/>
      <c r="JU736" s="423" t="s">
        <v>2795</v>
      </c>
      <c r="JV736" s="424"/>
      <c r="JW736" s="424"/>
      <c r="JX736" s="424"/>
      <c r="JY736" s="423" t="s">
        <v>2795</v>
      </c>
      <c r="JZ736" s="424"/>
      <c r="KA736" s="424"/>
      <c r="KB736" s="424"/>
      <c r="KC736" s="423" t="s">
        <v>2795</v>
      </c>
      <c r="KD736" s="424"/>
      <c r="KE736" s="424"/>
      <c r="KF736" s="424"/>
      <c r="KG736" s="423" t="s">
        <v>2795</v>
      </c>
      <c r="KH736" s="424"/>
      <c r="KI736" s="424"/>
      <c r="KJ736" s="424"/>
      <c r="KK736" s="423" t="s">
        <v>2795</v>
      </c>
      <c r="KL736" s="424"/>
      <c r="KM736" s="424"/>
      <c r="KN736" s="424"/>
      <c r="KO736" s="423" t="s">
        <v>2795</v>
      </c>
      <c r="KP736" s="424"/>
      <c r="KQ736" s="424"/>
      <c r="KR736" s="424"/>
      <c r="KS736" s="423" t="s">
        <v>2795</v>
      </c>
      <c r="KT736" s="424"/>
      <c r="KU736" s="424"/>
      <c r="KV736" s="424"/>
      <c r="KW736" s="423" t="s">
        <v>2795</v>
      </c>
      <c r="KX736" s="424"/>
      <c r="KY736" s="424"/>
      <c r="KZ736" s="424"/>
      <c r="LA736" s="423" t="s">
        <v>2795</v>
      </c>
      <c r="LB736" s="424"/>
      <c r="LC736" s="424"/>
      <c r="LD736" s="424"/>
      <c r="LE736" s="423" t="s">
        <v>2795</v>
      </c>
      <c r="LF736" s="424"/>
      <c r="LG736" s="424"/>
      <c r="LH736" s="424"/>
      <c r="LI736" s="423" t="s">
        <v>2795</v>
      </c>
      <c r="LJ736" s="424"/>
      <c r="LK736" s="424"/>
      <c r="LL736" s="424"/>
      <c r="LM736" s="423" t="s">
        <v>2795</v>
      </c>
      <c r="LN736" s="424"/>
      <c r="LO736" s="424"/>
      <c r="LP736" s="424"/>
      <c r="LQ736" s="423" t="s">
        <v>2795</v>
      </c>
      <c r="LR736" s="424"/>
      <c r="LS736" s="424"/>
      <c r="LT736" s="424"/>
      <c r="LU736" s="423" t="s">
        <v>2795</v>
      </c>
      <c r="LV736" s="424"/>
      <c r="LW736" s="424"/>
      <c r="LX736" s="424"/>
      <c r="LY736" s="423" t="s">
        <v>2795</v>
      </c>
      <c r="LZ736" s="424"/>
      <c r="MA736" s="424"/>
      <c r="MB736" s="424"/>
      <c r="MC736" s="423" t="s">
        <v>2795</v>
      </c>
      <c r="MD736" s="424"/>
      <c r="ME736" s="424"/>
      <c r="MF736" s="424"/>
      <c r="MG736" s="423" t="s">
        <v>2795</v>
      </c>
      <c r="MH736" s="424"/>
      <c r="MI736" s="424"/>
      <c r="MJ736" s="424"/>
      <c r="MK736" s="423" t="s">
        <v>2795</v>
      </c>
      <c r="ML736" s="424"/>
      <c r="MM736" s="424"/>
      <c r="MN736" s="424"/>
      <c r="MO736" s="423" t="s">
        <v>2795</v>
      </c>
      <c r="MP736" s="424"/>
      <c r="MQ736" s="424"/>
      <c r="MR736" s="424"/>
      <c r="MS736" s="423" t="s">
        <v>2795</v>
      </c>
      <c r="MT736" s="424"/>
      <c r="MU736" s="424"/>
      <c r="MV736" s="424"/>
      <c r="MW736" s="423" t="s">
        <v>2795</v>
      </c>
      <c r="MX736" s="424"/>
      <c r="MY736" s="424"/>
      <c r="MZ736" s="424"/>
      <c r="NA736" s="423" t="s">
        <v>2795</v>
      </c>
      <c r="NB736" s="424"/>
      <c r="NC736" s="424"/>
      <c r="ND736" s="424"/>
      <c r="NE736" s="423" t="s">
        <v>2795</v>
      </c>
      <c r="NF736" s="424"/>
      <c r="NG736" s="424"/>
      <c r="NH736" s="424"/>
      <c r="NI736" s="423" t="s">
        <v>2795</v>
      </c>
      <c r="NJ736" s="424"/>
      <c r="NK736" s="424"/>
      <c r="NL736" s="424"/>
      <c r="NM736" s="423" t="s">
        <v>2795</v>
      </c>
      <c r="NN736" s="424"/>
      <c r="NO736" s="424"/>
      <c r="NP736" s="424"/>
      <c r="NQ736" s="423" t="s">
        <v>2795</v>
      </c>
      <c r="NR736" s="424"/>
      <c r="NS736" s="424"/>
      <c r="NT736" s="424"/>
      <c r="NU736" s="423" t="s">
        <v>2795</v>
      </c>
      <c r="NV736" s="424"/>
      <c r="NW736" s="424"/>
      <c r="NX736" s="424"/>
      <c r="NY736" s="423" t="s">
        <v>2795</v>
      </c>
      <c r="NZ736" s="424"/>
      <c r="OA736" s="424"/>
      <c r="OB736" s="424"/>
      <c r="OC736" s="423" t="s">
        <v>2795</v>
      </c>
      <c r="OD736" s="424"/>
      <c r="OE736" s="424"/>
      <c r="OF736" s="424"/>
      <c r="OG736" s="423" t="s">
        <v>2795</v>
      </c>
      <c r="OH736" s="424"/>
      <c r="OI736" s="424"/>
      <c r="OJ736" s="424"/>
      <c r="OK736" s="423" t="s">
        <v>2795</v>
      </c>
      <c r="OL736" s="424"/>
      <c r="OM736" s="424"/>
      <c r="ON736" s="424"/>
      <c r="OO736" s="423" t="s">
        <v>2795</v>
      </c>
      <c r="OP736" s="424"/>
      <c r="OQ736" s="424"/>
      <c r="OR736" s="424"/>
      <c r="OS736" s="423" t="s">
        <v>2795</v>
      </c>
      <c r="OT736" s="424"/>
      <c r="OU736" s="424"/>
      <c r="OV736" s="424"/>
      <c r="OW736" s="423" t="s">
        <v>2795</v>
      </c>
      <c r="OX736" s="424"/>
      <c r="OY736" s="424"/>
      <c r="OZ736" s="424"/>
      <c r="PA736" s="423" t="s">
        <v>2795</v>
      </c>
      <c r="PB736" s="424"/>
      <c r="PC736" s="424"/>
      <c r="PD736" s="424"/>
      <c r="PE736" s="423" t="s">
        <v>2795</v>
      </c>
      <c r="PF736" s="424"/>
      <c r="PG736" s="424"/>
      <c r="PH736" s="424"/>
      <c r="PI736" s="423" t="s">
        <v>2795</v>
      </c>
      <c r="PJ736" s="424"/>
      <c r="PK736" s="424"/>
      <c r="PL736" s="424"/>
      <c r="PM736" s="423" t="s">
        <v>2795</v>
      </c>
      <c r="PN736" s="424"/>
      <c r="PO736" s="424"/>
      <c r="PP736" s="424"/>
      <c r="PQ736" s="423" t="s">
        <v>2795</v>
      </c>
      <c r="PR736" s="424"/>
      <c r="PS736" s="424"/>
      <c r="PT736" s="424"/>
      <c r="PU736" s="423" t="s">
        <v>2795</v>
      </c>
      <c r="PV736" s="424"/>
      <c r="PW736" s="424"/>
      <c r="PX736" s="424"/>
      <c r="PY736" s="423" t="s">
        <v>2795</v>
      </c>
      <c r="PZ736" s="424"/>
      <c r="QA736" s="424"/>
      <c r="QB736" s="424"/>
      <c r="QC736" s="423" t="s">
        <v>2795</v>
      </c>
      <c r="QD736" s="424"/>
      <c r="QE736" s="424"/>
      <c r="QF736" s="424"/>
      <c r="QG736" s="423" t="s">
        <v>2795</v>
      </c>
      <c r="QH736" s="424"/>
      <c r="QI736" s="424"/>
      <c r="QJ736" s="424"/>
      <c r="QK736" s="423" t="s">
        <v>2795</v>
      </c>
      <c r="QL736" s="424"/>
      <c r="QM736" s="424"/>
      <c r="QN736" s="424"/>
      <c r="QO736" s="423" t="s">
        <v>2795</v>
      </c>
      <c r="QP736" s="424"/>
      <c r="QQ736" s="424"/>
      <c r="QR736" s="424"/>
      <c r="QS736" s="423" t="s">
        <v>2795</v>
      </c>
      <c r="QT736" s="424"/>
      <c r="QU736" s="424"/>
      <c r="QV736" s="424"/>
      <c r="QW736" s="423" t="s">
        <v>2795</v>
      </c>
      <c r="QX736" s="424"/>
      <c r="QY736" s="424"/>
      <c r="QZ736" s="424"/>
      <c r="RA736" s="423" t="s">
        <v>2795</v>
      </c>
      <c r="RB736" s="424"/>
      <c r="RC736" s="424"/>
      <c r="RD736" s="424"/>
      <c r="RE736" s="423" t="s">
        <v>2795</v>
      </c>
      <c r="RF736" s="424"/>
      <c r="RG736" s="424"/>
      <c r="RH736" s="424"/>
      <c r="RI736" s="423" t="s">
        <v>2795</v>
      </c>
      <c r="RJ736" s="424"/>
      <c r="RK736" s="424"/>
      <c r="RL736" s="424"/>
      <c r="RM736" s="423" t="s">
        <v>2795</v>
      </c>
      <c r="RN736" s="424"/>
      <c r="RO736" s="424"/>
      <c r="RP736" s="424"/>
      <c r="RQ736" s="423" t="s">
        <v>2795</v>
      </c>
      <c r="RR736" s="424"/>
      <c r="RS736" s="424"/>
      <c r="RT736" s="424"/>
      <c r="RU736" s="423" t="s">
        <v>2795</v>
      </c>
      <c r="RV736" s="424"/>
      <c r="RW736" s="424"/>
      <c r="RX736" s="424"/>
      <c r="RY736" s="423" t="s">
        <v>2795</v>
      </c>
      <c r="RZ736" s="424"/>
      <c r="SA736" s="424"/>
      <c r="SB736" s="424"/>
      <c r="SC736" s="423" t="s">
        <v>2795</v>
      </c>
      <c r="SD736" s="424"/>
      <c r="SE736" s="424"/>
      <c r="SF736" s="424"/>
      <c r="SG736" s="423" t="s">
        <v>2795</v>
      </c>
      <c r="SH736" s="424"/>
      <c r="SI736" s="424"/>
      <c r="SJ736" s="424"/>
      <c r="SK736" s="423" t="s">
        <v>2795</v>
      </c>
      <c r="SL736" s="424"/>
      <c r="SM736" s="424"/>
      <c r="SN736" s="424"/>
      <c r="SO736" s="423" t="s">
        <v>2795</v>
      </c>
      <c r="SP736" s="424"/>
      <c r="SQ736" s="424"/>
      <c r="SR736" s="424"/>
      <c r="SS736" s="423" t="s">
        <v>2795</v>
      </c>
      <c r="ST736" s="424"/>
      <c r="SU736" s="424"/>
      <c r="SV736" s="424"/>
      <c r="SW736" s="423" t="s">
        <v>2795</v>
      </c>
      <c r="SX736" s="424"/>
      <c r="SY736" s="424"/>
      <c r="SZ736" s="424"/>
      <c r="TA736" s="423" t="s">
        <v>2795</v>
      </c>
      <c r="TB736" s="424"/>
      <c r="TC736" s="424"/>
      <c r="TD736" s="424"/>
      <c r="TE736" s="423" t="s">
        <v>2795</v>
      </c>
      <c r="TF736" s="424"/>
      <c r="TG736" s="424"/>
      <c r="TH736" s="424"/>
      <c r="TI736" s="423" t="s">
        <v>2795</v>
      </c>
      <c r="TJ736" s="424"/>
      <c r="TK736" s="424"/>
      <c r="TL736" s="424"/>
      <c r="TM736" s="423" t="s">
        <v>2795</v>
      </c>
      <c r="TN736" s="424"/>
      <c r="TO736" s="424"/>
      <c r="TP736" s="424"/>
      <c r="TQ736" s="423" t="s">
        <v>2795</v>
      </c>
      <c r="TR736" s="424"/>
      <c r="TS736" s="424"/>
      <c r="TT736" s="424"/>
      <c r="TU736" s="423" t="s">
        <v>2795</v>
      </c>
      <c r="TV736" s="424"/>
      <c r="TW736" s="424"/>
      <c r="TX736" s="424"/>
      <c r="TY736" s="423" t="s">
        <v>2795</v>
      </c>
      <c r="TZ736" s="424"/>
      <c r="UA736" s="424"/>
      <c r="UB736" s="424"/>
      <c r="UC736" s="423" t="s">
        <v>2795</v>
      </c>
      <c r="UD736" s="424"/>
      <c r="UE736" s="424"/>
      <c r="UF736" s="424"/>
      <c r="UG736" s="423" t="s">
        <v>2795</v>
      </c>
      <c r="UH736" s="424"/>
      <c r="UI736" s="424"/>
      <c r="UJ736" s="424"/>
      <c r="UK736" s="423" t="s">
        <v>2795</v>
      </c>
      <c r="UL736" s="424"/>
      <c r="UM736" s="424"/>
      <c r="UN736" s="424"/>
      <c r="UO736" s="423" t="s">
        <v>2795</v>
      </c>
      <c r="UP736" s="424"/>
      <c r="UQ736" s="424"/>
      <c r="UR736" s="424"/>
      <c r="US736" s="423" t="s">
        <v>2795</v>
      </c>
      <c r="UT736" s="424"/>
      <c r="UU736" s="424"/>
      <c r="UV736" s="424"/>
      <c r="UW736" s="423" t="s">
        <v>2795</v>
      </c>
      <c r="UX736" s="424"/>
      <c r="UY736" s="424"/>
      <c r="UZ736" s="424"/>
      <c r="VA736" s="423" t="s">
        <v>2795</v>
      </c>
      <c r="VB736" s="424"/>
      <c r="VC736" s="424"/>
      <c r="VD736" s="424"/>
      <c r="VE736" s="423" t="s">
        <v>2795</v>
      </c>
      <c r="VF736" s="424"/>
      <c r="VG736" s="424"/>
      <c r="VH736" s="424"/>
      <c r="VI736" s="423" t="s">
        <v>2795</v>
      </c>
      <c r="VJ736" s="424"/>
      <c r="VK736" s="424"/>
      <c r="VL736" s="424"/>
      <c r="VM736" s="423" t="s">
        <v>2795</v>
      </c>
      <c r="VN736" s="424"/>
      <c r="VO736" s="424"/>
      <c r="VP736" s="424"/>
      <c r="VQ736" s="423" t="s">
        <v>2795</v>
      </c>
      <c r="VR736" s="424"/>
      <c r="VS736" s="424"/>
      <c r="VT736" s="424"/>
      <c r="VU736" s="423" t="s">
        <v>2795</v>
      </c>
      <c r="VV736" s="424"/>
      <c r="VW736" s="424"/>
      <c r="VX736" s="424"/>
      <c r="VY736" s="423" t="s">
        <v>2795</v>
      </c>
      <c r="VZ736" s="424"/>
      <c r="WA736" s="424"/>
      <c r="WB736" s="424"/>
      <c r="WC736" s="423" t="s">
        <v>2795</v>
      </c>
      <c r="WD736" s="424"/>
      <c r="WE736" s="424"/>
      <c r="WF736" s="424"/>
      <c r="WG736" s="423" t="s">
        <v>2795</v>
      </c>
      <c r="WH736" s="424"/>
      <c r="WI736" s="424"/>
      <c r="WJ736" s="424"/>
      <c r="WK736" s="423" t="s">
        <v>2795</v>
      </c>
      <c r="WL736" s="424"/>
      <c r="WM736" s="424"/>
      <c r="WN736" s="424"/>
      <c r="WO736" s="423" t="s">
        <v>2795</v>
      </c>
      <c r="WP736" s="424"/>
      <c r="WQ736" s="424"/>
      <c r="WR736" s="424"/>
      <c r="WS736" s="423" t="s">
        <v>2795</v>
      </c>
      <c r="WT736" s="424"/>
      <c r="WU736" s="424"/>
      <c r="WV736" s="424"/>
      <c r="WW736" s="423" t="s">
        <v>2795</v>
      </c>
      <c r="WX736" s="424"/>
      <c r="WY736" s="424"/>
      <c r="WZ736" s="424"/>
      <c r="XA736" s="423" t="s">
        <v>2795</v>
      </c>
      <c r="XB736" s="424"/>
      <c r="XC736" s="424"/>
      <c r="XD736" s="424"/>
      <c r="XE736" s="423" t="s">
        <v>2795</v>
      </c>
      <c r="XF736" s="424"/>
      <c r="XG736" s="424"/>
      <c r="XH736" s="424"/>
      <c r="XI736" s="423" t="s">
        <v>2795</v>
      </c>
      <c r="XJ736" s="424"/>
      <c r="XK736" s="424"/>
      <c r="XL736" s="424"/>
      <c r="XM736" s="423" t="s">
        <v>2795</v>
      </c>
      <c r="XN736" s="424"/>
      <c r="XO736" s="424"/>
      <c r="XP736" s="424"/>
      <c r="XQ736" s="423" t="s">
        <v>2795</v>
      </c>
      <c r="XR736" s="424"/>
      <c r="XS736" s="424"/>
      <c r="XT736" s="424"/>
      <c r="XU736" s="423" t="s">
        <v>2795</v>
      </c>
      <c r="XV736" s="424"/>
      <c r="XW736" s="424"/>
      <c r="XX736" s="424"/>
      <c r="XY736" s="423" t="s">
        <v>2795</v>
      </c>
      <c r="XZ736" s="424"/>
      <c r="YA736" s="424"/>
      <c r="YB736" s="424"/>
      <c r="YC736" s="423" t="s">
        <v>2795</v>
      </c>
      <c r="YD736" s="424"/>
      <c r="YE736" s="424"/>
      <c r="YF736" s="424"/>
      <c r="YG736" s="423" t="s">
        <v>2795</v>
      </c>
      <c r="YH736" s="424"/>
      <c r="YI736" s="424"/>
      <c r="YJ736" s="424"/>
      <c r="YK736" s="423" t="s">
        <v>2795</v>
      </c>
      <c r="YL736" s="424"/>
      <c r="YM736" s="424"/>
      <c r="YN736" s="424"/>
      <c r="YO736" s="423" t="s">
        <v>2795</v>
      </c>
      <c r="YP736" s="424"/>
      <c r="YQ736" s="424"/>
      <c r="YR736" s="424"/>
      <c r="YS736" s="423" t="s">
        <v>2795</v>
      </c>
      <c r="YT736" s="424"/>
      <c r="YU736" s="424"/>
      <c r="YV736" s="424"/>
      <c r="YW736" s="423" t="s">
        <v>2795</v>
      </c>
      <c r="YX736" s="424"/>
      <c r="YY736" s="424"/>
      <c r="YZ736" s="424"/>
      <c r="ZA736" s="423" t="s">
        <v>2795</v>
      </c>
      <c r="ZB736" s="424"/>
      <c r="ZC736" s="424"/>
      <c r="ZD736" s="424"/>
      <c r="ZE736" s="423" t="s">
        <v>2795</v>
      </c>
      <c r="ZF736" s="424"/>
      <c r="ZG736" s="424"/>
      <c r="ZH736" s="424"/>
      <c r="ZI736" s="423" t="s">
        <v>2795</v>
      </c>
      <c r="ZJ736" s="424"/>
      <c r="ZK736" s="424"/>
      <c r="ZL736" s="424"/>
      <c r="ZM736" s="423" t="s">
        <v>2795</v>
      </c>
      <c r="ZN736" s="424"/>
      <c r="ZO736" s="424"/>
      <c r="ZP736" s="424"/>
      <c r="ZQ736" s="423" t="s">
        <v>2795</v>
      </c>
      <c r="ZR736" s="424"/>
      <c r="ZS736" s="424"/>
      <c r="ZT736" s="424"/>
      <c r="ZU736" s="423" t="s">
        <v>2795</v>
      </c>
      <c r="ZV736" s="424"/>
      <c r="ZW736" s="424"/>
      <c r="ZX736" s="424"/>
      <c r="ZY736" s="423" t="s">
        <v>2795</v>
      </c>
      <c r="ZZ736" s="424"/>
      <c r="AAA736" s="424"/>
      <c r="AAB736" s="424"/>
      <c r="AAC736" s="423" t="s">
        <v>2795</v>
      </c>
      <c r="AAD736" s="424"/>
      <c r="AAE736" s="424"/>
      <c r="AAF736" s="424"/>
      <c r="AAG736" s="423" t="s">
        <v>2795</v>
      </c>
      <c r="AAH736" s="424"/>
      <c r="AAI736" s="424"/>
      <c r="AAJ736" s="424"/>
      <c r="AAK736" s="423" t="s">
        <v>2795</v>
      </c>
      <c r="AAL736" s="424"/>
      <c r="AAM736" s="424"/>
      <c r="AAN736" s="424"/>
      <c r="AAO736" s="423" t="s">
        <v>2795</v>
      </c>
      <c r="AAP736" s="424"/>
      <c r="AAQ736" s="424"/>
      <c r="AAR736" s="424"/>
      <c r="AAS736" s="423" t="s">
        <v>2795</v>
      </c>
      <c r="AAT736" s="424"/>
      <c r="AAU736" s="424"/>
      <c r="AAV736" s="424"/>
      <c r="AAW736" s="423" t="s">
        <v>2795</v>
      </c>
      <c r="AAX736" s="424"/>
      <c r="AAY736" s="424"/>
      <c r="AAZ736" s="424"/>
      <c r="ABA736" s="423" t="s">
        <v>2795</v>
      </c>
      <c r="ABB736" s="424"/>
      <c r="ABC736" s="424"/>
      <c r="ABD736" s="424"/>
      <c r="ABE736" s="423" t="s">
        <v>2795</v>
      </c>
      <c r="ABF736" s="424"/>
      <c r="ABG736" s="424"/>
      <c r="ABH736" s="424"/>
      <c r="ABI736" s="423" t="s">
        <v>2795</v>
      </c>
      <c r="ABJ736" s="424"/>
      <c r="ABK736" s="424"/>
      <c r="ABL736" s="424"/>
      <c r="ABM736" s="423" t="s">
        <v>2795</v>
      </c>
      <c r="ABN736" s="424"/>
      <c r="ABO736" s="424"/>
      <c r="ABP736" s="424"/>
      <c r="ABQ736" s="423" t="s">
        <v>2795</v>
      </c>
      <c r="ABR736" s="424"/>
      <c r="ABS736" s="424"/>
      <c r="ABT736" s="424"/>
      <c r="ABU736" s="423" t="s">
        <v>2795</v>
      </c>
      <c r="ABV736" s="424"/>
      <c r="ABW736" s="424"/>
      <c r="ABX736" s="424"/>
      <c r="ABY736" s="423" t="s">
        <v>2795</v>
      </c>
      <c r="ABZ736" s="424"/>
      <c r="ACA736" s="424"/>
      <c r="ACB736" s="424"/>
      <c r="ACC736" s="423" t="s">
        <v>2795</v>
      </c>
      <c r="ACD736" s="424"/>
      <c r="ACE736" s="424"/>
      <c r="ACF736" s="424"/>
      <c r="ACG736" s="423" t="s">
        <v>2795</v>
      </c>
      <c r="ACH736" s="424"/>
      <c r="ACI736" s="424"/>
      <c r="ACJ736" s="424"/>
      <c r="ACK736" s="423" t="s">
        <v>2795</v>
      </c>
      <c r="ACL736" s="424"/>
      <c r="ACM736" s="424"/>
      <c r="ACN736" s="424"/>
      <c r="ACO736" s="423" t="s">
        <v>2795</v>
      </c>
      <c r="ACP736" s="424"/>
      <c r="ACQ736" s="424"/>
      <c r="ACR736" s="424"/>
      <c r="ACS736" s="423" t="s">
        <v>2795</v>
      </c>
      <c r="ACT736" s="424"/>
      <c r="ACU736" s="424"/>
      <c r="ACV736" s="424"/>
      <c r="ACW736" s="423" t="s">
        <v>2795</v>
      </c>
      <c r="ACX736" s="424"/>
      <c r="ACY736" s="424"/>
      <c r="ACZ736" s="424"/>
      <c r="ADA736" s="423" t="s">
        <v>2795</v>
      </c>
      <c r="ADB736" s="424"/>
      <c r="ADC736" s="424"/>
      <c r="ADD736" s="424"/>
      <c r="ADE736" s="423" t="s">
        <v>2795</v>
      </c>
      <c r="ADF736" s="424"/>
      <c r="ADG736" s="424"/>
      <c r="ADH736" s="424"/>
      <c r="ADI736" s="423" t="s">
        <v>2795</v>
      </c>
      <c r="ADJ736" s="424"/>
      <c r="ADK736" s="424"/>
      <c r="ADL736" s="424"/>
      <c r="ADM736" s="423" t="s">
        <v>2795</v>
      </c>
      <c r="ADN736" s="424"/>
      <c r="ADO736" s="424"/>
      <c r="ADP736" s="424"/>
      <c r="ADQ736" s="423" t="s">
        <v>2795</v>
      </c>
      <c r="ADR736" s="424"/>
      <c r="ADS736" s="424"/>
      <c r="ADT736" s="424"/>
      <c r="ADU736" s="423" t="s">
        <v>2795</v>
      </c>
      <c r="ADV736" s="424"/>
      <c r="ADW736" s="424"/>
      <c r="ADX736" s="424"/>
      <c r="ADY736" s="423" t="s">
        <v>2795</v>
      </c>
      <c r="ADZ736" s="424"/>
      <c r="AEA736" s="424"/>
      <c r="AEB736" s="424"/>
      <c r="AEC736" s="423" t="s">
        <v>2795</v>
      </c>
      <c r="AED736" s="424"/>
      <c r="AEE736" s="424"/>
      <c r="AEF736" s="424"/>
      <c r="AEG736" s="423" t="s">
        <v>2795</v>
      </c>
      <c r="AEH736" s="424"/>
      <c r="AEI736" s="424"/>
      <c r="AEJ736" s="424"/>
      <c r="AEK736" s="423" t="s">
        <v>2795</v>
      </c>
      <c r="AEL736" s="424"/>
      <c r="AEM736" s="424"/>
      <c r="AEN736" s="424"/>
      <c r="AEO736" s="423" t="s">
        <v>2795</v>
      </c>
      <c r="AEP736" s="424"/>
      <c r="AEQ736" s="424"/>
      <c r="AER736" s="424"/>
      <c r="AES736" s="423" t="s">
        <v>2795</v>
      </c>
      <c r="AET736" s="424"/>
      <c r="AEU736" s="424"/>
      <c r="AEV736" s="424"/>
      <c r="AEW736" s="423" t="s">
        <v>2795</v>
      </c>
      <c r="AEX736" s="424"/>
      <c r="AEY736" s="424"/>
      <c r="AEZ736" s="424"/>
      <c r="AFA736" s="423" t="s">
        <v>2795</v>
      </c>
      <c r="AFB736" s="424"/>
      <c r="AFC736" s="424"/>
      <c r="AFD736" s="424"/>
      <c r="AFE736" s="423" t="s">
        <v>2795</v>
      </c>
      <c r="AFF736" s="424"/>
      <c r="AFG736" s="424"/>
      <c r="AFH736" s="424"/>
      <c r="AFI736" s="423" t="s">
        <v>2795</v>
      </c>
      <c r="AFJ736" s="424"/>
      <c r="AFK736" s="424"/>
      <c r="AFL736" s="424"/>
      <c r="AFM736" s="423" t="s">
        <v>2795</v>
      </c>
      <c r="AFN736" s="424"/>
      <c r="AFO736" s="424"/>
      <c r="AFP736" s="424"/>
      <c r="AFQ736" s="423" t="s">
        <v>2795</v>
      </c>
      <c r="AFR736" s="424"/>
      <c r="AFS736" s="424"/>
      <c r="AFT736" s="424"/>
      <c r="AFU736" s="423" t="s">
        <v>2795</v>
      </c>
      <c r="AFV736" s="424"/>
      <c r="AFW736" s="424"/>
      <c r="AFX736" s="424"/>
      <c r="AFY736" s="423" t="s">
        <v>2795</v>
      </c>
      <c r="AFZ736" s="424"/>
      <c r="AGA736" s="424"/>
      <c r="AGB736" s="424"/>
      <c r="AGC736" s="423" t="s">
        <v>2795</v>
      </c>
      <c r="AGD736" s="424"/>
      <c r="AGE736" s="424"/>
      <c r="AGF736" s="424"/>
      <c r="AGG736" s="423" t="s">
        <v>2795</v>
      </c>
      <c r="AGH736" s="424"/>
      <c r="AGI736" s="424"/>
      <c r="AGJ736" s="424"/>
      <c r="AGK736" s="423" t="s">
        <v>2795</v>
      </c>
      <c r="AGL736" s="424"/>
      <c r="AGM736" s="424"/>
      <c r="AGN736" s="424"/>
      <c r="AGO736" s="423" t="s">
        <v>2795</v>
      </c>
      <c r="AGP736" s="424"/>
      <c r="AGQ736" s="424"/>
      <c r="AGR736" s="424"/>
      <c r="AGS736" s="423" t="s">
        <v>2795</v>
      </c>
      <c r="AGT736" s="424"/>
      <c r="AGU736" s="424"/>
      <c r="AGV736" s="424"/>
      <c r="AGW736" s="423" t="s">
        <v>2795</v>
      </c>
      <c r="AGX736" s="424"/>
      <c r="AGY736" s="424"/>
      <c r="AGZ736" s="424"/>
      <c r="AHA736" s="423" t="s">
        <v>2795</v>
      </c>
      <c r="AHB736" s="424"/>
      <c r="AHC736" s="424"/>
      <c r="AHD736" s="424"/>
      <c r="AHE736" s="423" t="s">
        <v>2795</v>
      </c>
      <c r="AHF736" s="424"/>
      <c r="AHG736" s="424"/>
      <c r="AHH736" s="424"/>
      <c r="AHI736" s="423" t="s">
        <v>2795</v>
      </c>
      <c r="AHJ736" s="424"/>
      <c r="AHK736" s="424"/>
      <c r="AHL736" s="424"/>
      <c r="AHM736" s="423" t="s">
        <v>2795</v>
      </c>
      <c r="AHN736" s="424"/>
      <c r="AHO736" s="424"/>
      <c r="AHP736" s="424"/>
      <c r="AHQ736" s="423" t="s">
        <v>2795</v>
      </c>
      <c r="AHR736" s="424"/>
      <c r="AHS736" s="424"/>
      <c r="AHT736" s="424"/>
      <c r="AHU736" s="423" t="s">
        <v>2795</v>
      </c>
      <c r="AHV736" s="424"/>
      <c r="AHW736" s="424"/>
      <c r="AHX736" s="424"/>
      <c r="AHY736" s="423" t="s">
        <v>2795</v>
      </c>
      <c r="AHZ736" s="424"/>
      <c r="AIA736" s="424"/>
      <c r="AIB736" s="424"/>
      <c r="AIC736" s="423" t="s">
        <v>2795</v>
      </c>
      <c r="AID736" s="424"/>
      <c r="AIE736" s="424"/>
      <c r="AIF736" s="424"/>
      <c r="AIG736" s="423" t="s">
        <v>2795</v>
      </c>
      <c r="AIH736" s="424"/>
      <c r="AII736" s="424"/>
      <c r="AIJ736" s="424"/>
      <c r="AIK736" s="423" t="s">
        <v>2795</v>
      </c>
      <c r="AIL736" s="424"/>
      <c r="AIM736" s="424"/>
      <c r="AIN736" s="424"/>
      <c r="AIO736" s="423" t="s">
        <v>2795</v>
      </c>
      <c r="AIP736" s="424"/>
      <c r="AIQ736" s="424"/>
      <c r="AIR736" s="424"/>
      <c r="AIS736" s="423" t="s">
        <v>2795</v>
      </c>
      <c r="AIT736" s="424"/>
      <c r="AIU736" s="424"/>
      <c r="AIV736" s="424"/>
      <c r="AIW736" s="423" t="s">
        <v>2795</v>
      </c>
      <c r="AIX736" s="424"/>
      <c r="AIY736" s="424"/>
      <c r="AIZ736" s="424"/>
      <c r="AJA736" s="423" t="s">
        <v>2795</v>
      </c>
      <c r="AJB736" s="424"/>
      <c r="AJC736" s="424"/>
      <c r="AJD736" s="424"/>
      <c r="AJE736" s="423" t="s">
        <v>2795</v>
      </c>
      <c r="AJF736" s="424"/>
      <c r="AJG736" s="424"/>
      <c r="AJH736" s="424"/>
      <c r="AJI736" s="423" t="s">
        <v>2795</v>
      </c>
      <c r="AJJ736" s="424"/>
      <c r="AJK736" s="424"/>
      <c r="AJL736" s="424"/>
      <c r="AJM736" s="423" t="s">
        <v>2795</v>
      </c>
      <c r="AJN736" s="424"/>
      <c r="AJO736" s="424"/>
      <c r="AJP736" s="424"/>
      <c r="AJQ736" s="423" t="s">
        <v>2795</v>
      </c>
      <c r="AJR736" s="424"/>
      <c r="AJS736" s="424"/>
      <c r="AJT736" s="424"/>
      <c r="AJU736" s="423" t="s">
        <v>2795</v>
      </c>
      <c r="AJV736" s="424"/>
      <c r="AJW736" s="424"/>
      <c r="AJX736" s="424"/>
      <c r="AJY736" s="423" t="s">
        <v>2795</v>
      </c>
      <c r="AJZ736" s="424"/>
      <c r="AKA736" s="424"/>
      <c r="AKB736" s="424"/>
      <c r="AKC736" s="423" t="s">
        <v>2795</v>
      </c>
      <c r="AKD736" s="424"/>
      <c r="AKE736" s="424"/>
      <c r="AKF736" s="424"/>
      <c r="AKG736" s="423" t="s">
        <v>2795</v>
      </c>
      <c r="AKH736" s="424"/>
      <c r="AKI736" s="424"/>
      <c r="AKJ736" s="424"/>
      <c r="AKK736" s="423" t="s">
        <v>2795</v>
      </c>
      <c r="AKL736" s="424"/>
      <c r="AKM736" s="424"/>
      <c r="AKN736" s="424"/>
      <c r="AKO736" s="423" t="s">
        <v>2795</v>
      </c>
      <c r="AKP736" s="424"/>
      <c r="AKQ736" s="424"/>
      <c r="AKR736" s="424"/>
      <c r="AKS736" s="423" t="s">
        <v>2795</v>
      </c>
      <c r="AKT736" s="424"/>
      <c r="AKU736" s="424"/>
      <c r="AKV736" s="424"/>
      <c r="AKW736" s="423" t="s">
        <v>2795</v>
      </c>
      <c r="AKX736" s="424"/>
      <c r="AKY736" s="424"/>
      <c r="AKZ736" s="424"/>
      <c r="ALA736" s="423" t="s">
        <v>2795</v>
      </c>
      <c r="ALB736" s="424"/>
      <c r="ALC736" s="424"/>
      <c r="ALD736" s="424"/>
      <c r="ALE736" s="423" t="s">
        <v>2795</v>
      </c>
      <c r="ALF736" s="424"/>
      <c r="ALG736" s="424"/>
      <c r="ALH736" s="424"/>
      <c r="ALI736" s="423" t="s">
        <v>2795</v>
      </c>
      <c r="ALJ736" s="424"/>
      <c r="ALK736" s="424"/>
      <c r="ALL736" s="424"/>
      <c r="ALM736" s="423" t="s">
        <v>2795</v>
      </c>
      <c r="ALN736" s="424"/>
      <c r="ALO736" s="424"/>
      <c r="ALP736" s="424"/>
      <c r="ALQ736" s="423" t="s">
        <v>2795</v>
      </c>
      <c r="ALR736" s="424"/>
      <c r="ALS736" s="424"/>
      <c r="ALT736" s="424"/>
      <c r="ALU736" s="423" t="s">
        <v>2795</v>
      </c>
      <c r="ALV736" s="424"/>
      <c r="ALW736" s="424"/>
      <c r="ALX736" s="424"/>
      <c r="ALY736" s="423" t="s">
        <v>2795</v>
      </c>
      <c r="ALZ736" s="424"/>
      <c r="AMA736" s="424"/>
      <c r="AMB736" s="424"/>
      <c r="AMC736" s="423" t="s">
        <v>2795</v>
      </c>
      <c r="AMD736" s="424"/>
      <c r="AME736" s="424"/>
      <c r="AMF736" s="424"/>
      <c r="AMG736" s="423" t="s">
        <v>2795</v>
      </c>
      <c r="AMH736" s="424"/>
      <c r="AMI736" s="424"/>
      <c r="AMJ736" s="424"/>
      <c r="AMK736" s="423" t="s">
        <v>2795</v>
      </c>
      <c r="AML736" s="424"/>
      <c r="AMM736" s="424"/>
      <c r="AMN736" s="424"/>
      <c r="AMO736" s="423" t="s">
        <v>2795</v>
      </c>
      <c r="AMP736" s="424"/>
      <c r="AMQ736" s="424"/>
      <c r="AMR736" s="424"/>
      <c r="AMS736" s="423" t="s">
        <v>2795</v>
      </c>
      <c r="AMT736" s="424"/>
      <c r="AMU736" s="424"/>
      <c r="AMV736" s="424"/>
      <c r="AMW736" s="423" t="s">
        <v>2795</v>
      </c>
      <c r="AMX736" s="424"/>
      <c r="AMY736" s="424"/>
      <c r="AMZ736" s="424"/>
      <c r="ANA736" s="423" t="s">
        <v>2795</v>
      </c>
      <c r="ANB736" s="424"/>
      <c r="ANC736" s="424"/>
      <c r="AND736" s="424"/>
      <c r="ANE736" s="423" t="s">
        <v>2795</v>
      </c>
      <c r="ANF736" s="424"/>
      <c r="ANG736" s="424"/>
      <c r="ANH736" s="424"/>
      <c r="ANI736" s="423" t="s">
        <v>2795</v>
      </c>
      <c r="ANJ736" s="424"/>
      <c r="ANK736" s="424"/>
      <c r="ANL736" s="424"/>
      <c r="ANM736" s="423" t="s">
        <v>2795</v>
      </c>
      <c r="ANN736" s="424"/>
      <c r="ANO736" s="424"/>
      <c r="ANP736" s="424"/>
      <c r="ANQ736" s="423" t="s">
        <v>2795</v>
      </c>
      <c r="ANR736" s="424"/>
      <c r="ANS736" s="424"/>
      <c r="ANT736" s="424"/>
      <c r="ANU736" s="423" t="s">
        <v>2795</v>
      </c>
      <c r="ANV736" s="424"/>
      <c r="ANW736" s="424"/>
      <c r="ANX736" s="424"/>
      <c r="ANY736" s="423" t="s">
        <v>2795</v>
      </c>
      <c r="ANZ736" s="424"/>
      <c r="AOA736" s="424"/>
      <c r="AOB736" s="424"/>
      <c r="AOC736" s="423" t="s">
        <v>2795</v>
      </c>
      <c r="AOD736" s="424"/>
      <c r="AOE736" s="424"/>
      <c r="AOF736" s="424"/>
      <c r="AOG736" s="423" t="s">
        <v>2795</v>
      </c>
      <c r="AOH736" s="424"/>
      <c r="AOI736" s="424"/>
      <c r="AOJ736" s="424"/>
      <c r="AOK736" s="423" t="s">
        <v>2795</v>
      </c>
      <c r="AOL736" s="424"/>
      <c r="AOM736" s="424"/>
      <c r="AON736" s="424"/>
      <c r="AOO736" s="423" t="s">
        <v>2795</v>
      </c>
      <c r="AOP736" s="424"/>
      <c r="AOQ736" s="424"/>
      <c r="AOR736" s="424"/>
      <c r="AOS736" s="423" t="s">
        <v>2795</v>
      </c>
      <c r="AOT736" s="424"/>
      <c r="AOU736" s="424"/>
      <c r="AOV736" s="424"/>
      <c r="AOW736" s="423" t="s">
        <v>2795</v>
      </c>
      <c r="AOX736" s="424"/>
      <c r="AOY736" s="424"/>
      <c r="AOZ736" s="424"/>
      <c r="APA736" s="423" t="s">
        <v>2795</v>
      </c>
      <c r="APB736" s="424"/>
      <c r="APC736" s="424"/>
      <c r="APD736" s="424"/>
      <c r="APE736" s="423" t="s">
        <v>2795</v>
      </c>
      <c r="APF736" s="424"/>
      <c r="APG736" s="424"/>
      <c r="APH736" s="424"/>
      <c r="API736" s="423" t="s">
        <v>2795</v>
      </c>
      <c r="APJ736" s="424"/>
      <c r="APK736" s="424"/>
      <c r="APL736" s="424"/>
      <c r="APM736" s="423" t="s">
        <v>2795</v>
      </c>
      <c r="APN736" s="424"/>
      <c r="APO736" s="424"/>
      <c r="APP736" s="424"/>
      <c r="APQ736" s="423" t="s">
        <v>2795</v>
      </c>
      <c r="APR736" s="424"/>
      <c r="APS736" s="424"/>
      <c r="APT736" s="424"/>
      <c r="APU736" s="423" t="s">
        <v>2795</v>
      </c>
      <c r="APV736" s="424"/>
      <c r="APW736" s="424"/>
      <c r="APX736" s="424"/>
      <c r="APY736" s="423" t="s">
        <v>2795</v>
      </c>
      <c r="APZ736" s="424"/>
      <c r="AQA736" s="424"/>
      <c r="AQB736" s="424"/>
      <c r="AQC736" s="423" t="s">
        <v>2795</v>
      </c>
      <c r="AQD736" s="424"/>
      <c r="AQE736" s="424"/>
      <c r="AQF736" s="424"/>
      <c r="AQG736" s="423" t="s">
        <v>2795</v>
      </c>
      <c r="AQH736" s="424"/>
      <c r="AQI736" s="424"/>
      <c r="AQJ736" s="424"/>
      <c r="AQK736" s="423" t="s">
        <v>2795</v>
      </c>
      <c r="AQL736" s="424"/>
      <c r="AQM736" s="424"/>
      <c r="AQN736" s="424"/>
      <c r="AQO736" s="423" t="s">
        <v>2795</v>
      </c>
      <c r="AQP736" s="424"/>
      <c r="AQQ736" s="424"/>
      <c r="AQR736" s="424"/>
      <c r="AQS736" s="423" t="s">
        <v>2795</v>
      </c>
      <c r="AQT736" s="424"/>
      <c r="AQU736" s="424"/>
      <c r="AQV736" s="424"/>
      <c r="AQW736" s="423" t="s">
        <v>2795</v>
      </c>
      <c r="AQX736" s="424"/>
      <c r="AQY736" s="424"/>
      <c r="AQZ736" s="424"/>
      <c r="ARA736" s="423" t="s">
        <v>2795</v>
      </c>
      <c r="ARB736" s="424"/>
      <c r="ARC736" s="424"/>
      <c r="ARD736" s="424"/>
      <c r="ARE736" s="423" t="s">
        <v>2795</v>
      </c>
      <c r="ARF736" s="424"/>
      <c r="ARG736" s="424"/>
      <c r="ARH736" s="424"/>
      <c r="ARI736" s="423" t="s">
        <v>2795</v>
      </c>
      <c r="ARJ736" s="424"/>
      <c r="ARK736" s="424"/>
      <c r="ARL736" s="424"/>
      <c r="ARM736" s="423" t="s">
        <v>2795</v>
      </c>
      <c r="ARN736" s="424"/>
      <c r="ARO736" s="424"/>
      <c r="ARP736" s="424"/>
      <c r="ARQ736" s="423" t="s">
        <v>2795</v>
      </c>
      <c r="ARR736" s="424"/>
      <c r="ARS736" s="424"/>
      <c r="ART736" s="424"/>
      <c r="ARU736" s="423" t="s">
        <v>2795</v>
      </c>
      <c r="ARV736" s="424"/>
      <c r="ARW736" s="424"/>
      <c r="ARX736" s="424"/>
      <c r="ARY736" s="423" t="s">
        <v>2795</v>
      </c>
      <c r="ARZ736" s="424"/>
      <c r="ASA736" s="424"/>
      <c r="ASB736" s="424"/>
      <c r="ASC736" s="423" t="s">
        <v>2795</v>
      </c>
      <c r="ASD736" s="424"/>
      <c r="ASE736" s="424"/>
      <c r="ASF736" s="424"/>
      <c r="ASG736" s="423" t="s">
        <v>2795</v>
      </c>
      <c r="ASH736" s="424"/>
      <c r="ASI736" s="424"/>
      <c r="ASJ736" s="424"/>
      <c r="ASK736" s="423" t="s">
        <v>2795</v>
      </c>
      <c r="ASL736" s="424"/>
      <c r="ASM736" s="424"/>
      <c r="ASN736" s="424"/>
      <c r="ASO736" s="423" t="s">
        <v>2795</v>
      </c>
      <c r="ASP736" s="424"/>
      <c r="ASQ736" s="424"/>
      <c r="ASR736" s="424"/>
      <c r="ASS736" s="423" t="s">
        <v>2795</v>
      </c>
      <c r="AST736" s="424"/>
      <c r="ASU736" s="424"/>
      <c r="ASV736" s="424"/>
      <c r="ASW736" s="423" t="s">
        <v>2795</v>
      </c>
      <c r="ASX736" s="424"/>
      <c r="ASY736" s="424"/>
      <c r="ASZ736" s="424"/>
      <c r="ATA736" s="423" t="s">
        <v>2795</v>
      </c>
      <c r="ATB736" s="424"/>
      <c r="ATC736" s="424"/>
      <c r="ATD736" s="424"/>
      <c r="ATE736" s="423" t="s">
        <v>2795</v>
      </c>
      <c r="ATF736" s="424"/>
      <c r="ATG736" s="424"/>
      <c r="ATH736" s="424"/>
      <c r="ATI736" s="423" t="s">
        <v>2795</v>
      </c>
      <c r="ATJ736" s="424"/>
      <c r="ATK736" s="424"/>
      <c r="ATL736" s="424"/>
      <c r="ATM736" s="423" t="s">
        <v>2795</v>
      </c>
      <c r="ATN736" s="424"/>
      <c r="ATO736" s="424"/>
      <c r="ATP736" s="424"/>
      <c r="ATQ736" s="423" t="s">
        <v>2795</v>
      </c>
      <c r="ATR736" s="424"/>
      <c r="ATS736" s="424"/>
      <c r="ATT736" s="424"/>
      <c r="ATU736" s="423" t="s">
        <v>2795</v>
      </c>
      <c r="ATV736" s="424"/>
      <c r="ATW736" s="424"/>
      <c r="ATX736" s="424"/>
      <c r="ATY736" s="423" t="s">
        <v>2795</v>
      </c>
      <c r="ATZ736" s="424"/>
      <c r="AUA736" s="424"/>
      <c r="AUB736" s="424"/>
      <c r="AUC736" s="423" t="s">
        <v>2795</v>
      </c>
      <c r="AUD736" s="424"/>
      <c r="AUE736" s="424"/>
      <c r="AUF736" s="424"/>
      <c r="AUG736" s="423" t="s">
        <v>2795</v>
      </c>
      <c r="AUH736" s="424"/>
      <c r="AUI736" s="424"/>
      <c r="AUJ736" s="424"/>
      <c r="AUK736" s="423" t="s">
        <v>2795</v>
      </c>
      <c r="AUL736" s="424"/>
      <c r="AUM736" s="424"/>
      <c r="AUN736" s="424"/>
      <c r="AUO736" s="423" t="s">
        <v>2795</v>
      </c>
      <c r="AUP736" s="424"/>
      <c r="AUQ736" s="424"/>
      <c r="AUR736" s="424"/>
      <c r="AUS736" s="423" t="s">
        <v>2795</v>
      </c>
      <c r="AUT736" s="424"/>
      <c r="AUU736" s="424"/>
      <c r="AUV736" s="424"/>
      <c r="AUW736" s="423" t="s">
        <v>2795</v>
      </c>
      <c r="AUX736" s="424"/>
      <c r="AUY736" s="424"/>
      <c r="AUZ736" s="424"/>
      <c r="AVA736" s="423" t="s">
        <v>2795</v>
      </c>
      <c r="AVB736" s="424"/>
      <c r="AVC736" s="424"/>
      <c r="AVD736" s="424"/>
      <c r="AVE736" s="423" t="s">
        <v>2795</v>
      </c>
      <c r="AVF736" s="424"/>
      <c r="AVG736" s="424"/>
      <c r="AVH736" s="424"/>
      <c r="AVI736" s="423" t="s">
        <v>2795</v>
      </c>
      <c r="AVJ736" s="424"/>
      <c r="AVK736" s="424"/>
      <c r="AVL736" s="424"/>
      <c r="AVM736" s="423" t="s">
        <v>2795</v>
      </c>
      <c r="AVN736" s="424"/>
      <c r="AVO736" s="424"/>
      <c r="AVP736" s="424"/>
      <c r="AVQ736" s="423" t="s">
        <v>2795</v>
      </c>
      <c r="AVR736" s="424"/>
      <c r="AVS736" s="424"/>
      <c r="AVT736" s="424"/>
      <c r="AVU736" s="423" t="s">
        <v>2795</v>
      </c>
      <c r="AVV736" s="424"/>
      <c r="AVW736" s="424"/>
      <c r="AVX736" s="424"/>
      <c r="AVY736" s="423" t="s">
        <v>2795</v>
      </c>
      <c r="AVZ736" s="424"/>
      <c r="AWA736" s="424"/>
      <c r="AWB736" s="424"/>
      <c r="AWC736" s="423" t="s">
        <v>2795</v>
      </c>
      <c r="AWD736" s="424"/>
      <c r="AWE736" s="424"/>
      <c r="AWF736" s="424"/>
      <c r="AWG736" s="423" t="s">
        <v>2795</v>
      </c>
      <c r="AWH736" s="424"/>
      <c r="AWI736" s="424"/>
      <c r="AWJ736" s="424"/>
      <c r="AWK736" s="423" t="s">
        <v>2795</v>
      </c>
      <c r="AWL736" s="424"/>
      <c r="AWM736" s="424"/>
      <c r="AWN736" s="424"/>
      <c r="AWO736" s="423" t="s">
        <v>2795</v>
      </c>
      <c r="AWP736" s="424"/>
      <c r="AWQ736" s="424"/>
      <c r="AWR736" s="424"/>
      <c r="AWS736" s="423" t="s">
        <v>2795</v>
      </c>
      <c r="AWT736" s="424"/>
      <c r="AWU736" s="424"/>
      <c r="AWV736" s="424"/>
      <c r="AWW736" s="423" t="s">
        <v>2795</v>
      </c>
      <c r="AWX736" s="424"/>
      <c r="AWY736" s="424"/>
      <c r="AWZ736" s="424"/>
      <c r="AXA736" s="423" t="s">
        <v>2795</v>
      </c>
      <c r="AXB736" s="424"/>
      <c r="AXC736" s="424"/>
      <c r="AXD736" s="424"/>
      <c r="AXE736" s="423" t="s">
        <v>2795</v>
      </c>
      <c r="AXF736" s="424"/>
      <c r="AXG736" s="424"/>
      <c r="AXH736" s="424"/>
      <c r="AXI736" s="423" t="s">
        <v>2795</v>
      </c>
      <c r="AXJ736" s="424"/>
      <c r="AXK736" s="424"/>
      <c r="AXL736" s="424"/>
      <c r="AXM736" s="423" t="s">
        <v>2795</v>
      </c>
      <c r="AXN736" s="424"/>
      <c r="AXO736" s="424"/>
      <c r="AXP736" s="424"/>
      <c r="AXQ736" s="423" t="s">
        <v>2795</v>
      </c>
      <c r="AXR736" s="424"/>
      <c r="AXS736" s="424"/>
      <c r="AXT736" s="424"/>
      <c r="AXU736" s="423" t="s">
        <v>2795</v>
      </c>
      <c r="AXV736" s="424"/>
      <c r="AXW736" s="424"/>
      <c r="AXX736" s="424"/>
      <c r="AXY736" s="423" t="s">
        <v>2795</v>
      </c>
      <c r="AXZ736" s="424"/>
      <c r="AYA736" s="424"/>
      <c r="AYB736" s="424"/>
      <c r="AYC736" s="423" t="s">
        <v>2795</v>
      </c>
      <c r="AYD736" s="424"/>
      <c r="AYE736" s="424"/>
      <c r="AYF736" s="424"/>
      <c r="AYG736" s="423" t="s">
        <v>2795</v>
      </c>
      <c r="AYH736" s="424"/>
      <c r="AYI736" s="424"/>
      <c r="AYJ736" s="424"/>
      <c r="AYK736" s="423" t="s">
        <v>2795</v>
      </c>
      <c r="AYL736" s="424"/>
      <c r="AYM736" s="424"/>
      <c r="AYN736" s="424"/>
      <c r="AYO736" s="423" t="s">
        <v>2795</v>
      </c>
      <c r="AYP736" s="424"/>
      <c r="AYQ736" s="424"/>
      <c r="AYR736" s="424"/>
      <c r="AYS736" s="423" t="s">
        <v>2795</v>
      </c>
      <c r="AYT736" s="424"/>
      <c r="AYU736" s="424"/>
      <c r="AYV736" s="424"/>
      <c r="AYW736" s="423" t="s">
        <v>2795</v>
      </c>
      <c r="AYX736" s="424"/>
      <c r="AYY736" s="424"/>
      <c r="AYZ736" s="424"/>
      <c r="AZA736" s="423" t="s">
        <v>2795</v>
      </c>
      <c r="AZB736" s="424"/>
      <c r="AZC736" s="424"/>
      <c r="AZD736" s="424"/>
      <c r="AZE736" s="423" t="s">
        <v>2795</v>
      </c>
      <c r="AZF736" s="424"/>
      <c r="AZG736" s="424"/>
      <c r="AZH736" s="424"/>
      <c r="AZI736" s="423" t="s">
        <v>2795</v>
      </c>
      <c r="AZJ736" s="424"/>
      <c r="AZK736" s="424"/>
      <c r="AZL736" s="424"/>
      <c r="AZM736" s="423" t="s">
        <v>2795</v>
      </c>
      <c r="AZN736" s="424"/>
      <c r="AZO736" s="424"/>
      <c r="AZP736" s="424"/>
      <c r="AZQ736" s="423" t="s">
        <v>2795</v>
      </c>
      <c r="AZR736" s="424"/>
      <c r="AZS736" s="424"/>
      <c r="AZT736" s="424"/>
      <c r="AZU736" s="423" t="s">
        <v>2795</v>
      </c>
      <c r="AZV736" s="424"/>
      <c r="AZW736" s="424"/>
      <c r="AZX736" s="424"/>
      <c r="AZY736" s="423" t="s">
        <v>2795</v>
      </c>
      <c r="AZZ736" s="424"/>
      <c r="BAA736" s="424"/>
      <c r="BAB736" s="424"/>
      <c r="BAC736" s="423" t="s">
        <v>2795</v>
      </c>
      <c r="BAD736" s="424"/>
      <c r="BAE736" s="424"/>
      <c r="BAF736" s="424"/>
      <c r="BAG736" s="423" t="s">
        <v>2795</v>
      </c>
      <c r="BAH736" s="424"/>
      <c r="BAI736" s="424"/>
      <c r="BAJ736" s="424"/>
      <c r="BAK736" s="423" t="s">
        <v>2795</v>
      </c>
      <c r="BAL736" s="424"/>
      <c r="BAM736" s="424"/>
      <c r="BAN736" s="424"/>
      <c r="BAO736" s="423" t="s">
        <v>2795</v>
      </c>
      <c r="BAP736" s="424"/>
      <c r="BAQ736" s="424"/>
      <c r="BAR736" s="424"/>
      <c r="BAS736" s="423" t="s">
        <v>2795</v>
      </c>
      <c r="BAT736" s="424"/>
      <c r="BAU736" s="424"/>
      <c r="BAV736" s="424"/>
      <c r="BAW736" s="423" t="s">
        <v>2795</v>
      </c>
      <c r="BAX736" s="424"/>
      <c r="BAY736" s="424"/>
      <c r="BAZ736" s="424"/>
      <c r="BBA736" s="423" t="s">
        <v>2795</v>
      </c>
      <c r="BBB736" s="424"/>
      <c r="BBC736" s="424"/>
      <c r="BBD736" s="424"/>
      <c r="BBE736" s="423" t="s">
        <v>2795</v>
      </c>
      <c r="BBF736" s="424"/>
      <c r="BBG736" s="424"/>
      <c r="BBH736" s="424"/>
      <c r="BBI736" s="423" t="s">
        <v>2795</v>
      </c>
      <c r="BBJ736" s="424"/>
      <c r="BBK736" s="424"/>
      <c r="BBL736" s="424"/>
      <c r="BBM736" s="423" t="s">
        <v>2795</v>
      </c>
      <c r="BBN736" s="424"/>
      <c r="BBO736" s="424"/>
      <c r="BBP736" s="424"/>
      <c r="BBQ736" s="423" t="s">
        <v>2795</v>
      </c>
      <c r="BBR736" s="424"/>
      <c r="BBS736" s="424"/>
      <c r="BBT736" s="424"/>
      <c r="BBU736" s="423" t="s">
        <v>2795</v>
      </c>
      <c r="BBV736" s="424"/>
      <c r="BBW736" s="424"/>
      <c r="BBX736" s="424"/>
      <c r="BBY736" s="423" t="s">
        <v>2795</v>
      </c>
      <c r="BBZ736" s="424"/>
      <c r="BCA736" s="424"/>
      <c r="BCB736" s="424"/>
      <c r="BCC736" s="423" t="s">
        <v>2795</v>
      </c>
      <c r="BCD736" s="424"/>
      <c r="BCE736" s="424"/>
      <c r="BCF736" s="424"/>
      <c r="BCG736" s="423" t="s">
        <v>2795</v>
      </c>
      <c r="BCH736" s="424"/>
      <c r="BCI736" s="424"/>
      <c r="BCJ736" s="424"/>
      <c r="BCK736" s="423" t="s">
        <v>2795</v>
      </c>
      <c r="BCL736" s="424"/>
      <c r="BCM736" s="424"/>
      <c r="BCN736" s="424"/>
      <c r="BCO736" s="423" t="s">
        <v>2795</v>
      </c>
      <c r="BCP736" s="424"/>
      <c r="BCQ736" s="424"/>
      <c r="BCR736" s="424"/>
      <c r="BCS736" s="423" t="s">
        <v>2795</v>
      </c>
      <c r="BCT736" s="424"/>
      <c r="BCU736" s="424"/>
      <c r="BCV736" s="424"/>
      <c r="BCW736" s="423" t="s">
        <v>2795</v>
      </c>
      <c r="BCX736" s="424"/>
      <c r="BCY736" s="424"/>
      <c r="BCZ736" s="424"/>
      <c r="BDA736" s="423" t="s">
        <v>2795</v>
      </c>
      <c r="BDB736" s="424"/>
      <c r="BDC736" s="424"/>
      <c r="BDD736" s="424"/>
      <c r="BDE736" s="423" t="s">
        <v>2795</v>
      </c>
      <c r="BDF736" s="424"/>
      <c r="BDG736" s="424"/>
      <c r="BDH736" s="424"/>
      <c r="BDI736" s="423" t="s">
        <v>2795</v>
      </c>
      <c r="BDJ736" s="424"/>
      <c r="BDK736" s="424"/>
      <c r="BDL736" s="424"/>
      <c r="BDM736" s="423" t="s">
        <v>2795</v>
      </c>
      <c r="BDN736" s="424"/>
      <c r="BDO736" s="424"/>
      <c r="BDP736" s="424"/>
      <c r="BDQ736" s="423" t="s">
        <v>2795</v>
      </c>
      <c r="BDR736" s="424"/>
      <c r="BDS736" s="424"/>
      <c r="BDT736" s="424"/>
      <c r="BDU736" s="423" t="s">
        <v>2795</v>
      </c>
      <c r="BDV736" s="424"/>
      <c r="BDW736" s="424"/>
      <c r="BDX736" s="424"/>
      <c r="BDY736" s="423" t="s">
        <v>2795</v>
      </c>
      <c r="BDZ736" s="424"/>
      <c r="BEA736" s="424"/>
      <c r="BEB736" s="424"/>
      <c r="BEC736" s="423" t="s">
        <v>2795</v>
      </c>
      <c r="BED736" s="424"/>
      <c r="BEE736" s="424"/>
      <c r="BEF736" s="424"/>
      <c r="BEG736" s="423" t="s">
        <v>2795</v>
      </c>
      <c r="BEH736" s="424"/>
      <c r="BEI736" s="424"/>
      <c r="BEJ736" s="424"/>
      <c r="BEK736" s="423" t="s">
        <v>2795</v>
      </c>
      <c r="BEL736" s="424"/>
      <c r="BEM736" s="424"/>
      <c r="BEN736" s="424"/>
      <c r="BEO736" s="423" t="s">
        <v>2795</v>
      </c>
      <c r="BEP736" s="424"/>
      <c r="BEQ736" s="424"/>
      <c r="BER736" s="424"/>
      <c r="BES736" s="423" t="s">
        <v>2795</v>
      </c>
      <c r="BET736" s="424"/>
      <c r="BEU736" s="424"/>
      <c r="BEV736" s="424"/>
      <c r="BEW736" s="423" t="s">
        <v>2795</v>
      </c>
      <c r="BEX736" s="424"/>
      <c r="BEY736" s="424"/>
      <c r="BEZ736" s="424"/>
      <c r="BFA736" s="423" t="s">
        <v>2795</v>
      </c>
      <c r="BFB736" s="424"/>
      <c r="BFC736" s="424"/>
      <c r="BFD736" s="424"/>
      <c r="BFE736" s="423" t="s">
        <v>2795</v>
      </c>
      <c r="BFF736" s="424"/>
      <c r="BFG736" s="424"/>
      <c r="BFH736" s="424"/>
      <c r="BFI736" s="423" t="s">
        <v>2795</v>
      </c>
      <c r="BFJ736" s="424"/>
      <c r="BFK736" s="424"/>
      <c r="BFL736" s="424"/>
      <c r="BFM736" s="423" t="s">
        <v>2795</v>
      </c>
      <c r="BFN736" s="424"/>
      <c r="BFO736" s="424"/>
      <c r="BFP736" s="424"/>
      <c r="BFQ736" s="423" t="s">
        <v>2795</v>
      </c>
      <c r="BFR736" s="424"/>
      <c r="BFS736" s="424"/>
      <c r="BFT736" s="424"/>
      <c r="BFU736" s="423" t="s">
        <v>2795</v>
      </c>
      <c r="BFV736" s="424"/>
      <c r="BFW736" s="424"/>
      <c r="BFX736" s="424"/>
      <c r="BFY736" s="423" t="s">
        <v>2795</v>
      </c>
      <c r="BFZ736" s="424"/>
      <c r="BGA736" s="424"/>
      <c r="BGB736" s="424"/>
      <c r="BGC736" s="423" t="s">
        <v>2795</v>
      </c>
      <c r="BGD736" s="424"/>
      <c r="BGE736" s="424"/>
      <c r="BGF736" s="424"/>
      <c r="BGG736" s="423" t="s">
        <v>2795</v>
      </c>
      <c r="BGH736" s="424"/>
      <c r="BGI736" s="424"/>
      <c r="BGJ736" s="424"/>
      <c r="BGK736" s="423" t="s">
        <v>2795</v>
      </c>
      <c r="BGL736" s="424"/>
      <c r="BGM736" s="424"/>
      <c r="BGN736" s="424"/>
      <c r="BGO736" s="423" t="s">
        <v>2795</v>
      </c>
      <c r="BGP736" s="424"/>
      <c r="BGQ736" s="424"/>
      <c r="BGR736" s="424"/>
      <c r="BGS736" s="423" t="s">
        <v>2795</v>
      </c>
      <c r="BGT736" s="424"/>
      <c r="BGU736" s="424"/>
      <c r="BGV736" s="424"/>
      <c r="BGW736" s="423" t="s">
        <v>2795</v>
      </c>
      <c r="BGX736" s="424"/>
      <c r="BGY736" s="424"/>
      <c r="BGZ736" s="424"/>
      <c r="BHA736" s="423" t="s">
        <v>2795</v>
      </c>
      <c r="BHB736" s="424"/>
      <c r="BHC736" s="424"/>
      <c r="BHD736" s="424"/>
      <c r="BHE736" s="423" t="s">
        <v>2795</v>
      </c>
      <c r="BHF736" s="424"/>
      <c r="BHG736" s="424"/>
      <c r="BHH736" s="424"/>
      <c r="BHI736" s="423" t="s">
        <v>2795</v>
      </c>
      <c r="BHJ736" s="424"/>
      <c r="BHK736" s="424"/>
      <c r="BHL736" s="424"/>
      <c r="BHM736" s="423" t="s">
        <v>2795</v>
      </c>
      <c r="BHN736" s="424"/>
      <c r="BHO736" s="424"/>
      <c r="BHP736" s="424"/>
      <c r="BHQ736" s="423" t="s">
        <v>2795</v>
      </c>
      <c r="BHR736" s="424"/>
      <c r="BHS736" s="424"/>
      <c r="BHT736" s="424"/>
      <c r="BHU736" s="423" t="s">
        <v>2795</v>
      </c>
      <c r="BHV736" s="424"/>
      <c r="BHW736" s="424"/>
      <c r="BHX736" s="424"/>
      <c r="BHY736" s="423" t="s">
        <v>2795</v>
      </c>
      <c r="BHZ736" s="424"/>
      <c r="BIA736" s="424"/>
      <c r="BIB736" s="424"/>
      <c r="BIC736" s="423" t="s">
        <v>2795</v>
      </c>
      <c r="BID736" s="424"/>
      <c r="BIE736" s="424"/>
      <c r="BIF736" s="424"/>
      <c r="BIG736" s="423" t="s">
        <v>2795</v>
      </c>
      <c r="BIH736" s="424"/>
      <c r="BII736" s="424"/>
      <c r="BIJ736" s="424"/>
      <c r="BIK736" s="423" t="s">
        <v>2795</v>
      </c>
      <c r="BIL736" s="424"/>
      <c r="BIM736" s="424"/>
      <c r="BIN736" s="424"/>
      <c r="BIO736" s="423" t="s">
        <v>2795</v>
      </c>
      <c r="BIP736" s="424"/>
      <c r="BIQ736" s="424"/>
      <c r="BIR736" s="424"/>
      <c r="BIS736" s="423" t="s">
        <v>2795</v>
      </c>
      <c r="BIT736" s="424"/>
      <c r="BIU736" s="424"/>
      <c r="BIV736" s="424"/>
      <c r="BIW736" s="423" t="s">
        <v>2795</v>
      </c>
      <c r="BIX736" s="424"/>
      <c r="BIY736" s="424"/>
      <c r="BIZ736" s="424"/>
      <c r="BJA736" s="423" t="s">
        <v>2795</v>
      </c>
      <c r="BJB736" s="424"/>
      <c r="BJC736" s="424"/>
      <c r="BJD736" s="424"/>
      <c r="BJE736" s="423" t="s">
        <v>2795</v>
      </c>
      <c r="BJF736" s="424"/>
      <c r="BJG736" s="424"/>
      <c r="BJH736" s="424"/>
      <c r="BJI736" s="423" t="s">
        <v>2795</v>
      </c>
      <c r="BJJ736" s="424"/>
      <c r="BJK736" s="424"/>
      <c r="BJL736" s="424"/>
      <c r="BJM736" s="423" t="s">
        <v>2795</v>
      </c>
      <c r="BJN736" s="424"/>
      <c r="BJO736" s="424"/>
      <c r="BJP736" s="424"/>
      <c r="BJQ736" s="423" t="s">
        <v>2795</v>
      </c>
      <c r="BJR736" s="424"/>
      <c r="BJS736" s="424"/>
      <c r="BJT736" s="424"/>
      <c r="BJU736" s="423" t="s">
        <v>2795</v>
      </c>
      <c r="BJV736" s="424"/>
      <c r="BJW736" s="424"/>
      <c r="BJX736" s="424"/>
      <c r="BJY736" s="423" t="s">
        <v>2795</v>
      </c>
      <c r="BJZ736" s="424"/>
      <c r="BKA736" s="424"/>
      <c r="BKB736" s="424"/>
      <c r="BKC736" s="423" t="s">
        <v>2795</v>
      </c>
      <c r="BKD736" s="424"/>
      <c r="BKE736" s="424"/>
      <c r="BKF736" s="424"/>
      <c r="BKG736" s="423" t="s">
        <v>2795</v>
      </c>
      <c r="BKH736" s="424"/>
      <c r="BKI736" s="424"/>
      <c r="BKJ736" s="424"/>
      <c r="BKK736" s="423" t="s">
        <v>2795</v>
      </c>
      <c r="BKL736" s="424"/>
      <c r="BKM736" s="424"/>
      <c r="BKN736" s="424"/>
      <c r="BKO736" s="423" t="s">
        <v>2795</v>
      </c>
      <c r="BKP736" s="424"/>
      <c r="BKQ736" s="424"/>
      <c r="BKR736" s="424"/>
      <c r="BKS736" s="423" t="s">
        <v>2795</v>
      </c>
      <c r="BKT736" s="424"/>
      <c r="BKU736" s="424"/>
      <c r="BKV736" s="424"/>
      <c r="BKW736" s="423" t="s">
        <v>2795</v>
      </c>
      <c r="BKX736" s="424"/>
      <c r="BKY736" s="424"/>
      <c r="BKZ736" s="424"/>
      <c r="BLA736" s="423" t="s">
        <v>2795</v>
      </c>
      <c r="BLB736" s="424"/>
      <c r="BLC736" s="424"/>
      <c r="BLD736" s="424"/>
      <c r="BLE736" s="423" t="s">
        <v>2795</v>
      </c>
      <c r="BLF736" s="424"/>
      <c r="BLG736" s="424"/>
      <c r="BLH736" s="424"/>
      <c r="BLI736" s="423" t="s">
        <v>2795</v>
      </c>
      <c r="BLJ736" s="424"/>
      <c r="BLK736" s="424"/>
      <c r="BLL736" s="424"/>
      <c r="BLM736" s="423" t="s">
        <v>2795</v>
      </c>
      <c r="BLN736" s="424"/>
      <c r="BLO736" s="424"/>
      <c r="BLP736" s="424"/>
      <c r="BLQ736" s="423" t="s">
        <v>2795</v>
      </c>
      <c r="BLR736" s="424"/>
      <c r="BLS736" s="424"/>
      <c r="BLT736" s="424"/>
      <c r="BLU736" s="423" t="s">
        <v>2795</v>
      </c>
      <c r="BLV736" s="424"/>
      <c r="BLW736" s="424"/>
      <c r="BLX736" s="424"/>
      <c r="BLY736" s="423" t="s">
        <v>2795</v>
      </c>
      <c r="BLZ736" s="424"/>
      <c r="BMA736" s="424"/>
      <c r="BMB736" s="424"/>
      <c r="BMC736" s="423" t="s">
        <v>2795</v>
      </c>
      <c r="BMD736" s="424"/>
      <c r="BME736" s="424"/>
      <c r="BMF736" s="424"/>
      <c r="BMG736" s="423" t="s">
        <v>2795</v>
      </c>
      <c r="BMH736" s="424"/>
      <c r="BMI736" s="424"/>
      <c r="BMJ736" s="424"/>
      <c r="BMK736" s="423" t="s">
        <v>2795</v>
      </c>
      <c r="BML736" s="424"/>
      <c r="BMM736" s="424"/>
      <c r="BMN736" s="424"/>
      <c r="BMO736" s="423" t="s">
        <v>2795</v>
      </c>
      <c r="BMP736" s="424"/>
      <c r="BMQ736" s="424"/>
      <c r="BMR736" s="424"/>
      <c r="BMS736" s="423" t="s">
        <v>2795</v>
      </c>
      <c r="BMT736" s="424"/>
      <c r="BMU736" s="424"/>
      <c r="BMV736" s="424"/>
      <c r="BMW736" s="423" t="s">
        <v>2795</v>
      </c>
      <c r="BMX736" s="424"/>
      <c r="BMY736" s="424"/>
      <c r="BMZ736" s="424"/>
      <c r="BNA736" s="423" t="s">
        <v>2795</v>
      </c>
      <c r="BNB736" s="424"/>
      <c r="BNC736" s="424"/>
      <c r="BND736" s="424"/>
      <c r="BNE736" s="423" t="s">
        <v>2795</v>
      </c>
      <c r="BNF736" s="424"/>
      <c r="BNG736" s="424"/>
      <c r="BNH736" s="424"/>
      <c r="BNI736" s="423" t="s">
        <v>2795</v>
      </c>
      <c r="BNJ736" s="424"/>
      <c r="BNK736" s="424"/>
      <c r="BNL736" s="424"/>
      <c r="BNM736" s="423" t="s">
        <v>2795</v>
      </c>
      <c r="BNN736" s="424"/>
      <c r="BNO736" s="424"/>
      <c r="BNP736" s="424"/>
      <c r="BNQ736" s="423" t="s">
        <v>2795</v>
      </c>
      <c r="BNR736" s="424"/>
      <c r="BNS736" s="424"/>
      <c r="BNT736" s="424"/>
      <c r="BNU736" s="423" t="s">
        <v>2795</v>
      </c>
      <c r="BNV736" s="424"/>
      <c r="BNW736" s="424"/>
      <c r="BNX736" s="424"/>
      <c r="BNY736" s="423" t="s">
        <v>2795</v>
      </c>
      <c r="BNZ736" s="424"/>
      <c r="BOA736" s="424"/>
      <c r="BOB736" s="424"/>
      <c r="BOC736" s="423" t="s">
        <v>2795</v>
      </c>
      <c r="BOD736" s="424"/>
      <c r="BOE736" s="424"/>
      <c r="BOF736" s="424"/>
      <c r="BOG736" s="423" t="s">
        <v>2795</v>
      </c>
      <c r="BOH736" s="424"/>
      <c r="BOI736" s="424"/>
      <c r="BOJ736" s="424"/>
      <c r="BOK736" s="423" t="s">
        <v>2795</v>
      </c>
      <c r="BOL736" s="424"/>
      <c r="BOM736" s="424"/>
      <c r="BON736" s="424"/>
      <c r="BOO736" s="423" t="s">
        <v>2795</v>
      </c>
      <c r="BOP736" s="424"/>
      <c r="BOQ736" s="424"/>
      <c r="BOR736" s="424"/>
      <c r="BOS736" s="423" t="s">
        <v>2795</v>
      </c>
      <c r="BOT736" s="424"/>
      <c r="BOU736" s="424"/>
      <c r="BOV736" s="424"/>
      <c r="BOW736" s="423" t="s">
        <v>2795</v>
      </c>
      <c r="BOX736" s="424"/>
      <c r="BOY736" s="424"/>
      <c r="BOZ736" s="424"/>
      <c r="BPA736" s="423" t="s">
        <v>2795</v>
      </c>
      <c r="BPB736" s="424"/>
      <c r="BPC736" s="424"/>
      <c r="BPD736" s="424"/>
      <c r="BPE736" s="423" t="s">
        <v>2795</v>
      </c>
      <c r="BPF736" s="424"/>
      <c r="BPG736" s="424"/>
      <c r="BPH736" s="424"/>
      <c r="BPI736" s="423" t="s">
        <v>2795</v>
      </c>
      <c r="BPJ736" s="424"/>
      <c r="BPK736" s="424"/>
      <c r="BPL736" s="424"/>
      <c r="BPM736" s="423" t="s">
        <v>2795</v>
      </c>
      <c r="BPN736" s="424"/>
      <c r="BPO736" s="424"/>
      <c r="BPP736" s="424"/>
      <c r="BPQ736" s="423" t="s">
        <v>2795</v>
      </c>
      <c r="BPR736" s="424"/>
      <c r="BPS736" s="424"/>
      <c r="BPT736" s="424"/>
      <c r="BPU736" s="423" t="s">
        <v>2795</v>
      </c>
      <c r="BPV736" s="424"/>
      <c r="BPW736" s="424"/>
      <c r="BPX736" s="424"/>
      <c r="BPY736" s="423" t="s">
        <v>2795</v>
      </c>
      <c r="BPZ736" s="424"/>
      <c r="BQA736" s="424"/>
      <c r="BQB736" s="424"/>
      <c r="BQC736" s="423" t="s">
        <v>2795</v>
      </c>
      <c r="BQD736" s="424"/>
      <c r="BQE736" s="424"/>
      <c r="BQF736" s="424"/>
      <c r="BQG736" s="423" t="s">
        <v>2795</v>
      </c>
      <c r="BQH736" s="424"/>
      <c r="BQI736" s="424"/>
      <c r="BQJ736" s="424"/>
      <c r="BQK736" s="423" t="s">
        <v>2795</v>
      </c>
      <c r="BQL736" s="424"/>
      <c r="BQM736" s="424"/>
      <c r="BQN736" s="424"/>
      <c r="BQO736" s="423" t="s">
        <v>2795</v>
      </c>
      <c r="BQP736" s="424"/>
      <c r="BQQ736" s="424"/>
      <c r="BQR736" s="424"/>
      <c r="BQS736" s="423" t="s">
        <v>2795</v>
      </c>
      <c r="BQT736" s="424"/>
      <c r="BQU736" s="424"/>
      <c r="BQV736" s="424"/>
      <c r="BQW736" s="423" t="s">
        <v>2795</v>
      </c>
      <c r="BQX736" s="424"/>
      <c r="BQY736" s="424"/>
      <c r="BQZ736" s="424"/>
      <c r="BRA736" s="423" t="s">
        <v>2795</v>
      </c>
      <c r="BRB736" s="424"/>
      <c r="BRC736" s="424"/>
      <c r="BRD736" s="424"/>
      <c r="BRE736" s="423" t="s">
        <v>2795</v>
      </c>
      <c r="BRF736" s="424"/>
      <c r="BRG736" s="424"/>
      <c r="BRH736" s="424"/>
      <c r="BRI736" s="423" t="s">
        <v>2795</v>
      </c>
      <c r="BRJ736" s="424"/>
      <c r="BRK736" s="424"/>
      <c r="BRL736" s="424"/>
      <c r="BRM736" s="423" t="s">
        <v>2795</v>
      </c>
      <c r="BRN736" s="424"/>
      <c r="BRO736" s="424"/>
      <c r="BRP736" s="424"/>
      <c r="BRQ736" s="423" t="s">
        <v>2795</v>
      </c>
      <c r="BRR736" s="424"/>
      <c r="BRS736" s="424"/>
      <c r="BRT736" s="424"/>
      <c r="BRU736" s="423" t="s">
        <v>2795</v>
      </c>
      <c r="BRV736" s="424"/>
      <c r="BRW736" s="424"/>
      <c r="BRX736" s="424"/>
      <c r="BRY736" s="423" t="s">
        <v>2795</v>
      </c>
      <c r="BRZ736" s="424"/>
      <c r="BSA736" s="424"/>
      <c r="BSB736" s="424"/>
      <c r="BSC736" s="423" t="s">
        <v>2795</v>
      </c>
      <c r="BSD736" s="424"/>
      <c r="BSE736" s="424"/>
      <c r="BSF736" s="424"/>
      <c r="BSG736" s="423" t="s">
        <v>2795</v>
      </c>
      <c r="BSH736" s="424"/>
      <c r="BSI736" s="424"/>
      <c r="BSJ736" s="424"/>
      <c r="BSK736" s="423" t="s">
        <v>2795</v>
      </c>
      <c r="BSL736" s="424"/>
      <c r="BSM736" s="424"/>
      <c r="BSN736" s="424"/>
      <c r="BSO736" s="423" t="s">
        <v>2795</v>
      </c>
      <c r="BSP736" s="424"/>
      <c r="BSQ736" s="424"/>
      <c r="BSR736" s="424"/>
      <c r="BSS736" s="423" t="s">
        <v>2795</v>
      </c>
      <c r="BST736" s="424"/>
      <c r="BSU736" s="424"/>
      <c r="BSV736" s="424"/>
      <c r="BSW736" s="423" t="s">
        <v>2795</v>
      </c>
      <c r="BSX736" s="424"/>
      <c r="BSY736" s="424"/>
      <c r="BSZ736" s="424"/>
      <c r="BTA736" s="423" t="s">
        <v>2795</v>
      </c>
      <c r="BTB736" s="424"/>
      <c r="BTC736" s="424"/>
      <c r="BTD736" s="424"/>
      <c r="BTE736" s="423" t="s">
        <v>2795</v>
      </c>
      <c r="BTF736" s="424"/>
      <c r="BTG736" s="424"/>
      <c r="BTH736" s="424"/>
      <c r="BTI736" s="423" t="s">
        <v>2795</v>
      </c>
      <c r="BTJ736" s="424"/>
      <c r="BTK736" s="424"/>
      <c r="BTL736" s="424"/>
      <c r="BTM736" s="423" t="s">
        <v>2795</v>
      </c>
      <c r="BTN736" s="424"/>
      <c r="BTO736" s="424"/>
      <c r="BTP736" s="424"/>
      <c r="BTQ736" s="423" t="s">
        <v>2795</v>
      </c>
      <c r="BTR736" s="424"/>
      <c r="BTS736" s="424"/>
      <c r="BTT736" s="424"/>
      <c r="BTU736" s="423" t="s">
        <v>2795</v>
      </c>
      <c r="BTV736" s="424"/>
      <c r="BTW736" s="424"/>
      <c r="BTX736" s="424"/>
      <c r="BTY736" s="423" t="s">
        <v>2795</v>
      </c>
      <c r="BTZ736" s="424"/>
      <c r="BUA736" s="424"/>
      <c r="BUB736" s="424"/>
      <c r="BUC736" s="423" t="s">
        <v>2795</v>
      </c>
      <c r="BUD736" s="424"/>
      <c r="BUE736" s="424"/>
      <c r="BUF736" s="424"/>
      <c r="BUG736" s="423" t="s">
        <v>2795</v>
      </c>
      <c r="BUH736" s="424"/>
      <c r="BUI736" s="424"/>
      <c r="BUJ736" s="424"/>
      <c r="BUK736" s="423" t="s">
        <v>2795</v>
      </c>
      <c r="BUL736" s="424"/>
      <c r="BUM736" s="424"/>
      <c r="BUN736" s="424"/>
      <c r="BUO736" s="423" t="s">
        <v>2795</v>
      </c>
      <c r="BUP736" s="424"/>
      <c r="BUQ736" s="424"/>
      <c r="BUR736" s="424"/>
      <c r="BUS736" s="423" t="s">
        <v>2795</v>
      </c>
      <c r="BUT736" s="424"/>
      <c r="BUU736" s="424"/>
      <c r="BUV736" s="424"/>
      <c r="BUW736" s="423" t="s">
        <v>2795</v>
      </c>
      <c r="BUX736" s="424"/>
      <c r="BUY736" s="424"/>
      <c r="BUZ736" s="424"/>
      <c r="BVA736" s="423" t="s">
        <v>2795</v>
      </c>
      <c r="BVB736" s="424"/>
      <c r="BVC736" s="424"/>
      <c r="BVD736" s="424"/>
      <c r="BVE736" s="423" t="s">
        <v>2795</v>
      </c>
      <c r="BVF736" s="424"/>
      <c r="BVG736" s="424"/>
      <c r="BVH736" s="424"/>
      <c r="BVI736" s="423" t="s">
        <v>2795</v>
      </c>
      <c r="BVJ736" s="424"/>
      <c r="BVK736" s="424"/>
      <c r="BVL736" s="424"/>
      <c r="BVM736" s="423" t="s">
        <v>2795</v>
      </c>
      <c r="BVN736" s="424"/>
      <c r="BVO736" s="424"/>
      <c r="BVP736" s="424"/>
      <c r="BVQ736" s="423" t="s">
        <v>2795</v>
      </c>
      <c r="BVR736" s="424"/>
      <c r="BVS736" s="424"/>
      <c r="BVT736" s="424"/>
      <c r="BVU736" s="423" t="s">
        <v>2795</v>
      </c>
      <c r="BVV736" s="424"/>
      <c r="BVW736" s="424"/>
      <c r="BVX736" s="424"/>
      <c r="BVY736" s="423" t="s">
        <v>2795</v>
      </c>
      <c r="BVZ736" s="424"/>
      <c r="BWA736" s="424"/>
      <c r="BWB736" s="424"/>
      <c r="BWC736" s="423" t="s">
        <v>2795</v>
      </c>
      <c r="BWD736" s="424"/>
      <c r="BWE736" s="424"/>
      <c r="BWF736" s="424"/>
      <c r="BWG736" s="423" t="s">
        <v>2795</v>
      </c>
      <c r="BWH736" s="424"/>
      <c r="BWI736" s="424"/>
      <c r="BWJ736" s="424"/>
      <c r="BWK736" s="423" t="s">
        <v>2795</v>
      </c>
      <c r="BWL736" s="424"/>
      <c r="BWM736" s="424"/>
      <c r="BWN736" s="424"/>
      <c r="BWO736" s="423" t="s">
        <v>2795</v>
      </c>
      <c r="BWP736" s="424"/>
      <c r="BWQ736" s="424"/>
      <c r="BWR736" s="424"/>
      <c r="BWS736" s="423" t="s">
        <v>2795</v>
      </c>
      <c r="BWT736" s="424"/>
      <c r="BWU736" s="424"/>
      <c r="BWV736" s="424"/>
      <c r="BWW736" s="423" t="s">
        <v>2795</v>
      </c>
      <c r="BWX736" s="424"/>
      <c r="BWY736" s="424"/>
      <c r="BWZ736" s="424"/>
      <c r="BXA736" s="423" t="s">
        <v>2795</v>
      </c>
      <c r="BXB736" s="424"/>
      <c r="BXC736" s="424"/>
      <c r="BXD736" s="424"/>
      <c r="BXE736" s="423" t="s">
        <v>2795</v>
      </c>
      <c r="BXF736" s="424"/>
      <c r="BXG736" s="424"/>
      <c r="BXH736" s="424"/>
      <c r="BXI736" s="423" t="s">
        <v>2795</v>
      </c>
      <c r="BXJ736" s="424"/>
      <c r="BXK736" s="424"/>
      <c r="BXL736" s="424"/>
      <c r="BXM736" s="423" t="s">
        <v>2795</v>
      </c>
      <c r="BXN736" s="424"/>
      <c r="BXO736" s="424"/>
      <c r="BXP736" s="424"/>
      <c r="BXQ736" s="423" t="s">
        <v>2795</v>
      </c>
      <c r="BXR736" s="424"/>
      <c r="BXS736" s="424"/>
      <c r="BXT736" s="424"/>
      <c r="BXU736" s="423" t="s">
        <v>2795</v>
      </c>
      <c r="BXV736" s="424"/>
      <c r="BXW736" s="424"/>
      <c r="BXX736" s="424"/>
      <c r="BXY736" s="423" t="s">
        <v>2795</v>
      </c>
      <c r="BXZ736" s="424"/>
      <c r="BYA736" s="424"/>
      <c r="BYB736" s="424"/>
      <c r="BYC736" s="423" t="s">
        <v>2795</v>
      </c>
      <c r="BYD736" s="424"/>
      <c r="BYE736" s="424"/>
      <c r="BYF736" s="424"/>
      <c r="BYG736" s="423" t="s">
        <v>2795</v>
      </c>
      <c r="BYH736" s="424"/>
      <c r="BYI736" s="424"/>
      <c r="BYJ736" s="424"/>
      <c r="BYK736" s="423" t="s">
        <v>2795</v>
      </c>
      <c r="BYL736" s="424"/>
      <c r="BYM736" s="424"/>
      <c r="BYN736" s="424"/>
      <c r="BYO736" s="423" t="s">
        <v>2795</v>
      </c>
      <c r="BYP736" s="424"/>
      <c r="BYQ736" s="424"/>
      <c r="BYR736" s="424"/>
      <c r="BYS736" s="423" t="s">
        <v>2795</v>
      </c>
      <c r="BYT736" s="424"/>
      <c r="BYU736" s="424"/>
      <c r="BYV736" s="424"/>
      <c r="BYW736" s="423" t="s">
        <v>2795</v>
      </c>
      <c r="BYX736" s="424"/>
      <c r="BYY736" s="424"/>
      <c r="BYZ736" s="424"/>
      <c r="BZA736" s="423" t="s">
        <v>2795</v>
      </c>
      <c r="BZB736" s="424"/>
      <c r="BZC736" s="424"/>
      <c r="BZD736" s="424"/>
      <c r="BZE736" s="423" t="s">
        <v>2795</v>
      </c>
      <c r="BZF736" s="424"/>
      <c r="BZG736" s="424"/>
      <c r="BZH736" s="424"/>
      <c r="BZI736" s="423" t="s">
        <v>2795</v>
      </c>
      <c r="BZJ736" s="424"/>
      <c r="BZK736" s="424"/>
      <c r="BZL736" s="424"/>
      <c r="BZM736" s="423" t="s">
        <v>2795</v>
      </c>
      <c r="BZN736" s="424"/>
      <c r="BZO736" s="424"/>
      <c r="BZP736" s="424"/>
      <c r="BZQ736" s="423" t="s">
        <v>2795</v>
      </c>
      <c r="BZR736" s="424"/>
      <c r="BZS736" s="424"/>
      <c r="BZT736" s="424"/>
      <c r="BZU736" s="423" t="s">
        <v>2795</v>
      </c>
      <c r="BZV736" s="424"/>
      <c r="BZW736" s="424"/>
      <c r="BZX736" s="424"/>
      <c r="BZY736" s="423" t="s">
        <v>2795</v>
      </c>
      <c r="BZZ736" s="424"/>
      <c r="CAA736" s="424"/>
      <c r="CAB736" s="424"/>
      <c r="CAC736" s="423" t="s">
        <v>2795</v>
      </c>
      <c r="CAD736" s="424"/>
      <c r="CAE736" s="424"/>
      <c r="CAF736" s="424"/>
      <c r="CAG736" s="423" t="s">
        <v>2795</v>
      </c>
      <c r="CAH736" s="424"/>
      <c r="CAI736" s="424"/>
      <c r="CAJ736" s="424"/>
      <c r="CAK736" s="423" t="s">
        <v>2795</v>
      </c>
      <c r="CAL736" s="424"/>
      <c r="CAM736" s="424"/>
      <c r="CAN736" s="424"/>
      <c r="CAO736" s="423" t="s">
        <v>2795</v>
      </c>
      <c r="CAP736" s="424"/>
      <c r="CAQ736" s="424"/>
      <c r="CAR736" s="424"/>
      <c r="CAS736" s="423" t="s">
        <v>2795</v>
      </c>
      <c r="CAT736" s="424"/>
      <c r="CAU736" s="424"/>
      <c r="CAV736" s="424"/>
      <c r="CAW736" s="423" t="s">
        <v>2795</v>
      </c>
      <c r="CAX736" s="424"/>
      <c r="CAY736" s="424"/>
      <c r="CAZ736" s="424"/>
      <c r="CBA736" s="423" t="s">
        <v>2795</v>
      </c>
      <c r="CBB736" s="424"/>
      <c r="CBC736" s="424"/>
      <c r="CBD736" s="424"/>
      <c r="CBE736" s="423" t="s">
        <v>2795</v>
      </c>
      <c r="CBF736" s="424"/>
      <c r="CBG736" s="424"/>
      <c r="CBH736" s="424"/>
      <c r="CBI736" s="423" t="s">
        <v>2795</v>
      </c>
      <c r="CBJ736" s="424"/>
      <c r="CBK736" s="424"/>
      <c r="CBL736" s="424"/>
      <c r="CBM736" s="423" t="s">
        <v>2795</v>
      </c>
      <c r="CBN736" s="424"/>
      <c r="CBO736" s="424"/>
      <c r="CBP736" s="424"/>
      <c r="CBQ736" s="423" t="s">
        <v>2795</v>
      </c>
      <c r="CBR736" s="424"/>
      <c r="CBS736" s="424"/>
      <c r="CBT736" s="424"/>
      <c r="CBU736" s="423" t="s">
        <v>2795</v>
      </c>
      <c r="CBV736" s="424"/>
      <c r="CBW736" s="424"/>
      <c r="CBX736" s="424"/>
      <c r="CBY736" s="423" t="s">
        <v>2795</v>
      </c>
      <c r="CBZ736" s="424"/>
      <c r="CCA736" s="424"/>
      <c r="CCB736" s="424"/>
      <c r="CCC736" s="423" t="s">
        <v>2795</v>
      </c>
      <c r="CCD736" s="424"/>
      <c r="CCE736" s="424"/>
      <c r="CCF736" s="424"/>
      <c r="CCG736" s="423" t="s">
        <v>2795</v>
      </c>
      <c r="CCH736" s="424"/>
      <c r="CCI736" s="424"/>
      <c r="CCJ736" s="424"/>
      <c r="CCK736" s="423" t="s">
        <v>2795</v>
      </c>
      <c r="CCL736" s="424"/>
      <c r="CCM736" s="424"/>
      <c r="CCN736" s="424"/>
      <c r="CCO736" s="423" t="s">
        <v>2795</v>
      </c>
      <c r="CCP736" s="424"/>
      <c r="CCQ736" s="424"/>
      <c r="CCR736" s="424"/>
      <c r="CCS736" s="423" t="s">
        <v>2795</v>
      </c>
      <c r="CCT736" s="424"/>
      <c r="CCU736" s="424"/>
      <c r="CCV736" s="424"/>
      <c r="CCW736" s="423" t="s">
        <v>2795</v>
      </c>
      <c r="CCX736" s="424"/>
      <c r="CCY736" s="424"/>
      <c r="CCZ736" s="424"/>
      <c r="CDA736" s="423" t="s">
        <v>2795</v>
      </c>
      <c r="CDB736" s="424"/>
      <c r="CDC736" s="424"/>
      <c r="CDD736" s="424"/>
      <c r="CDE736" s="423" t="s">
        <v>2795</v>
      </c>
      <c r="CDF736" s="424"/>
      <c r="CDG736" s="424"/>
      <c r="CDH736" s="424"/>
      <c r="CDI736" s="423" t="s">
        <v>2795</v>
      </c>
      <c r="CDJ736" s="424"/>
      <c r="CDK736" s="424"/>
      <c r="CDL736" s="424"/>
      <c r="CDM736" s="423" t="s">
        <v>2795</v>
      </c>
      <c r="CDN736" s="424"/>
      <c r="CDO736" s="424"/>
      <c r="CDP736" s="424"/>
      <c r="CDQ736" s="423" t="s">
        <v>2795</v>
      </c>
      <c r="CDR736" s="424"/>
      <c r="CDS736" s="424"/>
      <c r="CDT736" s="424"/>
      <c r="CDU736" s="423" t="s">
        <v>2795</v>
      </c>
      <c r="CDV736" s="424"/>
      <c r="CDW736" s="424"/>
      <c r="CDX736" s="424"/>
      <c r="CDY736" s="423" t="s">
        <v>2795</v>
      </c>
      <c r="CDZ736" s="424"/>
      <c r="CEA736" s="424"/>
      <c r="CEB736" s="424"/>
      <c r="CEC736" s="423" t="s">
        <v>2795</v>
      </c>
      <c r="CED736" s="424"/>
      <c r="CEE736" s="424"/>
      <c r="CEF736" s="424"/>
      <c r="CEG736" s="423" t="s">
        <v>2795</v>
      </c>
      <c r="CEH736" s="424"/>
      <c r="CEI736" s="424"/>
      <c r="CEJ736" s="424"/>
      <c r="CEK736" s="423" t="s">
        <v>2795</v>
      </c>
      <c r="CEL736" s="424"/>
      <c r="CEM736" s="424"/>
      <c r="CEN736" s="424"/>
      <c r="CEO736" s="423" t="s">
        <v>2795</v>
      </c>
      <c r="CEP736" s="424"/>
      <c r="CEQ736" s="424"/>
      <c r="CER736" s="424"/>
      <c r="CES736" s="423" t="s">
        <v>2795</v>
      </c>
      <c r="CET736" s="424"/>
      <c r="CEU736" s="424"/>
      <c r="CEV736" s="424"/>
      <c r="CEW736" s="423" t="s">
        <v>2795</v>
      </c>
      <c r="CEX736" s="424"/>
      <c r="CEY736" s="424"/>
      <c r="CEZ736" s="424"/>
      <c r="CFA736" s="423" t="s">
        <v>2795</v>
      </c>
      <c r="CFB736" s="424"/>
      <c r="CFC736" s="424"/>
      <c r="CFD736" s="424"/>
      <c r="CFE736" s="423" t="s">
        <v>2795</v>
      </c>
      <c r="CFF736" s="424"/>
      <c r="CFG736" s="424"/>
      <c r="CFH736" s="424"/>
      <c r="CFI736" s="423" t="s">
        <v>2795</v>
      </c>
      <c r="CFJ736" s="424"/>
      <c r="CFK736" s="424"/>
      <c r="CFL736" s="424"/>
      <c r="CFM736" s="423" t="s">
        <v>2795</v>
      </c>
      <c r="CFN736" s="424"/>
      <c r="CFO736" s="424"/>
      <c r="CFP736" s="424"/>
      <c r="CFQ736" s="423" t="s">
        <v>2795</v>
      </c>
      <c r="CFR736" s="424"/>
      <c r="CFS736" s="424"/>
      <c r="CFT736" s="424"/>
      <c r="CFU736" s="423" t="s">
        <v>2795</v>
      </c>
      <c r="CFV736" s="424"/>
      <c r="CFW736" s="424"/>
      <c r="CFX736" s="424"/>
      <c r="CFY736" s="423" t="s">
        <v>2795</v>
      </c>
      <c r="CFZ736" s="424"/>
      <c r="CGA736" s="424"/>
      <c r="CGB736" s="424"/>
      <c r="CGC736" s="423" t="s">
        <v>2795</v>
      </c>
      <c r="CGD736" s="424"/>
      <c r="CGE736" s="424"/>
      <c r="CGF736" s="424"/>
      <c r="CGG736" s="423" t="s">
        <v>2795</v>
      </c>
      <c r="CGH736" s="424"/>
      <c r="CGI736" s="424"/>
      <c r="CGJ736" s="424"/>
      <c r="CGK736" s="423" t="s">
        <v>2795</v>
      </c>
      <c r="CGL736" s="424"/>
      <c r="CGM736" s="424"/>
      <c r="CGN736" s="424"/>
      <c r="CGO736" s="423" t="s">
        <v>2795</v>
      </c>
      <c r="CGP736" s="424"/>
      <c r="CGQ736" s="424"/>
      <c r="CGR736" s="424"/>
      <c r="CGS736" s="423" t="s">
        <v>2795</v>
      </c>
      <c r="CGT736" s="424"/>
      <c r="CGU736" s="424"/>
      <c r="CGV736" s="424"/>
      <c r="CGW736" s="423" t="s">
        <v>2795</v>
      </c>
      <c r="CGX736" s="424"/>
      <c r="CGY736" s="424"/>
      <c r="CGZ736" s="424"/>
      <c r="CHA736" s="423" t="s">
        <v>2795</v>
      </c>
      <c r="CHB736" s="424"/>
      <c r="CHC736" s="424"/>
      <c r="CHD736" s="424"/>
      <c r="CHE736" s="423" t="s">
        <v>2795</v>
      </c>
      <c r="CHF736" s="424"/>
      <c r="CHG736" s="424"/>
      <c r="CHH736" s="424"/>
      <c r="CHI736" s="423" t="s">
        <v>2795</v>
      </c>
      <c r="CHJ736" s="424"/>
      <c r="CHK736" s="424"/>
      <c r="CHL736" s="424"/>
      <c r="CHM736" s="423" t="s">
        <v>2795</v>
      </c>
      <c r="CHN736" s="424"/>
      <c r="CHO736" s="424"/>
      <c r="CHP736" s="424"/>
      <c r="CHQ736" s="423" t="s">
        <v>2795</v>
      </c>
      <c r="CHR736" s="424"/>
      <c r="CHS736" s="424"/>
      <c r="CHT736" s="424"/>
      <c r="CHU736" s="423" t="s">
        <v>2795</v>
      </c>
      <c r="CHV736" s="424"/>
      <c r="CHW736" s="424"/>
      <c r="CHX736" s="424"/>
      <c r="CHY736" s="423" t="s">
        <v>2795</v>
      </c>
      <c r="CHZ736" s="424"/>
      <c r="CIA736" s="424"/>
      <c r="CIB736" s="424"/>
      <c r="CIC736" s="423" t="s">
        <v>2795</v>
      </c>
      <c r="CID736" s="424"/>
      <c r="CIE736" s="424"/>
      <c r="CIF736" s="424"/>
      <c r="CIG736" s="423" t="s">
        <v>2795</v>
      </c>
      <c r="CIH736" s="424"/>
      <c r="CII736" s="424"/>
      <c r="CIJ736" s="424"/>
      <c r="CIK736" s="423" t="s">
        <v>2795</v>
      </c>
      <c r="CIL736" s="424"/>
      <c r="CIM736" s="424"/>
      <c r="CIN736" s="424"/>
      <c r="CIO736" s="423" t="s">
        <v>2795</v>
      </c>
      <c r="CIP736" s="424"/>
      <c r="CIQ736" s="424"/>
      <c r="CIR736" s="424"/>
      <c r="CIS736" s="423" t="s">
        <v>2795</v>
      </c>
      <c r="CIT736" s="424"/>
      <c r="CIU736" s="424"/>
      <c r="CIV736" s="424"/>
      <c r="CIW736" s="423" t="s">
        <v>2795</v>
      </c>
      <c r="CIX736" s="424"/>
      <c r="CIY736" s="424"/>
      <c r="CIZ736" s="424"/>
      <c r="CJA736" s="423" t="s">
        <v>2795</v>
      </c>
      <c r="CJB736" s="424"/>
      <c r="CJC736" s="424"/>
      <c r="CJD736" s="424"/>
      <c r="CJE736" s="423" t="s">
        <v>2795</v>
      </c>
      <c r="CJF736" s="424"/>
      <c r="CJG736" s="424"/>
      <c r="CJH736" s="424"/>
      <c r="CJI736" s="423" t="s">
        <v>2795</v>
      </c>
      <c r="CJJ736" s="424"/>
      <c r="CJK736" s="424"/>
      <c r="CJL736" s="424"/>
      <c r="CJM736" s="423" t="s">
        <v>2795</v>
      </c>
      <c r="CJN736" s="424"/>
      <c r="CJO736" s="424"/>
      <c r="CJP736" s="424"/>
      <c r="CJQ736" s="423" t="s">
        <v>2795</v>
      </c>
      <c r="CJR736" s="424"/>
      <c r="CJS736" s="424"/>
      <c r="CJT736" s="424"/>
      <c r="CJU736" s="423" t="s">
        <v>2795</v>
      </c>
      <c r="CJV736" s="424"/>
      <c r="CJW736" s="424"/>
      <c r="CJX736" s="424"/>
      <c r="CJY736" s="423" t="s">
        <v>2795</v>
      </c>
      <c r="CJZ736" s="424"/>
      <c r="CKA736" s="424"/>
      <c r="CKB736" s="424"/>
      <c r="CKC736" s="423" t="s">
        <v>2795</v>
      </c>
      <c r="CKD736" s="424"/>
      <c r="CKE736" s="424"/>
      <c r="CKF736" s="424"/>
      <c r="CKG736" s="423" t="s">
        <v>2795</v>
      </c>
      <c r="CKH736" s="424"/>
      <c r="CKI736" s="424"/>
      <c r="CKJ736" s="424"/>
      <c r="CKK736" s="423" t="s">
        <v>2795</v>
      </c>
      <c r="CKL736" s="424"/>
      <c r="CKM736" s="424"/>
      <c r="CKN736" s="424"/>
      <c r="CKO736" s="423" t="s">
        <v>2795</v>
      </c>
      <c r="CKP736" s="424"/>
      <c r="CKQ736" s="424"/>
      <c r="CKR736" s="424"/>
      <c r="CKS736" s="423" t="s">
        <v>2795</v>
      </c>
      <c r="CKT736" s="424"/>
      <c r="CKU736" s="424"/>
      <c r="CKV736" s="424"/>
      <c r="CKW736" s="423" t="s">
        <v>2795</v>
      </c>
      <c r="CKX736" s="424"/>
      <c r="CKY736" s="424"/>
      <c r="CKZ736" s="424"/>
      <c r="CLA736" s="423" t="s">
        <v>2795</v>
      </c>
      <c r="CLB736" s="424"/>
      <c r="CLC736" s="424"/>
      <c r="CLD736" s="424"/>
      <c r="CLE736" s="423" t="s">
        <v>2795</v>
      </c>
      <c r="CLF736" s="424"/>
      <c r="CLG736" s="424"/>
      <c r="CLH736" s="424"/>
      <c r="CLI736" s="423" t="s">
        <v>2795</v>
      </c>
      <c r="CLJ736" s="424"/>
      <c r="CLK736" s="424"/>
      <c r="CLL736" s="424"/>
      <c r="CLM736" s="423" t="s">
        <v>2795</v>
      </c>
      <c r="CLN736" s="424"/>
      <c r="CLO736" s="424"/>
      <c r="CLP736" s="424"/>
      <c r="CLQ736" s="423" t="s">
        <v>2795</v>
      </c>
      <c r="CLR736" s="424"/>
      <c r="CLS736" s="424"/>
      <c r="CLT736" s="424"/>
      <c r="CLU736" s="423" t="s">
        <v>2795</v>
      </c>
      <c r="CLV736" s="424"/>
      <c r="CLW736" s="424"/>
      <c r="CLX736" s="424"/>
      <c r="CLY736" s="423" t="s">
        <v>2795</v>
      </c>
      <c r="CLZ736" s="424"/>
      <c r="CMA736" s="424"/>
      <c r="CMB736" s="424"/>
      <c r="CMC736" s="423" t="s">
        <v>2795</v>
      </c>
      <c r="CMD736" s="424"/>
      <c r="CME736" s="424"/>
      <c r="CMF736" s="424"/>
      <c r="CMG736" s="423" t="s">
        <v>2795</v>
      </c>
      <c r="CMH736" s="424"/>
      <c r="CMI736" s="424"/>
      <c r="CMJ736" s="424"/>
      <c r="CMK736" s="423" t="s">
        <v>2795</v>
      </c>
      <c r="CML736" s="424"/>
      <c r="CMM736" s="424"/>
      <c r="CMN736" s="424"/>
      <c r="CMO736" s="423" t="s">
        <v>2795</v>
      </c>
      <c r="CMP736" s="424"/>
      <c r="CMQ736" s="424"/>
      <c r="CMR736" s="424"/>
      <c r="CMS736" s="423" t="s">
        <v>2795</v>
      </c>
      <c r="CMT736" s="424"/>
      <c r="CMU736" s="424"/>
      <c r="CMV736" s="424"/>
      <c r="CMW736" s="423" t="s">
        <v>2795</v>
      </c>
      <c r="CMX736" s="424"/>
      <c r="CMY736" s="424"/>
      <c r="CMZ736" s="424"/>
      <c r="CNA736" s="423" t="s">
        <v>2795</v>
      </c>
      <c r="CNB736" s="424"/>
      <c r="CNC736" s="424"/>
      <c r="CND736" s="424"/>
      <c r="CNE736" s="423" t="s">
        <v>2795</v>
      </c>
      <c r="CNF736" s="424"/>
      <c r="CNG736" s="424"/>
      <c r="CNH736" s="424"/>
      <c r="CNI736" s="423" t="s">
        <v>2795</v>
      </c>
      <c r="CNJ736" s="424"/>
      <c r="CNK736" s="424"/>
      <c r="CNL736" s="424"/>
      <c r="CNM736" s="423" t="s">
        <v>2795</v>
      </c>
      <c r="CNN736" s="424"/>
      <c r="CNO736" s="424"/>
      <c r="CNP736" s="424"/>
      <c r="CNQ736" s="423" t="s">
        <v>2795</v>
      </c>
      <c r="CNR736" s="424"/>
      <c r="CNS736" s="424"/>
      <c r="CNT736" s="424"/>
      <c r="CNU736" s="423" t="s">
        <v>2795</v>
      </c>
      <c r="CNV736" s="424"/>
      <c r="CNW736" s="424"/>
      <c r="CNX736" s="424"/>
      <c r="CNY736" s="423" t="s">
        <v>2795</v>
      </c>
      <c r="CNZ736" s="424"/>
      <c r="COA736" s="424"/>
      <c r="COB736" s="424"/>
      <c r="COC736" s="423" t="s">
        <v>2795</v>
      </c>
      <c r="COD736" s="424"/>
      <c r="COE736" s="424"/>
      <c r="COF736" s="424"/>
      <c r="COG736" s="423" t="s">
        <v>2795</v>
      </c>
      <c r="COH736" s="424"/>
      <c r="COI736" s="424"/>
      <c r="COJ736" s="424"/>
      <c r="COK736" s="423" t="s">
        <v>2795</v>
      </c>
      <c r="COL736" s="424"/>
      <c r="COM736" s="424"/>
      <c r="CON736" s="424"/>
      <c r="COO736" s="423" t="s">
        <v>2795</v>
      </c>
      <c r="COP736" s="424"/>
      <c r="COQ736" s="424"/>
      <c r="COR736" s="424"/>
      <c r="COS736" s="423" t="s">
        <v>2795</v>
      </c>
      <c r="COT736" s="424"/>
      <c r="COU736" s="424"/>
      <c r="COV736" s="424"/>
      <c r="COW736" s="423" t="s">
        <v>2795</v>
      </c>
      <c r="COX736" s="424"/>
      <c r="COY736" s="424"/>
      <c r="COZ736" s="424"/>
      <c r="CPA736" s="423" t="s">
        <v>2795</v>
      </c>
      <c r="CPB736" s="424"/>
      <c r="CPC736" s="424"/>
      <c r="CPD736" s="424"/>
      <c r="CPE736" s="423" t="s">
        <v>2795</v>
      </c>
      <c r="CPF736" s="424"/>
      <c r="CPG736" s="424"/>
      <c r="CPH736" s="424"/>
      <c r="CPI736" s="423" t="s">
        <v>2795</v>
      </c>
      <c r="CPJ736" s="424"/>
      <c r="CPK736" s="424"/>
      <c r="CPL736" s="424"/>
      <c r="CPM736" s="423" t="s">
        <v>2795</v>
      </c>
      <c r="CPN736" s="424"/>
      <c r="CPO736" s="424"/>
      <c r="CPP736" s="424"/>
      <c r="CPQ736" s="423" t="s">
        <v>2795</v>
      </c>
      <c r="CPR736" s="424"/>
      <c r="CPS736" s="424"/>
      <c r="CPT736" s="424"/>
      <c r="CPU736" s="423" t="s">
        <v>2795</v>
      </c>
      <c r="CPV736" s="424"/>
      <c r="CPW736" s="424"/>
      <c r="CPX736" s="424"/>
      <c r="CPY736" s="423" t="s">
        <v>2795</v>
      </c>
      <c r="CPZ736" s="424"/>
      <c r="CQA736" s="424"/>
      <c r="CQB736" s="424"/>
      <c r="CQC736" s="423" t="s">
        <v>2795</v>
      </c>
      <c r="CQD736" s="424"/>
      <c r="CQE736" s="424"/>
      <c r="CQF736" s="424"/>
      <c r="CQG736" s="423" t="s">
        <v>2795</v>
      </c>
      <c r="CQH736" s="424"/>
      <c r="CQI736" s="424"/>
      <c r="CQJ736" s="424"/>
      <c r="CQK736" s="423" t="s">
        <v>2795</v>
      </c>
      <c r="CQL736" s="424"/>
      <c r="CQM736" s="424"/>
      <c r="CQN736" s="424"/>
      <c r="CQO736" s="423" t="s">
        <v>2795</v>
      </c>
      <c r="CQP736" s="424"/>
      <c r="CQQ736" s="424"/>
      <c r="CQR736" s="424"/>
      <c r="CQS736" s="423" t="s">
        <v>2795</v>
      </c>
      <c r="CQT736" s="424"/>
      <c r="CQU736" s="424"/>
      <c r="CQV736" s="424"/>
      <c r="CQW736" s="423" t="s">
        <v>2795</v>
      </c>
      <c r="CQX736" s="424"/>
      <c r="CQY736" s="424"/>
      <c r="CQZ736" s="424"/>
      <c r="CRA736" s="423" t="s">
        <v>2795</v>
      </c>
      <c r="CRB736" s="424"/>
      <c r="CRC736" s="424"/>
      <c r="CRD736" s="424"/>
      <c r="CRE736" s="423" t="s">
        <v>2795</v>
      </c>
      <c r="CRF736" s="424"/>
      <c r="CRG736" s="424"/>
      <c r="CRH736" s="424"/>
      <c r="CRI736" s="423" t="s">
        <v>2795</v>
      </c>
      <c r="CRJ736" s="424"/>
      <c r="CRK736" s="424"/>
      <c r="CRL736" s="424"/>
      <c r="CRM736" s="423" t="s">
        <v>2795</v>
      </c>
      <c r="CRN736" s="424"/>
      <c r="CRO736" s="424"/>
      <c r="CRP736" s="424"/>
      <c r="CRQ736" s="423" t="s">
        <v>2795</v>
      </c>
      <c r="CRR736" s="424"/>
      <c r="CRS736" s="424"/>
      <c r="CRT736" s="424"/>
      <c r="CRU736" s="423" t="s">
        <v>2795</v>
      </c>
      <c r="CRV736" s="424"/>
      <c r="CRW736" s="424"/>
      <c r="CRX736" s="424"/>
      <c r="CRY736" s="423" t="s">
        <v>2795</v>
      </c>
      <c r="CRZ736" s="424"/>
      <c r="CSA736" s="424"/>
      <c r="CSB736" s="424"/>
      <c r="CSC736" s="423" t="s">
        <v>2795</v>
      </c>
      <c r="CSD736" s="424"/>
      <c r="CSE736" s="424"/>
      <c r="CSF736" s="424"/>
      <c r="CSG736" s="423" t="s">
        <v>2795</v>
      </c>
      <c r="CSH736" s="424"/>
      <c r="CSI736" s="424"/>
      <c r="CSJ736" s="424"/>
      <c r="CSK736" s="423" t="s">
        <v>2795</v>
      </c>
      <c r="CSL736" s="424"/>
      <c r="CSM736" s="424"/>
      <c r="CSN736" s="424"/>
      <c r="CSO736" s="423" t="s">
        <v>2795</v>
      </c>
      <c r="CSP736" s="424"/>
      <c r="CSQ736" s="424"/>
      <c r="CSR736" s="424"/>
      <c r="CSS736" s="423" t="s">
        <v>2795</v>
      </c>
      <c r="CST736" s="424"/>
      <c r="CSU736" s="424"/>
      <c r="CSV736" s="424"/>
      <c r="CSW736" s="423" t="s">
        <v>2795</v>
      </c>
      <c r="CSX736" s="424"/>
      <c r="CSY736" s="424"/>
      <c r="CSZ736" s="424"/>
      <c r="CTA736" s="423" t="s">
        <v>2795</v>
      </c>
      <c r="CTB736" s="424"/>
      <c r="CTC736" s="424"/>
      <c r="CTD736" s="424"/>
      <c r="CTE736" s="423" t="s">
        <v>2795</v>
      </c>
      <c r="CTF736" s="424"/>
      <c r="CTG736" s="424"/>
      <c r="CTH736" s="424"/>
      <c r="CTI736" s="423" t="s">
        <v>2795</v>
      </c>
      <c r="CTJ736" s="424"/>
      <c r="CTK736" s="424"/>
      <c r="CTL736" s="424"/>
      <c r="CTM736" s="423" t="s">
        <v>2795</v>
      </c>
      <c r="CTN736" s="424"/>
      <c r="CTO736" s="424"/>
      <c r="CTP736" s="424"/>
      <c r="CTQ736" s="423" t="s">
        <v>2795</v>
      </c>
      <c r="CTR736" s="424"/>
      <c r="CTS736" s="424"/>
      <c r="CTT736" s="424"/>
      <c r="CTU736" s="423" t="s">
        <v>2795</v>
      </c>
      <c r="CTV736" s="424"/>
      <c r="CTW736" s="424"/>
      <c r="CTX736" s="424"/>
      <c r="CTY736" s="423" t="s">
        <v>2795</v>
      </c>
      <c r="CTZ736" s="424"/>
      <c r="CUA736" s="424"/>
      <c r="CUB736" s="424"/>
      <c r="CUC736" s="423" t="s">
        <v>2795</v>
      </c>
      <c r="CUD736" s="424"/>
      <c r="CUE736" s="424"/>
      <c r="CUF736" s="424"/>
      <c r="CUG736" s="423" t="s">
        <v>2795</v>
      </c>
      <c r="CUH736" s="424"/>
      <c r="CUI736" s="424"/>
      <c r="CUJ736" s="424"/>
      <c r="CUK736" s="423" t="s">
        <v>2795</v>
      </c>
      <c r="CUL736" s="424"/>
      <c r="CUM736" s="424"/>
      <c r="CUN736" s="424"/>
      <c r="CUO736" s="423" t="s">
        <v>2795</v>
      </c>
      <c r="CUP736" s="424"/>
      <c r="CUQ736" s="424"/>
      <c r="CUR736" s="424"/>
      <c r="CUS736" s="423" t="s">
        <v>2795</v>
      </c>
      <c r="CUT736" s="424"/>
      <c r="CUU736" s="424"/>
      <c r="CUV736" s="424"/>
      <c r="CUW736" s="423" t="s">
        <v>2795</v>
      </c>
      <c r="CUX736" s="424"/>
      <c r="CUY736" s="424"/>
      <c r="CUZ736" s="424"/>
      <c r="CVA736" s="423" t="s">
        <v>2795</v>
      </c>
      <c r="CVB736" s="424"/>
      <c r="CVC736" s="424"/>
      <c r="CVD736" s="424"/>
      <c r="CVE736" s="423" t="s">
        <v>2795</v>
      </c>
      <c r="CVF736" s="424"/>
      <c r="CVG736" s="424"/>
      <c r="CVH736" s="424"/>
      <c r="CVI736" s="423" t="s">
        <v>2795</v>
      </c>
      <c r="CVJ736" s="424"/>
      <c r="CVK736" s="424"/>
      <c r="CVL736" s="424"/>
      <c r="CVM736" s="423" t="s">
        <v>2795</v>
      </c>
      <c r="CVN736" s="424"/>
      <c r="CVO736" s="424"/>
      <c r="CVP736" s="424"/>
      <c r="CVQ736" s="423" t="s">
        <v>2795</v>
      </c>
      <c r="CVR736" s="424"/>
      <c r="CVS736" s="424"/>
      <c r="CVT736" s="424"/>
      <c r="CVU736" s="423" t="s">
        <v>2795</v>
      </c>
      <c r="CVV736" s="424"/>
      <c r="CVW736" s="424"/>
      <c r="CVX736" s="424"/>
      <c r="CVY736" s="423" t="s">
        <v>2795</v>
      </c>
      <c r="CVZ736" s="424"/>
      <c r="CWA736" s="424"/>
      <c r="CWB736" s="424"/>
      <c r="CWC736" s="423" t="s">
        <v>2795</v>
      </c>
      <c r="CWD736" s="424"/>
      <c r="CWE736" s="424"/>
      <c r="CWF736" s="424"/>
      <c r="CWG736" s="423" t="s">
        <v>2795</v>
      </c>
      <c r="CWH736" s="424"/>
      <c r="CWI736" s="424"/>
      <c r="CWJ736" s="424"/>
      <c r="CWK736" s="423" t="s">
        <v>2795</v>
      </c>
      <c r="CWL736" s="424"/>
      <c r="CWM736" s="424"/>
      <c r="CWN736" s="424"/>
      <c r="CWO736" s="423" t="s">
        <v>2795</v>
      </c>
      <c r="CWP736" s="424"/>
      <c r="CWQ736" s="424"/>
      <c r="CWR736" s="424"/>
      <c r="CWS736" s="423" t="s">
        <v>2795</v>
      </c>
      <c r="CWT736" s="424"/>
      <c r="CWU736" s="424"/>
      <c r="CWV736" s="424"/>
      <c r="CWW736" s="423" t="s">
        <v>2795</v>
      </c>
      <c r="CWX736" s="424"/>
      <c r="CWY736" s="424"/>
      <c r="CWZ736" s="424"/>
      <c r="CXA736" s="423" t="s">
        <v>2795</v>
      </c>
      <c r="CXB736" s="424"/>
      <c r="CXC736" s="424"/>
      <c r="CXD736" s="424"/>
      <c r="CXE736" s="423" t="s">
        <v>2795</v>
      </c>
      <c r="CXF736" s="424"/>
      <c r="CXG736" s="424"/>
      <c r="CXH736" s="424"/>
      <c r="CXI736" s="423" t="s">
        <v>2795</v>
      </c>
      <c r="CXJ736" s="424"/>
      <c r="CXK736" s="424"/>
      <c r="CXL736" s="424"/>
      <c r="CXM736" s="423" t="s">
        <v>2795</v>
      </c>
      <c r="CXN736" s="424"/>
      <c r="CXO736" s="424"/>
      <c r="CXP736" s="424"/>
      <c r="CXQ736" s="423" t="s">
        <v>2795</v>
      </c>
      <c r="CXR736" s="424"/>
      <c r="CXS736" s="424"/>
      <c r="CXT736" s="424"/>
      <c r="CXU736" s="423" t="s">
        <v>2795</v>
      </c>
      <c r="CXV736" s="424"/>
      <c r="CXW736" s="424"/>
      <c r="CXX736" s="424"/>
      <c r="CXY736" s="423" t="s">
        <v>2795</v>
      </c>
      <c r="CXZ736" s="424"/>
      <c r="CYA736" s="424"/>
      <c r="CYB736" s="424"/>
      <c r="CYC736" s="423" t="s">
        <v>2795</v>
      </c>
      <c r="CYD736" s="424"/>
      <c r="CYE736" s="424"/>
      <c r="CYF736" s="424"/>
      <c r="CYG736" s="423" t="s">
        <v>2795</v>
      </c>
      <c r="CYH736" s="424"/>
      <c r="CYI736" s="424"/>
      <c r="CYJ736" s="424"/>
      <c r="CYK736" s="423" t="s">
        <v>2795</v>
      </c>
      <c r="CYL736" s="424"/>
      <c r="CYM736" s="424"/>
      <c r="CYN736" s="424"/>
      <c r="CYO736" s="423" t="s">
        <v>2795</v>
      </c>
      <c r="CYP736" s="424"/>
      <c r="CYQ736" s="424"/>
      <c r="CYR736" s="424"/>
      <c r="CYS736" s="423" t="s">
        <v>2795</v>
      </c>
      <c r="CYT736" s="424"/>
      <c r="CYU736" s="424"/>
      <c r="CYV736" s="424"/>
      <c r="CYW736" s="423" t="s">
        <v>2795</v>
      </c>
      <c r="CYX736" s="424"/>
      <c r="CYY736" s="424"/>
      <c r="CYZ736" s="424"/>
      <c r="CZA736" s="423" t="s">
        <v>2795</v>
      </c>
      <c r="CZB736" s="424"/>
      <c r="CZC736" s="424"/>
      <c r="CZD736" s="424"/>
      <c r="CZE736" s="423" t="s">
        <v>2795</v>
      </c>
      <c r="CZF736" s="424"/>
      <c r="CZG736" s="424"/>
      <c r="CZH736" s="424"/>
      <c r="CZI736" s="423" t="s">
        <v>2795</v>
      </c>
      <c r="CZJ736" s="424"/>
      <c r="CZK736" s="424"/>
      <c r="CZL736" s="424"/>
      <c r="CZM736" s="423" t="s">
        <v>2795</v>
      </c>
      <c r="CZN736" s="424"/>
      <c r="CZO736" s="424"/>
      <c r="CZP736" s="424"/>
      <c r="CZQ736" s="423" t="s">
        <v>2795</v>
      </c>
      <c r="CZR736" s="424"/>
      <c r="CZS736" s="424"/>
      <c r="CZT736" s="424"/>
      <c r="CZU736" s="423" t="s">
        <v>2795</v>
      </c>
      <c r="CZV736" s="424"/>
      <c r="CZW736" s="424"/>
      <c r="CZX736" s="424"/>
      <c r="CZY736" s="423" t="s">
        <v>2795</v>
      </c>
      <c r="CZZ736" s="424"/>
      <c r="DAA736" s="424"/>
      <c r="DAB736" s="424"/>
      <c r="DAC736" s="423" t="s">
        <v>2795</v>
      </c>
      <c r="DAD736" s="424"/>
      <c r="DAE736" s="424"/>
      <c r="DAF736" s="424"/>
      <c r="DAG736" s="423" t="s">
        <v>2795</v>
      </c>
      <c r="DAH736" s="424"/>
      <c r="DAI736" s="424"/>
      <c r="DAJ736" s="424"/>
      <c r="DAK736" s="423" t="s">
        <v>2795</v>
      </c>
      <c r="DAL736" s="424"/>
      <c r="DAM736" s="424"/>
      <c r="DAN736" s="424"/>
      <c r="DAO736" s="423" t="s">
        <v>2795</v>
      </c>
      <c r="DAP736" s="424"/>
      <c r="DAQ736" s="424"/>
      <c r="DAR736" s="424"/>
      <c r="DAS736" s="423" t="s">
        <v>2795</v>
      </c>
      <c r="DAT736" s="424"/>
      <c r="DAU736" s="424"/>
      <c r="DAV736" s="424"/>
      <c r="DAW736" s="423" t="s">
        <v>2795</v>
      </c>
      <c r="DAX736" s="424"/>
      <c r="DAY736" s="424"/>
      <c r="DAZ736" s="424"/>
      <c r="DBA736" s="423" t="s">
        <v>2795</v>
      </c>
      <c r="DBB736" s="424"/>
      <c r="DBC736" s="424"/>
      <c r="DBD736" s="424"/>
      <c r="DBE736" s="423" t="s">
        <v>2795</v>
      </c>
      <c r="DBF736" s="424"/>
      <c r="DBG736" s="424"/>
      <c r="DBH736" s="424"/>
      <c r="DBI736" s="423" t="s">
        <v>2795</v>
      </c>
      <c r="DBJ736" s="424"/>
      <c r="DBK736" s="424"/>
      <c r="DBL736" s="424"/>
      <c r="DBM736" s="423" t="s">
        <v>2795</v>
      </c>
      <c r="DBN736" s="424"/>
      <c r="DBO736" s="424"/>
      <c r="DBP736" s="424"/>
      <c r="DBQ736" s="423" t="s">
        <v>2795</v>
      </c>
      <c r="DBR736" s="424"/>
      <c r="DBS736" s="424"/>
      <c r="DBT736" s="424"/>
      <c r="DBU736" s="423" t="s">
        <v>2795</v>
      </c>
      <c r="DBV736" s="424"/>
      <c r="DBW736" s="424"/>
      <c r="DBX736" s="424"/>
      <c r="DBY736" s="423" t="s">
        <v>2795</v>
      </c>
      <c r="DBZ736" s="424"/>
      <c r="DCA736" s="424"/>
      <c r="DCB736" s="424"/>
      <c r="DCC736" s="423" t="s">
        <v>2795</v>
      </c>
      <c r="DCD736" s="424"/>
      <c r="DCE736" s="424"/>
      <c r="DCF736" s="424"/>
      <c r="DCG736" s="423" t="s">
        <v>2795</v>
      </c>
      <c r="DCH736" s="424"/>
      <c r="DCI736" s="424"/>
      <c r="DCJ736" s="424"/>
      <c r="DCK736" s="423" t="s">
        <v>2795</v>
      </c>
      <c r="DCL736" s="424"/>
      <c r="DCM736" s="424"/>
      <c r="DCN736" s="424"/>
      <c r="DCO736" s="423" t="s">
        <v>2795</v>
      </c>
      <c r="DCP736" s="424"/>
      <c r="DCQ736" s="424"/>
      <c r="DCR736" s="424"/>
      <c r="DCS736" s="423" t="s">
        <v>2795</v>
      </c>
      <c r="DCT736" s="424"/>
      <c r="DCU736" s="424"/>
      <c r="DCV736" s="424"/>
      <c r="DCW736" s="423" t="s">
        <v>2795</v>
      </c>
      <c r="DCX736" s="424"/>
      <c r="DCY736" s="424"/>
      <c r="DCZ736" s="424"/>
      <c r="DDA736" s="423" t="s">
        <v>2795</v>
      </c>
      <c r="DDB736" s="424"/>
      <c r="DDC736" s="424"/>
      <c r="DDD736" s="424"/>
      <c r="DDE736" s="423" t="s">
        <v>2795</v>
      </c>
      <c r="DDF736" s="424"/>
      <c r="DDG736" s="424"/>
      <c r="DDH736" s="424"/>
      <c r="DDI736" s="423" t="s">
        <v>2795</v>
      </c>
      <c r="DDJ736" s="424"/>
      <c r="DDK736" s="424"/>
      <c r="DDL736" s="424"/>
      <c r="DDM736" s="423" t="s">
        <v>2795</v>
      </c>
      <c r="DDN736" s="424"/>
      <c r="DDO736" s="424"/>
      <c r="DDP736" s="424"/>
      <c r="DDQ736" s="423" t="s">
        <v>2795</v>
      </c>
      <c r="DDR736" s="424"/>
      <c r="DDS736" s="424"/>
      <c r="DDT736" s="424"/>
      <c r="DDU736" s="423" t="s">
        <v>2795</v>
      </c>
      <c r="DDV736" s="424"/>
      <c r="DDW736" s="424"/>
      <c r="DDX736" s="424"/>
      <c r="DDY736" s="423" t="s">
        <v>2795</v>
      </c>
      <c r="DDZ736" s="424"/>
      <c r="DEA736" s="424"/>
      <c r="DEB736" s="424"/>
      <c r="DEC736" s="423" t="s">
        <v>2795</v>
      </c>
      <c r="DED736" s="424"/>
      <c r="DEE736" s="424"/>
      <c r="DEF736" s="424"/>
      <c r="DEG736" s="423" t="s">
        <v>2795</v>
      </c>
      <c r="DEH736" s="424"/>
      <c r="DEI736" s="424"/>
      <c r="DEJ736" s="424"/>
      <c r="DEK736" s="423" t="s">
        <v>2795</v>
      </c>
      <c r="DEL736" s="424"/>
      <c r="DEM736" s="424"/>
      <c r="DEN736" s="424"/>
      <c r="DEO736" s="423" t="s">
        <v>2795</v>
      </c>
      <c r="DEP736" s="424"/>
      <c r="DEQ736" s="424"/>
      <c r="DER736" s="424"/>
      <c r="DES736" s="423" t="s">
        <v>2795</v>
      </c>
      <c r="DET736" s="424"/>
      <c r="DEU736" s="424"/>
      <c r="DEV736" s="424"/>
      <c r="DEW736" s="423" t="s">
        <v>2795</v>
      </c>
      <c r="DEX736" s="424"/>
      <c r="DEY736" s="424"/>
      <c r="DEZ736" s="424"/>
      <c r="DFA736" s="423" t="s">
        <v>2795</v>
      </c>
      <c r="DFB736" s="424"/>
      <c r="DFC736" s="424"/>
      <c r="DFD736" s="424"/>
      <c r="DFE736" s="423" t="s">
        <v>2795</v>
      </c>
      <c r="DFF736" s="424"/>
      <c r="DFG736" s="424"/>
      <c r="DFH736" s="424"/>
      <c r="DFI736" s="423" t="s">
        <v>2795</v>
      </c>
      <c r="DFJ736" s="424"/>
      <c r="DFK736" s="424"/>
      <c r="DFL736" s="424"/>
      <c r="DFM736" s="423" t="s">
        <v>2795</v>
      </c>
      <c r="DFN736" s="424"/>
      <c r="DFO736" s="424"/>
      <c r="DFP736" s="424"/>
      <c r="DFQ736" s="423" t="s">
        <v>2795</v>
      </c>
      <c r="DFR736" s="424"/>
      <c r="DFS736" s="424"/>
      <c r="DFT736" s="424"/>
      <c r="DFU736" s="423" t="s">
        <v>2795</v>
      </c>
      <c r="DFV736" s="424"/>
      <c r="DFW736" s="424"/>
      <c r="DFX736" s="424"/>
      <c r="DFY736" s="423" t="s">
        <v>2795</v>
      </c>
      <c r="DFZ736" s="424"/>
      <c r="DGA736" s="424"/>
      <c r="DGB736" s="424"/>
      <c r="DGC736" s="423" t="s">
        <v>2795</v>
      </c>
      <c r="DGD736" s="424"/>
      <c r="DGE736" s="424"/>
      <c r="DGF736" s="424"/>
      <c r="DGG736" s="423" t="s">
        <v>2795</v>
      </c>
      <c r="DGH736" s="424"/>
      <c r="DGI736" s="424"/>
      <c r="DGJ736" s="424"/>
      <c r="DGK736" s="423" t="s">
        <v>2795</v>
      </c>
      <c r="DGL736" s="424"/>
      <c r="DGM736" s="424"/>
      <c r="DGN736" s="424"/>
      <c r="DGO736" s="423" t="s">
        <v>2795</v>
      </c>
      <c r="DGP736" s="424"/>
      <c r="DGQ736" s="424"/>
      <c r="DGR736" s="424"/>
      <c r="DGS736" s="423" t="s">
        <v>2795</v>
      </c>
      <c r="DGT736" s="424"/>
      <c r="DGU736" s="424"/>
      <c r="DGV736" s="424"/>
      <c r="DGW736" s="423" t="s">
        <v>2795</v>
      </c>
      <c r="DGX736" s="424"/>
      <c r="DGY736" s="424"/>
      <c r="DGZ736" s="424"/>
      <c r="DHA736" s="423" t="s">
        <v>2795</v>
      </c>
      <c r="DHB736" s="424"/>
      <c r="DHC736" s="424"/>
      <c r="DHD736" s="424"/>
      <c r="DHE736" s="423" t="s">
        <v>2795</v>
      </c>
      <c r="DHF736" s="424"/>
      <c r="DHG736" s="424"/>
      <c r="DHH736" s="424"/>
      <c r="DHI736" s="423" t="s">
        <v>2795</v>
      </c>
      <c r="DHJ736" s="424"/>
      <c r="DHK736" s="424"/>
      <c r="DHL736" s="424"/>
      <c r="DHM736" s="423" t="s">
        <v>2795</v>
      </c>
      <c r="DHN736" s="424"/>
      <c r="DHO736" s="424"/>
      <c r="DHP736" s="424"/>
      <c r="DHQ736" s="423" t="s">
        <v>2795</v>
      </c>
      <c r="DHR736" s="424"/>
      <c r="DHS736" s="424"/>
      <c r="DHT736" s="424"/>
      <c r="DHU736" s="423" t="s">
        <v>2795</v>
      </c>
      <c r="DHV736" s="424"/>
      <c r="DHW736" s="424"/>
      <c r="DHX736" s="424"/>
      <c r="DHY736" s="423" t="s">
        <v>2795</v>
      </c>
      <c r="DHZ736" s="424"/>
      <c r="DIA736" s="424"/>
      <c r="DIB736" s="424"/>
      <c r="DIC736" s="423" t="s">
        <v>2795</v>
      </c>
      <c r="DID736" s="424"/>
      <c r="DIE736" s="424"/>
      <c r="DIF736" s="424"/>
      <c r="DIG736" s="423" t="s">
        <v>2795</v>
      </c>
      <c r="DIH736" s="424"/>
      <c r="DII736" s="424"/>
      <c r="DIJ736" s="424"/>
      <c r="DIK736" s="423" t="s">
        <v>2795</v>
      </c>
      <c r="DIL736" s="424"/>
      <c r="DIM736" s="424"/>
      <c r="DIN736" s="424"/>
      <c r="DIO736" s="423" t="s">
        <v>2795</v>
      </c>
      <c r="DIP736" s="424"/>
      <c r="DIQ736" s="424"/>
      <c r="DIR736" s="424"/>
      <c r="DIS736" s="423" t="s">
        <v>2795</v>
      </c>
      <c r="DIT736" s="424"/>
      <c r="DIU736" s="424"/>
      <c r="DIV736" s="424"/>
      <c r="DIW736" s="423" t="s">
        <v>2795</v>
      </c>
      <c r="DIX736" s="424"/>
      <c r="DIY736" s="424"/>
      <c r="DIZ736" s="424"/>
      <c r="DJA736" s="423" t="s">
        <v>2795</v>
      </c>
      <c r="DJB736" s="424"/>
      <c r="DJC736" s="424"/>
      <c r="DJD736" s="424"/>
      <c r="DJE736" s="423" t="s">
        <v>2795</v>
      </c>
      <c r="DJF736" s="424"/>
      <c r="DJG736" s="424"/>
      <c r="DJH736" s="424"/>
      <c r="DJI736" s="423" t="s">
        <v>2795</v>
      </c>
      <c r="DJJ736" s="424"/>
      <c r="DJK736" s="424"/>
      <c r="DJL736" s="424"/>
      <c r="DJM736" s="423" t="s">
        <v>2795</v>
      </c>
      <c r="DJN736" s="424"/>
      <c r="DJO736" s="424"/>
      <c r="DJP736" s="424"/>
      <c r="DJQ736" s="423" t="s">
        <v>2795</v>
      </c>
      <c r="DJR736" s="424"/>
      <c r="DJS736" s="424"/>
      <c r="DJT736" s="424"/>
      <c r="DJU736" s="423" t="s">
        <v>2795</v>
      </c>
      <c r="DJV736" s="424"/>
      <c r="DJW736" s="424"/>
      <c r="DJX736" s="424"/>
      <c r="DJY736" s="423" t="s">
        <v>2795</v>
      </c>
      <c r="DJZ736" s="424"/>
      <c r="DKA736" s="424"/>
      <c r="DKB736" s="424"/>
      <c r="DKC736" s="423" t="s">
        <v>2795</v>
      </c>
      <c r="DKD736" s="424"/>
      <c r="DKE736" s="424"/>
      <c r="DKF736" s="424"/>
      <c r="DKG736" s="423" t="s">
        <v>2795</v>
      </c>
      <c r="DKH736" s="424"/>
      <c r="DKI736" s="424"/>
      <c r="DKJ736" s="424"/>
      <c r="DKK736" s="423" t="s">
        <v>2795</v>
      </c>
      <c r="DKL736" s="424"/>
      <c r="DKM736" s="424"/>
      <c r="DKN736" s="424"/>
      <c r="DKO736" s="423" t="s">
        <v>2795</v>
      </c>
      <c r="DKP736" s="424"/>
      <c r="DKQ736" s="424"/>
      <c r="DKR736" s="424"/>
      <c r="DKS736" s="423" t="s">
        <v>2795</v>
      </c>
      <c r="DKT736" s="424"/>
      <c r="DKU736" s="424"/>
      <c r="DKV736" s="424"/>
      <c r="DKW736" s="423" t="s">
        <v>2795</v>
      </c>
      <c r="DKX736" s="424"/>
      <c r="DKY736" s="424"/>
      <c r="DKZ736" s="424"/>
      <c r="DLA736" s="423" t="s">
        <v>2795</v>
      </c>
      <c r="DLB736" s="424"/>
      <c r="DLC736" s="424"/>
      <c r="DLD736" s="424"/>
      <c r="DLE736" s="423" t="s">
        <v>2795</v>
      </c>
      <c r="DLF736" s="424"/>
      <c r="DLG736" s="424"/>
      <c r="DLH736" s="424"/>
      <c r="DLI736" s="423" t="s">
        <v>2795</v>
      </c>
      <c r="DLJ736" s="424"/>
      <c r="DLK736" s="424"/>
      <c r="DLL736" s="424"/>
      <c r="DLM736" s="423" t="s">
        <v>2795</v>
      </c>
      <c r="DLN736" s="424"/>
      <c r="DLO736" s="424"/>
      <c r="DLP736" s="424"/>
      <c r="DLQ736" s="423" t="s">
        <v>2795</v>
      </c>
      <c r="DLR736" s="424"/>
      <c r="DLS736" s="424"/>
      <c r="DLT736" s="424"/>
      <c r="DLU736" s="423" t="s">
        <v>2795</v>
      </c>
      <c r="DLV736" s="424"/>
      <c r="DLW736" s="424"/>
      <c r="DLX736" s="424"/>
      <c r="DLY736" s="423" t="s">
        <v>2795</v>
      </c>
      <c r="DLZ736" s="424"/>
      <c r="DMA736" s="424"/>
      <c r="DMB736" s="424"/>
      <c r="DMC736" s="423" t="s">
        <v>2795</v>
      </c>
      <c r="DMD736" s="424"/>
      <c r="DME736" s="424"/>
      <c r="DMF736" s="424"/>
      <c r="DMG736" s="423" t="s">
        <v>2795</v>
      </c>
      <c r="DMH736" s="424"/>
      <c r="DMI736" s="424"/>
      <c r="DMJ736" s="424"/>
      <c r="DMK736" s="423" t="s">
        <v>2795</v>
      </c>
      <c r="DML736" s="424"/>
      <c r="DMM736" s="424"/>
      <c r="DMN736" s="424"/>
      <c r="DMO736" s="423" t="s">
        <v>2795</v>
      </c>
      <c r="DMP736" s="424"/>
      <c r="DMQ736" s="424"/>
      <c r="DMR736" s="424"/>
      <c r="DMS736" s="423" t="s">
        <v>2795</v>
      </c>
      <c r="DMT736" s="424"/>
      <c r="DMU736" s="424"/>
      <c r="DMV736" s="424"/>
      <c r="DMW736" s="423" t="s">
        <v>2795</v>
      </c>
      <c r="DMX736" s="424"/>
      <c r="DMY736" s="424"/>
      <c r="DMZ736" s="424"/>
      <c r="DNA736" s="423" t="s">
        <v>2795</v>
      </c>
      <c r="DNB736" s="424"/>
      <c r="DNC736" s="424"/>
      <c r="DND736" s="424"/>
      <c r="DNE736" s="423" t="s">
        <v>2795</v>
      </c>
      <c r="DNF736" s="424"/>
      <c r="DNG736" s="424"/>
      <c r="DNH736" s="424"/>
      <c r="DNI736" s="423" t="s">
        <v>2795</v>
      </c>
      <c r="DNJ736" s="424"/>
      <c r="DNK736" s="424"/>
      <c r="DNL736" s="424"/>
      <c r="DNM736" s="423" t="s">
        <v>2795</v>
      </c>
      <c r="DNN736" s="424"/>
      <c r="DNO736" s="424"/>
      <c r="DNP736" s="424"/>
      <c r="DNQ736" s="423" t="s">
        <v>2795</v>
      </c>
      <c r="DNR736" s="424"/>
      <c r="DNS736" s="424"/>
      <c r="DNT736" s="424"/>
      <c r="DNU736" s="423" t="s">
        <v>2795</v>
      </c>
      <c r="DNV736" s="424"/>
      <c r="DNW736" s="424"/>
      <c r="DNX736" s="424"/>
      <c r="DNY736" s="423" t="s">
        <v>2795</v>
      </c>
      <c r="DNZ736" s="424"/>
      <c r="DOA736" s="424"/>
      <c r="DOB736" s="424"/>
      <c r="DOC736" s="423" t="s">
        <v>2795</v>
      </c>
      <c r="DOD736" s="424"/>
      <c r="DOE736" s="424"/>
      <c r="DOF736" s="424"/>
      <c r="DOG736" s="423" t="s">
        <v>2795</v>
      </c>
      <c r="DOH736" s="424"/>
      <c r="DOI736" s="424"/>
      <c r="DOJ736" s="424"/>
      <c r="DOK736" s="423" t="s">
        <v>2795</v>
      </c>
      <c r="DOL736" s="424"/>
      <c r="DOM736" s="424"/>
      <c r="DON736" s="424"/>
      <c r="DOO736" s="423" t="s">
        <v>2795</v>
      </c>
      <c r="DOP736" s="424"/>
      <c r="DOQ736" s="424"/>
      <c r="DOR736" s="424"/>
      <c r="DOS736" s="423" t="s">
        <v>2795</v>
      </c>
      <c r="DOT736" s="424"/>
      <c r="DOU736" s="424"/>
      <c r="DOV736" s="424"/>
      <c r="DOW736" s="423" t="s">
        <v>2795</v>
      </c>
      <c r="DOX736" s="424"/>
      <c r="DOY736" s="424"/>
      <c r="DOZ736" s="424"/>
      <c r="DPA736" s="423" t="s">
        <v>2795</v>
      </c>
      <c r="DPB736" s="424"/>
      <c r="DPC736" s="424"/>
      <c r="DPD736" s="424"/>
      <c r="DPE736" s="423" t="s">
        <v>2795</v>
      </c>
      <c r="DPF736" s="424"/>
      <c r="DPG736" s="424"/>
      <c r="DPH736" s="424"/>
      <c r="DPI736" s="423" t="s">
        <v>2795</v>
      </c>
      <c r="DPJ736" s="424"/>
      <c r="DPK736" s="424"/>
      <c r="DPL736" s="424"/>
      <c r="DPM736" s="423" t="s">
        <v>2795</v>
      </c>
      <c r="DPN736" s="424"/>
      <c r="DPO736" s="424"/>
      <c r="DPP736" s="424"/>
      <c r="DPQ736" s="423" t="s">
        <v>2795</v>
      </c>
      <c r="DPR736" s="424"/>
      <c r="DPS736" s="424"/>
      <c r="DPT736" s="424"/>
      <c r="DPU736" s="423" t="s">
        <v>2795</v>
      </c>
      <c r="DPV736" s="424"/>
      <c r="DPW736" s="424"/>
      <c r="DPX736" s="424"/>
      <c r="DPY736" s="423" t="s">
        <v>2795</v>
      </c>
      <c r="DPZ736" s="424"/>
      <c r="DQA736" s="424"/>
      <c r="DQB736" s="424"/>
      <c r="DQC736" s="423" t="s">
        <v>2795</v>
      </c>
      <c r="DQD736" s="424"/>
      <c r="DQE736" s="424"/>
      <c r="DQF736" s="424"/>
      <c r="DQG736" s="423" t="s">
        <v>2795</v>
      </c>
      <c r="DQH736" s="424"/>
      <c r="DQI736" s="424"/>
      <c r="DQJ736" s="424"/>
      <c r="DQK736" s="423" t="s">
        <v>2795</v>
      </c>
      <c r="DQL736" s="424"/>
      <c r="DQM736" s="424"/>
      <c r="DQN736" s="424"/>
      <c r="DQO736" s="423" t="s">
        <v>2795</v>
      </c>
      <c r="DQP736" s="424"/>
      <c r="DQQ736" s="424"/>
      <c r="DQR736" s="424"/>
      <c r="DQS736" s="423" t="s">
        <v>2795</v>
      </c>
      <c r="DQT736" s="424"/>
      <c r="DQU736" s="424"/>
      <c r="DQV736" s="424"/>
      <c r="DQW736" s="423" t="s">
        <v>2795</v>
      </c>
      <c r="DQX736" s="424"/>
      <c r="DQY736" s="424"/>
      <c r="DQZ736" s="424"/>
      <c r="DRA736" s="423" t="s">
        <v>2795</v>
      </c>
      <c r="DRB736" s="424"/>
      <c r="DRC736" s="424"/>
      <c r="DRD736" s="424"/>
      <c r="DRE736" s="423" t="s">
        <v>2795</v>
      </c>
      <c r="DRF736" s="424"/>
      <c r="DRG736" s="424"/>
      <c r="DRH736" s="424"/>
      <c r="DRI736" s="423" t="s">
        <v>2795</v>
      </c>
      <c r="DRJ736" s="424"/>
      <c r="DRK736" s="424"/>
      <c r="DRL736" s="424"/>
      <c r="DRM736" s="423" t="s">
        <v>2795</v>
      </c>
      <c r="DRN736" s="424"/>
      <c r="DRO736" s="424"/>
      <c r="DRP736" s="424"/>
      <c r="DRQ736" s="423" t="s">
        <v>2795</v>
      </c>
      <c r="DRR736" s="424"/>
      <c r="DRS736" s="424"/>
      <c r="DRT736" s="424"/>
      <c r="DRU736" s="423" t="s">
        <v>2795</v>
      </c>
      <c r="DRV736" s="424"/>
      <c r="DRW736" s="424"/>
      <c r="DRX736" s="424"/>
      <c r="DRY736" s="423" t="s">
        <v>2795</v>
      </c>
      <c r="DRZ736" s="424"/>
      <c r="DSA736" s="424"/>
      <c r="DSB736" s="424"/>
      <c r="DSC736" s="423" t="s">
        <v>2795</v>
      </c>
      <c r="DSD736" s="424"/>
      <c r="DSE736" s="424"/>
      <c r="DSF736" s="424"/>
      <c r="DSG736" s="423" t="s">
        <v>2795</v>
      </c>
      <c r="DSH736" s="424"/>
      <c r="DSI736" s="424"/>
      <c r="DSJ736" s="424"/>
      <c r="DSK736" s="423" t="s">
        <v>2795</v>
      </c>
      <c r="DSL736" s="424"/>
      <c r="DSM736" s="424"/>
      <c r="DSN736" s="424"/>
      <c r="DSO736" s="423" t="s">
        <v>2795</v>
      </c>
      <c r="DSP736" s="424"/>
      <c r="DSQ736" s="424"/>
      <c r="DSR736" s="424"/>
      <c r="DSS736" s="423" t="s">
        <v>2795</v>
      </c>
      <c r="DST736" s="424"/>
      <c r="DSU736" s="424"/>
      <c r="DSV736" s="424"/>
      <c r="DSW736" s="423" t="s">
        <v>2795</v>
      </c>
      <c r="DSX736" s="424"/>
      <c r="DSY736" s="424"/>
      <c r="DSZ736" s="424"/>
      <c r="DTA736" s="423" t="s">
        <v>2795</v>
      </c>
      <c r="DTB736" s="424"/>
      <c r="DTC736" s="424"/>
      <c r="DTD736" s="424"/>
      <c r="DTE736" s="423" t="s">
        <v>2795</v>
      </c>
      <c r="DTF736" s="424"/>
      <c r="DTG736" s="424"/>
      <c r="DTH736" s="424"/>
      <c r="DTI736" s="423" t="s">
        <v>2795</v>
      </c>
      <c r="DTJ736" s="424"/>
      <c r="DTK736" s="424"/>
      <c r="DTL736" s="424"/>
      <c r="DTM736" s="423" t="s">
        <v>2795</v>
      </c>
      <c r="DTN736" s="424"/>
      <c r="DTO736" s="424"/>
      <c r="DTP736" s="424"/>
      <c r="DTQ736" s="423" t="s">
        <v>2795</v>
      </c>
      <c r="DTR736" s="424"/>
      <c r="DTS736" s="424"/>
      <c r="DTT736" s="424"/>
      <c r="DTU736" s="423" t="s">
        <v>2795</v>
      </c>
      <c r="DTV736" s="424"/>
      <c r="DTW736" s="424"/>
      <c r="DTX736" s="424"/>
      <c r="DTY736" s="423" t="s">
        <v>2795</v>
      </c>
      <c r="DTZ736" s="424"/>
      <c r="DUA736" s="424"/>
      <c r="DUB736" s="424"/>
      <c r="DUC736" s="423" t="s">
        <v>2795</v>
      </c>
      <c r="DUD736" s="424"/>
      <c r="DUE736" s="424"/>
      <c r="DUF736" s="424"/>
      <c r="DUG736" s="423" t="s">
        <v>2795</v>
      </c>
      <c r="DUH736" s="424"/>
      <c r="DUI736" s="424"/>
      <c r="DUJ736" s="424"/>
      <c r="DUK736" s="423" t="s">
        <v>2795</v>
      </c>
      <c r="DUL736" s="424"/>
      <c r="DUM736" s="424"/>
      <c r="DUN736" s="424"/>
      <c r="DUO736" s="423" t="s">
        <v>2795</v>
      </c>
      <c r="DUP736" s="424"/>
      <c r="DUQ736" s="424"/>
      <c r="DUR736" s="424"/>
      <c r="DUS736" s="423" t="s">
        <v>2795</v>
      </c>
      <c r="DUT736" s="424"/>
      <c r="DUU736" s="424"/>
      <c r="DUV736" s="424"/>
      <c r="DUW736" s="423" t="s">
        <v>2795</v>
      </c>
      <c r="DUX736" s="424"/>
      <c r="DUY736" s="424"/>
      <c r="DUZ736" s="424"/>
      <c r="DVA736" s="423" t="s">
        <v>2795</v>
      </c>
      <c r="DVB736" s="424"/>
      <c r="DVC736" s="424"/>
      <c r="DVD736" s="424"/>
      <c r="DVE736" s="423" t="s">
        <v>2795</v>
      </c>
      <c r="DVF736" s="424"/>
      <c r="DVG736" s="424"/>
      <c r="DVH736" s="424"/>
      <c r="DVI736" s="423" t="s">
        <v>2795</v>
      </c>
      <c r="DVJ736" s="424"/>
      <c r="DVK736" s="424"/>
      <c r="DVL736" s="424"/>
      <c r="DVM736" s="423" t="s">
        <v>2795</v>
      </c>
      <c r="DVN736" s="424"/>
      <c r="DVO736" s="424"/>
      <c r="DVP736" s="424"/>
      <c r="DVQ736" s="423" t="s">
        <v>2795</v>
      </c>
      <c r="DVR736" s="424"/>
      <c r="DVS736" s="424"/>
      <c r="DVT736" s="424"/>
      <c r="DVU736" s="423" t="s">
        <v>2795</v>
      </c>
      <c r="DVV736" s="424"/>
      <c r="DVW736" s="424"/>
      <c r="DVX736" s="424"/>
      <c r="DVY736" s="423" t="s">
        <v>2795</v>
      </c>
      <c r="DVZ736" s="424"/>
      <c r="DWA736" s="424"/>
      <c r="DWB736" s="424"/>
      <c r="DWC736" s="423" t="s">
        <v>2795</v>
      </c>
      <c r="DWD736" s="424"/>
      <c r="DWE736" s="424"/>
      <c r="DWF736" s="424"/>
      <c r="DWG736" s="423" t="s">
        <v>2795</v>
      </c>
      <c r="DWH736" s="424"/>
      <c r="DWI736" s="424"/>
      <c r="DWJ736" s="424"/>
      <c r="DWK736" s="423" t="s">
        <v>2795</v>
      </c>
      <c r="DWL736" s="424"/>
      <c r="DWM736" s="424"/>
      <c r="DWN736" s="424"/>
      <c r="DWO736" s="423" t="s">
        <v>2795</v>
      </c>
      <c r="DWP736" s="424"/>
      <c r="DWQ736" s="424"/>
      <c r="DWR736" s="424"/>
      <c r="DWS736" s="423" t="s">
        <v>2795</v>
      </c>
      <c r="DWT736" s="424"/>
      <c r="DWU736" s="424"/>
      <c r="DWV736" s="424"/>
      <c r="DWW736" s="423" t="s">
        <v>2795</v>
      </c>
      <c r="DWX736" s="424"/>
      <c r="DWY736" s="424"/>
      <c r="DWZ736" s="424"/>
      <c r="DXA736" s="423" t="s">
        <v>2795</v>
      </c>
      <c r="DXB736" s="424"/>
      <c r="DXC736" s="424"/>
      <c r="DXD736" s="424"/>
      <c r="DXE736" s="423" t="s">
        <v>2795</v>
      </c>
      <c r="DXF736" s="424"/>
      <c r="DXG736" s="424"/>
      <c r="DXH736" s="424"/>
      <c r="DXI736" s="423" t="s">
        <v>2795</v>
      </c>
      <c r="DXJ736" s="424"/>
      <c r="DXK736" s="424"/>
      <c r="DXL736" s="424"/>
      <c r="DXM736" s="423" t="s">
        <v>2795</v>
      </c>
      <c r="DXN736" s="424"/>
      <c r="DXO736" s="424"/>
      <c r="DXP736" s="424"/>
      <c r="DXQ736" s="423" t="s">
        <v>2795</v>
      </c>
      <c r="DXR736" s="424"/>
      <c r="DXS736" s="424"/>
      <c r="DXT736" s="424"/>
      <c r="DXU736" s="423" t="s">
        <v>2795</v>
      </c>
      <c r="DXV736" s="424"/>
      <c r="DXW736" s="424"/>
      <c r="DXX736" s="424"/>
      <c r="DXY736" s="423" t="s">
        <v>2795</v>
      </c>
      <c r="DXZ736" s="424"/>
      <c r="DYA736" s="424"/>
      <c r="DYB736" s="424"/>
      <c r="DYC736" s="423" t="s">
        <v>2795</v>
      </c>
      <c r="DYD736" s="424"/>
      <c r="DYE736" s="424"/>
      <c r="DYF736" s="424"/>
      <c r="DYG736" s="423" t="s">
        <v>2795</v>
      </c>
      <c r="DYH736" s="424"/>
      <c r="DYI736" s="424"/>
      <c r="DYJ736" s="424"/>
      <c r="DYK736" s="423" t="s">
        <v>2795</v>
      </c>
      <c r="DYL736" s="424"/>
      <c r="DYM736" s="424"/>
      <c r="DYN736" s="424"/>
      <c r="DYO736" s="423" t="s">
        <v>2795</v>
      </c>
      <c r="DYP736" s="424"/>
      <c r="DYQ736" s="424"/>
      <c r="DYR736" s="424"/>
      <c r="DYS736" s="423" t="s">
        <v>2795</v>
      </c>
      <c r="DYT736" s="424"/>
      <c r="DYU736" s="424"/>
      <c r="DYV736" s="424"/>
      <c r="DYW736" s="423" t="s">
        <v>2795</v>
      </c>
      <c r="DYX736" s="424"/>
      <c r="DYY736" s="424"/>
      <c r="DYZ736" s="424"/>
      <c r="DZA736" s="423" t="s">
        <v>2795</v>
      </c>
      <c r="DZB736" s="424"/>
      <c r="DZC736" s="424"/>
      <c r="DZD736" s="424"/>
      <c r="DZE736" s="423" t="s">
        <v>2795</v>
      </c>
      <c r="DZF736" s="424"/>
      <c r="DZG736" s="424"/>
      <c r="DZH736" s="424"/>
      <c r="DZI736" s="423" t="s">
        <v>2795</v>
      </c>
      <c r="DZJ736" s="424"/>
      <c r="DZK736" s="424"/>
      <c r="DZL736" s="424"/>
      <c r="DZM736" s="423" t="s">
        <v>2795</v>
      </c>
      <c r="DZN736" s="424"/>
      <c r="DZO736" s="424"/>
      <c r="DZP736" s="424"/>
      <c r="DZQ736" s="423" t="s">
        <v>2795</v>
      </c>
      <c r="DZR736" s="424"/>
      <c r="DZS736" s="424"/>
      <c r="DZT736" s="424"/>
      <c r="DZU736" s="423" t="s">
        <v>2795</v>
      </c>
      <c r="DZV736" s="424"/>
      <c r="DZW736" s="424"/>
      <c r="DZX736" s="424"/>
      <c r="DZY736" s="423" t="s">
        <v>2795</v>
      </c>
      <c r="DZZ736" s="424"/>
      <c r="EAA736" s="424"/>
      <c r="EAB736" s="424"/>
      <c r="EAC736" s="423" t="s">
        <v>2795</v>
      </c>
      <c r="EAD736" s="424"/>
      <c r="EAE736" s="424"/>
      <c r="EAF736" s="424"/>
      <c r="EAG736" s="423" t="s">
        <v>2795</v>
      </c>
      <c r="EAH736" s="424"/>
      <c r="EAI736" s="424"/>
      <c r="EAJ736" s="424"/>
      <c r="EAK736" s="423" t="s">
        <v>2795</v>
      </c>
      <c r="EAL736" s="424"/>
      <c r="EAM736" s="424"/>
      <c r="EAN736" s="424"/>
      <c r="EAO736" s="423" t="s">
        <v>2795</v>
      </c>
      <c r="EAP736" s="424"/>
      <c r="EAQ736" s="424"/>
      <c r="EAR736" s="424"/>
      <c r="EAS736" s="423" t="s">
        <v>2795</v>
      </c>
      <c r="EAT736" s="424"/>
      <c r="EAU736" s="424"/>
      <c r="EAV736" s="424"/>
      <c r="EAW736" s="423" t="s">
        <v>2795</v>
      </c>
      <c r="EAX736" s="424"/>
      <c r="EAY736" s="424"/>
      <c r="EAZ736" s="424"/>
      <c r="EBA736" s="423" t="s">
        <v>2795</v>
      </c>
      <c r="EBB736" s="424"/>
      <c r="EBC736" s="424"/>
      <c r="EBD736" s="424"/>
      <c r="EBE736" s="423" t="s">
        <v>2795</v>
      </c>
      <c r="EBF736" s="424"/>
      <c r="EBG736" s="424"/>
      <c r="EBH736" s="424"/>
      <c r="EBI736" s="423" t="s">
        <v>2795</v>
      </c>
      <c r="EBJ736" s="424"/>
      <c r="EBK736" s="424"/>
      <c r="EBL736" s="424"/>
      <c r="EBM736" s="423" t="s">
        <v>2795</v>
      </c>
      <c r="EBN736" s="424"/>
      <c r="EBO736" s="424"/>
      <c r="EBP736" s="424"/>
      <c r="EBQ736" s="423" t="s">
        <v>2795</v>
      </c>
      <c r="EBR736" s="424"/>
      <c r="EBS736" s="424"/>
      <c r="EBT736" s="424"/>
      <c r="EBU736" s="423" t="s">
        <v>2795</v>
      </c>
      <c r="EBV736" s="424"/>
      <c r="EBW736" s="424"/>
      <c r="EBX736" s="424"/>
      <c r="EBY736" s="423" t="s">
        <v>2795</v>
      </c>
      <c r="EBZ736" s="424"/>
      <c r="ECA736" s="424"/>
      <c r="ECB736" s="424"/>
      <c r="ECC736" s="423" t="s">
        <v>2795</v>
      </c>
      <c r="ECD736" s="424"/>
      <c r="ECE736" s="424"/>
      <c r="ECF736" s="424"/>
      <c r="ECG736" s="423" t="s">
        <v>2795</v>
      </c>
      <c r="ECH736" s="424"/>
      <c r="ECI736" s="424"/>
      <c r="ECJ736" s="424"/>
      <c r="ECK736" s="423" t="s">
        <v>2795</v>
      </c>
      <c r="ECL736" s="424"/>
      <c r="ECM736" s="424"/>
      <c r="ECN736" s="424"/>
      <c r="ECO736" s="423" t="s">
        <v>2795</v>
      </c>
      <c r="ECP736" s="424"/>
      <c r="ECQ736" s="424"/>
      <c r="ECR736" s="424"/>
      <c r="ECS736" s="423" t="s">
        <v>2795</v>
      </c>
      <c r="ECT736" s="424"/>
      <c r="ECU736" s="424"/>
      <c r="ECV736" s="424"/>
      <c r="ECW736" s="423" t="s">
        <v>2795</v>
      </c>
      <c r="ECX736" s="424"/>
      <c r="ECY736" s="424"/>
      <c r="ECZ736" s="424"/>
      <c r="EDA736" s="423" t="s">
        <v>2795</v>
      </c>
      <c r="EDB736" s="424"/>
      <c r="EDC736" s="424"/>
      <c r="EDD736" s="424"/>
      <c r="EDE736" s="423" t="s">
        <v>2795</v>
      </c>
      <c r="EDF736" s="424"/>
      <c r="EDG736" s="424"/>
      <c r="EDH736" s="424"/>
      <c r="EDI736" s="423" t="s">
        <v>2795</v>
      </c>
      <c r="EDJ736" s="424"/>
      <c r="EDK736" s="424"/>
      <c r="EDL736" s="424"/>
      <c r="EDM736" s="423" t="s">
        <v>2795</v>
      </c>
      <c r="EDN736" s="424"/>
      <c r="EDO736" s="424"/>
      <c r="EDP736" s="424"/>
      <c r="EDQ736" s="423" t="s">
        <v>2795</v>
      </c>
      <c r="EDR736" s="424"/>
      <c r="EDS736" s="424"/>
      <c r="EDT736" s="424"/>
      <c r="EDU736" s="423" t="s">
        <v>2795</v>
      </c>
      <c r="EDV736" s="424"/>
      <c r="EDW736" s="424"/>
      <c r="EDX736" s="424"/>
      <c r="EDY736" s="423" t="s">
        <v>2795</v>
      </c>
      <c r="EDZ736" s="424"/>
      <c r="EEA736" s="424"/>
      <c r="EEB736" s="424"/>
      <c r="EEC736" s="423" t="s">
        <v>2795</v>
      </c>
      <c r="EED736" s="424"/>
      <c r="EEE736" s="424"/>
      <c r="EEF736" s="424"/>
      <c r="EEG736" s="423" t="s">
        <v>2795</v>
      </c>
      <c r="EEH736" s="424"/>
      <c r="EEI736" s="424"/>
      <c r="EEJ736" s="424"/>
      <c r="EEK736" s="423" t="s">
        <v>2795</v>
      </c>
      <c r="EEL736" s="424"/>
      <c r="EEM736" s="424"/>
      <c r="EEN736" s="424"/>
      <c r="EEO736" s="423" t="s">
        <v>2795</v>
      </c>
      <c r="EEP736" s="424"/>
      <c r="EEQ736" s="424"/>
      <c r="EER736" s="424"/>
      <c r="EES736" s="423" t="s">
        <v>2795</v>
      </c>
      <c r="EET736" s="424"/>
      <c r="EEU736" s="424"/>
      <c r="EEV736" s="424"/>
      <c r="EEW736" s="423" t="s">
        <v>2795</v>
      </c>
      <c r="EEX736" s="424"/>
      <c r="EEY736" s="424"/>
      <c r="EEZ736" s="424"/>
      <c r="EFA736" s="423" t="s">
        <v>2795</v>
      </c>
      <c r="EFB736" s="424"/>
      <c r="EFC736" s="424"/>
      <c r="EFD736" s="424"/>
      <c r="EFE736" s="423" t="s">
        <v>2795</v>
      </c>
      <c r="EFF736" s="424"/>
      <c r="EFG736" s="424"/>
      <c r="EFH736" s="424"/>
      <c r="EFI736" s="423" t="s">
        <v>2795</v>
      </c>
      <c r="EFJ736" s="424"/>
      <c r="EFK736" s="424"/>
      <c r="EFL736" s="424"/>
      <c r="EFM736" s="423" t="s">
        <v>2795</v>
      </c>
      <c r="EFN736" s="424"/>
      <c r="EFO736" s="424"/>
      <c r="EFP736" s="424"/>
      <c r="EFQ736" s="423" t="s">
        <v>2795</v>
      </c>
      <c r="EFR736" s="424"/>
      <c r="EFS736" s="424"/>
      <c r="EFT736" s="424"/>
      <c r="EFU736" s="423" t="s">
        <v>2795</v>
      </c>
      <c r="EFV736" s="424"/>
      <c r="EFW736" s="424"/>
      <c r="EFX736" s="424"/>
      <c r="EFY736" s="423" t="s">
        <v>2795</v>
      </c>
      <c r="EFZ736" s="424"/>
      <c r="EGA736" s="424"/>
      <c r="EGB736" s="424"/>
      <c r="EGC736" s="423" t="s">
        <v>2795</v>
      </c>
      <c r="EGD736" s="424"/>
      <c r="EGE736" s="424"/>
      <c r="EGF736" s="424"/>
      <c r="EGG736" s="423" t="s">
        <v>2795</v>
      </c>
      <c r="EGH736" s="424"/>
      <c r="EGI736" s="424"/>
      <c r="EGJ736" s="424"/>
      <c r="EGK736" s="423" t="s">
        <v>2795</v>
      </c>
      <c r="EGL736" s="424"/>
      <c r="EGM736" s="424"/>
      <c r="EGN736" s="424"/>
      <c r="EGO736" s="423" t="s">
        <v>2795</v>
      </c>
      <c r="EGP736" s="424"/>
      <c r="EGQ736" s="424"/>
      <c r="EGR736" s="424"/>
      <c r="EGS736" s="423" t="s">
        <v>2795</v>
      </c>
      <c r="EGT736" s="424"/>
      <c r="EGU736" s="424"/>
      <c r="EGV736" s="424"/>
      <c r="EGW736" s="423" t="s">
        <v>2795</v>
      </c>
      <c r="EGX736" s="424"/>
      <c r="EGY736" s="424"/>
      <c r="EGZ736" s="424"/>
      <c r="EHA736" s="423" t="s">
        <v>2795</v>
      </c>
      <c r="EHB736" s="424"/>
      <c r="EHC736" s="424"/>
      <c r="EHD736" s="424"/>
      <c r="EHE736" s="423" t="s">
        <v>2795</v>
      </c>
      <c r="EHF736" s="424"/>
      <c r="EHG736" s="424"/>
      <c r="EHH736" s="424"/>
      <c r="EHI736" s="423" t="s">
        <v>2795</v>
      </c>
      <c r="EHJ736" s="424"/>
      <c r="EHK736" s="424"/>
      <c r="EHL736" s="424"/>
      <c r="EHM736" s="423" t="s">
        <v>2795</v>
      </c>
      <c r="EHN736" s="424"/>
      <c r="EHO736" s="424"/>
      <c r="EHP736" s="424"/>
      <c r="EHQ736" s="423" t="s">
        <v>2795</v>
      </c>
      <c r="EHR736" s="424"/>
      <c r="EHS736" s="424"/>
      <c r="EHT736" s="424"/>
      <c r="EHU736" s="423" t="s">
        <v>2795</v>
      </c>
      <c r="EHV736" s="424"/>
      <c r="EHW736" s="424"/>
      <c r="EHX736" s="424"/>
      <c r="EHY736" s="423" t="s">
        <v>2795</v>
      </c>
      <c r="EHZ736" s="424"/>
      <c r="EIA736" s="424"/>
      <c r="EIB736" s="424"/>
      <c r="EIC736" s="423" t="s">
        <v>2795</v>
      </c>
      <c r="EID736" s="424"/>
      <c r="EIE736" s="424"/>
      <c r="EIF736" s="424"/>
      <c r="EIG736" s="423" t="s">
        <v>2795</v>
      </c>
      <c r="EIH736" s="424"/>
      <c r="EII736" s="424"/>
      <c r="EIJ736" s="424"/>
      <c r="EIK736" s="423" t="s">
        <v>2795</v>
      </c>
      <c r="EIL736" s="424"/>
      <c r="EIM736" s="424"/>
      <c r="EIN736" s="424"/>
      <c r="EIO736" s="423" t="s">
        <v>2795</v>
      </c>
      <c r="EIP736" s="424"/>
      <c r="EIQ736" s="424"/>
      <c r="EIR736" s="424"/>
      <c r="EIS736" s="423" t="s">
        <v>2795</v>
      </c>
      <c r="EIT736" s="424"/>
      <c r="EIU736" s="424"/>
      <c r="EIV736" s="424"/>
      <c r="EIW736" s="423" t="s">
        <v>2795</v>
      </c>
      <c r="EIX736" s="424"/>
      <c r="EIY736" s="424"/>
      <c r="EIZ736" s="424"/>
      <c r="EJA736" s="423" t="s">
        <v>2795</v>
      </c>
      <c r="EJB736" s="424"/>
      <c r="EJC736" s="424"/>
      <c r="EJD736" s="424"/>
      <c r="EJE736" s="423" t="s">
        <v>2795</v>
      </c>
      <c r="EJF736" s="424"/>
      <c r="EJG736" s="424"/>
      <c r="EJH736" s="424"/>
      <c r="EJI736" s="423" t="s">
        <v>2795</v>
      </c>
      <c r="EJJ736" s="424"/>
      <c r="EJK736" s="424"/>
      <c r="EJL736" s="424"/>
      <c r="EJM736" s="423" t="s">
        <v>2795</v>
      </c>
      <c r="EJN736" s="424"/>
      <c r="EJO736" s="424"/>
      <c r="EJP736" s="424"/>
      <c r="EJQ736" s="423" t="s">
        <v>2795</v>
      </c>
      <c r="EJR736" s="424"/>
      <c r="EJS736" s="424"/>
      <c r="EJT736" s="424"/>
      <c r="EJU736" s="423" t="s">
        <v>2795</v>
      </c>
      <c r="EJV736" s="424"/>
      <c r="EJW736" s="424"/>
      <c r="EJX736" s="424"/>
      <c r="EJY736" s="423" t="s">
        <v>2795</v>
      </c>
      <c r="EJZ736" s="424"/>
      <c r="EKA736" s="424"/>
      <c r="EKB736" s="424"/>
      <c r="EKC736" s="423" t="s">
        <v>2795</v>
      </c>
      <c r="EKD736" s="424"/>
      <c r="EKE736" s="424"/>
      <c r="EKF736" s="424"/>
      <c r="EKG736" s="423" t="s">
        <v>2795</v>
      </c>
      <c r="EKH736" s="424"/>
      <c r="EKI736" s="424"/>
      <c r="EKJ736" s="424"/>
      <c r="EKK736" s="423" t="s">
        <v>2795</v>
      </c>
      <c r="EKL736" s="424"/>
      <c r="EKM736" s="424"/>
      <c r="EKN736" s="424"/>
      <c r="EKO736" s="423" t="s">
        <v>2795</v>
      </c>
      <c r="EKP736" s="424"/>
      <c r="EKQ736" s="424"/>
      <c r="EKR736" s="424"/>
      <c r="EKS736" s="423" t="s">
        <v>2795</v>
      </c>
      <c r="EKT736" s="424"/>
      <c r="EKU736" s="424"/>
      <c r="EKV736" s="424"/>
      <c r="EKW736" s="423" t="s">
        <v>2795</v>
      </c>
      <c r="EKX736" s="424"/>
      <c r="EKY736" s="424"/>
      <c r="EKZ736" s="424"/>
      <c r="ELA736" s="423" t="s">
        <v>2795</v>
      </c>
      <c r="ELB736" s="424"/>
      <c r="ELC736" s="424"/>
      <c r="ELD736" s="424"/>
      <c r="ELE736" s="423" t="s">
        <v>2795</v>
      </c>
      <c r="ELF736" s="424"/>
      <c r="ELG736" s="424"/>
      <c r="ELH736" s="424"/>
      <c r="ELI736" s="423" t="s">
        <v>2795</v>
      </c>
      <c r="ELJ736" s="424"/>
      <c r="ELK736" s="424"/>
      <c r="ELL736" s="424"/>
      <c r="ELM736" s="423" t="s">
        <v>2795</v>
      </c>
      <c r="ELN736" s="424"/>
      <c r="ELO736" s="424"/>
      <c r="ELP736" s="424"/>
      <c r="ELQ736" s="423" t="s">
        <v>2795</v>
      </c>
      <c r="ELR736" s="424"/>
      <c r="ELS736" s="424"/>
      <c r="ELT736" s="424"/>
      <c r="ELU736" s="423" t="s">
        <v>2795</v>
      </c>
      <c r="ELV736" s="424"/>
      <c r="ELW736" s="424"/>
      <c r="ELX736" s="424"/>
      <c r="ELY736" s="423" t="s">
        <v>2795</v>
      </c>
      <c r="ELZ736" s="424"/>
      <c r="EMA736" s="424"/>
      <c r="EMB736" s="424"/>
      <c r="EMC736" s="423" t="s">
        <v>2795</v>
      </c>
      <c r="EMD736" s="424"/>
      <c r="EME736" s="424"/>
      <c r="EMF736" s="424"/>
      <c r="EMG736" s="423" t="s">
        <v>2795</v>
      </c>
      <c r="EMH736" s="424"/>
      <c r="EMI736" s="424"/>
      <c r="EMJ736" s="424"/>
      <c r="EMK736" s="423" t="s">
        <v>2795</v>
      </c>
      <c r="EML736" s="424"/>
      <c r="EMM736" s="424"/>
      <c r="EMN736" s="424"/>
      <c r="EMO736" s="423" t="s">
        <v>2795</v>
      </c>
      <c r="EMP736" s="424"/>
      <c r="EMQ736" s="424"/>
      <c r="EMR736" s="424"/>
      <c r="EMS736" s="423" t="s">
        <v>2795</v>
      </c>
      <c r="EMT736" s="424"/>
      <c r="EMU736" s="424"/>
      <c r="EMV736" s="424"/>
      <c r="EMW736" s="423" t="s">
        <v>2795</v>
      </c>
      <c r="EMX736" s="424"/>
      <c r="EMY736" s="424"/>
      <c r="EMZ736" s="424"/>
      <c r="ENA736" s="423" t="s">
        <v>2795</v>
      </c>
      <c r="ENB736" s="424"/>
      <c r="ENC736" s="424"/>
      <c r="END736" s="424"/>
      <c r="ENE736" s="423" t="s">
        <v>2795</v>
      </c>
      <c r="ENF736" s="424"/>
      <c r="ENG736" s="424"/>
      <c r="ENH736" s="424"/>
      <c r="ENI736" s="423" t="s">
        <v>2795</v>
      </c>
      <c r="ENJ736" s="424"/>
      <c r="ENK736" s="424"/>
      <c r="ENL736" s="424"/>
      <c r="ENM736" s="423" t="s">
        <v>2795</v>
      </c>
      <c r="ENN736" s="424"/>
      <c r="ENO736" s="424"/>
      <c r="ENP736" s="424"/>
      <c r="ENQ736" s="423" t="s">
        <v>2795</v>
      </c>
      <c r="ENR736" s="424"/>
      <c r="ENS736" s="424"/>
      <c r="ENT736" s="424"/>
      <c r="ENU736" s="423" t="s">
        <v>2795</v>
      </c>
      <c r="ENV736" s="424"/>
      <c r="ENW736" s="424"/>
      <c r="ENX736" s="424"/>
      <c r="ENY736" s="423" t="s">
        <v>2795</v>
      </c>
      <c r="ENZ736" s="424"/>
      <c r="EOA736" s="424"/>
      <c r="EOB736" s="424"/>
      <c r="EOC736" s="423" t="s">
        <v>2795</v>
      </c>
      <c r="EOD736" s="424"/>
      <c r="EOE736" s="424"/>
      <c r="EOF736" s="424"/>
      <c r="EOG736" s="423" t="s">
        <v>2795</v>
      </c>
      <c r="EOH736" s="424"/>
      <c r="EOI736" s="424"/>
      <c r="EOJ736" s="424"/>
      <c r="EOK736" s="423" t="s">
        <v>2795</v>
      </c>
      <c r="EOL736" s="424"/>
      <c r="EOM736" s="424"/>
      <c r="EON736" s="424"/>
      <c r="EOO736" s="423" t="s">
        <v>2795</v>
      </c>
      <c r="EOP736" s="424"/>
      <c r="EOQ736" s="424"/>
      <c r="EOR736" s="424"/>
      <c r="EOS736" s="423" t="s">
        <v>2795</v>
      </c>
      <c r="EOT736" s="424"/>
      <c r="EOU736" s="424"/>
      <c r="EOV736" s="424"/>
      <c r="EOW736" s="423" t="s">
        <v>2795</v>
      </c>
      <c r="EOX736" s="424"/>
      <c r="EOY736" s="424"/>
      <c r="EOZ736" s="424"/>
      <c r="EPA736" s="423" t="s">
        <v>2795</v>
      </c>
      <c r="EPB736" s="424"/>
      <c r="EPC736" s="424"/>
      <c r="EPD736" s="424"/>
      <c r="EPE736" s="423" t="s">
        <v>2795</v>
      </c>
      <c r="EPF736" s="424"/>
      <c r="EPG736" s="424"/>
      <c r="EPH736" s="424"/>
      <c r="EPI736" s="423" t="s">
        <v>2795</v>
      </c>
      <c r="EPJ736" s="424"/>
      <c r="EPK736" s="424"/>
      <c r="EPL736" s="424"/>
      <c r="EPM736" s="423" t="s">
        <v>2795</v>
      </c>
      <c r="EPN736" s="424"/>
      <c r="EPO736" s="424"/>
      <c r="EPP736" s="424"/>
      <c r="EPQ736" s="423" t="s">
        <v>2795</v>
      </c>
      <c r="EPR736" s="424"/>
      <c r="EPS736" s="424"/>
      <c r="EPT736" s="424"/>
      <c r="EPU736" s="423" t="s">
        <v>2795</v>
      </c>
      <c r="EPV736" s="424"/>
      <c r="EPW736" s="424"/>
      <c r="EPX736" s="424"/>
      <c r="EPY736" s="423" t="s">
        <v>2795</v>
      </c>
      <c r="EPZ736" s="424"/>
      <c r="EQA736" s="424"/>
      <c r="EQB736" s="424"/>
      <c r="EQC736" s="423" t="s">
        <v>2795</v>
      </c>
      <c r="EQD736" s="424"/>
      <c r="EQE736" s="424"/>
      <c r="EQF736" s="424"/>
      <c r="EQG736" s="423" t="s">
        <v>2795</v>
      </c>
      <c r="EQH736" s="424"/>
      <c r="EQI736" s="424"/>
      <c r="EQJ736" s="424"/>
      <c r="EQK736" s="423" t="s">
        <v>2795</v>
      </c>
      <c r="EQL736" s="424"/>
      <c r="EQM736" s="424"/>
      <c r="EQN736" s="424"/>
      <c r="EQO736" s="423" t="s">
        <v>2795</v>
      </c>
      <c r="EQP736" s="424"/>
      <c r="EQQ736" s="424"/>
      <c r="EQR736" s="424"/>
      <c r="EQS736" s="423" t="s">
        <v>2795</v>
      </c>
      <c r="EQT736" s="424"/>
      <c r="EQU736" s="424"/>
      <c r="EQV736" s="424"/>
      <c r="EQW736" s="423" t="s">
        <v>2795</v>
      </c>
      <c r="EQX736" s="424"/>
      <c r="EQY736" s="424"/>
      <c r="EQZ736" s="424"/>
      <c r="ERA736" s="423" t="s">
        <v>2795</v>
      </c>
      <c r="ERB736" s="424"/>
      <c r="ERC736" s="424"/>
      <c r="ERD736" s="424"/>
      <c r="ERE736" s="423" t="s">
        <v>2795</v>
      </c>
      <c r="ERF736" s="424"/>
      <c r="ERG736" s="424"/>
      <c r="ERH736" s="424"/>
      <c r="ERI736" s="423" t="s">
        <v>2795</v>
      </c>
      <c r="ERJ736" s="424"/>
      <c r="ERK736" s="424"/>
      <c r="ERL736" s="424"/>
      <c r="ERM736" s="423" t="s">
        <v>2795</v>
      </c>
      <c r="ERN736" s="424"/>
      <c r="ERO736" s="424"/>
      <c r="ERP736" s="424"/>
      <c r="ERQ736" s="423" t="s">
        <v>2795</v>
      </c>
      <c r="ERR736" s="424"/>
      <c r="ERS736" s="424"/>
      <c r="ERT736" s="424"/>
      <c r="ERU736" s="423" t="s">
        <v>2795</v>
      </c>
      <c r="ERV736" s="424"/>
      <c r="ERW736" s="424"/>
      <c r="ERX736" s="424"/>
      <c r="ERY736" s="423" t="s">
        <v>2795</v>
      </c>
      <c r="ERZ736" s="424"/>
      <c r="ESA736" s="424"/>
      <c r="ESB736" s="424"/>
      <c r="ESC736" s="423" t="s">
        <v>2795</v>
      </c>
      <c r="ESD736" s="424"/>
      <c r="ESE736" s="424"/>
      <c r="ESF736" s="424"/>
      <c r="ESG736" s="423" t="s">
        <v>2795</v>
      </c>
      <c r="ESH736" s="424"/>
      <c r="ESI736" s="424"/>
      <c r="ESJ736" s="424"/>
      <c r="ESK736" s="423" t="s">
        <v>2795</v>
      </c>
      <c r="ESL736" s="424"/>
      <c r="ESM736" s="424"/>
      <c r="ESN736" s="424"/>
      <c r="ESO736" s="423" t="s">
        <v>2795</v>
      </c>
      <c r="ESP736" s="424"/>
      <c r="ESQ736" s="424"/>
      <c r="ESR736" s="424"/>
      <c r="ESS736" s="423" t="s">
        <v>2795</v>
      </c>
      <c r="EST736" s="424"/>
      <c r="ESU736" s="424"/>
      <c r="ESV736" s="424"/>
      <c r="ESW736" s="423" t="s">
        <v>2795</v>
      </c>
      <c r="ESX736" s="424"/>
      <c r="ESY736" s="424"/>
      <c r="ESZ736" s="424"/>
      <c r="ETA736" s="423" t="s">
        <v>2795</v>
      </c>
      <c r="ETB736" s="424"/>
      <c r="ETC736" s="424"/>
      <c r="ETD736" s="424"/>
      <c r="ETE736" s="423" t="s">
        <v>2795</v>
      </c>
      <c r="ETF736" s="424"/>
      <c r="ETG736" s="424"/>
      <c r="ETH736" s="424"/>
      <c r="ETI736" s="423" t="s">
        <v>2795</v>
      </c>
      <c r="ETJ736" s="424"/>
      <c r="ETK736" s="424"/>
      <c r="ETL736" s="424"/>
      <c r="ETM736" s="423" t="s">
        <v>2795</v>
      </c>
      <c r="ETN736" s="424"/>
      <c r="ETO736" s="424"/>
      <c r="ETP736" s="424"/>
      <c r="ETQ736" s="423" t="s">
        <v>2795</v>
      </c>
      <c r="ETR736" s="424"/>
      <c r="ETS736" s="424"/>
      <c r="ETT736" s="424"/>
      <c r="ETU736" s="423" t="s">
        <v>2795</v>
      </c>
      <c r="ETV736" s="424"/>
      <c r="ETW736" s="424"/>
      <c r="ETX736" s="424"/>
      <c r="ETY736" s="423" t="s">
        <v>2795</v>
      </c>
      <c r="ETZ736" s="424"/>
      <c r="EUA736" s="424"/>
      <c r="EUB736" s="424"/>
      <c r="EUC736" s="423" t="s">
        <v>2795</v>
      </c>
      <c r="EUD736" s="424"/>
      <c r="EUE736" s="424"/>
      <c r="EUF736" s="424"/>
      <c r="EUG736" s="423" t="s">
        <v>2795</v>
      </c>
      <c r="EUH736" s="424"/>
      <c r="EUI736" s="424"/>
      <c r="EUJ736" s="424"/>
      <c r="EUK736" s="423" t="s">
        <v>2795</v>
      </c>
      <c r="EUL736" s="424"/>
      <c r="EUM736" s="424"/>
      <c r="EUN736" s="424"/>
      <c r="EUO736" s="423" t="s">
        <v>2795</v>
      </c>
      <c r="EUP736" s="424"/>
      <c r="EUQ736" s="424"/>
      <c r="EUR736" s="424"/>
      <c r="EUS736" s="423" t="s">
        <v>2795</v>
      </c>
      <c r="EUT736" s="424"/>
      <c r="EUU736" s="424"/>
      <c r="EUV736" s="424"/>
      <c r="EUW736" s="423" t="s">
        <v>2795</v>
      </c>
      <c r="EUX736" s="424"/>
      <c r="EUY736" s="424"/>
      <c r="EUZ736" s="424"/>
      <c r="EVA736" s="423" t="s">
        <v>2795</v>
      </c>
      <c r="EVB736" s="424"/>
      <c r="EVC736" s="424"/>
      <c r="EVD736" s="424"/>
      <c r="EVE736" s="423" t="s">
        <v>2795</v>
      </c>
      <c r="EVF736" s="424"/>
      <c r="EVG736" s="424"/>
      <c r="EVH736" s="424"/>
      <c r="EVI736" s="423" t="s">
        <v>2795</v>
      </c>
      <c r="EVJ736" s="424"/>
      <c r="EVK736" s="424"/>
      <c r="EVL736" s="424"/>
      <c r="EVM736" s="423" t="s">
        <v>2795</v>
      </c>
      <c r="EVN736" s="424"/>
      <c r="EVO736" s="424"/>
      <c r="EVP736" s="424"/>
      <c r="EVQ736" s="423" t="s">
        <v>2795</v>
      </c>
      <c r="EVR736" s="424"/>
      <c r="EVS736" s="424"/>
      <c r="EVT736" s="424"/>
      <c r="EVU736" s="423" t="s">
        <v>2795</v>
      </c>
      <c r="EVV736" s="424"/>
      <c r="EVW736" s="424"/>
      <c r="EVX736" s="424"/>
      <c r="EVY736" s="423" t="s">
        <v>2795</v>
      </c>
      <c r="EVZ736" s="424"/>
      <c r="EWA736" s="424"/>
      <c r="EWB736" s="424"/>
      <c r="EWC736" s="423" t="s">
        <v>2795</v>
      </c>
      <c r="EWD736" s="424"/>
      <c r="EWE736" s="424"/>
      <c r="EWF736" s="424"/>
      <c r="EWG736" s="423" t="s">
        <v>2795</v>
      </c>
      <c r="EWH736" s="424"/>
      <c r="EWI736" s="424"/>
      <c r="EWJ736" s="424"/>
      <c r="EWK736" s="423" t="s">
        <v>2795</v>
      </c>
      <c r="EWL736" s="424"/>
      <c r="EWM736" s="424"/>
      <c r="EWN736" s="424"/>
      <c r="EWO736" s="423" t="s">
        <v>2795</v>
      </c>
      <c r="EWP736" s="424"/>
      <c r="EWQ736" s="424"/>
      <c r="EWR736" s="424"/>
      <c r="EWS736" s="423" t="s">
        <v>2795</v>
      </c>
      <c r="EWT736" s="424"/>
      <c r="EWU736" s="424"/>
      <c r="EWV736" s="424"/>
      <c r="EWW736" s="423" t="s">
        <v>2795</v>
      </c>
      <c r="EWX736" s="424"/>
      <c r="EWY736" s="424"/>
      <c r="EWZ736" s="424"/>
      <c r="EXA736" s="423" t="s">
        <v>2795</v>
      </c>
      <c r="EXB736" s="424"/>
      <c r="EXC736" s="424"/>
      <c r="EXD736" s="424"/>
      <c r="EXE736" s="423" t="s">
        <v>2795</v>
      </c>
      <c r="EXF736" s="424"/>
      <c r="EXG736" s="424"/>
      <c r="EXH736" s="424"/>
      <c r="EXI736" s="423" t="s">
        <v>2795</v>
      </c>
      <c r="EXJ736" s="424"/>
      <c r="EXK736" s="424"/>
      <c r="EXL736" s="424"/>
      <c r="EXM736" s="423" t="s">
        <v>2795</v>
      </c>
      <c r="EXN736" s="424"/>
      <c r="EXO736" s="424"/>
      <c r="EXP736" s="424"/>
      <c r="EXQ736" s="423" t="s">
        <v>2795</v>
      </c>
      <c r="EXR736" s="424"/>
      <c r="EXS736" s="424"/>
      <c r="EXT736" s="424"/>
      <c r="EXU736" s="423" t="s">
        <v>2795</v>
      </c>
      <c r="EXV736" s="424"/>
      <c r="EXW736" s="424"/>
      <c r="EXX736" s="424"/>
      <c r="EXY736" s="423" t="s">
        <v>2795</v>
      </c>
      <c r="EXZ736" s="424"/>
      <c r="EYA736" s="424"/>
      <c r="EYB736" s="424"/>
      <c r="EYC736" s="423" t="s">
        <v>2795</v>
      </c>
      <c r="EYD736" s="424"/>
      <c r="EYE736" s="424"/>
      <c r="EYF736" s="424"/>
      <c r="EYG736" s="423" t="s">
        <v>2795</v>
      </c>
      <c r="EYH736" s="424"/>
      <c r="EYI736" s="424"/>
      <c r="EYJ736" s="424"/>
      <c r="EYK736" s="423" t="s">
        <v>2795</v>
      </c>
      <c r="EYL736" s="424"/>
      <c r="EYM736" s="424"/>
      <c r="EYN736" s="424"/>
      <c r="EYO736" s="423" t="s">
        <v>2795</v>
      </c>
      <c r="EYP736" s="424"/>
      <c r="EYQ736" s="424"/>
      <c r="EYR736" s="424"/>
      <c r="EYS736" s="423" t="s">
        <v>2795</v>
      </c>
      <c r="EYT736" s="424"/>
      <c r="EYU736" s="424"/>
      <c r="EYV736" s="424"/>
      <c r="EYW736" s="423" t="s">
        <v>2795</v>
      </c>
      <c r="EYX736" s="424"/>
      <c r="EYY736" s="424"/>
      <c r="EYZ736" s="424"/>
      <c r="EZA736" s="423" t="s">
        <v>2795</v>
      </c>
      <c r="EZB736" s="424"/>
      <c r="EZC736" s="424"/>
      <c r="EZD736" s="424"/>
      <c r="EZE736" s="423" t="s">
        <v>2795</v>
      </c>
      <c r="EZF736" s="424"/>
      <c r="EZG736" s="424"/>
      <c r="EZH736" s="424"/>
      <c r="EZI736" s="423" t="s">
        <v>2795</v>
      </c>
      <c r="EZJ736" s="424"/>
      <c r="EZK736" s="424"/>
      <c r="EZL736" s="424"/>
      <c r="EZM736" s="423" t="s">
        <v>2795</v>
      </c>
      <c r="EZN736" s="424"/>
      <c r="EZO736" s="424"/>
      <c r="EZP736" s="424"/>
      <c r="EZQ736" s="423" t="s">
        <v>2795</v>
      </c>
      <c r="EZR736" s="424"/>
      <c r="EZS736" s="424"/>
      <c r="EZT736" s="424"/>
      <c r="EZU736" s="423" t="s">
        <v>2795</v>
      </c>
      <c r="EZV736" s="424"/>
      <c r="EZW736" s="424"/>
      <c r="EZX736" s="424"/>
      <c r="EZY736" s="423" t="s">
        <v>2795</v>
      </c>
      <c r="EZZ736" s="424"/>
      <c r="FAA736" s="424"/>
      <c r="FAB736" s="424"/>
      <c r="FAC736" s="423" t="s">
        <v>2795</v>
      </c>
      <c r="FAD736" s="424"/>
      <c r="FAE736" s="424"/>
      <c r="FAF736" s="424"/>
      <c r="FAG736" s="423" t="s">
        <v>2795</v>
      </c>
      <c r="FAH736" s="424"/>
      <c r="FAI736" s="424"/>
      <c r="FAJ736" s="424"/>
      <c r="FAK736" s="423" t="s">
        <v>2795</v>
      </c>
      <c r="FAL736" s="424"/>
      <c r="FAM736" s="424"/>
      <c r="FAN736" s="424"/>
      <c r="FAO736" s="423" t="s">
        <v>2795</v>
      </c>
      <c r="FAP736" s="424"/>
      <c r="FAQ736" s="424"/>
      <c r="FAR736" s="424"/>
      <c r="FAS736" s="423" t="s">
        <v>2795</v>
      </c>
      <c r="FAT736" s="424"/>
      <c r="FAU736" s="424"/>
      <c r="FAV736" s="424"/>
      <c r="FAW736" s="423" t="s">
        <v>2795</v>
      </c>
      <c r="FAX736" s="424"/>
      <c r="FAY736" s="424"/>
      <c r="FAZ736" s="424"/>
      <c r="FBA736" s="423" t="s">
        <v>2795</v>
      </c>
      <c r="FBB736" s="424"/>
      <c r="FBC736" s="424"/>
      <c r="FBD736" s="424"/>
      <c r="FBE736" s="423" t="s">
        <v>2795</v>
      </c>
      <c r="FBF736" s="424"/>
      <c r="FBG736" s="424"/>
      <c r="FBH736" s="424"/>
      <c r="FBI736" s="423" t="s">
        <v>2795</v>
      </c>
      <c r="FBJ736" s="424"/>
      <c r="FBK736" s="424"/>
      <c r="FBL736" s="424"/>
      <c r="FBM736" s="423" t="s">
        <v>2795</v>
      </c>
      <c r="FBN736" s="424"/>
      <c r="FBO736" s="424"/>
      <c r="FBP736" s="424"/>
      <c r="FBQ736" s="423" t="s">
        <v>2795</v>
      </c>
      <c r="FBR736" s="424"/>
      <c r="FBS736" s="424"/>
      <c r="FBT736" s="424"/>
      <c r="FBU736" s="423" t="s">
        <v>2795</v>
      </c>
      <c r="FBV736" s="424"/>
      <c r="FBW736" s="424"/>
      <c r="FBX736" s="424"/>
      <c r="FBY736" s="423" t="s">
        <v>2795</v>
      </c>
      <c r="FBZ736" s="424"/>
      <c r="FCA736" s="424"/>
      <c r="FCB736" s="424"/>
      <c r="FCC736" s="423" t="s">
        <v>2795</v>
      </c>
      <c r="FCD736" s="424"/>
      <c r="FCE736" s="424"/>
      <c r="FCF736" s="424"/>
      <c r="FCG736" s="423" t="s">
        <v>2795</v>
      </c>
      <c r="FCH736" s="424"/>
      <c r="FCI736" s="424"/>
      <c r="FCJ736" s="424"/>
      <c r="FCK736" s="423" t="s">
        <v>2795</v>
      </c>
      <c r="FCL736" s="424"/>
      <c r="FCM736" s="424"/>
      <c r="FCN736" s="424"/>
      <c r="FCO736" s="423" t="s">
        <v>2795</v>
      </c>
      <c r="FCP736" s="424"/>
      <c r="FCQ736" s="424"/>
      <c r="FCR736" s="424"/>
      <c r="FCS736" s="423" t="s">
        <v>2795</v>
      </c>
      <c r="FCT736" s="424"/>
      <c r="FCU736" s="424"/>
      <c r="FCV736" s="424"/>
      <c r="FCW736" s="423" t="s">
        <v>2795</v>
      </c>
      <c r="FCX736" s="424"/>
      <c r="FCY736" s="424"/>
      <c r="FCZ736" s="424"/>
      <c r="FDA736" s="423" t="s">
        <v>2795</v>
      </c>
      <c r="FDB736" s="424"/>
      <c r="FDC736" s="424"/>
      <c r="FDD736" s="424"/>
      <c r="FDE736" s="423" t="s">
        <v>2795</v>
      </c>
      <c r="FDF736" s="424"/>
      <c r="FDG736" s="424"/>
      <c r="FDH736" s="424"/>
      <c r="FDI736" s="423" t="s">
        <v>2795</v>
      </c>
      <c r="FDJ736" s="424"/>
      <c r="FDK736" s="424"/>
      <c r="FDL736" s="424"/>
      <c r="FDM736" s="423" t="s">
        <v>2795</v>
      </c>
      <c r="FDN736" s="424"/>
      <c r="FDO736" s="424"/>
      <c r="FDP736" s="424"/>
      <c r="FDQ736" s="423" t="s">
        <v>2795</v>
      </c>
      <c r="FDR736" s="424"/>
      <c r="FDS736" s="424"/>
      <c r="FDT736" s="424"/>
      <c r="FDU736" s="423" t="s">
        <v>2795</v>
      </c>
      <c r="FDV736" s="424"/>
      <c r="FDW736" s="424"/>
      <c r="FDX736" s="424"/>
      <c r="FDY736" s="423" t="s">
        <v>2795</v>
      </c>
      <c r="FDZ736" s="424"/>
      <c r="FEA736" s="424"/>
      <c r="FEB736" s="424"/>
      <c r="FEC736" s="423" t="s">
        <v>2795</v>
      </c>
      <c r="FED736" s="424"/>
      <c r="FEE736" s="424"/>
      <c r="FEF736" s="424"/>
      <c r="FEG736" s="423" t="s">
        <v>2795</v>
      </c>
      <c r="FEH736" s="424"/>
      <c r="FEI736" s="424"/>
      <c r="FEJ736" s="424"/>
      <c r="FEK736" s="423" t="s">
        <v>2795</v>
      </c>
      <c r="FEL736" s="424"/>
      <c r="FEM736" s="424"/>
      <c r="FEN736" s="424"/>
      <c r="FEO736" s="423" t="s">
        <v>2795</v>
      </c>
      <c r="FEP736" s="424"/>
      <c r="FEQ736" s="424"/>
      <c r="FER736" s="424"/>
      <c r="FES736" s="423" t="s">
        <v>2795</v>
      </c>
      <c r="FET736" s="424"/>
      <c r="FEU736" s="424"/>
      <c r="FEV736" s="424"/>
      <c r="FEW736" s="423" t="s">
        <v>2795</v>
      </c>
      <c r="FEX736" s="424"/>
      <c r="FEY736" s="424"/>
      <c r="FEZ736" s="424"/>
      <c r="FFA736" s="423" t="s">
        <v>2795</v>
      </c>
      <c r="FFB736" s="424"/>
      <c r="FFC736" s="424"/>
      <c r="FFD736" s="424"/>
      <c r="FFE736" s="423" t="s">
        <v>2795</v>
      </c>
      <c r="FFF736" s="424"/>
      <c r="FFG736" s="424"/>
      <c r="FFH736" s="424"/>
      <c r="FFI736" s="423" t="s">
        <v>2795</v>
      </c>
      <c r="FFJ736" s="424"/>
      <c r="FFK736" s="424"/>
      <c r="FFL736" s="424"/>
      <c r="FFM736" s="423" t="s">
        <v>2795</v>
      </c>
      <c r="FFN736" s="424"/>
      <c r="FFO736" s="424"/>
      <c r="FFP736" s="424"/>
      <c r="FFQ736" s="423" t="s">
        <v>2795</v>
      </c>
      <c r="FFR736" s="424"/>
      <c r="FFS736" s="424"/>
      <c r="FFT736" s="424"/>
      <c r="FFU736" s="423" t="s">
        <v>2795</v>
      </c>
      <c r="FFV736" s="424"/>
      <c r="FFW736" s="424"/>
      <c r="FFX736" s="424"/>
      <c r="FFY736" s="423" t="s">
        <v>2795</v>
      </c>
      <c r="FFZ736" s="424"/>
      <c r="FGA736" s="424"/>
      <c r="FGB736" s="424"/>
      <c r="FGC736" s="423" t="s">
        <v>2795</v>
      </c>
      <c r="FGD736" s="424"/>
      <c r="FGE736" s="424"/>
      <c r="FGF736" s="424"/>
      <c r="FGG736" s="423" t="s">
        <v>2795</v>
      </c>
      <c r="FGH736" s="424"/>
      <c r="FGI736" s="424"/>
      <c r="FGJ736" s="424"/>
      <c r="FGK736" s="423" t="s">
        <v>2795</v>
      </c>
      <c r="FGL736" s="424"/>
      <c r="FGM736" s="424"/>
      <c r="FGN736" s="424"/>
      <c r="FGO736" s="423" t="s">
        <v>2795</v>
      </c>
      <c r="FGP736" s="424"/>
      <c r="FGQ736" s="424"/>
      <c r="FGR736" s="424"/>
      <c r="FGS736" s="423" t="s">
        <v>2795</v>
      </c>
      <c r="FGT736" s="424"/>
      <c r="FGU736" s="424"/>
      <c r="FGV736" s="424"/>
      <c r="FGW736" s="423" t="s">
        <v>2795</v>
      </c>
      <c r="FGX736" s="424"/>
      <c r="FGY736" s="424"/>
      <c r="FGZ736" s="424"/>
      <c r="FHA736" s="423" t="s">
        <v>2795</v>
      </c>
      <c r="FHB736" s="424"/>
      <c r="FHC736" s="424"/>
      <c r="FHD736" s="424"/>
      <c r="FHE736" s="423" t="s">
        <v>2795</v>
      </c>
      <c r="FHF736" s="424"/>
      <c r="FHG736" s="424"/>
      <c r="FHH736" s="424"/>
      <c r="FHI736" s="423" t="s">
        <v>2795</v>
      </c>
      <c r="FHJ736" s="424"/>
      <c r="FHK736" s="424"/>
      <c r="FHL736" s="424"/>
      <c r="FHM736" s="423" t="s">
        <v>2795</v>
      </c>
      <c r="FHN736" s="424"/>
      <c r="FHO736" s="424"/>
      <c r="FHP736" s="424"/>
      <c r="FHQ736" s="423" t="s">
        <v>2795</v>
      </c>
      <c r="FHR736" s="424"/>
      <c r="FHS736" s="424"/>
      <c r="FHT736" s="424"/>
      <c r="FHU736" s="423" t="s">
        <v>2795</v>
      </c>
      <c r="FHV736" s="424"/>
      <c r="FHW736" s="424"/>
      <c r="FHX736" s="424"/>
      <c r="FHY736" s="423" t="s">
        <v>2795</v>
      </c>
      <c r="FHZ736" s="424"/>
      <c r="FIA736" s="424"/>
      <c r="FIB736" s="424"/>
      <c r="FIC736" s="423" t="s">
        <v>2795</v>
      </c>
      <c r="FID736" s="424"/>
      <c r="FIE736" s="424"/>
      <c r="FIF736" s="424"/>
      <c r="FIG736" s="423" t="s">
        <v>2795</v>
      </c>
      <c r="FIH736" s="424"/>
      <c r="FII736" s="424"/>
      <c r="FIJ736" s="424"/>
      <c r="FIK736" s="423" t="s">
        <v>2795</v>
      </c>
      <c r="FIL736" s="424"/>
      <c r="FIM736" s="424"/>
      <c r="FIN736" s="424"/>
      <c r="FIO736" s="423" t="s">
        <v>2795</v>
      </c>
      <c r="FIP736" s="424"/>
      <c r="FIQ736" s="424"/>
      <c r="FIR736" s="424"/>
      <c r="FIS736" s="423" t="s">
        <v>2795</v>
      </c>
      <c r="FIT736" s="424"/>
      <c r="FIU736" s="424"/>
      <c r="FIV736" s="424"/>
      <c r="FIW736" s="423" t="s">
        <v>2795</v>
      </c>
      <c r="FIX736" s="424"/>
      <c r="FIY736" s="424"/>
      <c r="FIZ736" s="424"/>
      <c r="FJA736" s="423" t="s">
        <v>2795</v>
      </c>
      <c r="FJB736" s="424"/>
      <c r="FJC736" s="424"/>
      <c r="FJD736" s="424"/>
      <c r="FJE736" s="423" t="s">
        <v>2795</v>
      </c>
      <c r="FJF736" s="424"/>
      <c r="FJG736" s="424"/>
      <c r="FJH736" s="424"/>
      <c r="FJI736" s="423" t="s">
        <v>2795</v>
      </c>
      <c r="FJJ736" s="424"/>
      <c r="FJK736" s="424"/>
      <c r="FJL736" s="424"/>
      <c r="FJM736" s="423" t="s">
        <v>2795</v>
      </c>
      <c r="FJN736" s="424"/>
      <c r="FJO736" s="424"/>
      <c r="FJP736" s="424"/>
      <c r="FJQ736" s="423" t="s">
        <v>2795</v>
      </c>
      <c r="FJR736" s="424"/>
      <c r="FJS736" s="424"/>
      <c r="FJT736" s="424"/>
      <c r="FJU736" s="423" t="s">
        <v>2795</v>
      </c>
      <c r="FJV736" s="424"/>
      <c r="FJW736" s="424"/>
      <c r="FJX736" s="424"/>
      <c r="FJY736" s="423" t="s">
        <v>2795</v>
      </c>
      <c r="FJZ736" s="424"/>
      <c r="FKA736" s="424"/>
      <c r="FKB736" s="424"/>
      <c r="FKC736" s="423" t="s">
        <v>2795</v>
      </c>
      <c r="FKD736" s="424"/>
      <c r="FKE736" s="424"/>
      <c r="FKF736" s="424"/>
      <c r="FKG736" s="423" t="s">
        <v>2795</v>
      </c>
      <c r="FKH736" s="424"/>
      <c r="FKI736" s="424"/>
      <c r="FKJ736" s="424"/>
      <c r="FKK736" s="423" t="s">
        <v>2795</v>
      </c>
      <c r="FKL736" s="424"/>
      <c r="FKM736" s="424"/>
      <c r="FKN736" s="424"/>
      <c r="FKO736" s="423" t="s">
        <v>2795</v>
      </c>
      <c r="FKP736" s="424"/>
      <c r="FKQ736" s="424"/>
      <c r="FKR736" s="424"/>
      <c r="FKS736" s="423" t="s">
        <v>2795</v>
      </c>
      <c r="FKT736" s="424"/>
      <c r="FKU736" s="424"/>
      <c r="FKV736" s="424"/>
      <c r="FKW736" s="423" t="s">
        <v>2795</v>
      </c>
      <c r="FKX736" s="424"/>
      <c r="FKY736" s="424"/>
      <c r="FKZ736" s="424"/>
      <c r="FLA736" s="423" t="s">
        <v>2795</v>
      </c>
      <c r="FLB736" s="424"/>
      <c r="FLC736" s="424"/>
      <c r="FLD736" s="424"/>
      <c r="FLE736" s="423" t="s">
        <v>2795</v>
      </c>
      <c r="FLF736" s="424"/>
      <c r="FLG736" s="424"/>
      <c r="FLH736" s="424"/>
      <c r="FLI736" s="423" t="s">
        <v>2795</v>
      </c>
      <c r="FLJ736" s="424"/>
      <c r="FLK736" s="424"/>
      <c r="FLL736" s="424"/>
      <c r="FLM736" s="423" t="s">
        <v>2795</v>
      </c>
      <c r="FLN736" s="424"/>
      <c r="FLO736" s="424"/>
      <c r="FLP736" s="424"/>
      <c r="FLQ736" s="423" t="s">
        <v>2795</v>
      </c>
      <c r="FLR736" s="424"/>
      <c r="FLS736" s="424"/>
      <c r="FLT736" s="424"/>
      <c r="FLU736" s="423" t="s">
        <v>2795</v>
      </c>
      <c r="FLV736" s="424"/>
      <c r="FLW736" s="424"/>
      <c r="FLX736" s="424"/>
      <c r="FLY736" s="423" t="s">
        <v>2795</v>
      </c>
      <c r="FLZ736" s="424"/>
      <c r="FMA736" s="424"/>
      <c r="FMB736" s="424"/>
      <c r="FMC736" s="423" t="s">
        <v>2795</v>
      </c>
      <c r="FMD736" s="424"/>
      <c r="FME736" s="424"/>
      <c r="FMF736" s="424"/>
      <c r="FMG736" s="423" t="s">
        <v>2795</v>
      </c>
      <c r="FMH736" s="424"/>
      <c r="FMI736" s="424"/>
      <c r="FMJ736" s="424"/>
      <c r="FMK736" s="423" t="s">
        <v>2795</v>
      </c>
      <c r="FML736" s="424"/>
      <c r="FMM736" s="424"/>
      <c r="FMN736" s="424"/>
      <c r="FMO736" s="423" t="s">
        <v>2795</v>
      </c>
      <c r="FMP736" s="424"/>
      <c r="FMQ736" s="424"/>
      <c r="FMR736" s="424"/>
      <c r="FMS736" s="423" t="s">
        <v>2795</v>
      </c>
      <c r="FMT736" s="424"/>
      <c r="FMU736" s="424"/>
      <c r="FMV736" s="424"/>
      <c r="FMW736" s="423" t="s">
        <v>2795</v>
      </c>
      <c r="FMX736" s="424"/>
      <c r="FMY736" s="424"/>
      <c r="FMZ736" s="424"/>
      <c r="FNA736" s="423" t="s">
        <v>2795</v>
      </c>
      <c r="FNB736" s="424"/>
      <c r="FNC736" s="424"/>
      <c r="FND736" s="424"/>
      <c r="FNE736" s="423" t="s">
        <v>2795</v>
      </c>
      <c r="FNF736" s="424"/>
      <c r="FNG736" s="424"/>
      <c r="FNH736" s="424"/>
      <c r="FNI736" s="423" t="s">
        <v>2795</v>
      </c>
      <c r="FNJ736" s="424"/>
      <c r="FNK736" s="424"/>
      <c r="FNL736" s="424"/>
      <c r="FNM736" s="423" t="s">
        <v>2795</v>
      </c>
      <c r="FNN736" s="424"/>
      <c r="FNO736" s="424"/>
      <c r="FNP736" s="424"/>
      <c r="FNQ736" s="423" t="s">
        <v>2795</v>
      </c>
      <c r="FNR736" s="424"/>
      <c r="FNS736" s="424"/>
      <c r="FNT736" s="424"/>
      <c r="FNU736" s="423" t="s">
        <v>2795</v>
      </c>
      <c r="FNV736" s="424"/>
      <c r="FNW736" s="424"/>
      <c r="FNX736" s="424"/>
      <c r="FNY736" s="423" t="s">
        <v>2795</v>
      </c>
      <c r="FNZ736" s="424"/>
      <c r="FOA736" s="424"/>
      <c r="FOB736" s="424"/>
      <c r="FOC736" s="423" t="s">
        <v>2795</v>
      </c>
      <c r="FOD736" s="424"/>
      <c r="FOE736" s="424"/>
      <c r="FOF736" s="424"/>
      <c r="FOG736" s="423" t="s">
        <v>2795</v>
      </c>
      <c r="FOH736" s="424"/>
      <c r="FOI736" s="424"/>
      <c r="FOJ736" s="424"/>
      <c r="FOK736" s="423" t="s">
        <v>2795</v>
      </c>
      <c r="FOL736" s="424"/>
      <c r="FOM736" s="424"/>
      <c r="FON736" s="424"/>
      <c r="FOO736" s="423" t="s">
        <v>2795</v>
      </c>
      <c r="FOP736" s="424"/>
      <c r="FOQ736" s="424"/>
      <c r="FOR736" s="424"/>
      <c r="FOS736" s="423" t="s">
        <v>2795</v>
      </c>
      <c r="FOT736" s="424"/>
      <c r="FOU736" s="424"/>
      <c r="FOV736" s="424"/>
      <c r="FOW736" s="423" t="s">
        <v>2795</v>
      </c>
      <c r="FOX736" s="424"/>
      <c r="FOY736" s="424"/>
      <c r="FOZ736" s="424"/>
      <c r="FPA736" s="423" t="s">
        <v>2795</v>
      </c>
      <c r="FPB736" s="424"/>
      <c r="FPC736" s="424"/>
      <c r="FPD736" s="424"/>
      <c r="FPE736" s="423" t="s">
        <v>2795</v>
      </c>
      <c r="FPF736" s="424"/>
      <c r="FPG736" s="424"/>
      <c r="FPH736" s="424"/>
      <c r="FPI736" s="423" t="s">
        <v>2795</v>
      </c>
      <c r="FPJ736" s="424"/>
      <c r="FPK736" s="424"/>
      <c r="FPL736" s="424"/>
      <c r="FPM736" s="423" t="s">
        <v>2795</v>
      </c>
      <c r="FPN736" s="424"/>
      <c r="FPO736" s="424"/>
      <c r="FPP736" s="424"/>
      <c r="FPQ736" s="423" t="s">
        <v>2795</v>
      </c>
      <c r="FPR736" s="424"/>
      <c r="FPS736" s="424"/>
      <c r="FPT736" s="424"/>
      <c r="FPU736" s="423" t="s">
        <v>2795</v>
      </c>
      <c r="FPV736" s="424"/>
      <c r="FPW736" s="424"/>
      <c r="FPX736" s="424"/>
      <c r="FPY736" s="423" t="s">
        <v>2795</v>
      </c>
      <c r="FPZ736" s="424"/>
      <c r="FQA736" s="424"/>
      <c r="FQB736" s="424"/>
      <c r="FQC736" s="423" t="s">
        <v>2795</v>
      </c>
      <c r="FQD736" s="424"/>
      <c r="FQE736" s="424"/>
      <c r="FQF736" s="424"/>
      <c r="FQG736" s="423" t="s">
        <v>2795</v>
      </c>
      <c r="FQH736" s="424"/>
      <c r="FQI736" s="424"/>
      <c r="FQJ736" s="424"/>
      <c r="FQK736" s="423" t="s">
        <v>2795</v>
      </c>
      <c r="FQL736" s="424"/>
      <c r="FQM736" s="424"/>
      <c r="FQN736" s="424"/>
      <c r="FQO736" s="423" t="s">
        <v>2795</v>
      </c>
      <c r="FQP736" s="424"/>
      <c r="FQQ736" s="424"/>
      <c r="FQR736" s="424"/>
      <c r="FQS736" s="423" t="s">
        <v>2795</v>
      </c>
      <c r="FQT736" s="424"/>
      <c r="FQU736" s="424"/>
      <c r="FQV736" s="424"/>
      <c r="FQW736" s="423" t="s">
        <v>2795</v>
      </c>
      <c r="FQX736" s="424"/>
      <c r="FQY736" s="424"/>
      <c r="FQZ736" s="424"/>
      <c r="FRA736" s="423" t="s">
        <v>2795</v>
      </c>
      <c r="FRB736" s="424"/>
      <c r="FRC736" s="424"/>
      <c r="FRD736" s="424"/>
      <c r="FRE736" s="423" t="s">
        <v>2795</v>
      </c>
      <c r="FRF736" s="424"/>
      <c r="FRG736" s="424"/>
      <c r="FRH736" s="424"/>
      <c r="FRI736" s="423" t="s">
        <v>2795</v>
      </c>
      <c r="FRJ736" s="424"/>
      <c r="FRK736" s="424"/>
      <c r="FRL736" s="424"/>
      <c r="FRM736" s="423" t="s">
        <v>2795</v>
      </c>
      <c r="FRN736" s="424"/>
      <c r="FRO736" s="424"/>
      <c r="FRP736" s="424"/>
      <c r="FRQ736" s="423" t="s">
        <v>2795</v>
      </c>
      <c r="FRR736" s="424"/>
      <c r="FRS736" s="424"/>
      <c r="FRT736" s="424"/>
      <c r="FRU736" s="423" t="s">
        <v>2795</v>
      </c>
      <c r="FRV736" s="424"/>
      <c r="FRW736" s="424"/>
      <c r="FRX736" s="424"/>
      <c r="FRY736" s="423" t="s">
        <v>2795</v>
      </c>
      <c r="FRZ736" s="424"/>
      <c r="FSA736" s="424"/>
      <c r="FSB736" s="424"/>
      <c r="FSC736" s="423" t="s">
        <v>2795</v>
      </c>
      <c r="FSD736" s="424"/>
      <c r="FSE736" s="424"/>
      <c r="FSF736" s="424"/>
      <c r="FSG736" s="423" t="s">
        <v>2795</v>
      </c>
      <c r="FSH736" s="424"/>
      <c r="FSI736" s="424"/>
      <c r="FSJ736" s="424"/>
      <c r="FSK736" s="423" t="s">
        <v>2795</v>
      </c>
      <c r="FSL736" s="424"/>
      <c r="FSM736" s="424"/>
      <c r="FSN736" s="424"/>
      <c r="FSO736" s="423" t="s">
        <v>2795</v>
      </c>
      <c r="FSP736" s="424"/>
      <c r="FSQ736" s="424"/>
      <c r="FSR736" s="424"/>
      <c r="FSS736" s="423" t="s">
        <v>2795</v>
      </c>
      <c r="FST736" s="424"/>
      <c r="FSU736" s="424"/>
      <c r="FSV736" s="424"/>
      <c r="FSW736" s="423" t="s">
        <v>2795</v>
      </c>
      <c r="FSX736" s="424"/>
      <c r="FSY736" s="424"/>
      <c r="FSZ736" s="424"/>
      <c r="FTA736" s="423" t="s">
        <v>2795</v>
      </c>
      <c r="FTB736" s="424"/>
      <c r="FTC736" s="424"/>
      <c r="FTD736" s="424"/>
      <c r="FTE736" s="423" t="s">
        <v>2795</v>
      </c>
      <c r="FTF736" s="424"/>
      <c r="FTG736" s="424"/>
      <c r="FTH736" s="424"/>
      <c r="FTI736" s="423" t="s">
        <v>2795</v>
      </c>
      <c r="FTJ736" s="424"/>
      <c r="FTK736" s="424"/>
      <c r="FTL736" s="424"/>
      <c r="FTM736" s="423" t="s">
        <v>2795</v>
      </c>
      <c r="FTN736" s="424"/>
      <c r="FTO736" s="424"/>
      <c r="FTP736" s="424"/>
      <c r="FTQ736" s="423" t="s">
        <v>2795</v>
      </c>
      <c r="FTR736" s="424"/>
      <c r="FTS736" s="424"/>
      <c r="FTT736" s="424"/>
      <c r="FTU736" s="423" t="s">
        <v>2795</v>
      </c>
      <c r="FTV736" s="424"/>
      <c r="FTW736" s="424"/>
      <c r="FTX736" s="424"/>
      <c r="FTY736" s="423" t="s">
        <v>2795</v>
      </c>
      <c r="FTZ736" s="424"/>
      <c r="FUA736" s="424"/>
      <c r="FUB736" s="424"/>
      <c r="FUC736" s="423" t="s">
        <v>2795</v>
      </c>
      <c r="FUD736" s="424"/>
      <c r="FUE736" s="424"/>
      <c r="FUF736" s="424"/>
      <c r="FUG736" s="423" t="s">
        <v>2795</v>
      </c>
      <c r="FUH736" s="424"/>
      <c r="FUI736" s="424"/>
      <c r="FUJ736" s="424"/>
      <c r="FUK736" s="423" t="s">
        <v>2795</v>
      </c>
      <c r="FUL736" s="424"/>
      <c r="FUM736" s="424"/>
      <c r="FUN736" s="424"/>
      <c r="FUO736" s="423" t="s">
        <v>2795</v>
      </c>
      <c r="FUP736" s="424"/>
      <c r="FUQ736" s="424"/>
      <c r="FUR736" s="424"/>
      <c r="FUS736" s="423" t="s">
        <v>2795</v>
      </c>
      <c r="FUT736" s="424"/>
      <c r="FUU736" s="424"/>
      <c r="FUV736" s="424"/>
      <c r="FUW736" s="423" t="s">
        <v>2795</v>
      </c>
      <c r="FUX736" s="424"/>
      <c r="FUY736" s="424"/>
      <c r="FUZ736" s="424"/>
      <c r="FVA736" s="423" t="s">
        <v>2795</v>
      </c>
      <c r="FVB736" s="424"/>
      <c r="FVC736" s="424"/>
      <c r="FVD736" s="424"/>
      <c r="FVE736" s="423" t="s">
        <v>2795</v>
      </c>
      <c r="FVF736" s="424"/>
      <c r="FVG736" s="424"/>
      <c r="FVH736" s="424"/>
      <c r="FVI736" s="423" t="s">
        <v>2795</v>
      </c>
      <c r="FVJ736" s="424"/>
      <c r="FVK736" s="424"/>
      <c r="FVL736" s="424"/>
      <c r="FVM736" s="423" t="s">
        <v>2795</v>
      </c>
      <c r="FVN736" s="424"/>
      <c r="FVO736" s="424"/>
      <c r="FVP736" s="424"/>
      <c r="FVQ736" s="423" t="s">
        <v>2795</v>
      </c>
      <c r="FVR736" s="424"/>
      <c r="FVS736" s="424"/>
      <c r="FVT736" s="424"/>
      <c r="FVU736" s="423" t="s">
        <v>2795</v>
      </c>
      <c r="FVV736" s="424"/>
      <c r="FVW736" s="424"/>
      <c r="FVX736" s="424"/>
      <c r="FVY736" s="423" t="s">
        <v>2795</v>
      </c>
      <c r="FVZ736" s="424"/>
      <c r="FWA736" s="424"/>
      <c r="FWB736" s="424"/>
      <c r="FWC736" s="423" t="s">
        <v>2795</v>
      </c>
      <c r="FWD736" s="424"/>
      <c r="FWE736" s="424"/>
      <c r="FWF736" s="424"/>
      <c r="FWG736" s="423" t="s">
        <v>2795</v>
      </c>
      <c r="FWH736" s="424"/>
      <c r="FWI736" s="424"/>
      <c r="FWJ736" s="424"/>
      <c r="FWK736" s="423" t="s">
        <v>2795</v>
      </c>
      <c r="FWL736" s="424"/>
      <c r="FWM736" s="424"/>
      <c r="FWN736" s="424"/>
      <c r="FWO736" s="423" t="s">
        <v>2795</v>
      </c>
      <c r="FWP736" s="424"/>
      <c r="FWQ736" s="424"/>
      <c r="FWR736" s="424"/>
      <c r="FWS736" s="423" t="s">
        <v>2795</v>
      </c>
      <c r="FWT736" s="424"/>
      <c r="FWU736" s="424"/>
      <c r="FWV736" s="424"/>
      <c r="FWW736" s="423" t="s">
        <v>2795</v>
      </c>
      <c r="FWX736" s="424"/>
      <c r="FWY736" s="424"/>
      <c r="FWZ736" s="424"/>
      <c r="FXA736" s="423" t="s">
        <v>2795</v>
      </c>
      <c r="FXB736" s="424"/>
      <c r="FXC736" s="424"/>
      <c r="FXD736" s="424"/>
      <c r="FXE736" s="423" t="s">
        <v>2795</v>
      </c>
      <c r="FXF736" s="424"/>
      <c r="FXG736" s="424"/>
      <c r="FXH736" s="424"/>
      <c r="FXI736" s="423" t="s">
        <v>2795</v>
      </c>
      <c r="FXJ736" s="424"/>
      <c r="FXK736" s="424"/>
      <c r="FXL736" s="424"/>
      <c r="FXM736" s="423" t="s">
        <v>2795</v>
      </c>
      <c r="FXN736" s="424"/>
      <c r="FXO736" s="424"/>
      <c r="FXP736" s="424"/>
      <c r="FXQ736" s="423" t="s">
        <v>2795</v>
      </c>
      <c r="FXR736" s="424"/>
      <c r="FXS736" s="424"/>
      <c r="FXT736" s="424"/>
      <c r="FXU736" s="423" t="s">
        <v>2795</v>
      </c>
      <c r="FXV736" s="424"/>
      <c r="FXW736" s="424"/>
      <c r="FXX736" s="424"/>
      <c r="FXY736" s="423" t="s">
        <v>2795</v>
      </c>
      <c r="FXZ736" s="424"/>
      <c r="FYA736" s="424"/>
      <c r="FYB736" s="424"/>
      <c r="FYC736" s="423" t="s">
        <v>2795</v>
      </c>
      <c r="FYD736" s="424"/>
      <c r="FYE736" s="424"/>
      <c r="FYF736" s="424"/>
      <c r="FYG736" s="423" t="s">
        <v>2795</v>
      </c>
      <c r="FYH736" s="424"/>
      <c r="FYI736" s="424"/>
      <c r="FYJ736" s="424"/>
      <c r="FYK736" s="423" t="s">
        <v>2795</v>
      </c>
      <c r="FYL736" s="424"/>
      <c r="FYM736" s="424"/>
      <c r="FYN736" s="424"/>
      <c r="FYO736" s="423" t="s">
        <v>2795</v>
      </c>
      <c r="FYP736" s="424"/>
      <c r="FYQ736" s="424"/>
      <c r="FYR736" s="424"/>
      <c r="FYS736" s="423" t="s">
        <v>2795</v>
      </c>
      <c r="FYT736" s="424"/>
      <c r="FYU736" s="424"/>
      <c r="FYV736" s="424"/>
      <c r="FYW736" s="423" t="s">
        <v>2795</v>
      </c>
      <c r="FYX736" s="424"/>
      <c r="FYY736" s="424"/>
      <c r="FYZ736" s="424"/>
      <c r="FZA736" s="423" t="s">
        <v>2795</v>
      </c>
      <c r="FZB736" s="424"/>
      <c r="FZC736" s="424"/>
      <c r="FZD736" s="424"/>
      <c r="FZE736" s="423" t="s">
        <v>2795</v>
      </c>
      <c r="FZF736" s="424"/>
      <c r="FZG736" s="424"/>
      <c r="FZH736" s="424"/>
      <c r="FZI736" s="423" t="s">
        <v>2795</v>
      </c>
      <c r="FZJ736" s="424"/>
      <c r="FZK736" s="424"/>
      <c r="FZL736" s="424"/>
      <c r="FZM736" s="423" t="s">
        <v>2795</v>
      </c>
      <c r="FZN736" s="424"/>
      <c r="FZO736" s="424"/>
      <c r="FZP736" s="424"/>
      <c r="FZQ736" s="423" t="s">
        <v>2795</v>
      </c>
      <c r="FZR736" s="424"/>
      <c r="FZS736" s="424"/>
      <c r="FZT736" s="424"/>
      <c r="FZU736" s="423" t="s">
        <v>2795</v>
      </c>
      <c r="FZV736" s="424"/>
      <c r="FZW736" s="424"/>
      <c r="FZX736" s="424"/>
      <c r="FZY736" s="423" t="s">
        <v>2795</v>
      </c>
      <c r="FZZ736" s="424"/>
      <c r="GAA736" s="424"/>
      <c r="GAB736" s="424"/>
      <c r="GAC736" s="423" t="s">
        <v>2795</v>
      </c>
      <c r="GAD736" s="424"/>
      <c r="GAE736" s="424"/>
      <c r="GAF736" s="424"/>
      <c r="GAG736" s="423" t="s">
        <v>2795</v>
      </c>
      <c r="GAH736" s="424"/>
      <c r="GAI736" s="424"/>
      <c r="GAJ736" s="424"/>
      <c r="GAK736" s="423" t="s">
        <v>2795</v>
      </c>
      <c r="GAL736" s="424"/>
      <c r="GAM736" s="424"/>
      <c r="GAN736" s="424"/>
      <c r="GAO736" s="423" t="s">
        <v>2795</v>
      </c>
      <c r="GAP736" s="424"/>
      <c r="GAQ736" s="424"/>
      <c r="GAR736" s="424"/>
      <c r="GAS736" s="423" t="s">
        <v>2795</v>
      </c>
      <c r="GAT736" s="424"/>
      <c r="GAU736" s="424"/>
      <c r="GAV736" s="424"/>
      <c r="GAW736" s="423" t="s">
        <v>2795</v>
      </c>
      <c r="GAX736" s="424"/>
      <c r="GAY736" s="424"/>
      <c r="GAZ736" s="424"/>
      <c r="GBA736" s="423" t="s">
        <v>2795</v>
      </c>
      <c r="GBB736" s="424"/>
      <c r="GBC736" s="424"/>
      <c r="GBD736" s="424"/>
      <c r="GBE736" s="423" t="s">
        <v>2795</v>
      </c>
      <c r="GBF736" s="424"/>
      <c r="GBG736" s="424"/>
      <c r="GBH736" s="424"/>
      <c r="GBI736" s="423" t="s">
        <v>2795</v>
      </c>
      <c r="GBJ736" s="424"/>
      <c r="GBK736" s="424"/>
      <c r="GBL736" s="424"/>
      <c r="GBM736" s="423" t="s">
        <v>2795</v>
      </c>
      <c r="GBN736" s="424"/>
      <c r="GBO736" s="424"/>
      <c r="GBP736" s="424"/>
      <c r="GBQ736" s="423" t="s">
        <v>2795</v>
      </c>
      <c r="GBR736" s="424"/>
      <c r="GBS736" s="424"/>
      <c r="GBT736" s="424"/>
      <c r="GBU736" s="423" t="s">
        <v>2795</v>
      </c>
      <c r="GBV736" s="424"/>
      <c r="GBW736" s="424"/>
      <c r="GBX736" s="424"/>
      <c r="GBY736" s="423" t="s">
        <v>2795</v>
      </c>
      <c r="GBZ736" s="424"/>
      <c r="GCA736" s="424"/>
      <c r="GCB736" s="424"/>
      <c r="GCC736" s="423" t="s">
        <v>2795</v>
      </c>
      <c r="GCD736" s="424"/>
      <c r="GCE736" s="424"/>
      <c r="GCF736" s="424"/>
      <c r="GCG736" s="423" t="s">
        <v>2795</v>
      </c>
      <c r="GCH736" s="424"/>
      <c r="GCI736" s="424"/>
      <c r="GCJ736" s="424"/>
      <c r="GCK736" s="423" t="s">
        <v>2795</v>
      </c>
      <c r="GCL736" s="424"/>
      <c r="GCM736" s="424"/>
      <c r="GCN736" s="424"/>
      <c r="GCO736" s="423" t="s">
        <v>2795</v>
      </c>
      <c r="GCP736" s="424"/>
      <c r="GCQ736" s="424"/>
      <c r="GCR736" s="424"/>
      <c r="GCS736" s="423" t="s">
        <v>2795</v>
      </c>
      <c r="GCT736" s="424"/>
      <c r="GCU736" s="424"/>
      <c r="GCV736" s="424"/>
      <c r="GCW736" s="423" t="s">
        <v>2795</v>
      </c>
      <c r="GCX736" s="424"/>
      <c r="GCY736" s="424"/>
      <c r="GCZ736" s="424"/>
      <c r="GDA736" s="423" t="s">
        <v>2795</v>
      </c>
      <c r="GDB736" s="424"/>
      <c r="GDC736" s="424"/>
      <c r="GDD736" s="424"/>
      <c r="GDE736" s="423" t="s">
        <v>2795</v>
      </c>
      <c r="GDF736" s="424"/>
      <c r="GDG736" s="424"/>
      <c r="GDH736" s="424"/>
      <c r="GDI736" s="423" t="s">
        <v>2795</v>
      </c>
      <c r="GDJ736" s="424"/>
      <c r="GDK736" s="424"/>
      <c r="GDL736" s="424"/>
      <c r="GDM736" s="423" t="s">
        <v>2795</v>
      </c>
      <c r="GDN736" s="424"/>
      <c r="GDO736" s="424"/>
      <c r="GDP736" s="424"/>
      <c r="GDQ736" s="423" t="s">
        <v>2795</v>
      </c>
      <c r="GDR736" s="424"/>
      <c r="GDS736" s="424"/>
      <c r="GDT736" s="424"/>
      <c r="GDU736" s="423" t="s">
        <v>2795</v>
      </c>
      <c r="GDV736" s="424"/>
      <c r="GDW736" s="424"/>
      <c r="GDX736" s="424"/>
      <c r="GDY736" s="423" t="s">
        <v>2795</v>
      </c>
      <c r="GDZ736" s="424"/>
      <c r="GEA736" s="424"/>
      <c r="GEB736" s="424"/>
      <c r="GEC736" s="423" t="s">
        <v>2795</v>
      </c>
      <c r="GED736" s="424"/>
      <c r="GEE736" s="424"/>
      <c r="GEF736" s="424"/>
      <c r="GEG736" s="423" t="s">
        <v>2795</v>
      </c>
      <c r="GEH736" s="424"/>
      <c r="GEI736" s="424"/>
      <c r="GEJ736" s="424"/>
      <c r="GEK736" s="423" t="s">
        <v>2795</v>
      </c>
      <c r="GEL736" s="424"/>
      <c r="GEM736" s="424"/>
      <c r="GEN736" s="424"/>
      <c r="GEO736" s="423" t="s">
        <v>2795</v>
      </c>
      <c r="GEP736" s="424"/>
      <c r="GEQ736" s="424"/>
      <c r="GER736" s="424"/>
      <c r="GES736" s="423" t="s">
        <v>2795</v>
      </c>
      <c r="GET736" s="424"/>
      <c r="GEU736" s="424"/>
      <c r="GEV736" s="424"/>
      <c r="GEW736" s="423" t="s">
        <v>2795</v>
      </c>
      <c r="GEX736" s="424"/>
      <c r="GEY736" s="424"/>
      <c r="GEZ736" s="424"/>
      <c r="GFA736" s="423" t="s">
        <v>2795</v>
      </c>
      <c r="GFB736" s="424"/>
      <c r="GFC736" s="424"/>
      <c r="GFD736" s="424"/>
      <c r="GFE736" s="423" t="s">
        <v>2795</v>
      </c>
      <c r="GFF736" s="424"/>
      <c r="GFG736" s="424"/>
      <c r="GFH736" s="424"/>
      <c r="GFI736" s="423" t="s">
        <v>2795</v>
      </c>
      <c r="GFJ736" s="424"/>
      <c r="GFK736" s="424"/>
      <c r="GFL736" s="424"/>
      <c r="GFM736" s="423" t="s">
        <v>2795</v>
      </c>
      <c r="GFN736" s="424"/>
      <c r="GFO736" s="424"/>
      <c r="GFP736" s="424"/>
      <c r="GFQ736" s="423" t="s">
        <v>2795</v>
      </c>
      <c r="GFR736" s="424"/>
      <c r="GFS736" s="424"/>
      <c r="GFT736" s="424"/>
      <c r="GFU736" s="423" t="s">
        <v>2795</v>
      </c>
      <c r="GFV736" s="424"/>
      <c r="GFW736" s="424"/>
      <c r="GFX736" s="424"/>
      <c r="GFY736" s="423" t="s">
        <v>2795</v>
      </c>
      <c r="GFZ736" s="424"/>
      <c r="GGA736" s="424"/>
      <c r="GGB736" s="424"/>
      <c r="GGC736" s="423" t="s">
        <v>2795</v>
      </c>
      <c r="GGD736" s="424"/>
      <c r="GGE736" s="424"/>
      <c r="GGF736" s="424"/>
      <c r="GGG736" s="423" t="s">
        <v>2795</v>
      </c>
      <c r="GGH736" s="424"/>
      <c r="GGI736" s="424"/>
      <c r="GGJ736" s="424"/>
      <c r="GGK736" s="423" t="s">
        <v>2795</v>
      </c>
      <c r="GGL736" s="424"/>
      <c r="GGM736" s="424"/>
      <c r="GGN736" s="424"/>
      <c r="GGO736" s="423" t="s">
        <v>2795</v>
      </c>
      <c r="GGP736" s="424"/>
      <c r="GGQ736" s="424"/>
      <c r="GGR736" s="424"/>
      <c r="GGS736" s="423" t="s">
        <v>2795</v>
      </c>
      <c r="GGT736" s="424"/>
      <c r="GGU736" s="424"/>
      <c r="GGV736" s="424"/>
      <c r="GGW736" s="423" t="s">
        <v>2795</v>
      </c>
      <c r="GGX736" s="424"/>
      <c r="GGY736" s="424"/>
      <c r="GGZ736" s="424"/>
      <c r="GHA736" s="423" t="s">
        <v>2795</v>
      </c>
      <c r="GHB736" s="424"/>
      <c r="GHC736" s="424"/>
      <c r="GHD736" s="424"/>
      <c r="GHE736" s="423" t="s">
        <v>2795</v>
      </c>
      <c r="GHF736" s="424"/>
      <c r="GHG736" s="424"/>
      <c r="GHH736" s="424"/>
      <c r="GHI736" s="423" t="s">
        <v>2795</v>
      </c>
      <c r="GHJ736" s="424"/>
      <c r="GHK736" s="424"/>
      <c r="GHL736" s="424"/>
      <c r="GHM736" s="423" t="s">
        <v>2795</v>
      </c>
      <c r="GHN736" s="424"/>
      <c r="GHO736" s="424"/>
      <c r="GHP736" s="424"/>
      <c r="GHQ736" s="423" t="s">
        <v>2795</v>
      </c>
      <c r="GHR736" s="424"/>
      <c r="GHS736" s="424"/>
      <c r="GHT736" s="424"/>
      <c r="GHU736" s="423" t="s">
        <v>2795</v>
      </c>
      <c r="GHV736" s="424"/>
      <c r="GHW736" s="424"/>
      <c r="GHX736" s="424"/>
      <c r="GHY736" s="423" t="s">
        <v>2795</v>
      </c>
      <c r="GHZ736" s="424"/>
      <c r="GIA736" s="424"/>
      <c r="GIB736" s="424"/>
      <c r="GIC736" s="423" t="s">
        <v>2795</v>
      </c>
      <c r="GID736" s="424"/>
      <c r="GIE736" s="424"/>
      <c r="GIF736" s="424"/>
      <c r="GIG736" s="423" t="s">
        <v>2795</v>
      </c>
      <c r="GIH736" s="424"/>
      <c r="GII736" s="424"/>
      <c r="GIJ736" s="424"/>
      <c r="GIK736" s="423" t="s">
        <v>2795</v>
      </c>
      <c r="GIL736" s="424"/>
      <c r="GIM736" s="424"/>
      <c r="GIN736" s="424"/>
      <c r="GIO736" s="423" t="s">
        <v>2795</v>
      </c>
      <c r="GIP736" s="424"/>
      <c r="GIQ736" s="424"/>
      <c r="GIR736" s="424"/>
      <c r="GIS736" s="423" t="s">
        <v>2795</v>
      </c>
      <c r="GIT736" s="424"/>
      <c r="GIU736" s="424"/>
      <c r="GIV736" s="424"/>
      <c r="GIW736" s="423" t="s">
        <v>2795</v>
      </c>
      <c r="GIX736" s="424"/>
      <c r="GIY736" s="424"/>
      <c r="GIZ736" s="424"/>
      <c r="GJA736" s="423" t="s">
        <v>2795</v>
      </c>
      <c r="GJB736" s="424"/>
      <c r="GJC736" s="424"/>
      <c r="GJD736" s="424"/>
      <c r="GJE736" s="423" t="s">
        <v>2795</v>
      </c>
      <c r="GJF736" s="424"/>
      <c r="GJG736" s="424"/>
      <c r="GJH736" s="424"/>
      <c r="GJI736" s="423" t="s">
        <v>2795</v>
      </c>
      <c r="GJJ736" s="424"/>
      <c r="GJK736" s="424"/>
      <c r="GJL736" s="424"/>
      <c r="GJM736" s="423" t="s">
        <v>2795</v>
      </c>
      <c r="GJN736" s="424"/>
      <c r="GJO736" s="424"/>
      <c r="GJP736" s="424"/>
      <c r="GJQ736" s="423" t="s">
        <v>2795</v>
      </c>
      <c r="GJR736" s="424"/>
      <c r="GJS736" s="424"/>
      <c r="GJT736" s="424"/>
      <c r="GJU736" s="423" t="s">
        <v>2795</v>
      </c>
      <c r="GJV736" s="424"/>
      <c r="GJW736" s="424"/>
      <c r="GJX736" s="424"/>
      <c r="GJY736" s="423" t="s">
        <v>2795</v>
      </c>
      <c r="GJZ736" s="424"/>
      <c r="GKA736" s="424"/>
      <c r="GKB736" s="424"/>
      <c r="GKC736" s="423" t="s">
        <v>2795</v>
      </c>
      <c r="GKD736" s="424"/>
      <c r="GKE736" s="424"/>
      <c r="GKF736" s="424"/>
      <c r="GKG736" s="423" t="s">
        <v>2795</v>
      </c>
      <c r="GKH736" s="424"/>
      <c r="GKI736" s="424"/>
      <c r="GKJ736" s="424"/>
      <c r="GKK736" s="423" t="s">
        <v>2795</v>
      </c>
      <c r="GKL736" s="424"/>
      <c r="GKM736" s="424"/>
      <c r="GKN736" s="424"/>
      <c r="GKO736" s="423" t="s">
        <v>2795</v>
      </c>
      <c r="GKP736" s="424"/>
      <c r="GKQ736" s="424"/>
      <c r="GKR736" s="424"/>
      <c r="GKS736" s="423" t="s">
        <v>2795</v>
      </c>
      <c r="GKT736" s="424"/>
      <c r="GKU736" s="424"/>
      <c r="GKV736" s="424"/>
      <c r="GKW736" s="423" t="s">
        <v>2795</v>
      </c>
      <c r="GKX736" s="424"/>
      <c r="GKY736" s="424"/>
      <c r="GKZ736" s="424"/>
      <c r="GLA736" s="423" t="s">
        <v>2795</v>
      </c>
      <c r="GLB736" s="424"/>
      <c r="GLC736" s="424"/>
      <c r="GLD736" s="424"/>
      <c r="GLE736" s="423" t="s">
        <v>2795</v>
      </c>
      <c r="GLF736" s="424"/>
      <c r="GLG736" s="424"/>
      <c r="GLH736" s="424"/>
      <c r="GLI736" s="423" t="s">
        <v>2795</v>
      </c>
      <c r="GLJ736" s="424"/>
      <c r="GLK736" s="424"/>
      <c r="GLL736" s="424"/>
      <c r="GLM736" s="423" t="s">
        <v>2795</v>
      </c>
      <c r="GLN736" s="424"/>
      <c r="GLO736" s="424"/>
      <c r="GLP736" s="424"/>
      <c r="GLQ736" s="423" t="s">
        <v>2795</v>
      </c>
      <c r="GLR736" s="424"/>
      <c r="GLS736" s="424"/>
      <c r="GLT736" s="424"/>
      <c r="GLU736" s="423" t="s">
        <v>2795</v>
      </c>
      <c r="GLV736" s="424"/>
      <c r="GLW736" s="424"/>
      <c r="GLX736" s="424"/>
      <c r="GLY736" s="423" t="s">
        <v>2795</v>
      </c>
      <c r="GLZ736" s="424"/>
      <c r="GMA736" s="424"/>
      <c r="GMB736" s="424"/>
      <c r="GMC736" s="423" t="s">
        <v>2795</v>
      </c>
      <c r="GMD736" s="424"/>
      <c r="GME736" s="424"/>
      <c r="GMF736" s="424"/>
      <c r="GMG736" s="423" t="s">
        <v>2795</v>
      </c>
      <c r="GMH736" s="424"/>
      <c r="GMI736" s="424"/>
      <c r="GMJ736" s="424"/>
      <c r="GMK736" s="423" t="s">
        <v>2795</v>
      </c>
      <c r="GML736" s="424"/>
      <c r="GMM736" s="424"/>
      <c r="GMN736" s="424"/>
      <c r="GMO736" s="423" t="s">
        <v>2795</v>
      </c>
      <c r="GMP736" s="424"/>
      <c r="GMQ736" s="424"/>
      <c r="GMR736" s="424"/>
      <c r="GMS736" s="423" t="s">
        <v>2795</v>
      </c>
      <c r="GMT736" s="424"/>
      <c r="GMU736" s="424"/>
      <c r="GMV736" s="424"/>
      <c r="GMW736" s="423" t="s">
        <v>2795</v>
      </c>
      <c r="GMX736" s="424"/>
      <c r="GMY736" s="424"/>
      <c r="GMZ736" s="424"/>
      <c r="GNA736" s="423" t="s">
        <v>2795</v>
      </c>
      <c r="GNB736" s="424"/>
      <c r="GNC736" s="424"/>
      <c r="GND736" s="424"/>
      <c r="GNE736" s="423" t="s">
        <v>2795</v>
      </c>
      <c r="GNF736" s="424"/>
      <c r="GNG736" s="424"/>
      <c r="GNH736" s="424"/>
      <c r="GNI736" s="423" t="s">
        <v>2795</v>
      </c>
      <c r="GNJ736" s="424"/>
      <c r="GNK736" s="424"/>
      <c r="GNL736" s="424"/>
      <c r="GNM736" s="423" t="s">
        <v>2795</v>
      </c>
      <c r="GNN736" s="424"/>
      <c r="GNO736" s="424"/>
      <c r="GNP736" s="424"/>
      <c r="GNQ736" s="423" t="s">
        <v>2795</v>
      </c>
      <c r="GNR736" s="424"/>
      <c r="GNS736" s="424"/>
      <c r="GNT736" s="424"/>
      <c r="GNU736" s="423" t="s">
        <v>2795</v>
      </c>
      <c r="GNV736" s="424"/>
      <c r="GNW736" s="424"/>
      <c r="GNX736" s="424"/>
      <c r="GNY736" s="423" t="s">
        <v>2795</v>
      </c>
      <c r="GNZ736" s="424"/>
      <c r="GOA736" s="424"/>
      <c r="GOB736" s="424"/>
      <c r="GOC736" s="423" t="s">
        <v>2795</v>
      </c>
      <c r="GOD736" s="424"/>
      <c r="GOE736" s="424"/>
      <c r="GOF736" s="424"/>
      <c r="GOG736" s="423" t="s">
        <v>2795</v>
      </c>
      <c r="GOH736" s="424"/>
      <c r="GOI736" s="424"/>
      <c r="GOJ736" s="424"/>
      <c r="GOK736" s="423" t="s">
        <v>2795</v>
      </c>
      <c r="GOL736" s="424"/>
      <c r="GOM736" s="424"/>
      <c r="GON736" s="424"/>
      <c r="GOO736" s="423" t="s">
        <v>2795</v>
      </c>
      <c r="GOP736" s="424"/>
      <c r="GOQ736" s="424"/>
      <c r="GOR736" s="424"/>
      <c r="GOS736" s="423" t="s">
        <v>2795</v>
      </c>
      <c r="GOT736" s="424"/>
      <c r="GOU736" s="424"/>
      <c r="GOV736" s="424"/>
      <c r="GOW736" s="423" t="s">
        <v>2795</v>
      </c>
      <c r="GOX736" s="424"/>
      <c r="GOY736" s="424"/>
      <c r="GOZ736" s="424"/>
      <c r="GPA736" s="423" t="s">
        <v>2795</v>
      </c>
      <c r="GPB736" s="424"/>
      <c r="GPC736" s="424"/>
      <c r="GPD736" s="424"/>
      <c r="GPE736" s="423" t="s">
        <v>2795</v>
      </c>
      <c r="GPF736" s="424"/>
      <c r="GPG736" s="424"/>
      <c r="GPH736" s="424"/>
      <c r="GPI736" s="423" t="s">
        <v>2795</v>
      </c>
      <c r="GPJ736" s="424"/>
      <c r="GPK736" s="424"/>
      <c r="GPL736" s="424"/>
      <c r="GPM736" s="423" t="s">
        <v>2795</v>
      </c>
      <c r="GPN736" s="424"/>
      <c r="GPO736" s="424"/>
      <c r="GPP736" s="424"/>
      <c r="GPQ736" s="423" t="s">
        <v>2795</v>
      </c>
      <c r="GPR736" s="424"/>
      <c r="GPS736" s="424"/>
      <c r="GPT736" s="424"/>
      <c r="GPU736" s="423" t="s">
        <v>2795</v>
      </c>
      <c r="GPV736" s="424"/>
      <c r="GPW736" s="424"/>
      <c r="GPX736" s="424"/>
      <c r="GPY736" s="423" t="s">
        <v>2795</v>
      </c>
      <c r="GPZ736" s="424"/>
      <c r="GQA736" s="424"/>
      <c r="GQB736" s="424"/>
      <c r="GQC736" s="423" t="s">
        <v>2795</v>
      </c>
      <c r="GQD736" s="424"/>
      <c r="GQE736" s="424"/>
      <c r="GQF736" s="424"/>
      <c r="GQG736" s="423" t="s">
        <v>2795</v>
      </c>
      <c r="GQH736" s="424"/>
      <c r="GQI736" s="424"/>
      <c r="GQJ736" s="424"/>
      <c r="GQK736" s="423" t="s">
        <v>2795</v>
      </c>
      <c r="GQL736" s="424"/>
      <c r="GQM736" s="424"/>
      <c r="GQN736" s="424"/>
      <c r="GQO736" s="423" t="s">
        <v>2795</v>
      </c>
      <c r="GQP736" s="424"/>
      <c r="GQQ736" s="424"/>
      <c r="GQR736" s="424"/>
      <c r="GQS736" s="423" t="s">
        <v>2795</v>
      </c>
      <c r="GQT736" s="424"/>
      <c r="GQU736" s="424"/>
      <c r="GQV736" s="424"/>
      <c r="GQW736" s="423" t="s">
        <v>2795</v>
      </c>
      <c r="GQX736" s="424"/>
      <c r="GQY736" s="424"/>
      <c r="GQZ736" s="424"/>
      <c r="GRA736" s="423" t="s">
        <v>2795</v>
      </c>
      <c r="GRB736" s="424"/>
      <c r="GRC736" s="424"/>
      <c r="GRD736" s="424"/>
      <c r="GRE736" s="423" t="s">
        <v>2795</v>
      </c>
      <c r="GRF736" s="424"/>
      <c r="GRG736" s="424"/>
      <c r="GRH736" s="424"/>
      <c r="GRI736" s="423" t="s">
        <v>2795</v>
      </c>
      <c r="GRJ736" s="424"/>
      <c r="GRK736" s="424"/>
      <c r="GRL736" s="424"/>
      <c r="GRM736" s="423" t="s">
        <v>2795</v>
      </c>
      <c r="GRN736" s="424"/>
      <c r="GRO736" s="424"/>
      <c r="GRP736" s="424"/>
      <c r="GRQ736" s="423" t="s">
        <v>2795</v>
      </c>
      <c r="GRR736" s="424"/>
      <c r="GRS736" s="424"/>
      <c r="GRT736" s="424"/>
      <c r="GRU736" s="423" t="s">
        <v>2795</v>
      </c>
      <c r="GRV736" s="424"/>
      <c r="GRW736" s="424"/>
      <c r="GRX736" s="424"/>
      <c r="GRY736" s="423" t="s">
        <v>2795</v>
      </c>
      <c r="GRZ736" s="424"/>
      <c r="GSA736" s="424"/>
      <c r="GSB736" s="424"/>
      <c r="GSC736" s="423" t="s">
        <v>2795</v>
      </c>
      <c r="GSD736" s="424"/>
      <c r="GSE736" s="424"/>
      <c r="GSF736" s="424"/>
      <c r="GSG736" s="423" t="s">
        <v>2795</v>
      </c>
      <c r="GSH736" s="424"/>
      <c r="GSI736" s="424"/>
      <c r="GSJ736" s="424"/>
      <c r="GSK736" s="423" t="s">
        <v>2795</v>
      </c>
      <c r="GSL736" s="424"/>
      <c r="GSM736" s="424"/>
      <c r="GSN736" s="424"/>
      <c r="GSO736" s="423" t="s">
        <v>2795</v>
      </c>
      <c r="GSP736" s="424"/>
      <c r="GSQ736" s="424"/>
      <c r="GSR736" s="424"/>
      <c r="GSS736" s="423" t="s">
        <v>2795</v>
      </c>
      <c r="GST736" s="424"/>
      <c r="GSU736" s="424"/>
      <c r="GSV736" s="424"/>
      <c r="GSW736" s="423" t="s">
        <v>2795</v>
      </c>
      <c r="GSX736" s="424"/>
      <c r="GSY736" s="424"/>
      <c r="GSZ736" s="424"/>
      <c r="GTA736" s="423" t="s">
        <v>2795</v>
      </c>
      <c r="GTB736" s="424"/>
      <c r="GTC736" s="424"/>
      <c r="GTD736" s="424"/>
      <c r="GTE736" s="423" t="s">
        <v>2795</v>
      </c>
      <c r="GTF736" s="424"/>
      <c r="GTG736" s="424"/>
      <c r="GTH736" s="424"/>
      <c r="GTI736" s="423" t="s">
        <v>2795</v>
      </c>
      <c r="GTJ736" s="424"/>
      <c r="GTK736" s="424"/>
      <c r="GTL736" s="424"/>
      <c r="GTM736" s="423" t="s">
        <v>2795</v>
      </c>
      <c r="GTN736" s="424"/>
      <c r="GTO736" s="424"/>
      <c r="GTP736" s="424"/>
      <c r="GTQ736" s="423" t="s">
        <v>2795</v>
      </c>
      <c r="GTR736" s="424"/>
      <c r="GTS736" s="424"/>
      <c r="GTT736" s="424"/>
      <c r="GTU736" s="423" t="s">
        <v>2795</v>
      </c>
      <c r="GTV736" s="424"/>
      <c r="GTW736" s="424"/>
      <c r="GTX736" s="424"/>
      <c r="GTY736" s="423" t="s">
        <v>2795</v>
      </c>
      <c r="GTZ736" s="424"/>
      <c r="GUA736" s="424"/>
      <c r="GUB736" s="424"/>
      <c r="GUC736" s="423" t="s">
        <v>2795</v>
      </c>
      <c r="GUD736" s="424"/>
      <c r="GUE736" s="424"/>
      <c r="GUF736" s="424"/>
      <c r="GUG736" s="423" t="s">
        <v>2795</v>
      </c>
      <c r="GUH736" s="424"/>
      <c r="GUI736" s="424"/>
      <c r="GUJ736" s="424"/>
      <c r="GUK736" s="423" t="s">
        <v>2795</v>
      </c>
      <c r="GUL736" s="424"/>
      <c r="GUM736" s="424"/>
      <c r="GUN736" s="424"/>
      <c r="GUO736" s="423" t="s">
        <v>2795</v>
      </c>
      <c r="GUP736" s="424"/>
      <c r="GUQ736" s="424"/>
      <c r="GUR736" s="424"/>
      <c r="GUS736" s="423" t="s">
        <v>2795</v>
      </c>
      <c r="GUT736" s="424"/>
      <c r="GUU736" s="424"/>
      <c r="GUV736" s="424"/>
      <c r="GUW736" s="423" t="s">
        <v>2795</v>
      </c>
      <c r="GUX736" s="424"/>
      <c r="GUY736" s="424"/>
      <c r="GUZ736" s="424"/>
      <c r="GVA736" s="423" t="s">
        <v>2795</v>
      </c>
      <c r="GVB736" s="424"/>
      <c r="GVC736" s="424"/>
      <c r="GVD736" s="424"/>
      <c r="GVE736" s="423" t="s">
        <v>2795</v>
      </c>
      <c r="GVF736" s="424"/>
      <c r="GVG736" s="424"/>
      <c r="GVH736" s="424"/>
      <c r="GVI736" s="423" t="s">
        <v>2795</v>
      </c>
      <c r="GVJ736" s="424"/>
      <c r="GVK736" s="424"/>
      <c r="GVL736" s="424"/>
      <c r="GVM736" s="423" t="s">
        <v>2795</v>
      </c>
      <c r="GVN736" s="424"/>
      <c r="GVO736" s="424"/>
      <c r="GVP736" s="424"/>
      <c r="GVQ736" s="423" t="s">
        <v>2795</v>
      </c>
      <c r="GVR736" s="424"/>
      <c r="GVS736" s="424"/>
      <c r="GVT736" s="424"/>
      <c r="GVU736" s="423" t="s">
        <v>2795</v>
      </c>
      <c r="GVV736" s="424"/>
      <c r="GVW736" s="424"/>
      <c r="GVX736" s="424"/>
      <c r="GVY736" s="423" t="s">
        <v>2795</v>
      </c>
      <c r="GVZ736" s="424"/>
      <c r="GWA736" s="424"/>
      <c r="GWB736" s="424"/>
      <c r="GWC736" s="423" t="s">
        <v>2795</v>
      </c>
      <c r="GWD736" s="424"/>
      <c r="GWE736" s="424"/>
      <c r="GWF736" s="424"/>
      <c r="GWG736" s="423" t="s">
        <v>2795</v>
      </c>
      <c r="GWH736" s="424"/>
      <c r="GWI736" s="424"/>
      <c r="GWJ736" s="424"/>
      <c r="GWK736" s="423" t="s">
        <v>2795</v>
      </c>
      <c r="GWL736" s="424"/>
      <c r="GWM736" s="424"/>
      <c r="GWN736" s="424"/>
      <c r="GWO736" s="423" t="s">
        <v>2795</v>
      </c>
      <c r="GWP736" s="424"/>
      <c r="GWQ736" s="424"/>
      <c r="GWR736" s="424"/>
      <c r="GWS736" s="423" t="s">
        <v>2795</v>
      </c>
      <c r="GWT736" s="424"/>
      <c r="GWU736" s="424"/>
      <c r="GWV736" s="424"/>
      <c r="GWW736" s="423" t="s">
        <v>2795</v>
      </c>
      <c r="GWX736" s="424"/>
      <c r="GWY736" s="424"/>
      <c r="GWZ736" s="424"/>
      <c r="GXA736" s="423" t="s">
        <v>2795</v>
      </c>
      <c r="GXB736" s="424"/>
      <c r="GXC736" s="424"/>
      <c r="GXD736" s="424"/>
      <c r="GXE736" s="423" t="s">
        <v>2795</v>
      </c>
      <c r="GXF736" s="424"/>
      <c r="GXG736" s="424"/>
      <c r="GXH736" s="424"/>
      <c r="GXI736" s="423" t="s">
        <v>2795</v>
      </c>
      <c r="GXJ736" s="424"/>
      <c r="GXK736" s="424"/>
      <c r="GXL736" s="424"/>
      <c r="GXM736" s="423" t="s">
        <v>2795</v>
      </c>
      <c r="GXN736" s="424"/>
      <c r="GXO736" s="424"/>
      <c r="GXP736" s="424"/>
      <c r="GXQ736" s="423" t="s">
        <v>2795</v>
      </c>
      <c r="GXR736" s="424"/>
      <c r="GXS736" s="424"/>
      <c r="GXT736" s="424"/>
      <c r="GXU736" s="423" t="s">
        <v>2795</v>
      </c>
      <c r="GXV736" s="424"/>
      <c r="GXW736" s="424"/>
      <c r="GXX736" s="424"/>
      <c r="GXY736" s="423" t="s">
        <v>2795</v>
      </c>
      <c r="GXZ736" s="424"/>
      <c r="GYA736" s="424"/>
      <c r="GYB736" s="424"/>
      <c r="GYC736" s="423" t="s">
        <v>2795</v>
      </c>
      <c r="GYD736" s="424"/>
      <c r="GYE736" s="424"/>
      <c r="GYF736" s="424"/>
      <c r="GYG736" s="423" t="s">
        <v>2795</v>
      </c>
      <c r="GYH736" s="424"/>
      <c r="GYI736" s="424"/>
      <c r="GYJ736" s="424"/>
      <c r="GYK736" s="423" t="s">
        <v>2795</v>
      </c>
      <c r="GYL736" s="424"/>
      <c r="GYM736" s="424"/>
      <c r="GYN736" s="424"/>
      <c r="GYO736" s="423" t="s">
        <v>2795</v>
      </c>
      <c r="GYP736" s="424"/>
      <c r="GYQ736" s="424"/>
      <c r="GYR736" s="424"/>
      <c r="GYS736" s="423" t="s">
        <v>2795</v>
      </c>
      <c r="GYT736" s="424"/>
      <c r="GYU736" s="424"/>
      <c r="GYV736" s="424"/>
      <c r="GYW736" s="423" t="s">
        <v>2795</v>
      </c>
      <c r="GYX736" s="424"/>
      <c r="GYY736" s="424"/>
      <c r="GYZ736" s="424"/>
      <c r="GZA736" s="423" t="s">
        <v>2795</v>
      </c>
      <c r="GZB736" s="424"/>
      <c r="GZC736" s="424"/>
      <c r="GZD736" s="424"/>
      <c r="GZE736" s="423" t="s">
        <v>2795</v>
      </c>
      <c r="GZF736" s="424"/>
      <c r="GZG736" s="424"/>
      <c r="GZH736" s="424"/>
      <c r="GZI736" s="423" t="s">
        <v>2795</v>
      </c>
      <c r="GZJ736" s="424"/>
      <c r="GZK736" s="424"/>
      <c r="GZL736" s="424"/>
      <c r="GZM736" s="423" t="s">
        <v>2795</v>
      </c>
      <c r="GZN736" s="424"/>
      <c r="GZO736" s="424"/>
      <c r="GZP736" s="424"/>
      <c r="GZQ736" s="423" t="s">
        <v>2795</v>
      </c>
      <c r="GZR736" s="424"/>
      <c r="GZS736" s="424"/>
      <c r="GZT736" s="424"/>
      <c r="GZU736" s="423" t="s">
        <v>2795</v>
      </c>
      <c r="GZV736" s="424"/>
      <c r="GZW736" s="424"/>
      <c r="GZX736" s="424"/>
      <c r="GZY736" s="423" t="s">
        <v>2795</v>
      </c>
      <c r="GZZ736" s="424"/>
      <c r="HAA736" s="424"/>
      <c r="HAB736" s="424"/>
      <c r="HAC736" s="423" t="s">
        <v>2795</v>
      </c>
      <c r="HAD736" s="424"/>
      <c r="HAE736" s="424"/>
      <c r="HAF736" s="424"/>
      <c r="HAG736" s="423" t="s">
        <v>2795</v>
      </c>
      <c r="HAH736" s="424"/>
      <c r="HAI736" s="424"/>
      <c r="HAJ736" s="424"/>
      <c r="HAK736" s="423" t="s">
        <v>2795</v>
      </c>
      <c r="HAL736" s="424"/>
      <c r="HAM736" s="424"/>
      <c r="HAN736" s="424"/>
      <c r="HAO736" s="423" t="s">
        <v>2795</v>
      </c>
      <c r="HAP736" s="424"/>
      <c r="HAQ736" s="424"/>
      <c r="HAR736" s="424"/>
      <c r="HAS736" s="423" t="s">
        <v>2795</v>
      </c>
      <c r="HAT736" s="424"/>
      <c r="HAU736" s="424"/>
      <c r="HAV736" s="424"/>
      <c r="HAW736" s="423" t="s">
        <v>2795</v>
      </c>
      <c r="HAX736" s="424"/>
      <c r="HAY736" s="424"/>
      <c r="HAZ736" s="424"/>
      <c r="HBA736" s="423" t="s">
        <v>2795</v>
      </c>
      <c r="HBB736" s="424"/>
      <c r="HBC736" s="424"/>
      <c r="HBD736" s="424"/>
      <c r="HBE736" s="423" t="s">
        <v>2795</v>
      </c>
      <c r="HBF736" s="424"/>
      <c r="HBG736" s="424"/>
      <c r="HBH736" s="424"/>
      <c r="HBI736" s="423" t="s">
        <v>2795</v>
      </c>
      <c r="HBJ736" s="424"/>
      <c r="HBK736" s="424"/>
      <c r="HBL736" s="424"/>
      <c r="HBM736" s="423" t="s">
        <v>2795</v>
      </c>
      <c r="HBN736" s="424"/>
      <c r="HBO736" s="424"/>
      <c r="HBP736" s="424"/>
      <c r="HBQ736" s="423" t="s">
        <v>2795</v>
      </c>
      <c r="HBR736" s="424"/>
      <c r="HBS736" s="424"/>
      <c r="HBT736" s="424"/>
      <c r="HBU736" s="423" t="s">
        <v>2795</v>
      </c>
      <c r="HBV736" s="424"/>
      <c r="HBW736" s="424"/>
      <c r="HBX736" s="424"/>
      <c r="HBY736" s="423" t="s">
        <v>2795</v>
      </c>
      <c r="HBZ736" s="424"/>
      <c r="HCA736" s="424"/>
      <c r="HCB736" s="424"/>
      <c r="HCC736" s="423" t="s">
        <v>2795</v>
      </c>
      <c r="HCD736" s="424"/>
      <c r="HCE736" s="424"/>
      <c r="HCF736" s="424"/>
      <c r="HCG736" s="423" t="s">
        <v>2795</v>
      </c>
      <c r="HCH736" s="424"/>
      <c r="HCI736" s="424"/>
      <c r="HCJ736" s="424"/>
      <c r="HCK736" s="423" t="s">
        <v>2795</v>
      </c>
      <c r="HCL736" s="424"/>
      <c r="HCM736" s="424"/>
      <c r="HCN736" s="424"/>
      <c r="HCO736" s="423" t="s">
        <v>2795</v>
      </c>
      <c r="HCP736" s="424"/>
      <c r="HCQ736" s="424"/>
      <c r="HCR736" s="424"/>
      <c r="HCS736" s="423" t="s">
        <v>2795</v>
      </c>
      <c r="HCT736" s="424"/>
      <c r="HCU736" s="424"/>
      <c r="HCV736" s="424"/>
      <c r="HCW736" s="423" t="s">
        <v>2795</v>
      </c>
      <c r="HCX736" s="424"/>
      <c r="HCY736" s="424"/>
      <c r="HCZ736" s="424"/>
      <c r="HDA736" s="423" t="s">
        <v>2795</v>
      </c>
      <c r="HDB736" s="424"/>
      <c r="HDC736" s="424"/>
      <c r="HDD736" s="424"/>
      <c r="HDE736" s="423" t="s">
        <v>2795</v>
      </c>
      <c r="HDF736" s="424"/>
      <c r="HDG736" s="424"/>
      <c r="HDH736" s="424"/>
      <c r="HDI736" s="423" t="s">
        <v>2795</v>
      </c>
      <c r="HDJ736" s="424"/>
      <c r="HDK736" s="424"/>
      <c r="HDL736" s="424"/>
      <c r="HDM736" s="423" t="s">
        <v>2795</v>
      </c>
      <c r="HDN736" s="424"/>
      <c r="HDO736" s="424"/>
      <c r="HDP736" s="424"/>
      <c r="HDQ736" s="423" t="s">
        <v>2795</v>
      </c>
      <c r="HDR736" s="424"/>
      <c r="HDS736" s="424"/>
      <c r="HDT736" s="424"/>
      <c r="HDU736" s="423" t="s">
        <v>2795</v>
      </c>
      <c r="HDV736" s="424"/>
      <c r="HDW736" s="424"/>
      <c r="HDX736" s="424"/>
      <c r="HDY736" s="423" t="s">
        <v>2795</v>
      </c>
      <c r="HDZ736" s="424"/>
      <c r="HEA736" s="424"/>
      <c r="HEB736" s="424"/>
      <c r="HEC736" s="423" t="s">
        <v>2795</v>
      </c>
      <c r="HED736" s="424"/>
      <c r="HEE736" s="424"/>
      <c r="HEF736" s="424"/>
      <c r="HEG736" s="423" t="s">
        <v>2795</v>
      </c>
      <c r="HEH736" s="424"/>
      <c r="HEI736" s="424"/>
      <c r="HEJ736" s="424"/>
      <c r="HEK736" s="423" t="s">
        <v>2795</v>
      </c>
      <c r="HEL736" s="424"/>
      <c r="HEM736" s="424"/>
      <c r="HEN736" s="424"/>
      <c r="HEO736" s="423" t="s">
        <v>2795</v>
      </c>
      <c r="HEP736" s="424"/>
      <c r="HEQ736" s="424"/>
      <c r="HER736" s="424"/>
      <c r="HES736" s="423" t="s">
        <v>2795</v>
      </c>
      <c r="HET736" s="424"/>
      <c r="HEU736" s="424"/>
      <c r="HEV736" s="424"/>
      <c r="HEW736" s="423" t="s">
        <v>2795</v>
      </c>
      <c r="HEX736" s="424"/>
      <c r="HEY736" s="424"/>
      <c r="HEZ736" s="424"/>
      <c r="HFA736" s="423" t="s">
        <v>2795</v>
      </c>
      <c r="HFB736" s="424"/>
      <c r="HFC736" s="424"/>
      <c r="HFD736" s="424"/>
      <c r="HFE736" s="423" t="s">
        <v>2795</v>
      </c>
      <c r="HFF736" s="424"/>
      <c r="HFG736" s="424"/>
      <c r="HFH736" s="424"/>
      <c r="HFI736" s="423" t="s">
        <v>2795</v>
      </c>
      <c r="HFJ736" s="424"/>
      <c r="HFK736" s="424"/>
      <c r="HFL736" s="424"/>
      <c r="HFM736" s="423" t="s">
        <v>2795</v>
      </c>
      <c r="HFN736" s="424"/>
      <c r="HFO736" s="424"/>
      <c r="HFP736" s="424"/>
      <c r="HFQ736" s="423" t="s">
        <v>2795</v>
      </c>
      <c r="HFR736" s="424"/>
      <c r="HFS736" s="424"/>
      <c r="HFT736" s="424"/>
      <c r="HFU736" s="423" t="s">
        <v>2795</v>
      </c>
      <c r="HFV736" s="424"/>
      <c r="HFW736" s="424"/>
      <c r="HFX736" s="424"/>
      <c r="HFY736" s="423" t="s">
        <v>2795</v>
      </c>
      <c r="HFZ736" s="424"/>
      <c r="HGA736" s="424"/>
      <c r="HGB736" s="424"/>
      <c r="HGC736" s="423" t="s">
        <v>2795</v>
      </c>
      <c r="HGD736" s="424"/>
      <c r="HGE736" s="424"/>
      <c r="HGF736" s="424"/>
      <c r="HGG736" s="423" t="s">
        <v>2795</v>
      </c>
      <c r="HGH736" s="424"/>
      <c r="HGI736" s="424"/>
      <c r="HGJ736" s="424"/>
      <c r="HGK736" s="423" t="s">
        <v>2795</v>
      </c>
      <c r="HGL736" s="424"/>
      <c r="HGM736" s="424"/>
      <c r="HGN736" s="424"/>
      <c r="HGO736" s="423" t="s">
        <v>2795</v>
      </c>
      <c r="HGP736" s="424"/>
      <c r="HGQ736" s="424"/>
      <c r="HGR736" s="424"/>
      <c r="HGS736" s="423" t="s">
        <v>2795</v>
      </c>
      <c r="HGT736" s="424"/>
      <c r="HGU736" s="424"/>
      <c r="HGV736" s="424"/>
      <c r="HGW736" s="423" t="s">
        <v>2795</v>
      </c>
      <c r="HGX736" s="424"/>
      <c r="HGY736" s="424"/>
      <c r="HGZ736" s="424"/>
      <c r="HHA736" s="423" t="s">
        <v>2795</v>
      </c>
      <c r="HHB736" s="424"/>
      <c r="HHC736" s="424"/>
      <c r="HHD736" s="424"/>
      <c r="HHE736" s="423" t="s">
        <v>2795</v>
      </c>
      <c r="HHF736" s="424"/>
      <c r="HHG736" s="424"/>
      <c r="HHH736" s="424"/>
      <c r="HHI736" s="423" t="s">
        <v>2795</v>
      </c>
      <c r="HHJ736" s="424"/>
      <c r="HHK736" s="424"/>
      <c r="HHL736" s="424"/>
      <c r="HHM736" s="423" t="s">
        <v>2795</v>
      </c>
      <c r="HHN736" s="424"/>
      <c r="HHO736" s="424"/>
      <c r="HHP736" s="424"/>
      <c r="HHQ736" s="423" t="s">
        <v>2795</v>
      </c>
      <c r="HHR736" s="424"/>
      <c r="HHS736" s="424"/>
      <c r="HHT736" s="424"/>
      <c r="HHU736" s="423" t="s">
        <v>2795</v>
      </c>
      <c r="HHV736" s="424"/>
      <c r="HHW736" s="424"/>
      <c r="HHX736" s="424"/>
      <c r="HHY736" s="423" t="s">
        <v>2795</v>
      </c>
      <c r="HHZ736" s="424"/>
      <c r="HIA736" s="424"/>
      <c r="HIB736" s="424"/>
      <c r="HIC736" s="423" t="s">
        <v>2795</v>
      </c>
      <c r="HID736" s="424"/>
      <c r="HIE736" s="424"/>
      <c r="HIF736" s="424"/>
      <c r="HIG736" s="423" t="s">
        <v>2795</v>
      </c>
      <c r="HIH736" s="424"/>
      <c r="HII736" s="424"/>
      <c r="HIJ736" s="424"/>
      <c r="HIK736" s="423" t="s">
        <v>2795</v>
      </c>
      <c r="HIL736" s="424"/>
      <c r="HIM736" s="424"/>
      <c r="HIN736" s="424"/>
      <c r="HIO736" s="423" t="s">
        <v>2795</v>
      </c>
      <c r="HIP736" s="424"/>
      <c r="HIQ736" s="424"/>
      <c r="HIR736" s="424"/>
      <c r="HIS736" s="423" t="s">
        <v>2795</v>
      </c>
      <c r="HIT736" s="424"/>
      <c r="HIU736" s="424"/>
      <c r="HIV736" s="424"/>
      <c r="HIW736" s="423" t="s">
        <v>2795</v>
      </c>
      <c r="HIX736" s="424"/>
      <c r="HIY736" s="424"/>
      <c r="HIZ736" s="424"/>
      <c r="HJA736" s="423" t="s">
        <v>2795</v>
      </c>
      <c r="HJB736" s="424"/>
      <c r="HJC736" s="424"/>
      <c r="HJD736" s="424"/>
      <c r="HJE736" s="423" t="s">
        <v>2795</v>
      </c>
      <c r="HJF736" s="424"/>
      <c r="HJG736" s="424"/>
      <c r="HJH736" s="424"/>
      <c r="HJI736" s="423" t="s">
        <v>2795</v>
      </c>
      <c r="HJJ736" s="424"/>
      <c r="HJK736" s="424"/>
      <c r="HJL736" s="424"/>
      <c r="HJM736" s="423" t="s">
        <v>2795</v>
      </c>
      <c r="HJN736" s="424"/>
      <c r="HJO736" s="424"/>
      <c r="HJP736" s="424"/>
      <c r="HJQ736" s="423" t="s">
        <v>2795</v>
      </c>
      <c r="HJR736" s="424"/>
      <c r="HJS736" s="424"/>
      <c r="HJT736" s="424"/>
      <c r="HJU736" s="423" t="s">
        <v>2795</v>
      </c>
      <c r="HJV736" s="424"/>
      <c r="HJW736" s="424"/>
      <c r="HJX736" s="424"/>
      <c r="HJY736" s="423" t="s">
        <v>2795</v>
      </c>
      <c r="HJZ736" s="424"/>
      <c r="HKA736" s="424"/>
      <c r="HKB736" s="424"/>
      <c r="HKC736" s="423" t="s">
        <v>2795</v>
      </c>
      <c r="HKD736" s="424"/>
      <c r="HKE736" s="424"/>
      <c r="HKF736" s="424"/>
      <c r="HKG736" s="423" t="s">
        <v>2795</v>
      </c>
      <c r="HKH736" s="424"/>
      <c r="HKI736" s="424"/>
      <c r="HKJ736" s="424"/>
      <c r="HKK736" s="423" t="s">
        <v>2795</v>
      </c>
      <c r="HKL736" s="424"/>
      <c r="HKM736" s="424"/>
      <c r="HKN736" s="424"/>
      <c r="HKO736" s="423" t="s">
        <v>2795</v>
      </c>
      <c r="HKP736" s="424"/>
      <c r="HKQ736" s="424"/>
      <c r="HKR736" s="424"/>
      <c r="HKS736" s="423" t="s">
        <v>2795</v>
      </c>
      <c r="HKT736" s="424"/>
      <c r="HKU736" s="424"/>
      <c r="HKV736" s="424"/>
      <c r="HKW736" s="423" t="s">
        <v>2795</v>
      </c>
      <c r="HKX736" s="424"/>
      <c r="HKY736" s="424"/>
      <c r="HKZ736" s="424"/>
      <c r="HLA736" s="423" t="s">
        <v>2795</v>
      </c>
      <c r="HLB736" s="424"/>
      <c r="HLC736" s="424"/>
      <c r="HLD736" s="424"/>
      <c r="HLE736" s="423" t="s">
        <v>2795</v>
      </c>
      <c r="HLF736" s="424"/>
      <c r="HLG736" s="424"/>
      <c r="HLH736" s="424"/>
      <c r="HLI736" s="423" t="s">
        <v>2795</v>
      </c>
      <c r="HLJ736" s="424"/>
      <c r="HLK736" s="424"/>
      <c r="HLL736" s="424"/>
      <c r="HLM736" s="423" t="s">
        <v>2795</v>
      </c>
      <c r="HLN736" s="424"/>
      <c r="HLO736" s="424"/>
      <c r="HLP736" s="424"/>
      <c r="HLQ736" s="423" t="s">
        <v>2795</v>
      </c>
      <c r="HLR736" s="424"/>
      <c r="HLS736" s="424"/>
      <c r="HLT736" s="424"/>
      <c r="HLU736" s="423" t="s">
        <v>2795</v>
      </c>
      <c r="HLV736" s="424"/>
      <c r="HLW736" s="424"/>
      <c r="HLX736" s="424"/>
      <c r="HLY736" s="423" t="s">
        <v>2795</v>
      </c>
      <c r="HLZ736" s="424"/>
      <c r="HMA736" s="424"/>
      <c r="HMB736" s="424"/>
      <c r="HMC736" s="423" t="s">
        <v>2795</v>
      </c>
      <c r="HMD736" s="424"/>
      <c r="HME736" s="424"/>
      <c r="HMF736" s="424"/>
      <c r="HMG736" s="423" t="s">
        <v>2795</v>
      </c>
      <c r="HMH736" s="424"/>
      <c r="HMI736" s="424"/>
      <c r="HMJ736" s="424"/>
      <c r="HMK736" s="423" t="s">
        <v>2795</v>
      </c>
      <c r="HML736" s="424"/>
      <c r="HMM736" s="424"/>
      <c r="HMN736" s="424"/>
      <c r="HMO736" s="423" t="s">
        <v>2795</v>
      </c>
      <c r="HMP736" s="424"/>
      <c r="HMQ736" s="424"/>
      <c r="HMR736" s="424"/>
      <c r="HMS736" s="423" t="s">
        <v>2795</v>
      </c>
      <c r="HMT736" s="424"/>
      <c r="HMU736" s="424"/>
      <c r="HMV736" s="424"/>
      <c r="HMW736" s="423" t="s">
        <v>2795</v>
      </c>
      <c r="HMX736" s="424"/>
      <c r="HMY736" s="424"/>
      <c r="HMZ736" s="424"/>
      <c r="HNA736" s="423" t="s">
        <v>2795</v>
      </c>
      <c r="HNB736" s="424"/>
      <c r="HNC736" s="424"/>
      <c r="HND736" s="424"/>
      <c r="HNE736" s="423" t="s">
        <v>2795</v>
      </c>
      <c r="HNF736" s="424"/>
      <c r="HNG736" s="424"/>
      <c r="HNH736" s="424"/>
      <c r="HNI736" s="423" t="s">
        <v>2795</v>
      </c>
      <c r="HNJ736" s="424"/>
      <c r="HNK736" s="424"/>
      <c r="HNL736" s="424"/>
      <c r="HNM736" s="423" t="s">
        <v>2795</v>
      </c>
      <c r="HNN736" s="424"/>
      <c r="HNO736" s="424"/>
      <c r="HNP736" s="424"/>
      <c r="HNQ736" s="423" t="s">
        <v>2795</v>
      </c>
      <c r="HNR736" s="424"/>
      <c r="HNS736" s="424"/>
      <c r="HNT736" s="424"/>
      <c r="HNU736" s="423" t="s">
        <v>2795</v>
      </c>
      <c r="HNV736" s="424"/>
      <c r="HNW736" s="424"/>
      <c r="HNX736" s="424"/>
      <c r="HNY736" s="423" t="s">
        <v>2795</v>
      </c>
      <c r="HNZ736" s="424"/>
      <c r="HOA736" s="424"/>
      <c r="HOB736" s="424"/>
      <c r="HOC736" s="423" t="s">
        <v>2795</v>
      </c>
      <c r="HOD736" s="424"/>
      <c r="HOE736" s="424"/>
      <c r="HOF736" s="424"/>
      <c r="HOG736" s="423" t="s">
        <v>2795</v>
      </c>
      <c r="HOH736" s="424"/>
      <c r="HOI736" s="424"/>
      <c r="HOJ736" s="424"/>
      <c r="HOK736" s="423" t="s">
        <v>2795</v>
      </c>
      <c r="HOL736" s="424"/>
      <c r="HOM736" s="424"/>
      <c r="HON736" s="424"/>
      <c r="HOO736" s="423" t="s">
        <v>2795</v>
      </c>
      <c r="HOP736" s="424"/>
      <c r="HOQ736" s="424"/>
      <c r="HOR736" s="424"/>
      <c r="HOS736" s="423" t="s">
        <v>2795</v>
      </c>
      <c r="HOT736" s="424"/>
      <c r="HOU736" s="424"/>
      <c r="HOV736" s="424"/>
      <c r="HOW736" s="423" t="s">
        <v>2795</v>
      </c>
      <c r="HOX736" s="424"/>
      <c r="HOY736" s="424"/>
      <c r="HOZ736" s="424"/>
      <c r="HPA736" s="423" t="s">
        <v>2795</v>
      </c>
      <c r="HPB736" s="424"/>
      <c r="HPC736" s="424"/>
      <c r="HPD736" s="424"/>
      <c r="HPE736" s="423" t="s">
        <v>2795</v>
      </c>
      <c r="HPF736" s="424"/>
      <c r="HPG736" s="424"/>
      <c r="HPH736" s="424"/>
      <c r="HPI736" s="423" t="s">
        <v>2795</v>
      </c>
      <c r="HPJ736" s="424"/>
      <c r="HPK736" s="424"/>
      <c r="HPL736" s="424"/>
      <c r="HPM736" s="423" t="s">
        <v>2795</v>
      </c>
      <c r="HPN736" s="424"/>
      <c r="HPO736" s="424"/>
      <c r="HPP736" s="424"/>
      <c r="HPQ736" s="423" t="s">
        <v>2795</v>
      </c>
      <c r="HPR736" s="424"/>
      <c r="HPS736" s="424"/>
      <c r="HPT736" s="424"/>
      <c r="HPU736" s="423" t="s">
        <v>2795</v>
      </c>
      <c r="HPV736" s="424"/>
      <c r="HPW736" s="424"/>
      <c r="HPX736" s="424"/>
      <c r="HPY736" s="423" t="s">
        <v>2795</v>
      </c>
      <c r="HPZ736" s="424"/>
      <c r="HQA736" s="424"/>
      <c r="HQB736" s="424"/>
      <c r="HQC736" s="423" t="s">
        <v>2795</v>
      </c>
      <c r="HQD736" s="424"/>
      <c r="HQE736" s="424"/>
      <c r="HQF736" s="424"/>
      <c r="HQG736" s="423" t="s">
        <v>2795</v>
      </c>
      <c r="HQH736" s="424"/>
      <c r="HQI736" s="424"/>
      <c r="HQJ736" s="424"/>
      <c r="HQK736" s="423" t="s">
        <v>2795</v>
      </c>
      <c r="HQL736" s="424"/>
      <c r="HQM736" s="424"/>
      <c r="HQN736" s="424"/>
      <c r="HQO736" s="423" t="s">
        <v>2795</v>
      </c>
      <c r="HQP736" s="424"/>
      <c r="HQQ736" s="424"/>
      <c r="HQR736" s="424"/>
      <c r="HQS736" s="423" t="s">
        <v>2795</v>
      </c>
      <c r="HQT736" s="424"/>
      <c r="HQU736" s="424"/>
      <c r="HQV736" s="424"/>
      <c r="HQW736" s="423" t="s">
        <v>2795</v>
      </c>
      <c r="HQX736" s="424"/>
      <c r="HQY736" s="424"/>
      <c r="HQZ736" s="424"/>
      <c r="HRA736" s="423" t="s">
        <v>2795</v>
      </c>
      <c r="HRB736" s="424"/>
      <c r="HRC736" s="424"/>
      <c r="HRD736" s="424"/>
      <c r="HRE736" s="423" t="s">
        <v>2795</v>
      </c>
      <c r="HRF736" s="424"/>
      <c r="HRG736" s="424"/>
      <c r="HRH736" s="424"/>
      <c r="HRI736" s="423" t="s">
        <v>2795</v>
      </c>
      <c r="HRJ736" s="424"/>
      <c r="HRK736" s="424"/>
      <c r="HRL736" s="424"/>
      <c r="HRM736" s="423" t="s">
        <v>2795</v>
      </c>
      <c r="HRN736" s="424"/>
      <c r="HRO736" s="424"/>
      <c r="HRP736" s="424"/>
      <c r="HRQ736" s="423" t="s">
        <v>2795</v>
      </c>
      <c r="HRR736" s="424"/>
      <c r="HRS736" s="424"/>
      <c r="HRT736" s="424"/>
      <c r="HRU736" s="423" t="s">
        <v>2795</v>
      </c>
      <c r="HRV736" s="424"/>
      <c r="HRW736" s="424"/>
      <c r="HRX736" s="424"/>
      <c r="HRY736" s="423" t="s">
        <v>2795</v>
      </c>
      <c r="HRZ736" s="424"/>
      <c r="HSA736" s="424"/>
      <c r="HSB736" s="424"/>
      <c r="HSC736" s="423" t="s">
        <v>2795</v>
      </c>
      <c r="HSD736" s="424"/>
      <c r="HSE736" s="424"/>
      <c r="HSF736" s="424"/>
      <c r="HSG736" s="423" t="s">
        <v>2795</v>
      </c>
      <c r="HSH736" s="424"/>
      <c r="HSI736" s="424"/>
      <c r="HSJ736" s="424"/>
      <c r="HSK736" s="423" t="s">
        <v>2795</v>
      </c>
      <c r="HSL736" s="424"/>
      <c r="HSM736" s="424"/>
      <c r="HSN736" s="424"/>
      <c r="HSO736" s="423" t="s">
        <v>2795</v>
      </c>
      <c r="HSP736" s="424"/>
      <c r="HSQ736" s="424"/>
      <c r="HSR736" s="424"/>
      <c r="HSS736" s="423" t="s">
        <v>2795</v>
      </c>
      <c r="HST736" s="424"/>
      <c r="HSU736" s="424"/>
      <c r="HSV736" s="424"/>
      <c r="HSW736" s="423" t="s">
        <v>2795</v>
      </c>
      <c r="HSX736" s="424"/>
      <c r="HSY736" s="424"/>
      <c r="HSZ736" s="424"/>
      <c r="HTA736" s="423" t="s">
        <v>2795</v>
      </c>
      <c r="HTB736" s="424"/>
      <c r="HTC736" s="424"/>
      <c r="HTD736" s="424"/>
      <c r="HTE736" s="423" t="s">
        <v>2795</v>
      </c>
      <c r="HTF736" s="424"/>
      <c r="HTG736" s="424"/>
      <c r="HTH736" s="424"/>
      <c r="HTI736" s="423" t="s">
        <v>2795</v>
      </c>
      <c r="HTJ736" s="424"/>
      <c r="HTK736" s="424"/>
      <c r="HTL736" s="424"/>
      <c r="HTM736" s="423" t="s">
        <v>2795</v>
      </c>
      <c r="HTN736" s="424"/>
      <c r="HTO736" s="424"/>
      <c r="HTP736" s="424"/>
      <c r="HTQ736" s="423" t="s">
        <v>2795</v>
      </c>
      <c r="HTR736" s="424"/>
      <c r="HTS736" s="424"/>
      <c r="HTT736" s="424"/>
      <c r="HTU736" s="423" t="s">
        <v>2795</v>
      </c>
      <c r="HTV736" s="424"/>
      <c r="HTW736" s="424"/>
      <c r="HTX736" s="424"/>
      <c r="HTY736" s="423" t="s">
        <v>2795</v>
      </c>
      <c r="HTZ736" s="424"/>
      <c r="HUA736" s="424"/>
      <c r="HUB736" s="424"/>
      <c r="HUC736" s="423" t="s">
        <v>2795</v>
      </c>
      <c r="HUD736" s="424"/>
      <c r="HUE736" s="424"/>
      <c r="HUF736" s="424"/>
      <c r="HUG736" s="423" t="s">
        <v>2795</v>
      </c>
      <c r="HUH736" s="424"/>
      <c r="HUI736" s="424"/>
      <c r="HUJ736" s="424"/>
      <c r="HUK736" s="423" t="s">
        <v>2795</v>
      </c>
      <c r="HUL736" s="424"/>
      <c r="HUM736" s="424"/>
      <c r="HUN736" s="424"/>
      <c r="HUO736" s="423" t="s">
        <v>2795</v>
      </c>
      <c r="HUP736" s="424"/>
      <c r="HUQ736" s="424"/>
      <c r="HUR736" s="424"/>
      <c r="HUS736" s="423" t="s">
        <v>2795</v>
      </c>
      <c r="HUT736" s="424"/>
      <c r="HUU736" s="424"/>
      <c r="HUV736" s="424"/>
      <c r="HUW736" s="423" t="s">
        <v>2795</v>
      </c>
      <c r="HUX736" s="424"/>
      <c r="HUY736" s="424"/>
      <c r="HUZ736" s="424"/>
      <c r="HVA736" s="423" t="s">
        <v>2795</v>
      </c>
      <c r="HVB736" s="424"/>
      <c r="HVC736" s="424"/>
      <c r="HVD736" s="424"/>
      <c r="HVE736" s="423" t="s">
        <v>2795</v>
      </c>
      <c r="HVF736" s="424"/>
      <c r="HVG736" s="424"/>
      <c r="HVH736" s="424"/>
      <c r="HVI736" s="423" t="s">
        <v>2795</v>
      </c>
      <c r="HVJ736" s="424"/>
      <c r="HVK736" s="424"/>
      <c r="HVL736" s="424"/>
      <c r="HVM736" s="423" t="s">
        <v>2795</v>
      </c>
      <c r="HVN736" s="424"/>
      <c r="HVO736" s="424"/>
      <c r="HVP736" s="424"/>
      <c r="HVQ736" s="423" t="s">
        <v>2795</v>
      </c>
      <c r="HVR736" s="424"/>
      <c r="HVS736" s="424"/>
      <c r="HVT736" s="424"/>
      <c r="HVU736" s="423" t="s">
        <v>2795</v>
      </c>
      <c r="HVV736" s="424"/>
      <c r="HVW736" s="424"/>
      <c r="HVX736" s="424"/>
      <c r="HVY736" s="423" t="s">
        <v>2795</v>
      </c>
      <c r="HVZ736" s="424"/>
      <c r="HWA736" s="424"/>
      <c r="HWB736" s="424"/>
      <c r="HWC736" s="423" t="s">
        <v>2795</v>
      </c>
      <c r="HWD736" s="424"/>
      <c r="HWE736" s="424"/>
      <c r="HWF736" s="424"/>
      <c r="HWG736" s="423" t="s">
        <v>2795</v>
      </c>
      <c r="HWH736" s="424"/>
      <c r="HWI736" s="424"/>
      <c r="HWJ736" s="424"/>
      <c r="HWK736" s="423" t="s">
        <v>2795</v>
      </c>
      <c r="HWL736" s="424"/>
      <c r="HWM736" s="424"/>
      <c r="HWN736" s="424"/>
      <c r="HWO736" s="423" t="s">
        <v>2795</v>
      </c>
      <c r="HWP736" s="424"/>
      <c r="HWQ736" s="424"/>
      <c r="HWR736" s="424"/>
      <c r="HWS736" s="423" t="s">
        <v>2795</v>
      </c>
      <c r="HWT736" s="424"/>
      <c r="HWU736" s="424"/>
      <c r="HWV736" s="424"/>
      <c r="HWW736" s="423" t="s">
        <v>2795</v>
      </c>
      <c r="HWX736" s="424"/>
      <c r="HWY736" s="424"/>
      <c r="HWZ736" s="424"/>
      <c r="HXA736" s="423" t="s">
        <v>2795</v>
      </c>
      <c r="HXB736" s="424"/>
      <c r="HXC736" s="424"/>
      <c r="HXD736" s="424"/>
      <c r="HXE736" s="423" t="s">
        <v>2795</v>
      </c>
      <c r="HXF736" s="424"/>
      <c r="HXG736" s="424"/>
      <c r="HXH736" s="424"/>
      <c r="HXI736" s="423" t="s">
        <v>2795</v>
      </c>
      <c r="HXJ736" s="424"/>
      <c r="HXK736" s="424"/>
      <c r="HXL736" s="424"/>
      <c r="HXM736" s="423" t="s">
        <v>2795</v>
      </c>
      <c r="HXN736" s="424"/>
      <c r="HXO736" s="424"/>
      <c r="HXP736" s="424"/>
      <c r="HXQ736" s="423" t="s">
        <v>2795</v>
      </c>
      <c r="HXR736" s="424"/>
      <c r="HXS736" s="424"/>
      <c r="HXT736" s="424"/>
      <c r="HXU736" s="423" t="s">
        <v>2795</v>
      </c>
      <c r="HXV736" s="424"/>
      <c r="HXW736" s="424"/>
      <c r="HXX736" s="424"/>
      <c r="HXY736" s="423" t="s">
        <v>2795</v>
      </c>
      <c r="HXZ736" s="424"/>
      <c r="HYA736" s="424"/>
      <c r="HYB736" s="424"/>
      <c r="HYC736" s="423" t="s">
        <v>2795</v>
      </c>
      <c r="HYD736" s="424"/>
      <c r="HYE736" s="424"/>
      <c r="HYF736" s="424"/>
      <c r="HYG736" s="423" t="s">
        <v>2795</v>
      </c>
      <c r="HYH736" s="424"/>
      <c r="HYI736" s="424"/>
      <c r="HYJ736" s="424"/>
      <c r="HYK736" s="423" t="s">
        <v>2795</v>
      </c>
      <c r="HYL736" s="424"/>
      <c r="HYM736" s="424"/>
      <c r="HYN736" s="424"/>
      <c r="HYO736" s="423" t="s">
        <v>2795</v>
      </c>
      <c r="HYP736" s="424"/>
      <c r="HYQ736" s="424"/>
      <c r="HYR736" s="424"/>
      <c r="HYS736" s="423" t="s">
        <v>2795</v>
      </c>
      <c r="HYT736" s="424"/>
      <c r="HYU736" s="424"/>
      <c r="HYV736" s="424"/>
      <c r="HYW736" s="423" t="s">
        <v>2795</v>
      </c>
      <c r="HYX736" s="424"/>
      <c r="HYY736" s="424"/>
      <c r="HYZ736" s="424"/>
      <c r="HZA736" s="423" t="s">
        <v>2795</v>
      </c>
      <c r="HZB736" s="424"/>
      <c r="HZC736" s="424"/>
      <c r="HZD736" s="424"/>
      <c r="HZE736" s="423" t="s">
        <v>2795</v>
      </c>
      <c r="HZF736" s="424"/>
      <c r="HZG736" s="424"/>
      <c r="HZH736" s="424"/>
      <c r="HZI736" s="423" t="s">
        <v>2795</v>
      </c>
      <c r="HZJ736" s="424"/>
      <c r="HZK736" s="424"/>
      <c r="HZL736" s="424"/>
      <c r="HZM736" s="423" t="s">
        <v>2795</v>
      </c>
      <c r="HZN736" s="424"/>
      <c r="HZO736" s="424"/>
      <c r="HZP736" s="424"/>
      <c r="HZQ736" s="423" t="s">
        <v>2795</v>
      </c>
      <c r="HZR736" s="424"/>
      <c r="HZS736" s="424"/>
      <c r="HZT736" s="424"/>
      <c r="HZU736" s="423" t="s">
        <v>2795</v>
      </c>
      <c r="HZV736" s="424"/>
      <c r="HZW736" s="424"/>
      <c r="HZX736" s="424"/>
      <c r="HZY736" s="423" t="s">
        <v>2795</v>
      </c>
      <c r="HZZ736" s="424"/>
      <c r="IAA736" s="424"/>
      <c r="IAB736" s="424"/>
      <c r="IAC736" s="423" t="s">
        <v>2795</v>
      </c>
      <c r="IAD736" s="424"/>
      <c r="IAE736" s="424"/>
      <c r="IAF736" s="424"/>
      <c r="IAG736" s="423" t="s">
        <v>2795</v>
      </c>
      <c r="IAH736" s="424"/>
      <c r="IAI736" s="424"/>
      <c r="IAJ736" s="424"/>
      <c r="IAK736" s="423" t="s">
        <v>2795</v>
      </c>
      <c r="IAL736" s="424"/>
      <c r="IAM736" s="424"/>
      <c r="IAN736" s="424"/>
      <c r="IAO736" s="423" t="s">
        <v>2795</v>
      </c>
      <c r="IAP736" s="424"/>
      <c r="IAQ736" s="424"/>
      <c r="IAR736" s="424"/>
      <c r="IAS736" s="423" t="s">
        <v>2795</v>
      </c>
      <c r="IAT736" s="424"/>
      <c r="IAU736" s="424"/>
      <c r="IAV736" s="424"/>
      <c r="IAW736" s="423" t="s">
        <v>2795</v>
      </c>
      <c r="IAX736" s="424"/>
      <c r="IAY736" s="424"/>
      <c r="IAZ736" s="424"/>
      <c r="IBA736" s="423" t="s">
        <v>2795</v>
      </c>
      <c r="IBB736" s="424"/>
      <c r="IBC736" s="424"/>
      <c r="IBD736" s="424"/>
      <c r="IBE736" s="423" t="s">
        <v>2795</v>
      </c>
      <c r="IBF736" s="424"/>
      <c r="IBG736" s="424"/>
      <c r="IBH736" s="424"/>
      <c r="IBI736" s="423" t="s">
        <v>2795</v>
      </c>
      <c r="IBJ736" s="424"/>
      <c r="IBK736" s="424"/>
      <c r="IBL736" s="424"/>
      <c r="IBM736" s="423" t="s">
        <v>2795</v>
      </c>
      <c r="IBN736" s="424"/>
      <c r="IBO736" s="424"/>
      <c r="IBP736" s="424"/>
      <c r="IBQ736" s="423" t="s">
        <v>2795</v>
      </c>
      <c r="IBR736" s="424"/>
      <c r="IBS736" s="424"/>
      <c r="IBT736" s="424"/>
      <c r="IBU736" s="423" t="s">
        <v>2795</v>
      </c>
      <c r="IBV736" s="424"/>
      <c r="IBW736" s="424"/>
      <c r="IBX736" s="424"/>
      <c r="IBY736" s="423" t="s">
        <v>2795</v>
      </c>
      <c r="IBZ736" s="424"/>
      <c r="ICA736" s="424"/>
      <c r="ICB736" s="424"/>
      <c r="ICC736" s="423" t="s">
        <v>2795</v>
      </c>
      <c r="ICD736" s="424"/>
      <c r="ICE736" s="424"/>
      <c r="ICF736" s="424"/>
      <c r="ICG736" s="423" t="s">
        <v>2795</v>
      </c>
      <c r="ICH736" s="424"/>
      <c r="ICI736" s="424"/>
      <c r="ICJ736" s="424"/>
      <c r="ICK736" s="423" t="s">
        <v>2795</v>
      </c>
      <c r="ICL736" s="424"/>
      <c r="ICM736" s="424"/>
      <c r="ICN736" s="424"/>
      <c r="ICO736" s="423" t="s">
        <v>2795</v>
      </c>
      <c r="ICP736" s="424"/>
      <c r="ICQ736" s="424"/>
      <c r="ICR736" s="424"/>
      <c r="ICS736" s="423" t="s">
        <v>2795</v>
      </c>
      <c r="ICT736" s="424"/>
      <c r="ICU736" s="424"/>
      <c r="ICV736" s="424"/>
      <c r="ICW736" s="423" t="s">
        <v>2795</v>
      </c>
      <c r="ICX736" s="424"/>
      <c r="ICY736" s="424"/>
      <c r="ICZ736" s="424"/>
      <c r="IDA736" s="423" t="s">
        <v>2795</v>
      </c>
      <c r="IDB736" s="424"/>
      <c r="IDC736" s="424"/>
      <c r="IDD736" s="424"/>
      <c r="IDE736" s="423" t="s">
        <v>2795</v>
      </c>
      <c r="IDF736" s="424"/>
      <c r="IDG736" s="424"/>
      <c r="IDH736" s="424"/>
      <c r="IDI736" s="423" t="s">
        <v>2795</v>
      </c>
      <c r="IDJ736" s="424"/>
      <c r="IDK736" s="424"/>
      <c r="IDL736" s="424"/>
      <c r="IDM736" s="423" t="s">
        <v>2795</v>
      </c>
      <c r="IDN736" s="424"/>
      <c r="IDO736" s="424"/>
      <c r="IDP736" s="424"/>
      <c r="IDQ736" s="423" t="s">
        <v>2795</v>
      </c>
      <c r="IDR736" s="424"/>
      <c r="IDS736" s="424"/>
      <c r="IDT736" s="424"/>
      <c r="IDU736" s="423" t="s">
        <v>2795</v>
      </c>
      <c r="IDV736" s="424"/>
      <c r="IDW736" s="424"/>
      <c r="IDX736" s="424"/>
      <c r="IDY736" s="423" t="s">
        <v>2795</v>
      </c>
      <c r="IDZ736" s="424"/>
      <c r="IEA736" s="424"/>
      <c r="IEB736" s="424"/>
      <c r="IEC736" s="423" t="s">
        <v>2795</v>
      </c>
      <c r="IED736" s="424"/>
      <c r="IEE736" s="424"/>
      <c r="IEF736" s="424"/>
      <c r="IEG736" s="423" t="s">
        <v>2795</v>
      </c>
      <c r="IEH736" s="424"/>
      <c r="IEI736" s="424"/>
      <c r="IEJ736" s="424"/>
      <c r="IEK736" s="423" t="s">
        <v>2795</v>
      </c>
      <c r="IEL736" s="424"/>
      <c r="IEM736" s="424"/>
      <c r="IEN736" s="424"/>
      <c r="IEO736" s="423" t="s">
        <v>2795</v>
      </c>
      <c r="IEP736" s="424"/>
      <c r="IEQ736" s="424"/>
      <c r="IER736" s="424"/>
      <c r="IES736" s="423" t="s">
        <v>2795</v>
      </c>
      <c r="IET736" s="424"/>
      <c r="IEU736" s="424"/>
      <c r="IEV736" s="424"/>
      <c r="IEW736" s="423" t="s">
        <v>2795</v>
      </c>
      <c r="IEX736" s="424"/>
      <c r="IEY736" s="424"/>
      <c r="IEZ736" s="424"/>
      <c r="IFA736" s="423" t="s">
        <v>2795</v>
      </c>
      <c r="IFB736" s="424"/>
      <c r="IFC736" s="424"/>
      <c r="IFD736" s="424"/>
      <c r="IFE736" s="423" t="s">
        <v>2795</v>
      </c>
      <c r="IFF736" s="424"/>
      <c r="IFG736" s="424"/>
      <c r="IFH736" s="424"/>
      <c r="IFI736" s="423" t="s">
        <v>2795</v>
      </c>
      <c r="IFJ736" s="424"/>
      <c r="IFK736" s="424"/>
      <c r="IFL736" s="424"/>
      <c r="IFM736" s="423" t="s">
        <v>2795</v>
      </c>
      <c r="IFN736" s="424"/>
      <c r="IFO736" s="424"/>
      <c r="IFP736" s="424"/>
      <c r="IFQ736" s="423" t="s">
        <v>2795</v>
      </c>
      <c r="IFR736" s="424"/>
      <c r="IFS736" s="424"/>
      <c r="IFT736" s="424"/>
      <c r="IFU736" s="423" t="s">
        <v>2795</v>
      </c>
      <c r="IFV736" s="424"/>
      <c r="IFW736" s="424"/>
      <c r="IFX736" s="424"/>
      <c r="IFY736" s="423" t="s">
        <v>2795</v>
      </c>
      <c r="IFZ736" s="424"/>
      <c r="IGA736" s="424"/>
      <c r="IGB736" s="424"/>
      <c r="IGC736" s="423" t="s">
        <v>2795</v>
      </c>
      <c r="IGD736" s="424"/>
      <c r="IGE736" s="424"/>
      <c r="IGF736" s="424"/>
      <c r="IGG736" s="423" t="s">
        <v>2795</v>
      </c>
      <c r="IGH736" s="424"/>
      <c r="IGI736" s="424"/>
      <c r="IGJ736" s="424"/>
      <c r="IGK736" s="423" t="s">
        <v>2795</v>
      </c>
      <c r="IGL736" s="424"/>
      <c r="IGM736" s="424"/>
      <c r="IGN736" s="424"/>
      <c r="IGO736" s="423" t="s">
        <v>2795</v>
      </c>
      <c r="IGP736" s="424"/>
      <c r="IGQ736" s="424"/>
      <c r="IGR736" s="424"/>
      <c r="IGS736" s="423" t="s">
        <v>2795</v>
      </c>
      <c r="IGT736" s="424"/>
      <c r="IGU736" s="424"/>
      <c r="IGV736" s="424"/>
      <c r="IGW736" s="423" t="s">
        <v>2795</v>
      </c>
      <c r="IGX736" s="424"/>
      <c r="IGY736" s="424"/>
      <c r="IGZ736" s="424"/>
      <c r="IHA736" s="423" t="s">
        <v>2795</v>
      </c>
      <c r="IHB736" s="424"/>
      <c r="IHC736" s="424"/>
      <c r="IHD736" s="424"/>
      <c r="IHE736" s="423" t="s">
        <v>2795</v>
      </c>
      <c r="IHF736" s="424"/>
      <c r="IHG736" s="424"/>
      <c r="IHH736" s="424"/>
      <c r="IHI736" s="423" t="s">
        <v>2795</v>
      </c>
      <c r="IHJ736" s="424"/>
      <c r="IHK736" s="424"/>
      <c r="IHL736" s="424"/>
      <c r="IHM736" s="423" t="s">
        <v>2795</v>
      </c>
      <c r="IHN736" s="424"/>
      <c r="IHO736" s="424"/>
      <c r="IHP736" s="424"/>
      <c r="IHQ736" s="423" t="s">
        <v>2795</v>
      </c>
      <c r="IHR736" s="424"/>
      <c r="IHS736" s="424"/>
      <c r="IHT736" s="424"/>
      <c r="IHU736" s="423" t="s">
        <v>2795</v>
      </c>
      <c r="IHV736" s="424"/>
      <c r="IHW736" s="424"/>
      <c r="IHX736" s="424"/>
      <c r="IHY736" s="423" t="s">
        <v>2795</v>
      </c>
      <c r="IHZ736" s="424"/>
      <c r="IIA736" s="424"/>
      <c r="IIB736" s="424"/>
      <c r="IIC736" s="423" t="s">
        <v>2795</v>
      </c>
      <c r="IID736" s="424"/>
      <c r="IIE736" s="424"/>
      <c r="IIF736" s="424"/>
      <c r="IIG736" s="423" t="s">
        <v>2795</v>
      </c>
      <c r="IIH736" s="424"/>
      <c r="III736" s="424"/>
      <c r="IIJ736" s="424"/>
      <c r="IIK736" s="423" t="s">
        <v>2795</v>
      </c>
      <c r="IIL736" s="424"/>
      <c r="IIM736" s="424"/>
      <c r="IIN736" s="424"/>
      <c r="IIO736" s="423" t="s">
        <v>2795</v>
      </c>
      <c r="IIP736" s="424"/>
      <c r="IIQ736" s="424"/>
      <c r="IIR736" s="424"/>
      <c r="IIS736" s="423" t="s">
        <v>2795</v>
      </c>
      <c r="IIT736" s="424"/>
      <c r="IIU736" s="424"/>
      <c r="IIV736" s="424"/>
      <c r="IIW736" s="423" t="s">
        <v>2795</v>
      </c>
      <c r="IIX736" s="424"/>
      <c r="IIY736" s="424"/>
      <c r="IIZ736" s="424"/>
      <c r="IJA736" s="423" t="s">
        <v>2795</v>
      </c>
      <c r="IJB736" s="424"/>
      <c r="IJC736" s="424"/>
      <c r="IJD736" s="424"/>
      <c r="IJE736" s="423" t="s">
        <v>2795</v>
      </c>
      <c r="IJF736" s="424"/>
      <c r="IJG736" s="424"/>
      <c r="IJH736" s="424"/>
      <c r="IJI736" s="423" t="s">
        <v>2795</v>
      </c>
      <c r="IJJ736" s="424"/>
      <c r="IJK736" s="424"/>
      <c r="IJL736" s="424"/>
      <c r="IJM736" s="423" t="s">
        <v>2795</v>
      </c>
      <c r="IJN736" s="424"/>
      <c r="IJO736" s="424"/>
      <c r="IJP736" s="424"/>
      <c r="IJQ736" s="423" t="s">
        <v>2795</v>
      </c>
      <c r="IJR736" s="424"/>
      <c r="IJS736" s="424"/>
      <c r="IJT736" s="424"/>
      <c r="IJU736" s="423" t="s">
        <v>2795</v>
      </c>
      <c r="IJV736" s="424"/>
      <c r="IJW736" s="424"/>
      <c r="IJX736" s="424"/>
      <c r="IJY736" s="423" t="s">
        <v>2795</v>
      </c>
      <c r="IJZ736" s="424"/>
      <c r="IKA736" s="424"/>
      <c r="IKB736" s="424"/>
      <c r="IKC736" s="423" t="s">
        <v>2795</v>
      </c>
      <c r="IKD736" s="424"/>
      <c r="IKE736" s="424"/>
      <c r="IKF736" s="424"/>
      <c r="IKG736" s="423" t="s">
        <v>2795</v>
      </c>
      <c r="IKH736" s="424"/>
      <c r="IKI736" s="424"/>
      <c r="IKJ736" s="424"/>
      <c r="IKK736" s="423" t="s">
        <v>2795</v>
      </c>
      <c r="IKL736" s="424"/>
      <c r="IKM736" s="424"/>
      <c r="IKN736" s="424"/>
      <c r="IKO736" s="423" t="s">
        <v>2795</v>
      </c>
      <c r="IKP736" s="424"/>
      <c r="IKQ736" s="424"/>
      <c r="IKR736" s="424"/>
      <c r="IKS736" s="423" t="s">
        <v>2795</v>
      </c>
      <c r="IKT736" s="424"/>
      <c r="IKU736" s="424"/>
      <c r="IKV736" s="424"/>
      <c r="IKW736" s="423" t="s">
        <v>2795</v>
      </c>
      <c r="IKX736" s="424"/>
      <c r="IKY736" s="424"/>
      <c r="IKZ736" s="424"/>
      <c r="ILA736" s="423" t="s">
        <v>2795</v>
      </c>
      <c r="ILB736" s="424"/>
      <c r="ILC736" s="424"/>
      <c r="ILD736" s="424"/>
      <c r="ILE736" s="423" t="s">
        <v>2795</v>
      </c>
      <c r="ILF736" s="424"/>
      <c r="ILG736" s="424"/>
      <c r="ILH736" s="424"/>
      <c r="ILI736" s="423" t="s">
        <v>2795</v>
      </c>
      <c r="ILJ736" s="424"/>
      <c r="ILK736" s="424"/>
      <c r="ILL736" s="424"/>
      <c r="ILM736" s="423" t="s">
        <v>2795</v>
      </c>
      <c r="ILN736" s="424"/>
      <c r="ILO736" s="424"/>
      <c r="ILP736" s="424"/>
      <c r="ILQ736" s="423" t="s">
        <v>2795</v>
      </c>
      <c r="ILR736" s="424"/>
      <c r="ILS736" s="424"/>
      <c r="ILT736" s="424"/>
      <c r="ILU736" s="423" t="s">
        <v>2795</v>
      </c>
      <c r="ILV736" s="424"/>
      <c r="ILW736" s="424"/>
      <c r="ILX736" s="424"/>
      <c r="ILY736" s="423" t="s">
        <v>2795</v>
      </c>
      <c r="ILZ736" s="424"/>
      <c r="IMA736" s="424"/>
      <c r="IMB736" s="424"/>
      <c r="IMC736" s="423" t="s">
        <v>2795</v>
      </c>
      <c r="IMD736" s="424"/>
      <c r="IME736" s="424"/>
      <c r="IMF736" s="424"/>
      <c r="IMG736" s="423" t="s">
        <v>2795</v>
      </c>
      <c r="IMH736" s="424"/>
      <c r="IMI736" s="424"/>
      <c r="IMJ736" s="424"/>
      <c r="IMK736" s="423" t="s">
        <v>2795</v>
      </c>
      <c r="IML736" s="424"/>
      <c r="IMM736" s="424"/>
      <c r="IMN736" s="424"/>
      <c r="IMO736" s="423" t="s">
        <v>2795</v>
      </c>
      <c r="IMP736" s="424"/>
      <c r="IMQ736" s="424"/>
      <c r="IMR736" s="424"/>
      <c r="IMS736" s="423" t="s">
        <v>2795</v>
      </c>
      <c r="IMT736" s="424"/>
      <c r="IMU736" s="424"/>
      <c r="IMV736" s="424"/>
      <c r="IMW736" s="423" t="s">
        <v>2795</v>
      </c>
      <c r="IMX736" s="424"/>
      <c r="IMY736" s="424"/>
      <c r="IMZ736" s="424"/>
      <c r="INA736" s="423" t="s">
        <v>2795</v>
      </c>
      <c r="INB736" s="424"/>
      <c r="INC736" s="424"/>
      <c r="IND736" s="424"/>
      <c r="INE736" s="423" t="s">
        <v>2795</v>
      </c>
      <c r="INF736" s="424"/>
      <c r="ING736" s="424"/>
      <c r="INH736" s="424"/>
      <c r="INI736" s="423" t="s">
        <v>2795</v>
      </c>
      <c r="INJ736" s="424"/>
      <c r="INK736" s="424"/>
      <c r="INL736" s="424"/>
      <c r="INM736" s="423" t="s">
        <v>2795</v>
      </c>
      <c r="INN736" s="424"/>
      <c r="INO736" s="424"/>
      <c r="INP736" s="424"/>
      <c r="INQ736" s="423" t="s">
        <v>2795</v>
      </c>
      <c r="INR736" s="424"/>
      <c r="INS736" s="424"/>
      <c r="INT736" s="424"/>
      <c r="INU736" s="423" t="s">
        <v>2795</v>
      </c>
      <c r="INV736" s="424"/>
      <c r="INW736" s="424"/>
      <c r="INX736" s="424"/>
      <c r="INY736" s="423" t="s">
        <v>2795</v>
      </c>
      <c r="INZ736" s="424"/>
      <c r="IOA736" s="424"/>
      <c r="IOB736" s="424"/>
      <c r="IOC736" s="423" t="s">
        <v>2795</v>
      </c>
      <c r="IOD736" s="424"/>
      <c r="IOE736" s="424"/>
      <c r="IOF736" s="424"/>
      <c r="IOG736" s="423" t="s">
        <v>2795</v>
      </c>
      <c r="IOH736" s="424"/>
      <c r="IOI736" s="424"/>
      <c r="IOJ736" s="424"/>
      <c r="IOK736" s="423" t="s">
        <v>2795</v>
      </c>
      <c r="IOL736" s="424"/>
      <c r="IOM736" s="424"/>
      <c r="ION736" s="424"/>
      <c r="IOO736" s="423" t="s">
        <v>2795</v>
      </c>
      <c r="IOP736" s="424"/>
      <c r="IOQ736" s="424"/>
      <c r="IOR736" s="424"/>
      <c r="IOS736" s="423" t="s">
        <v>2795</v>
      </c>
      <c r="IOT736" s="424"/>
      <c r="IOU736" s="424"/>
      <c r="IOV736" s="424"/>
      <c r="IOW736" s="423" t="s">
        <v>2795</v>
      </c>
      <c r="IOX736" s="424"/>
      <c r="IOY736" s="424"/>
      <c r="IOZ736" s="424"/>
      <c r="IPA736" s="423" t="s">
        <v>2795</v>
      </c>
      <c r="IPB736" s="424"/>
      <c r="IPC736" s="424"/>
      <c r="IPD736" s="424"/>
      <c r="IPE736" s="423" t="s">
        <v>2795</v>
      </c>
      <c r="IPF736" s="424"/>
      <c r="IPG736" s="424"/>
      <c r="IPH736" s="424"/>
      <c r="IPI736" s="423" t="s">
        <v>2795</v>
      </c>
      <c r="IPJ736" s="424"/>
      <c r="IPK736" s="424"/>
      <c r="IPL736" s="424"/>
      <c r="IPM736" s="423" t="s">
        <v>2795</v>
      </c>
      <c r="IPN736" s="424"/>
      <c r="IPO736" s="424"/>
      <c r="IPP736" s="424"/>
      <c r="IPQ736" s="423" t="s">
        <v>2795</v>
      </c>
      <c r="IPR736" s="424"/>
      <c r="IPS736" s="424"/>
      <c r="IPT736" s="424"/>
      <c r="IPU736" s="423" t="s">
        <v>2795</v>
      </c>
      <c r="IPV736" s="424"/>
      <c r="IPW736" s="424"/>
      <c r="IPX736" s="424"/>
      <c r="IPY736" s="423" t="s">
        <v>2795</v>
      </c>
      <c r="IPZ736" s="424"/>
      <c r="IQA736" s="424"/>
      <c r="IQB736" s="424"/>
      <c r="IQC736" s="423" t="s">
        <v>2795</v>
      </c>
      <c r="IQD736" s="424"/>
      <c r="IQE736" s="424"/>
      <c r="IQF736" s="424"/>
      <c r="IQG736" s="423" t="s">
        <v>2795</v>
      </c>
      <c r="IQH736" s="424"/>
      <c r="IQI736" s="424"/>
      <c r="IQJ736" s="424"/>
      <c r="IQK736" s="423" t="s">
        <v>2795</v>
      </c>
      <c r="IQL736" s="424"/>
      <c r="IQM736" s="424"/>
      <c r="IQN736" s="424"/>
      <c r="IQO736" s="423" t="s">
        <v>2795</v>
      </c>
      <c r="IQP736" s="424"/>
      <c r="IQQ736" s="424"/>
      <c r="IQR736" s="424"/>
      <c r="IQS736" s="423" t="s">
        <v>2795</v>
      </c>
      <c r="IQT736" s="424"/>
      <c r="IQU736" s="424"/>
      <c r="IQV736" s="424"/>
      <c r="IQW736" s="423" t="s">
        <v>2795</v>
      </c>
      <c r="IQX736" s="424"/>
      <c r="IQY736" s="424"/>
      <c r="IQZ736" s="424"/>
      <c r="IRA736" s="423" t="s">
        <v>2795</v>
      </c>
      <c r="IRB736" s="424"/>
      <c r="IRC736" s="424"/>
      <c r="IRD736" s="424"/>
      <c r="IRE736" s="423" t="s">
        <v>2795</v>
      </c>
      <c r="IRF736" s="424"/>
      <c r="IRG736" s="424"/>
      <c r="IRH736" s="424"/>
      <c r="IRI736" s="423" t="s">
        <v>2795</v>
      </c>
      <c r="IRJ736" s="424"/>
      <c r="IRK736" s="424"/>
      <c r="IRL736" s="424"/>
      <c r="IRM736" s="423" t="s">
        <v>2795</v>
      </c>
      <c r="IRN736" s="424"/>
      <c r="IRO736" s="424"/>
      <c r="IRP736" s="424"/>
      <c r="IRQ736" s="423" t="s">
        <v>2795</v>
      </c>
      <c r="IRR736" s="424"/>
      <c r="IRS736" s="424"/>
      <c r="IRT736" s="424"/>
      <c r="IRU736" s="423" t="s">
        <v>2795</v>
      </c>
      <c r="IRV736" s="424"/>
      <c r="IRW736" s="424"/>
      <c r="IRX736" s="424"/>
      <c r="IRY736" s="423" t="s">
        <v>2795</v>
      </c>
      <c r="IRZ736" s="424"/>
      <c r="ISA736" s="424"/>
      <c r="ISB736" s="424"/>
      <c r="ISC736" s="423" t="s">
        <v>2795</v>
      </c>
      <c r="ISD736" s="424"/>
      <c r="ISE736" s="424"/>
      <c r="ISF736" s="424"/>
      <c r="ISG736" s="423" t="s">
        <v>2795</v>
      </c>
      <c r="ISH736" s="424"/>
      <c r="ISI736" s="424"/>
      <c r="ISJ736" s="424"/>
      <c r="ISK736" s="423" t="s">
        <v>2795</v>
      </c>
      <c r="ISL736" s="424"/>
      <c r="ISM736" s="424"/>
      <c r="ISN736" s="424"/>
      <c r="ISO736" s="423" t="s">
        <v>2795</v>
      </c>
      <c r="ISP736" s="424"/>
      <c r="ISQ736" s="424"/>
      <c r="ISR736" s="424"/>
      <c r="ISS736" s="423" t="s">
        <v>2795</v>
      </c>
      <c r="IST736" s="424"/>
      <c r="ISU736" s="424"/>
      <c r="ISV736" s="424"/>
      <c r="ISW736" s="423" t="s">
        <v>2795</v>
      </c>
      <c r="ISX736" s="424"/>
      <c r="ISY736" s="424"/>
      <c r="ISZ736" s="424"/>
      <c r="ITA736" s="423" t="s">
        <v>2795</v>
      </c>
      <c r="ITB736" s="424"/>
      <c r="ITC736" s="424"/>
      <c r="ITD736" s="424"/>
      <c r="ITE736" s="423" t="s">
        <v>2795</v>
      </c>
      <c r="ITF736" s="424"/>
      <c r="ITG736" s="424"/>
      <c r="ITH736" s="424"/>
      <c r="ITI736" s="423" t="s">
        <v>2795</v>
      </c>
      <c r="ITJ736" s="424"/>
      <c r="ITK736" s="424"/>
      <c r="ITL736" s="424"/>
      <c r="ITM736" s="423" t="s">
        <v>2795</v>
      </c>
      <c r="ITN736" s="424"/>
      <c r="ITO736" s="424"/>
      <c r="ITP736" s="424"/>
      <c r="ITQ736" s="423" t="s">
        <v>2795</v>
      </c>
      <c r="ITR736" s="424"/>
      <c r="ITS736" s="424"/>
      <c r="ITT736" s="424"/>
      <c r="ITU736" s="423" t="s">
        <v>2795</v>
      </c>
      <c r="ITV736" s="424"/>
      <c r="ITW736" s="424"/>
      <c r="ITX736" s="424"/>
      <c r="ITY736" s="423" t="s">
        <v>2795</v>
      </c>
      <c r="ITZ736" s="424"/>
      <c r="IUA736" s="424"/>
      <c r="IUB736" s="424"/>
      <c r="IUC736" s="423" t="s">
        <v>2795</v>
      </c>
      <c r="IUD736" s="424"/>
      <c r="IUE736" s="424"/>
      <c r="IUF736" s="424"/>
      <c r="IUG736" s="423" t="s">
        <v>2795</v>
      </c>
      <c r="IUH736" s="424"/>
      <c r="IUI736" s="424"/>
      <c r="IUJ736" s="424"/>
      <c r="IUK736" s="423" t="s">
        <v>2795</v>
      </c>
      <c r="IUL736" s="424"/>
      <c r="IUM736" s="424"/>
      <c r="IUN736" s="424"/>
      <c r="IUO736" s="423" t="s">
        <v>2795</v>
      </c>
      <c r="IUP736" s="424"/>
      <c r="IUQ736" s="424"/>
      <c r="IUR736" s="424"/>
      <c r="IUS736" s="423" t="s">
        <v>2795</v>
      </c>
      <c r="IUT736" s="424"/>
      <c r="IUU736" s="424"/>
      <c r="IUV736" s="424"/>
      <c r="IUW736" s="423" t="s">
        <v>2795</v>
      </c>
      <c r="IUX736" s="424"/>
      <c r="IUY736" s="424"/>
      <c r="IUZ736" s="424"/>
      <c r="IVA736" s="423" t="s">
        <v>2795</v>
      </c>
      <c r="IVB736" s="424"/>
      <c r="IVC736" s="424"/>
      <c r="IVD736" s="424"/>
      <c r="IVE736" s="423" t="s">
        <v>2795</v>
      </c>
      <c r="IVF736" s="424"/>
      <c r="IVG736" s="424"/>
      <c r="IVH736" s="424"/>
      <c r="IVI736" s="423" t="s">
        <v>2795</v>
      </c>
      <c r="IVJ736" s="424"/>
      <c r="IVK736" s="424"/>
      <c r="IVL736" s="424"/>
      <c r="IVM736" s="423" t="s">
        <v>2795</v>
      </c>
      <c r="IVN736" s="424"/>
      <c r="IVO736" s="424"/>
      <c r="IVP736" s="424"/>
      <c r="IVQ736" s="423" t="s">
        <v>2795</v>
      </c>
      <c r="IVR736" s="424"/>
      <c r="IVS736" s="424"/>
      <c r="IVT736" s="424"/>
      <c r="IVU736" s="423" t="s">
        <v>2795</v>
      </c>
      <c r="IVV736" s="424"/>
      <c r="IVW736" s="424"/>
      <c r="IVX736" s="424"/>
      <c r="IVY736" s="423" t="s">
        <v>2795</v>
      </c>
      <c r="IVZ736" s="424"/>
      <c r="IWA736" s="424"/>
      <c r="IWB736" s="424"/>
      <c r="IWC736" s="423" t="s">
        <v>2795</v>
      </c>
      <c r="IWD736" s="424"/>
      <c r="IWE736" s="424"/>
      <c r="IWF736" s="424"/>
      <c r="IWG736" s="423" t="s">
        <v>2795</v>
      </c>
      <c r="IWH736" s="424"/>
      <c r="IWI736" s="424"/>
      <c r="IWJ736" s="424"/>
      <c r="IWK736" s="423" t="s">
        <v>2795</v>
      </c>
      <c r="IWL736" s="424"/>
      <c r="IWM736" s="424"/>
      <c r="IWN736" s="424"/>
      <c r="IWO736" s="423" t="s">
        <v>2795</v>
      </c>
      <c r="IWP736" s="424"/>
      <c r="IWQ736" s="424"/>
      <c r="IWR736" s="424"/>
      <c r="IWS736" s="423" t="s">
        <v>2795</v>
      </c>
      <c r="IWT736" s="424"/>
      <c r="IWU736" s="424"/>
      <c r="IWV736" s="424"/>
      <c r="IWW736" s="423" t="s">
        <v>2795</v>
      </c>
      <c r="IWX736" s="424"/>
      <c r="IWY736" s="424"/>
      <c r="IWZ736" s="424"/>
      <c r="IXA736" s="423" t="s">
        <v>2795</v>
      </c>
      <c r="IXB736" s="424"/>
      <c r="IXC736" s="424"/>
      <c r="IXD736" s="424"/>
      <c r="IXE736" s="423" t="s">
        <v>2795</v>
      </c>
      <c r="IXF736" s="424"/>
      <c r="IXG736" s="424"/>
      <c r="IXH736" s="424"/>
      <c r="IXI736" s="423" t="s">
        <v>2795</v>
      </c>
      <c r="IXJ736" s="424"/>
      <c r="IXK736" s="424"/>
      <c r="IXL736" s="424"/>
      <c r="IXM736" s="423" t="s">
        <v>2795</v>
      </c>
      <c r="IXN736" s="424"/>
      <c r="IXO736" s="424"/>
      <c r="IXP736" s="424"/>
      <c r="IXQ736" s="423" t="s">
        <v>2795</v>
      </c>
      <c r="IXR736" s="424"/>
      <c r="IXS736" s="424"/>
      <c r="IXT736" s="424"/>
      <c r="IXU736" s="423" t="s">
        <v>2795</v>
      </c>
      <c r="IXV736" s="424"/>
      <c r="IXW736" s="424"/>
      <c r="IXX736" s="424"/>
      <c r="IXY736" s="423" t="s">
        <v>2795</v>
      </c>
      <c r="IXZ736" s="424"/>
      <c r="IYA736" s="424"/>
      <c r="IYB736" s="424"/>
      <c r="IYC736" s="423" t="s">
        <v>2795</v>
      </c>
      <c r="IYD736" s="424"/>
      <c r="IYE736" s="424"/>
      <c r="IYF736" s="424"/>
      <c r="IYG736" s="423" t="s">
        <v>2795</v>
      </c>
      <c r="IYH736" s="424"/>
      <c r="IYI736" s="424"/>
      <c r="IYJ736" s="424"/>
      <c r="IYK736" s="423" t="s">
        <v>2795</v>
      </c>
      <c r="IYL736" s="424"/>
      <c r="IYM736" s="424"/>
      <c r="IYN736" s="424"/>
      <c r="IYO736" s="423" t="s">
        <v>2795</v>
      </c>
      <c r="IYP736" s="424"/>
      <c r="IYQ736" s="424"/>
      <c r="IYR736" s="424"/>
      <c r="IYS736" s="423" t="s">
        <v>2795</v>
      </c>
      <c r="IYT736" s="424"/>
      <c r="IYU736" s="424"/>
      <c r="IYV736" s="424"/>
      <c r="IYW736" s="423" t="s">
        <v>2795</v>
      </c>
      <c r="IYX736" s="424"/>
      <c r="IYY736" s="424"/>
      <c r="IYZ736" s="424"/>
      <c r="IZA736" s="423" t="s">
        <v>2795</v>
      </c>
      <c r="IZB736" s="424"/>
      <c r="IZC736" s="424"/>
      <c r="IZD736" s="424"/>
      <c r="IZE736" s="423" t="s">
        <v>2795</v>
      </c>
      <c r="IZF736" s="424"/>
      <c r="IZG736" s="424"/>
      <c r="IZH736" s="424"/>
      <c r="IZI736" s="423" t="s">
        <v>2795</v>
      </c>
      <c r="IZJ736" s="424"/>
      <c r="IZK736" s="424"/>
      <c r="IZL736" s="424"/>
      <c r="IZM736" s="423" t="s">
        <v>2795</v>
      </c>
      <c r="IZN736" s="424"/>
      <c r="IZO736" s="424"/>
      <c r="IZP736" s="424"/>
      <c r="IZQ736" s="423" t="s">
        <v>2795</v>
      </c>
      <c r="IZR736" s="424"/>
      <c r="IZS736" s="424"/>
      <c r="IZT736" s="424"/>
      <c r="IZU736" s="423" t="s">
        <v>2795</v>
      </c>
      <c r="IZV736" s="424"/>
      <c r="IZW736" s="424"/>
      <c r="IZX736" s="424"/>
      <c r="IZY736" s="423" t="s">
        <v>2795</v>
      </c>
      <c r="IZZ736" s="424"/>
      <c r="JAA736" s="424"/>
      <c r="JAB736" s="424"/>
      <c r="JAC736" s="423" t="s">
        <v>2795</v>
      </c>
      <c r="JAD736" s="424"/>
      <c r="JAE736" s="424"/>
      <c r="JAF736" s="424"/>
      <c r="JAG736" s="423" t="s">
        <v>2795</v>
      </c>
      <c r="JAH736" s="424"/>
      <c r="JAI736" s="424"/>
      <c r="JAJ736" s="424"/>
      <c r="JAK736" s="423" t="s">
        <v>2795</v>
      </c>
      <c r="JAL736" s="424"/>
      <c r="JAM736" s="424"/>
      <c r="JAN736" s="424"/>
      <c r="JAO736" s="423" t="s">
        <v>2795</v>
      </c>
      <c r="JAP736" s="424"/>
      <c r="JAQ736" s="424"/>
      <c r="JAR736" s="424"/>
      <c r="JAS736" s="423" t="s">
        <v>2795</v>
      </c>
      <c r="JAT736" s="424"/>
      <c r="JAU736" s="424"/>
      <c r="JAV736" s="424"/>
      <c r="JAW736" s="423" t="s">
        <v>2795</v>
      </c>
      <c r="JAX736" s="424"/>
      <c r="JAY736" s="424"/>
      <c r="JAZ736" s="424"/>
      <c r="JBA736" s="423" t="s">
        <v>2795</v>
      </c>
      <c r="JBB736" s="424"/>
      <c r="JBC736" s="424"/>
      <c r="JBD736" s="424"/>
      <c r="JBE736" s="423" t="s">
        <v>2795</v>
      </c>
      <c r="JBF736" s="424"/>
      <c r="JBG736" s="424"/>
      <c r="JBH736" s="424"/>
      <c r="JBI736" s="423" t="s">
        <v>2795</v>
      </c>
      <c r="JBJ736" s="424"/>
      <c r="JBK736" s="424"/>
      <c r="JBL736" s="424"/>
      <c r="JBM736" s="423" t="s">
        <v>2795</v>
      </c>
      <c r="JBN736" s="424"/>
      <c r="JBO736" s="424"/>
      <c r="JBP736" s="424"/>
      <c r="JBQ736" s="423" t="s">
        <v>2795</v>
      </c>
      <c r="JBR736" s="424"/>
      <c r="JBS736" s="424"/>
      <c r="JBT736" s="424"/>
      <c r="JBU736" s="423" t="s">
        <v>2795</v>
      </c>
      <c r="JBV736" s="424"/>
      <c r="JBW736" s="424"/>
      <c r="JBX736" s="424"/>
      <c r="JBY736" s="423" t="s">
        <v>2795</v>
      </c>
      <c r="JBZ736" s="424"/>
      <c r="JCA736" s="424"/>
      <c r="JCB736" s="424"/>
      <c r="JCC736" s="423" t="s">
        <v>2795</v>
      </c>
      <c r="JCD736" s="424"/>
      <c r="JCE736" s="424"/>
      <c r="JCF736" s="424"/>
      <c r="JCG736" s="423" t="s">
        <v>2795</v>
      </c>
      <c r="JCH736" s="424"/>
      <c r="JCI736" s="424"/>
      <c r="JCJ736" s="424"/>
      <c r="JCK736" s="423" t="s">
        <v>2795</v>
      </c>
      <c r="JCL736" s="424"/>
      <c r="JCM736" s="424"/>
      <c r="JCN736" s="424"/>
      <c r="JCO736" s="423" t="s">
        <v>2795</v>
      </c>
      <c r="JCP736" s="424"/>
      <c r="JCQ736" s="424"/>
      <c r="JCR736" s="424"/>
      <c r="JCS736" s="423" t="s">
        <v>2795</v>
      </c>
      <c r="JCT736" s="424"/>
      <c r="JCU736" s="424"/>
      <c r="JCV736" s="424"/>
      <c r="JCW736" s="423" t="s">
        <v>2795</v>
      </c>
      <c r="JCX736" s="424"/>
      <c r="JCY736" s="424"/>
      <c r="JCZ736" s="424"/>
      <c r="JDA736" s="423" t="s">
        <v>2795</v>
      </c>
      <c r="JDB736" s="424"/>
      <c r="JDC736" s="424"/>
      <c r="JDD736" s="424"/>
      <c r="JDE736" s="423" t="s">
        <v>2795</v>
      </c>
      <c r="JDF736" s="424"/>
      <c r="JDG736" s="424"/>
      <c r="JDH736" s="424"/>
      <c r="JDI736" s="423" t="s">
        <v>2795</v>
      </c>
      <c r="JDJ736" s="424"/>
      <c r="JDK736" s="424"/>
      <c r="JDL736" s="424"/>
      <c r="JDM736" s="423" t="s">
        <v>2795</v>
      </c>
      <c r="JDN736" s="424"/>
      <c r="JDO736" s="424"/>
      <c r="JDP736" s="424"/>
      <c r="JDQ736" s="423" t="s">
        <v>2795</v>
      </c>
      <c r="JDR736" s="424"/>
      <c r="JDS736" s="424"/>
      <c r="JDT736" s="424"/>
      <c r="JDU736" s="423" t="s">
        <v>2795</v>
      </c>
      <c r="JDV736" s="424"/>
      <c r="JDW736" s="424"/>
      <c r="JDX736" s="424"/>
      <c r="JDY736" s="423" t="s">
        <v>2795</v>
      </c>
      <c r="JDZ736" s="424"/>
      <c r="JEA736" s="424"/>
      <c r="JEB736" s="424"/>
      <c r="JEC736" s="423" t="s">
        <v>2795</v>
      </c>
      <c r="JED736" s="424"/>
      <c r="JEE736" s="424"/>
      <c r="JEF736" s="424"/>
      <c r="JEG736" s="423" t="s">
        <v>2795</v>
      </c>
      <c r="JEH736" s="424"/>
      <c r="JEI736" s="424"/>
      <c r="JEJ736" s="424"/>
      <c r="JEK736" s="423" t="s">
        <v>2795</v>
      </c>
      <c r="JEL736" s="424"/>
      <c r="JEM736" s="424"/>
      <c r="JEN736" s="424"/>
      <c r="JEO736" s="423" t="s">
        <v>2795</v>
      </c>
      <c r="JEP736" s="424"/>
      <c r="JEQ736" s="424"/>
      <c r="JER736" s="424"/>
      <c r="JES736" s="423" t="s">
        <v>2795</v>
      </c>
      <c r="JET736" s="424"/>
      <c r="JEU736" s="424"/>
      <c r="JEV736" s="424"/>
      <c r="JEW736" s="423" t="s">
        <v>2795</v>
      </c>
      <c r="JEX736" s="424"/>
      <c r="JEY736" s="424"/>
      <c r="JEZ736" s="424"/>
      <c r="JFA736" s="423" t="s">
        <v>2795</v>
      </c>
      <c r="JFB736" s="424"/>
      <c r="JFC736" s="424"/>
      <c r="JFD736" s="424"/>
      <c r="JFE736" s="423" t="s">
        <v>2795</v>
      </c>
      <c r="JFF736" s="424"/>
      <c r="JFG736" s="424"/>
      <c r="JFH736" s="424"/>
      <c r="JFI736" s="423" t="s">
        <v>2795</v>
      </c>
      <c r="JFJ736" s="424"/>
      <c r="JFK736" s="424"/>
      <c r="JFL736" s="424"/>
      <c r="JFM736" s="423" t="s">
        <v>2795</v>
      </c>
      <c r="JFN736" s="424"/>
      <c r="JFO736" s="424"/>
      <c r="JFP736" s="424"/>
      <c r="JFQ736" s="423" t="s">
        <v>2795</v>
      </c>
      <c r="JFR736" s="424"/>
      <c r="JFS736" s="424"/>
      <c r="JFT736" s="424"/>
      <c r="JFU736" s="423" t="s">
        <v>2795</v>
      </c>
      <c r="JFV736" s="424"/>
      <c r="JFW736" s="424"/>
      <c r="JFX736" s="424"/>
      <c r="JFY736" s="423" t="s">
        <v>2795</v>
      </c>
      <c r="JFZ736" s="424"/>
      <c r="JGA736" s="424"/>
      <c r="JGB736" s="424"/>
      <c r="JGC736" s="423" t="s">
        <v>2795</v>
      </c>
      <c r="JGD736" s="424"/>
      <c r="JGE736" s="424"/>
      <c r="JGF736" s="424"/>
      <c r="JGG736" s="423" t="s">
        <v>2795</v>
      </c>
      <c r="JGH736" s="424"/>
      <c r="JGI736" s="424"/>
      <c r="JGJ736" s="424"/>
      <c r="JGK736" s="423" t="s">
        <v>2795</v>
      </c>
      <c r="JGL736" s="424"/>
      <c r="JGM736" s="424"/>
      <c r="JGN736" s="424"/>
      <c r="JGO736" s="423" t="s">
        <v>2795</v>
      </c>
      <c r="JGP736" s="424"/>
      <c r="JGQ736" s="424"/>
      <c r="JGR736" s="424"/>
      <c r="JGS736" s="423" t="s">
        <v>2795</v>
      </c>
      <c r="JGT736" s="424"/>
      <c r="JGU736" s="424"/>
      <c r="JGV736" s="424"/>
      <c r="JGW736" s="423" t="s">
        <v>2795</v>
      </c>
      <c r="JGX736" s="424"/>
      <c r="JGY736" s="424"/>
      <c r="JGZ736" s="424"/>
      <c r="JHA736" s="423" t="s">
        <v>2795</v>
      </c>
      <c r="JHB736" s="424"/>
      <c r="JHC736" s="424"/>
      <c r="JHD736" s="424"/>
      <c r="JHE736" s="423" t="s">
        <v>2795</v>
      </c>
      <c r="JHF736" s="424"/>
      <c r="JHG736" s="424"/>
      <c r="JHH736" s="424"/>
      <c r="JHI736" s="423" t="s">
        <v>2795</v>
      </c>
      <c r="JHJ736" s="424"/>
      <c r="JHK736" s="424"/>
      <c r="JHL736" s="424"/>
      <c r="JHM736" s="423" t="s">
        <v>2795</v>
      </c>
      <c r="JHN736" s="424"/>
      <c r="JHO736" s="424"/>
      <c r="JHP736" s="424"/>
      <c r="JHQ736" s="423" t="s">
        <v>2795</v>
      </c>
      <c r="JHR736" s="424"/>
      <c r="JHS736" s="424"/>
      <c r="JHT736" s="424"/>
      <c r="JHU736" s="423" t="s">
        <v>2795</v>
      </c>
      <c r="JHV736" s="424"/>
      <c r="JHW736" s="424"/>
      <c r="JHX736" s="424"/>
      <c r="JHY736" s="423" t="s">
        <v>2795</v>
      </c>
      <c r="JHZ736" s="424"/>
      <c r="JIA736" s="424"/>
      <c r="JIB736" s="424"/>
      <c r="JIC736" s="423" t="s">
        <v>2795</v>
      </c>
      <c r="JID736" s="424"/>
      <c r="JIE736" s="424"/>
      <c r="JIF736" s="424"/>
      <c r="JIG736" s="423" t="s">
        <v>2795</v>
      </c>
      <c r="JIH736" s="424"/>
      <c r="JII736" s="424"/>
      <c r="JIJ736" s="424"/>
      <c r="JIK736" s="423" t="s">
        <v>2795</v>
      </c>
      <c r="JIL736" s="424"/>
      <c r="JIM736" s="424"/>
      <c r="JIN736" s="424"/>
      <c r="JIO736" s="423" t="s">
        <v>2795</v>
      </c>
      <c r="JIP736" s="424"/>
      <c r="JIQ736" s="424"/>
      <c r="JIR736" s="424"/>
      <c r="JIS736" s="423" t="s">
        <v>2795</v>
      </c>
      <c r="JIT736" s="424"/>
      <c r="JIU736" s="424"/>
      <c r="JIV736" s="424"/>
      <c r="JIW736" s="423" t="s">
        <v>2795</v>
      </c>
      <c r="JIX736" s="424"/>
      <c r="JIY736" s="424"/>
      <c r="JIZ736" s="424"/>
      <c r="JJA736" s="423" t="s">
        <v>2795</v>
      </c>
      <c r="JJB736" s="424"/>
      <c r="JJC736" s="424"/>
      <c r="JJD736" s="424"/>
      <c r="JJE736" s="423" t="s">
        <v>2795</v>
      </c>
      <c r="JJF736" s="424"/>
      <c r="JJG736" s="424"/>
      <c r="JJH736" s="424"/>
      <c r="JJI736" s="423" t="s">
        <v>2795</v>
      </c>
      <c r="JJJ736" s="424"/>
      <c r="JJK736" s="424"/>
      <c r="JJL736" s="424"/>
      <c r="JJM736" s="423" t="s">
        <v>2795</v>
      </c>
      <c r="JJN736" s="424"/>
      <c r="JJO736" s="424"/>
      <c r="JJP736" s="424"/>
      <c r="JJQ736" s="423" t="s">
        <v>2795</v>
      </c>
      <c r="JJR736" s="424"/>
      <c r="JJS736" s="424"/>
      <c r="JJT736" s="424"/>
      <c r="JJU736" s="423" t="s">
        <v>2795</v>
      </c>
      <c r="JJV736" s="424"/>
      <c r="JJW736" s="424"/>
      <c r="JJX736" s="424"/>
      <c r="JJY736" s="423" t="s">
        <v>2795</v>
      </c>
      <c r="JJZ736" s="424"/>
      <c r="JKA736" s="424"/>
      <c r="JKB736" s="424"/>
      <c r="JKC736" s="423" t="s">
        <v>2795</v>
      </c>
      <c r="JKD736" s="424"/>
      <c r="JKE736" s="424"/>
      <c r="JKF736" s="424"/>
      <c r="JKG736" s="423" t="s">
        <v>2795</v>
      </c>
      <c r="JKH736" s="424"/>
      <c r="JKI736" s="424"/>
      <c r="JKJ736" s="424"/>
      <c r="JKK736" s="423" t="s">
        <v>2795</v>
      </c>
      <c r="JKL736" s="424"/>
      <c r="JKM736" s="424"/>
      <c r="JKN736" s="424"/>
      <c r="JKO736" s="423" t="s">
        <v>2795</v>
      </c>
      <c r="JKP736" s="424"/>
      <c r="JKQ736" s="424"/>
      <c r="JKR736" s="424"/>
      <c r="JKS736" s="423" t="s">
        <v>2795</v>
      </c>
      <c r="JKT736" s="424"/>
      <c r="JKU736" s="424"/>
      <c r="JKV736" s="424"/>
      <c r="JKW736" s="423" t="s">
        <v>2795</v>
      </c>
      <c r="JKX736" s="424"/>
      <c r="JKY736" s="424"/>
      <c r="JKZ736" s="424"/>
      <c r="JLA736" s="423" t="s">
        <v>2795</v>
      </c>
      <c r="JLB736" s="424"/>
      <c r="JLC736" s="424"/>
      <c r="JLD736" s="424"/>
      <c r="JLE736" s="423" t="s">
        <v>2795</v>
      </c>
      <c r="JLF736" s="424"/>
      <c r="JLG736" s="424"/>
      <c r="JLH736" s="424"/>
      <c r="JLI736" s="423" t="s">
        <v>2795</v>
      </c>
      <c r="JLJ736" s="424"/>
      <c r="JLK736" s="424"/>
      <c r="JLL736" s="424"/>
      <c r="JLM736" s="423" t="s">
        <v>2795</v>
      </c>
      <c r="JLN736" s="424"/>
      <c r="JLO736" s="424"/>
      <c r="JLP736" s="424"/>
      <c r="JLQ736" s="423" t="s">
        <v>2795</v>
      </c>
      <c r="JLR736" s="424"/>
      <c r="JLS736" s="424"/>
      <c r="JLT736" s="424"/>
      <c r="JLU736" s="423" t="s">
        <v>2795</v>
      </c>
      <c r="JLV736" s="424"/>
      <c r="JLW736" s="424"/>
      <c r="JLX736" s="424"/>
      <c r="JLY736" s="423" t="s">
        <v>2795</v>
      </c>
      <c r="JLZ736" s="424"/>
      <c r="JMA736" s="424"/>
      <c r="JMB736" s="424"/>
      <c r="JMC736" s="423" t="s">
        <v>2795</v>
      </c>
      <c r="JMD736" s="424"/>
      <c r="JME736" s="424"/>
      <c r="JMF736" s="424"/>
      <c r="JMG736" s="423" t="s">
        <v>2795</v>
      </c>
      <c r="JMH736" s="424"/>
      <c r="JMI736" s="424"/>
      <c r="JMJ736" s="424"/>
      <c r="JMK736" s="423" t="s">
        <v>2795</v>
      </c>
      <c r="JML736" s="424"/>
      <c r="JMM736" s="424"/>
      <c r="JMN736" s="424"/>
      <c r="JMO736" s="423" t="s">
        <v>2795</v>
      </c>
      <c r="JMP736" s="424"/>
      <c r="JMQ736" s="424"/>
      <c r="JMR736" s="424"/>
      <c r="JMS736" s="423" t="s">
        <v>2795</v>
      </c>
      <c r="JMT736" s="424"/>
      <c r="JMU736" s="424"/>
      <c r="JMV736" s="424"/>
      <c r="JMW736" s="423" t="s">
        <v>2795</v>
      </c>
      <c r="JMX736" s="424"/>
      <c r="JMY736" s="424"/>
      <c r="JMZ736" s="424"/>
      <c r="JNA736" s="423" t="s">
        <v>2795</v>
      </c>
      <c r="JNB736" s="424"/>
      <c r="JNC736" s="424"/>
      <c r="JND736" s="424"/>
      <c r="JNE736" s="423" t="s">
        <v>2795</v>
      </c>
      <c r="JNF736" s="424"/>
      <c r="JNG736" s="424"/>
      <c r="JNH736" s="424"/>
      <c r="JNI736" s="423" t="s">
        <v>2795</v>
      </c>
      <c r="JNJ736" s="424"/>
      <c r="JNK736" s="424"/>
      <c r="JNL736" s="424"/>
      <c r="JNM736" s="423" t="s">
        <v>2795</v>
      </c>
      <c r="JNN736" s="424"/>
      <c r="JNO736" s="424"/>
      <c r="JNP736" s="424"/>
      <c r="JNQ736" s="423" t="s">
        <v>2795</v>
      </c>
      <c r="JNR736" s="424"/>
      <c r="JNS736" s="424"/>
      <c r="JNT736" s="424"/>
      <c r="JNU736" s="423" t="s">
        <v>2795</v>
      </c>
      <c r="JNV736" s="424"/>
      <c r="JNW736" s="424"/>
      <c r="JNX736" s="424"/>
      <c r="JNY736" s="423" t="s">
        <v>2795</v>
      </c>
      <c r="JNZ736" s="424"/>
      <c r="JOA736" s="424"/>
      <c r="JOB736" s="424"/>
      <c r="JOC736" s="423" t="s">
        <v>2795</v>
      </c>
      <c r="JOD736" s="424"/>
      <c r="JOE736" s="424"/>
      <c r="JOF736" s="424"/>
      <c r="JOG736" s="423" t="s">
        <v>2795</v>
      </c>
      <c r="JOH736" s="424"/>
      <c r="JOI736" s="424"/>
      <c r="JOJ736" s="424"/>
      <c r="JOK736" s="423" t="s">
        <v>2795</v>
      </c>
      <c r="JOL736" s="424"/>
      <c r="JOM736" s="424"/>
      <c r="JON736" s="424"/>
      <c r="JOO736" s="423" t="s">
        <v>2795</v>
      </c>
      <c r="JOP736" s="424"/>
      <c r="JOQ736" s="424"/>
      <c r="JOR736" s="424"/>
      <c r="JOS736" s="423" t="s">
        <v>2795</v>
      </c>
      <c r="JOT736" s="424"/>
      <c r="JOU736" s="424"/>
      <c r="JOV736" s="424"/>
      <c r="JOW736" s="423" t="s">
        <v>2795</v>
      </c>
      <c r="JOX736" s="424"/>
      <c r="JOY736" s="424"/>
      <c r="JOZ736" s="424"/>
      <c r="JPA736" s="423" t="s">
        <v>2795</v>
      </c>
      <c r="JPB736" s="424"/>
      <c r="JPC736" s="424"/>
      <c r="JPD736" s="424"/>
      <c r="JPE736" s="423" t="s">
        <v>2795</v>
      </c>
      <c r="JPF736" s="424"/>
      <c r="JPG736" s="424"/>
      <c r="JPH736" s="424"/>
      <c r="JPI736" s="423" t="s">
        <v>2795</v>
      </c>
      <c r="JPJ736" s="424"/>
      <c r="JPK736" s="424"/>
      <c r="JPL736" s="424"/>
      <c r="JPM736" s="423" t="s">
        <v>2795</v>
      </c>
      <c r="JPN736" s="424"/>
      <c r="JPO736" s="424"/>
      <c r="JPP736" s="424"/>
      <c r="JPQ736" s="423" t="s">
        <v>2795</v>
      </c>
      <c r="JPR736" s="424"/>
      <c r="JPS736" s="424"/>
      <c r="JPT736" s="424"/>
      <c r="JPU736" s="423" t="s">
        <v>2795</v>
      </c>
      <c r="JPV736" s="424"/>
      <c r="JPW736" s="424"/>
      <c r="JPX736" s="424"/>
      <c r="JPY736" s="423" t="s">
        <v>2795</v>
      </c>
      <c r="JPZ736" s="424"/>
      <c r="JQA736" s="424"/>
      <c r="JQB736" s="424"/>
      <c r="JQC736" s="423" t="s">
        <v>2795</v>
      </c>
      <c r="JQD736" s="424"/>
      <c r="JQE736" s="424"/>
      <c r="JQF736" s="424"/>
      <c r="JQG736" s="423" t="s">
        <v>2795</v>
      </c>
      <c r="JQH736" s="424"/>
      <c r="JQI736" s="424"/>
      <c r="JQJ736" s="424"/>
      <c r="JQK736" s="423" t="s">
        <v>2795</v>
      </c>
      <c r="JQL736" s="424"/>
      <c r="JQM736" s="424"/>
      <c r="JQN736" s="424"/>
      <c r="JQO736" s="423" t="s">
        <v>2795</v>
      </c>
      <c r="JQP736" s="424"/>
      <c r="JQQ736" s="424"/>
      <c r="JQR736" s="424"/>
      <c r="JQS736" s="423" t="s">
        <v>2795</v>
      </c>
      <c r="JQT736" s="424"/>
      <c r="JQU736" s="424"/>
      <c r="JQV736" s="424"/>
      <c r="JQW736" s="423" t="s">
        <v>2795</v>
      </c>
      <c r="JQX736" s="424"/>
      <c r="JQY736" s="424"/>
      <c r="JQZ736" s="424"/>
      <c r="JRA736" s="423" t="s">
        <v>2795</v>
      </c>
      <c r="JRB736" s="424"/>
      <c r="JRC736" s="424"/>
      <c r="JRD736" s="424"/>
      <c r="JRE736" s="423" t="s">
        <v>2795</v>
      </c>
      <c r="JRF736" s="424"/>
      <c r="JRG736" s="424"/>
      <c r="JRH736" s="424"/>
      <c r="JRI736" s="423" t="s">
        <v>2795</v>
      </c>
      <c r="JRJ736" s="424"/>
      <c r="JRK736" s="424"/>
      <c r="JRL736" s="424"/>
      <c r="JRM736" s="423" t="s">
        <v>2795</v>
      </c>
      <c r="JRN736" s="424"/>
      <c r="JRO736" s="424"/>
      <c r="JRP736" s="424"/>
      <c r="JRQ736" s="423" t="s">
        <v>2795</v>
      </c>
      <c r="JRR736" s="424"/>
      <c r="JRS736" s="424"/>
      <c r="JRT736" s="424"/>
      <c r="JRU736" s="423" t="s">
        <v>2795</v>
      </c>
      <c r="JRV736" s="424"/>
      <c r="JRW736" s="424"/>
      <c r="JRX736" s="424"/>
      <c r="JRY736" s="423" t="s">
        <v>2795</v>
      </c>
      <c r="JRZ736" s="424"/>
      <c r="JSA736" s="424"/>
      <c r="JSB736" s="424"/>
      <c r="JSC736" s="423" t="s">
        <v>2795</v>
      </c>
      <c r="JSD736" s="424"/>
      <c r="JSE736" s="424"/>
      <c r="JSF736" s="424"/>
      <c r="JSG736" s="423" t="s">
        <v>2795</v>
      </c>
      <c r="JSH736" s="424"/>
      <c r="JSI736" s="424"/>
      <c r="JSJ736" s="424"/>
      <c r="JSK736" s="423" t="s">
        <v>2795</v>
      </c>
      <c r="JSL736" s="424"/>
      <c r="JSM736" s="424"/>
      <c r="JSN736" s="424"/>
      <c r="JSO736" s="423" t="s">
        <v>2795</v>
      </c>
      <c r="JSP736" s="424"/>
      <c r="JSQ736" s="424"/>
      <c r="JSR736" s="424"/>
      <c r="JSS736" s="423" t="s">
        <v>2795</v>
      </c>
      <c r="JST736" s="424"/>
      <c r="JSU736" s="424"/>
      <c r="JSV736" s="424"/>
      <c r="JSW736" s="423" t="s">
        <v>2795</v>
      </c>
      <c r="JSX736" s="424"/>
      <c r="JSY736" s="424"/>
      <c r="JSZ736" s="424"/>
      <c r="JTA736" s="423" t="s">
        <v>2795</v>
      </c>
      <c r="JTB736" s="424"/>
      <c r="JTC736" s="424"/>
      <c r="JTD736" s="424"/>
      <c r="JTE736" s="423" t="s">
        <v>2795</v>
      </c>
      <c r="JTF736" s="424"/>
      <c r="JTG736" s="424"/>
      <c r="JTH736" s="424"/>
      <c r="JTI736" s="423" t="s">
        <v>2795</v>
      </c>
      <c r="JTJ736" s="424"/>
      <c r="JTK736" s="424"/>
      <c r="JTL736" s="424"/>
      <c r="JTM736" s="423" t="s">
        <v>2795</v>
      </c>
      <c r="JTN736" s="424"/>
      <c r="JTO736" s="424"/>
      <c r="JTP736" s="424"/>
      <c r="JTQ736" s="423" t="s">
        <v>2795</v>
      </c>
      <c r="JTR736" s="424"/>
      <c r="JTS736" s="424"/>
      <c r="JTT736" s="424"/>
      <c r="JTU736" s="423" t="s">
        <v>2795</v>
      </c>
      <c r="JTV736" s="424"/>
      <c r="JTW736" s="424"/>
      <c r="JTX736" s="424"/>
      <c r="JTY736" s="423" t="s">
        <v>2795</v>
      </c>
      <c r="JTZ736" s="424"/>
      <c r="JUA736" s="424"/>
      <c r="JUB736" s="424"/>
      <c r="JUC736" s="423" t="s">
        <v>2795</v>
      </c>
      <c r="JUD736" s="424"/>
      <c r="JUE736" s="424"/>
      <c r="JUF736" s="424"/>
      <c r="JUG736" s="423" t="s">
        <v>2795</v>
      </c>
      <c r="JUH736" s="424"/>
      <c r="JUI736" s="424"/>
      <c r="JUJ736" s="424"/>
      <c r="JUK736" s="423" t="s">
        <v>2795</v>
      </c>
      <c r="JUL736" s="424"/>
      <c r="JUM736" s="424"/>
      <c r="JUN736" s="424"/>
      <c r="JUO736" s="423" t="s">
        <v>2795</v>
      </c>
      <c r="JUP736" s="424"/>
      <c r="JUQ736" s="424"/>
      <c r="JUR736" s="424"/>
      <c r="JUS736" s="423" t="s">
        <v>2795</v>
      </c>
      <c r="JUT736" s="424"/>
      <c r="JUU736" s="424"/>
      <c r="JUV736" s="424"/>
      <c r="JUW736" s="423" t="s">
        <v>2795</v>
      </c>
      <c r="JUX736" s="424"/>
      <c r="JUY736" s="424"/>
      <c r="JUZ736" s="424"/>
      <c r="JVA736" s="423" t="s">
        <v>2795</v>
      </c>
      <c r="JVB736" s="424"/>
      <c r="JVC736" s="424"/>
      <c r="JVD736" s="424"/>
      <c r="JVE736" s="423" t="s">
        <v>2795</v>
      </c>
      <c r="JVF736" s="424"/>
      <c r="JVG736" s="424"/>
      <c r="JVH736" s="424"/>
      <c r="JVI736" s="423" t="s">
        <v>2795</v>
      </c>
      <c r="JVJ736" s="424"/>
      <c r="JVK736" s="424"/>
      <c r="JVL736" s="424"/>
      <c r="JVM736" s="423" t="s">
        <v>2795</v>
      </c>
      <c r="JVN736" s="424"/>
      <c r="JVO736" s="424"/>
      <c r="JVP736" s="424"/>
      <c r="JVQ736" s="423" t="s">
        <v>2795</v>
      </c>
      <c r="JVR736" s="424"/>
      <c r="JVS736" s="424"/>
      <c r="JVT736" s="424"/>
      <c r="JVU736" s="423" t="s">
        <v>2795</v>
      </c>
      <c r="JVV736" s="424"/>
      <c r="JVW736" s="424"/>
      <c r="JVX736" s="424"/>
      <c r="JVY736" s="423" t="s">
        <v>2795</v>
      </c>
      <c r="JVZ736" s="424"/>
      <c r="JWA736" s="424"/>
      <c r="JWB736" s="424"/>
      <c r="JWC736" s="423" t="s">
        <v>2795</v>
      </c>
      <c r="JWD736" s="424"/>
      <c r="JWE736" s="424"/>
      <c r="JWF736" s="424"/>
      <c r="JWG736" s="423" t="s">
        <v>2795</v>
      </c>
      <c r="JWH736" s="424"/>
      <c r="JWI736" s="424"/>
      <c r="JWJ736" s="424"/>
      <c r="JWK736" s="423" t="s">
        <v>2795</v>
      </c>
      <c r="JWL736" s="424"/>
      <c r="JWM736" s="424"/>
      <c r="JWN736" s="424"/>
      <c r="JWO736" s="423" t="s">
        <v>2795</v>
      </c>
      <c r="JWP736" s="424"/>
      <c r="JWQ736" s="424"/>
      <c r="JWR736" s="424"/>
      <c r="JWS736" s="423" t="s">
        <v>2795</v>
      </c>
      <c r="JWT736" s="424"/>
      <c r="JWU736" s="424"/>
      <c r="JWV736" s="424"/>
      <c r="JWW736" s="423" t="s">
        <v>2795</v>
      </c>
      <c r="JWX736" s="424"/>
      <c r="JWY736" s="424"/>
      <c r="JWZ736" s="424"/>
      <c r="JXA736" s="423" t="s">
        <v>2795</v>
      </c>
      <c r="JXB736" s="424"/>
      <c r="JXC736" s="424"/>
      <c r="JXD736" s="424"/>
      <c r="JXE736" s="423" t="s">
        <v>2795</v>
      </c>
      <c r="JXF736" s="424"/>
      <c r="JXG736" s="424"/>
      <c r="JXH736" s="424"/>
      <c r="JXI736" s="423" t="s">
        <v>2795</v>
      </c>
      <c r="JXJ736" s="424"/>
      <c r="JXK736" s="424"/>
      <c r="JXL736" s="424"/>
      <c r="JXM736" s="423" t="s">
        <v>2795</v>
      </c>
      <c r="JXN736" s="424"/>
      <c r="JXO736" s="424"/>
      <c r="JXP736" s="424"/>
      <c r="JXQ736" s="423" t="s">
        <v>2795</v>
      </c>
      <c r="JXR736" s="424"/>
      <c r="JXS736" s="424"/>
      <c r="JXT736" s="424"/>
      <c r="JXU736" s="423" t="s">
        <v>2795</v>
      </c>
      <c r="JXV736" s="424"/>
      <c r="JXW736" s="424"/>
      <c r="JXX736" s="424"/>
      <c r="JXY736" s="423" t="s">
        <v>2795</v>
      </c>
      <c r="JXZ736" s="424"/>
      <c r="JYA736" s="424"/>
      <c r="JYB736" s="424"/>
      <c r="JYC736" s="423" t="s">
        <v>2795</v>
      </c>
      <c r="JYD736" s="424"/>
      <c r="JYE736" s="424"/>
      <c r="JYF736" s="424"/>
      <c r="JYG736" s="423" t="s">
        <v>2795</v>
      </c>
      <c r="JYH736" s="424"/>
      <c r="JYI736" s="424"/>
      <c r="JYJ736" s="424"/>
      <c r="JYK736" s="423" t="s">
        <v>2795</v>
      </c>
      <c r="JYL736" s="424"/>
      <c r="JYM736" s="424"/>
      <c r="JYN736" s="424"/>
      <c r="JYO736" s="423" t="s">
        <v>2795</v>
      </c>
      <c r="JYP736" s="424"/>
      <c r="JYQ736" s="424"/>
      <c r="JYR736" s="424"/>
      <c r="JYS736" s="423" t="s">
        <v>2795</v>
      </c>
      <c r="JYT736" s="424"/>
      <c r="JYU736" s="424"/>
      <c r="JYV736" s="424"/>
      <c r="JYW736" s="423" t="s">
        <v>2795</v>
      </c>
      <c r="JYX736" s="424"/>
      <c r="JYY736" s="424"/>
      <c r="JYZ736" s="424"/>
      <c r="JZA736" s="423" t="s">
        <v>2795</v>
      </c>
      <c r="JZB736" s="424"/>
      <c r="JZC736" s="424"/>
      <c r="JZD736" s="424"/>
      <c r="JZE736" s="423" t="s">
        <v>2795</v>
      </c>
      <c r="JZF736" s="424"/>
      <c r="JZG736" s="424"/>
      <c r="JZH736" s="424"/>
      <c r="JZI736" s="423" t="s">
        <v>2795</v>
      </c>
      <c r="JZJ736" s="424"/>
      <c r="JZK736" s="424"/>
      <c r="JZL736" s="424"/>
      <c r="JZM736" s="423" t="s">
        <v>2795</v>
      </c>
      <c r="JZN736" s="424"/>
      <c r="JZO736" s="424"/>
      <c r="JZP736" s="424"/>
      <c r="JZQ736" s="423" t="s">
        <v>2795</v>
      </c>
      <c r="JZR736" s="424"/>
      <c r="JZS736" s="424"/>
      <c r="JZT736" s="424"/>
      <c r="JZU736" s="423" t="s">
        <v>2795</v>
      </c>
      <c r="JZV736" s="424"/>
      <c r="JZW736" s="424"/>
      <c r="JZX736" s="424"/>
      <c r="JZY736" s="423" t="s">
        <v>2795</v>
      </c>
      <c r="JZZ736" s="424"/>
      <c r="KAA736" s="424"/>
      <c r="KAB736" s="424"/>
      <c r="KAC736" s="423" t="s">
        <v>2795</v>
      </c>
      <c r="KAD736" s="424"/>
      <c r="KAE736" s="424"/>
      <c r="KAF736" s="424"/>
      <c r="KAG736" s="423" t="s">
        <v>2795</v>
      </c>
      <c r="KAH736" s="424"/>
      <c r="KAI736" s="424"/>
      <c r="KAJ736" s="424"/>
      <c r="KAK736" s="423" t="s">
        <v>2795</v>
      </c>
      <c r="KAL736" s="424"/>
      <c r="KAM736" s="424"/>
      <c r="KAN736" s="424"/>
      <c r="KAO736" s="423" t="s">
        <v>2795</v>
      </c>
      <c r="KAP736" s="424"/>
      <c r="KAQ736" s="424"/>
      <c r="KAR736" s="424"/>
      <c r="KAS736" s="423" t="s">
        <v>2795</v>
      </c>
      <c r="KAT736" s="424"/>
      <c r="KAU736" s="424"/>
      <c r="KAV736" s="424"/>
      <c r="KAW736" s="423" t="s">
        <v>2795</v>
      </c>
      <c r="KAX736" s="424"/>
      <c r="KAY736" s="424"/>
      <c r="KAZ736" s="424"/>
      <c r="KBA736" s="423" t="s">
        <v>2795</v>
      </c>
      <c r="KBB736" s="424"/>
      <c r="KBC736" s="424"/>
      <c r="KBD736" s="424"/>
      <c r="KBE736" s="423" t="s">
        <v>2795</v>
      </c>
      <c r="KBF736" s="424"/>
      <c r="KBG736" s="424"/>
      <c r="KBH736" s="424"/>
      <c r="KBI736" s="423" t="s">
        <v>2795</v>
      </c>
      <c r="KBJ736" s="424"/>
      <c r="KBK736" s="424"/>
      <c r="KBL736" s="424"/>
      <c r="KBM736" s="423" t="s">
        <v>2795</v>
      </c>
      <c r="KBN736" s="424"/>
      <c r="KBO736" s="424"/>
      <c r="KBP736" s="424"/>
      <c r="KBQ736" s="423" t="s">
        <v>2795</v>
      </c>
      <c r="KBR736" s="424"/>
      <c r="KBS736" s="424"/>
      <c r="KBT736" s="424"/>
      <c r="KBU736" s="423" t="s">
        <v>2795</v>
      </c>
      <c r="KBV736" s="424"/>
      <c r="KBW736" s="424"/>
      <c r="KBX736" s="424"/>
      <c r="KBY736" s="423" t="s">
        <v>2795</v>
      </c>
      <c r="KBZ736" s="424"/>
      <c r="KCA736" s="424"/>
      <c r="KCB736" s="424"/>
      <c r="KCC736" s="423" t="s">
        <v>2795</v>
      </c>
      <c r="KCD736" s="424"/>
      <c r="KCE736" s="424"/>
      <c r="KCF736" s="424"/>
      <c r="KCG736" s="423" t="s">
        <v>2795</v>
      </c>
      <c r="KCH736" s="424"/>
      <c r="KCI736" s="424"/>
      <c r="KCJ736" s="424"/>
      <c r="KCK736" s="423" t="s">
        <v>2795</v>
      </c>
      <c r="KCL736" s="424"/>
      <c r="KCM736" s="424"/>
      <c r="KCN736" s="424"/>
      <c r="KCO736" s="423" t="s">
        <v>2795</v>
      </c>
      <c r="KCP736" s="424"/>
      <c r="KCQ736" s="424"/>
      <c r="KCR736" s="424"/>
      <c r="KCS736" s="423" t="s">
        <v>2795</v>
      </c>
      <c r="KCT736" s="424"/>
      <c r="KCU736" s="424"/>
      <c r="KCV736" s="424"/>
      <c r="KCW736" s="423" t="s">
        <v>2795</v>
      </c>
      <c r="KCX736" s="424"/>
      <c r="KCY736" s="424"/>
      <c r="KCZ736" s="424"/>
      <c r="KDA736" s="423" t="s">
        <v>2795</v>
      </c>
      <c r="KDB736" s="424"/>
      <c r="KDC736" s="424"/>
      <c r="KDD736" s="424"/>
      <c r="KDE736" s="423" t="s">
        <v>2795</v>
      </c>
      <c r="KDF736" s="424"/>
      <c r="KDG736" s="424"/>
      <c r="KDH736" s="424"/>
      <c r="KDI736" s="423" t="s">
        <v>2795</v>
      </c>
      <c r="KDJ736" s="424"/>
      <c r="KDK736" s="424"/>
      <c r="KDL736" s="424"/>
      <c r="KDM736" s="423" t="s">
        <v>2795</v>
      </c>
      <c r="KDN736" s="424"/>
      <c r="KDO736" s="424"/>
      <c r="KDP736" s="424"/>
      <c r="KDQ736" s="423" t="s">
        <v>2795</v>
      </c>
      <c r="KDR736" s="424"/>
      <c r="KDS736" s="424"/>
      <c r="KDT736" s="424"/>
      <c r="KDU736" s="423" t="s">
        <v>2795</v>
      </c>
      <c r="KDV736" s="424"/>
      <c r="KDW736" s="424"/>
      <c r="KDX736" s="424"/>
      <c r="KDY736" s="423" t="s">
        <v>2795</v>
      </c>
      <c r="KDZ736" s="424"/>
      <c r="KEA736" s="424"/>
      <c r="KEB736" s="424"/>
      <c r="KEC736" s="423" t="s">
        <v>2795</v>
      </c>
      <c r="KED736" s="424"/>
      <c r="KEE736" s="424"/>
      <c r="KEF736" s="424"/>
      <c r="KEG736" s="423" t="s">
        <v>2795</v>
      </c>
      <c r="KEH736" s="424"/>
      <c r="KEI736" s="424"/>
      <c r="KEJ736" s="424"/>
      <c r="KEK736" s="423" t="s">
        <v>2795</v>
      </c>
      <c r="KEL736" s="424"/>
      <c r="KEM736" s="424"/>
      <c r="KEN736" s="424"/>
      <c r="KEO736" s="423" t="s">
        <v>2795</v>
      </c>
      <c r="KEP736" s="424"/>
      <c r="KEQ736" s="424"/>
      <c r="KER736" s="424"/>
      <c r="KES736" s="423" t="s">
        <v>2795</v>
      </c>
      <c r="KET736" s="424"/>
      <c r="KEU736" s="424"/>
      <c r="KEV736" s="424"/>
      <c r="KEW736" s="423" t="s">
        <v>2795</v>
      </c>
      <c r="KEX736" s="424"/>
      <c r="KEY736" s="424"/>
      <c r="KEZ736" s="424"/>
      <c r="KFA736" s="423" t="s">
        <v>2795</v>
      </c>
      <c r="KFB736" s="424"/>
      <c r="KFC736" s="424"/>
      <c r="KFD736" s="424"/>
      <c r="KFE736" s="423" t="s">
        <v>2795</v>
      </c>
      <c r="KFF736" s="424"/>
      <c r="KFG736" s="424"/>
      <c r="KFH736" s="424"/>
      <c r="KFI736" s="423" t="s">
        <v>2795</v>
      </c>
      <c r="KFJ736" s="424"/>
      <c r="KFK736" s="424"/>
      <c r="KFL736" s="424"/>
      <c r="KFM736" s="423" t="s">
        <v>2795</v>
      </c>
      <c r="KFN736" s="424"/>
      <c r="KFO736" s="424"/>
      <c r="KFP736" s="424"/>
      <c r="KFQ736" s="423" t="s">
        <v>2795</v>
      </c>
      <c r="KFR736" s="424"/>
      <c r="KFS736" s="424"/>
      <c r="KFT736" s="424"/>
      <c r="KFU736" s="423" t="s">
        <v>2795</v>
      </c>
      <c r="KFV736" s="424"/>
      <c r="KFW736" s="424"/>
      <c r="KFX736" s="424"/>
      <c r="KFY736" s="423" t="s">
        <v>2795</v>
      </c>
      <c r="KFZ736" s="424"/>
      <c r="KGA736" s="424"/>
      <c r="KGB736" s="424"/>
      <c r="KGC736" s="423" t="s">
        <v>2795</v>
      </c>
      <c r="KGD736" s="424"/>
      <c r="KGE736" s="424"/>
      <c r="KGF736" s="424"/>
      <c r="KGG736" s="423" t="s">
        <v>2795</v>
      </c>
      <c r="KGH736" s="424"/>
      <c r="KGI736" s="424"/>
      <c r="KGJ736" s="424"/>
      <c r="KGK736" s="423" t="s">
        <v>2795</v>
      </c>
      <c r="KGL736" s="424"/>
      <c r="KGM736" s="424"/>
      <c r="KGN736" s="424"/>
      <c r="KGO736" s="423" t="s">
        <v>2795</v>
      </c>
      <c r="KGP736" s="424"/>
      <c r="KGQ736" s="424"/>
      <c r="KGR736" s="424"/>
      <c r="KGS736" s="423" t="s">
        <v>2795</v>
      </c>
      <c r="KGT736" s="424"/>
      <c r="KGU736" s="424"/>
      <c r="KGV736" s="424"/>
      <c r="KGW736" s="423" t="s">
        <v>2795</v>
      </c>
      <c r="KGX736" s="424"/>
      <c r="KGY736" s="424"/>
      <c r="KGZ736" s="424"/>
      <c r="KHA736" s="423" t="s">
        <v>2795</v>
      </c>
      <c r="KHB736" s="424"/>
      <c r="KHC736" s="424"/>
      <c r="KHD736" s="424"/>
      <c r="KHE736" s="423" t="s">
        <v>2795</v>
      </c>
      <c r="KHF736" s="424"/>
      <c r="KHG736" s="424"/>
      <c r="KHH736" s="424"/>
      <c r="KHI736" s="423" t="s">
        <v>2795</v>
      </c>
      <c r="KHJ736" s="424"/>
      <c r="KHK736" s="424"/>
      <c r="KHL736" s="424"/>
      <c r="KHM736" s="423" t="s">
        <v>2795</v>
      </c>
      <c r="KHN736" s="424"/>
      <c r="KHO736" s="424"/>
      <c r="KHP736" s="424"/>
      <c r="KHQ736" s="423" t="s">
        <v>2795</v>
      </c>
      <c r="KHR736" s="424"/>
      <c r="KHS736" s="424"/>
      <c r="KHT736" s="424"/>
      <c r="KHU736" s="423" t="s">
        <v>2795</v>
      </c>
      <c r="KHV736" s="424"/>
      <c r="KHW736" s="424"/>
      <c r="KHX736" s="424"/>
      <c r="KHY736" s="423" t="s">
        <v>2795</v>
      </c>
      <c r="KHZ736" s="424"/>
      <c r="KIA736" s="424"/>
      <c r="KIB736" s="424"/>
      <c r="KIC736" s="423" t="s">
        <v>2795</v>
      </c>
      <c r="KID736" s="424"/>
      <c r="KIE736" s="424"/>
      <c r="KIF736" s="424"/>
      <c r="KIG736" s="423" t="s">
        <v>2795</v>
      </c>
      <c r="KIH736" s="424"/>
      <c r="KII736" s="424"/>
      <c r="KIJ736" s="424"/>
      <c r="KIK736" s="423" t="s">
        <v>2795</v>
      </c>
      <c r="KIL736" s="424"/>
      <c r="KIM736" s="424"/>
      <c r="KIN736" s="424"/>
      <c r="KIO736" s="423" t="s">
        <v>2795</v>
      </c>
      <c r="KIP736" s="424"/>
      <c r="KIQ736" s="424"/>
      <c r="KIR736" s="424"/>
      <c r="KIS736" s="423" t="s">
        <v>2795</v>
      </c>
      <c r="KIT736" s="424"/>
      <c r="KIU736" s="424"/>
      <c r="KIV736" s="424"/>
      <c r="KIW736" s="423" t="s">
        <v>2795</v>
      </c>
      <c r="KIX736" s="424"/>
      <c r="KIY736" s="424"/>
      <c r="KIZ736" s="424"/>
      <c r="KJA736" s="423" t="s">
        <v>2795</v>
      </c>
      <c r="KJB736" s="424"/>
      <c r="KJC736" s="424"/>
      <c r="KJD736" s="424"/>
      <c r="KJE736" s="423" t="s">
        <v>2795</v>
      </c>
      <c r="KJF736" s="424"/>
      <c r="KJG736" s="424"/>
      <c r="KJH736" s="424"/>
      <c r="KJI736" s="423" t="s">
        <v>2795</v>
      </c>
      <c r="KJJ736" s="424"/>
      <c r="KJK736" s="424"/>
      <c r="KJL736" s="424"/>
      <c r="KJM736" s="423" t="s">
        <v>2795</v>
      </c>
      <c r="KJN736" s="424"/>
      <c r="KJO736" s="424"/>
      <c r="KJP736" s="424"/>
      <c r="KJQ736" s="423" t="s">
        <v>2795</v>
      </c>
      <c r="KJR736" s="424"/>
      <c r="KJS736" s="424"/>
      <c r="KJT736" s="424"/>
      <c r="KJU736" s="423" t="s">
        <v>2795</v>
      </c>
      <c r="KJV736" s="424"/>
      <c r="KJW736" s="424"/>
      <c r="KJX736" s="424"/>
      <c r="KJY736" s="423" t="s">
        <v>2795</v>
      </c>
      <c r="KJZ736" s="424"/>
      <c r="KKA736" s="424"/>
      <c r="KKB736" s="424"/>
      <c r="KKC736" s="423" t="s">
        <v>2795</v>
      </c>
      <c r="KKD736" s="424"/>
      <c r="KKE736" s="424"/>
      <c r="KKF736" s="424"/>
      <c r="KKG736" s="423" t="s">
        <v>2795</v>
      </c>
      <c r="KKH736" s="424"/>
      <c r="KKI736" s="424"/>
      <c r="KKJ736" s="424"/>
      <c r="KKK736" s="423" t="s">
        <v>2795</v>
      </c>
      <c r="KKL736" s="424"/>
      <c r="KKM736" s="424"/>
      <c r="KKN736" s="424"/>
      <c r="KKO736" s="423" t="s">
        <v>2795</v>
      </c>
      <c r="KKP736" s="424"/>
      <c r="KKQ736" s="424"/>
      <c r="KKR736" s="424"/>
      <c r="KKS736" s="423" t="s">
        <v>2795</v>
      </c>
      <c r="KKT736" s="424"/>
      <c r="KKU736" s="424"/>
      <c r="KKV736" s="424"/>
      <c r="KKW736" s="423" t="s">
        <v>2795</v>
      </c>
      <c r="KKX736" s="424"/>
      <c r="KKY736" s="424"/>
      <c r="KKZ736" s="424"/>
      <c r="KLA736" s="423" t="s">
        <v>2795</v>
      </c>
      <c r="KLB736" s="424"/>
      <c r="KLC736" s="424"/>
      <c r="KLD736" s="424"/>
      <c r="KLE736" s="423" t="s">
        <v>2795</v>
      </c>
      <c r="KLF736" s="424"/>
      <c r="KLG736" s="424"/>
      <c r="KLH736" s="424"/>
      <c r="KLI736" s="423" t="s">
        <v>2795</v>
      </c>
      <c r="KLJ736" s="424"/>
      <c r="KLK736" s="424"/>
      <c r="KLL736" s="424"/>
      <c r="KLM736" s="423" t="s">
        <v>2795</v>
      </c>
      <c r="KLN736" s="424"/>
      <c r="KLO736" s="424"/>
      <c r="KLP736" s="424"/>
      <c r="KLQ736" s="423" t="s">
        <v>2795</v>
      </c>
      <c r="KLR736" s="424"/>
      <c r="KLS736" s="424"/>
      <c r="KLT736" s="424"/>
      <c r="KLU736" s="423" t="s">
        <v>2795</v>
      </c>
      <c r="KLV736" s="424"/>
      <c r="KLW736" s="424"/>
      <c r="KLX736" s="424"/>
      <c r="KLY736" s="423" t="s">
        <v>2795</v>
      </c>
      <c r="KLZ736" s="424"/>
      <c r="KMA736" s="424"/>
      <c r="KMB736" s="424"/>
      <c r="KMC736" s="423" t="s">
        <v>2795</v>
      </c>
      <c r="KMD736" s="424"/>
      <c r="KME736" s="424"/>
      <c r="KMF736" s="424"/>
      <c r="KMG736" s="423" t="s">
        <v>2795</v>
      </c>
      <c r="KMH736" s="424"/>
      <c r="KMI736" s="424"/>
      <c r="KMJ736" s="424"/>
      <c r="KMK736" s="423" t="s">
        <v>2795</v>
      </c>
      <c r="KML736" s="424"/>
      <c r="KMM736" s="424"/>
      <c r="KMN736" s="424"/>
      <c r="KMO736" s="423" t="s">
        <v>2795</v>
      </c>
      <c r="KMP736" s="424"/>
      <c r="KMQ736" s="424"/>
      <c r="KMR736" s="424"/>
      <c r="KMS736" s="423" t="s">
        <v>2795</v>
      </c>
      <c r="KMT736" s="424"/>
      <c r="KMU736" s="424"/>
      <c r="KMV736" s="424"/>
      <c r="KMW736" s="423" t="s">
        <v>2795</v>
      </c>
      <c r="KMX736" s="424"/>
      <c r="KMY736" s="424"/>
      <c r="KMZ736" s="424"/>
      <c r="KNA736" s="423" t="s">
        <v>2795</v>
      </c>
      <c r="KNB736" s="424"/>
      <c r="KNC736" s="424"/>
      <c r="KND736" s="424"/>
      <c r="KNE736" s="423" t="s">
        <v>2795</v>
      </c>
      <c r="KNF736" s="424"/>
      <c r="KNG736" s="424"/>
      <c r="KNH736" s="424"/>
      <c r="KNI736" s="423" t="s">
        <v>2795</v>
      </c>
      <c r="KNJ736" s="424"/>
      <c r="KNK736" s="424"/>
      <c r="KNL736" s="424"/>
      <c r="KNM736" s="423" t="s">
        <v>2795</v>
      </c>
      <c r="KNN736" s="424"/>
      <c r="KNO736" s="424"/>
      <c r="KNP736" s="424"/>
      <c r="KNQ736" s="423" t="s">
        <v>2795</v>
      </c>
      <c r="KNR736" s="424"/>
      <c r="KNS736" s="424"/>
      <c r="KNT736" s="424"/>
      <c r="KNU736" s="423" t="s">
        <v>2795</v>
      </c>
      <c r="KNV736" s="424"/>
      <c r="KNW736" s="424"/>
      <c r="KNX736" s="424"/>
      <c r="KNY736" s="423" t="s">
        <v>2795</v>
      </c>
      <c r="KNZ736" s="424"/>
      <c r="KOA736" s="424"/>
      <c r="KOB736" s="424"/>
      <c r="KOC736" s="423" t="s">
        <v>2795</v>
      </c>
      <c r="KOD736" s="424"/>
      <c r="KOE736" s="424"/>
      <c r="KOF736" s="424"/>
      <c r="KOG736" s="423" t="s">
        <v>2795</v>
      </c>
      <c r="KOH736" s="424"/>
      <c r="KOI736" s="424"/>
      <c r="KOJ736" s="424"/>
      <c r="KOK736" s="423" t="s">
        <v>2795</v>
      </c>
      <c r="KOL736" s="424"/>
      <c r="KOM736" s="424"/>
      <c r="KON736" s="424"/>
      <c r="KOO736" s="423" t="s">
        <v>2795</v>
      </c>
      <c r="KOP736" s="424"/>
      <c r="KOQ736" s="424"/>
      <c r="KOR736" s="424"/>
      <c r="KOS736" s="423" t="s">
        <v>2795</v>
      </c>
      <c r="KOT736" s="424"/>
      <c r="KOU736" s="424"/>
      <c r="KOV736" s="424"/>
      <c r="KOW736" s="423" t="s">
        <v>2795</v>
      </c>
      <c r="KOX736" s="424"/>
      <c r="KOY736" s="424"/>
      <c r="KOZ736" s="424"/>
      <c r="KPA736" s="423" t="s">
        <v>2795</v>
      </c>
      <c r="KPB736" s="424"/>
      <c r="KPC736" s="424"/>
      <c r="KPD736" s="424"/>
      <c r="KPE736" s="423" t="s">
        <v>2795</v>
      </c>
      <c r="KPF736" s="424"/>
      <c r="KPG736" s="424"/>
      <c r="KPH736" s="424"/>
      <c r="KPI736" s="423" t="s">
        <v>2795</v>
      </c>
      <c r="KPJ736" s="424"/>
      <c r="KPK736" s="424"/>
      <c r="KPL736" s="424"/>
      <c r="KPM736" s="423" t="s">
        <v>2795</v>
      </c>
      <c r="KPN736" s="424"/>
      <c r="KPO736" s="424"/>
      <c r="KPP736" s="424"/>
      <c r="KPQ736" s="423" t="s">
        <v>2795</v>
      </c>
      <c r="KPR736" s="424"/>
      <c r="KPS736" s="424"/>
      <c r="KPT736" s="424"/>
      <c r="KPU736" s="423" t="s">
        <v>2795</v>
      </c>
      <c r="KPV736" s="424"/>
      <c r="KPW736" s="424"/>
      <c r="KPX736" s="424"/>
      <c r="KPY736" s="423" t="s">
        <v>2795</v>
      </c>
      <c r="KPZ736" s="424"/>
      <c r="KQA736" s="424"/>
      <c r="KQB736" s="424"/>
      <c r="KQC736" s="423" t="s">
        <v>2795</v>
      </c>
      <c r="KQD736" s="424"/>
      <c r="KQE736" s="424"/>
      <c r="KQF736" s="424"/>
      <c r="KQG736" s="423" t="s">
        <v>2795</v>
      </c>
      <c r="KQH736" s="424"/>
      <c r="KQI736" s="424"/>
      <c r="KQJ736" s="424"/>
      <c r="KQK736" s="423" t="s">
        <v>2795</v>
      </c>
      <c r="KQL736" s="424"/>
      <c r="KQM736" s="424"/>
      <c r="KQN736" s="424"/>
      <c r="KQO736" s="423" t="s">
        <v>2795</v>
      </c>
      <c r="KQP736" s="424"/>
      <c r="KQQ736" s="424"/>
      <c r="KQR736" s="424"/>
      <c r="KQS736" s="423" t="s">
        <v>2795</v>
      </c>
      <c r="KQT736" s="424"/>
      <c r="KQU736" s="424"/>
      <c r="KQV736" s="424"/>
      <c r="KQW736" s="423" t="s">
        <v>2795</v>
      </c>
      <c r="KQX736" s="424"/>
      <c r="KQY736" s="424"/>
      <c r="KQZ736" s="424"/>
      <c r="KRA736" s="423" t="s">
        <v>2795</v>
      </c>
      <c r="KRB736" s="424"/>
      <c r="KRC736" s="424"/>
      <c r="KRD736" s="424"/>
      <c r="KRE736" s="423" t="s">
        <v>2795</v>
      </c>
      <c r="KRF736" s="424"/>
      <c r="KRG736" s="424"/>
      <c r="KRH736" s="424"/>
      <c r="KRI736" s="423" t="s">
        <v>2795</v>
      </c>
      <c r="KRJ736" s="424"/>
      <c r="KRK736" s="424"/>
      <c r="KRL736" s="424"/>
      <c r="KRM736" s="423" t="s">
        <v>2795</v>
      </c>
      <c r="KRN736" s="424"/>
      <c r="KRO736" s="424"/>
      <c r="KRP736" s="424"/>
      <c r="KRQ736" s="423" t="s">
        <v>2795</v>
      </c>
      <c r="KRR736" s="424"/>
      <c r="KRS736" s="424"/>
      <c r="KRT736" s="424"/>
      <c r="KRU736" s="423" t="s">
        <v>2795</v>
      </c>
      <c r="KRV736" s="424"/>
      <c r="KRW736" s="424"/>
      <c r="KRX736" s="424"/>
      <c r="KRY736" s="423" t="s">
        <v>2795</v>
      </c>
      <c r="KRZ736" s="424"/>
      <c r="KSA736" s="424"/>
      <c r="KSB736" s="424"/>
      <c r="KSC736" s="423" t="s">
        <v>2795</v>
      </c>
      <c r="KSD736" s="424"/>
      <c r="KSE736" s="424"/>
      <c r="KSF736" s="424"/>
      <c r="KSG736" s="423" t="s">
        <v>2795</v>
      </c>
      <c r="KSH736" s="424"/>
      <c r="KSI736" s="424"/>
      <c r="KSJ736" s="424"/>
      <c r="KSK736" s="423" t="s">
        <v>2795</v>
      </c>
      <c r="KSL736" s="424"/>
      <c r="KSM736" s="424"/>
      <c r="KSN736" s="424"/>
      <c r="KSO736" s="423" t="s">
        <v>2795</v>
      </c>
      <c r="KSP736" s="424"/>
      <c r="KSQ736" s="424"/>
      <c r="KSR736" s="424"/>
      <c r="KSS736" s="423" t="s">
        <v>2795</v>
      </c>
      <c r="KST736" s="424"/>
      <c r="KSU736" s="424"/>
      <c r="KSV736" s="424"/>
      <c r="KSW736" s="423" t="s">
        <v>2795</v>
      </c>
      <c r="KSX736" s="424"/>
      <c r="KSY736" s="424"/>
      <c r="KSZ736" s="424"/>
      <c r="KTA736" s="423" t="s">
        <v>2795</v>
      </c>
      <c r="KTB736" s="424"/>
      <c r="KTC736" s="424"/>
      <c r="KTD736" s="424"/>
      <c r="KTE736" s="423" t="s">
        <v>2795</v>
      </c>
      <c r="KTF736" s="424"/>
      <c r="KTG736" s="424"/>
      <c r="KTH736" s="424"/>
      <c r="KTI736" s="423" t="s">
        <v>2795</v>
      </c>
      <c r="KTJ736" s="424"/>
      <c r="KTK736" s="424"/>
      <c r="KTL736" s="424"/>
      <c r="KTM736" s="423" t="s">
        <v>2795</v>
      </c>
      <c r="KTN736" s="424"/>
      <c r="KTO736" s="424"/>
      <c r="KTP736" s="424"/>
      <c r="KTQ736" s="423" t="s">
        <v>2795</v>
      </c>
      <c r="KTR736" s="424"/>
      <c r="KTS736" s="424"/>
      <c r="KTT736" s="424"/>
      <c r="KTU736" s="423" t="s">
        <v>2795</v>
      </c>
      <c r="KTV736" s="424"/>
      <c r="KTW736" s="424"/>
      <c r="KTX736" s="424"/>
      <c r="KTY736" s="423" t="s">
        <v>2795</v>
      </c>
      <c r="KTZ736" s="424"/>
      <c r="KUA736" s="424"/>
      <c r="KUB736" s="424"/>
      <c r="KUC736" s="423" t="s">
        <v>2795</v>
      </c>
      <c r="KUD736" s="424"/>
      <c r="KUE736" s="424"/>
      <c r="KUF736" s="424"/>
      <c r="KUG736" s="423" t="s">
        <v>2795</v>
      </c>
      <c r="KUH736" s="424"/>
      <c r="KUI736" s="424"/>
      <c r="KUJ736" s="424"/>
      <c r="KUK736" s="423" t="s">
        <v>2795</v>
      </c>
      <c r="KUL736" s="424"/>
      <c r="KUM736" s="424"/>
      <c r="KUN736" s="424"/>
      <c r="KUO736" s="423" t="s">
        <v>2795</v>
      </c>
      <c r="KUP736" s="424"/>
      <c r="KUQ736" s="424"/>
      <c r="KUR736" s="424"/>
      <c r="KUS736" s="423" t="s">
        <v>2795</v>
      </c>
      <c r="KUT736" s="424"/>
      <c r="KUU736" s="424"/>
      <c r="KUV736" s="424"/>
      <c r="KUW736" s="423" t="s">
        <v>2795</v>
      </c>
      <c r="KUX736" s="424"/>
      <c r="KUY736" s="424"/>
      <c r="KUZ736" s="424"/>
      <c r="KVA736" s="423" t="s">
        <v>2795</v>
      </c>
      <c r="KVB736" s="424"/>
      <c r="KVC736" s="424"/>
      <c r="KVD736" s="424"/>
      <c r="KVE736" s="423" t="s">
        <v>2795</v>
      </c>
      <c r="KVF736" s="424"/>
      <c r="KVG736" s="424"/>
      <c r="KVH736" s="424"/>
      <c r="KVI736" s="423" t="s">
        <v>2795</v>
      </c>
      <c r="KVJ736" s="424"/>
      <c r="KVK736" s="424"/>
      <c r="KVL736" s="424"/>
      <c r="KVM736" s="423" t="s">
        <v>2795</v>
      </c>
      <c r="KVN736" s="424"/>
      <c r="KVO736" s="424"/>
      <c r="KVP736" s="424"/>
      <c r="KVQ736" s="423" t="s">
        <v>2795</v>
      </c>
      <c r="KVR736" s="424"/>
      <c r="KVS736" s="424"/>
      <c r="KVT736" s="424"/>
      <c r="KVU736" s="423" t="s">
        <v>2795</v>
      </c>
      <c r="KVV736" s="424"/>
      <c r="KVW736" s="424"/>
      <c r="KVX736" s="424"/>
      <c r="KVY736" s="423" t="s">
        <v>2795</v>
      </c>
      <c r="KVZ736" s="424"/>
      <c r="KWA736" s="424"/>
      <c r="KWB736" s="424"/>
      <c r="KWC736" s="423" t="s">
        <v>2795</v>
      </c>
      <c r="KWD736" s="424"/>
      <c r="KWE736" s="424"/>
      <c r="KWF736" s="424"/>
      <c r="KWG736" s="423" t="s">
        <v>2795</v>
      </c>
      <c r="KWH736" s="424"/>
      <c r="KWI736" s="424"/>
      <c r="KWJ736" s="424"/>
      <c r="KWK736" s="423" t="s">
        <v>2795</v>
      </c>
      <c r="KWL736" s="424"/>
      <c r="KWM736" s="424"/>
      <c r="KWN736" s="424"/>
      <c r="KWO736" s="423" t="s">
        <v>2795</v>
      </c>
      <c r="KWP736" s="424"/>
      <c r="KWQ736" s="424"/>
      <c r="KWR736" s="424"/>
      <c r="KWS736" s="423" t="s">
        <v>2795</v>
      </c>
      <c r="KWT736" s="424"/>
      <c r="KWU736" s="424"/>
      <c r="KWV736" s="424"/>
      <c r="KWW736" s="423" t="s">
        <v>2795</v>
      </c>
      <c r="KWX736" s="424"/>
      <c r="KWY736" s="424"/>
      <c r="KWZ736" s="424"/>
      <c r="KXA736" s="423" t="s">
        <v>2795</v>
      </c>
      <c r="KXB736" s="424"/>
      <c r="KXC736" s="424"/>
      <c r="KXD736" s="424"/>
      <c r="KXE736" s="423" t="s">
        <v>2795</v>
      </c>
      <c r="KXF736" s="424"/>
      <c r="KXG736" s="424"/>
      <c r="KXH736" s="424"/>
      <c r="KXI736" s="423" t="s">
        <v>2795</v>
      </c>
      <c r="KXJ736" s="424"/>
      <c r="KXK736" s="424"/>
      <c r="KXL736" s="424"/>
      <c r="KXM736" s="423" t="s">
        <v>2795</v>
      </c>
      <c r="KXN736" s="424"/>
      <c r="KXO736" s="424"/>
      <c r="KXP736" s="424"/>
      <c r="KXQ736" s="423" t="s">
        <v>2795</v>
      </c>
      <c r="KXR736" s="424"/>
      <c r="KXS736" s="424"/>
      <c r="KXT736" s="424"/>
      <c r="KXU736" s="423" t="s">
        <v>2795</v>
      </c>
      <c r="KXV736" s="424"/>
      <c r="KXW736" s="424"/>
      <c r="KXX736" s="424"/>
      <c r="KXY736" s="423" t="s">
        <v>2795</v>
      </c>
      <c r="KXZ736" s="424"/>
      <c r="KYA736" s="424"/>
      <c r="KYB736" s="424"/>
      <c r="KYC736" s="423" t="s">
        <v>2795</v>
      </c>
      <c r="KYD736" s="424"/>
      <c r="KYE736" s="424"/>
      <c r="KYF736" s="424"/>
      <c r="KYG736" s="423" t="s">
        <v>2795</v>
      </c>
      <c r="KYH736" s="424"/>
      <c r="KYI736" s="424"/>
      <c r="KYJ736" s="424"/>
      <c r="KYK736" s="423" t="s">
        <v>2795</v>
      </c>
      <c r="KYL736" s="424"/>
      <c r="KYM736" s="424"/>
      <c r="KYN736" s="424"/>
      <c r="KYO736" s="423" t="s">
        <v>2795</v>
      </c>
      <c r="KYP736" s="424"/>
      <c r="KYQ736" s="424"/>
      <c r="KYR736" s="424"/>
      <c r="KYS736" s="423" t="s">
        <v>2795</v>
      </c>
      <c r="KYT736" s="424"/>
      <c r="KYU736" s="424"/>
      <c r="KYV736" s="424"/>
      <c r="KYW736" s="423" t="s">
        <v>2795</v>
      </c>
      <c r="KYX736" s="424"/>
      <c r="KYY736" s="424"/>
      <c r="KYZ736" s="424"/>
      <c r="KZA736" s="423" t="s">
        <v>2795</v>
      </c>
      <c r="KZB736" s="424"/>
      <c r="KZC736" s="424"/>
      <c r="KZD736" s="424"/>
      <c r="KZE736" s="423" t="s">
        <v>2795</v>
      </c>
      <c r="KZF736" s="424"/>
      <c r="KZG736" s="424"/>
      <c r="KZH736" s="424"/>
      <c r="KZI736" s="423" t="s">
        <v>2795</v>
      </c>
      <c r="KZJ736" s="424"/>
      <c r="KZK736" s="424"/>
      <c r="KZL736" s="424"/>
      <c r="KZM736" s="423" t="s">
        <v>2795</v>
      </c>
      <c r="KZN736" s="424"/>
      <c r="KZO736" s="424"/>
      <c r="KZP736" s="424"/>
      <c r="KZQ736" s="423" t="s">
        <v>2795</v>
      </c>
      <c r="KZR736" s="424"/>
      <c r="KZS736" s="424"/>
      <c r="KZT736" s="424"/>
      <c r="KZU736" s="423" t="s">
        <v>2795</v>
      </c>
      <c r="KZV736" s="424"/>
      <c r="KZW736" s="424"/>
      <c r="KZX736" s="424"/>
      <c r="KZY736" s="423" t="s">
        <v>2795</v>
      </c>
      <c r="KZZ736" s="424"/>
      <c r="LAA736" s="424"/>
      <c r="LAB736" s="424"/>
      <c r="LAC736" s="423" t="s">
        <v>2795</v>
      </c>
      <c r="LAD736" s="424"/>
      <c r="LAE736" s="424"/>
      <c r="LAF736" s="424"/>
      <c r="LAG736" s="423" t="s">
        <v>2795</v>
      </c>
      <c r="LAH736" s="424"/>
      <c r="LAI736" s="424"/>
      <c r="LAJ736" s="424"/>
      <c r="LAK736" s="423" t="s">
        <v>2795</v>
      </c>
      <c r="LAL736" s="424"/>
      <c r="LAM736" s="424"/>
      <c r="LAN736" s="424"/>
      <c r="LAO736" s="423" t="s">
        <v>2795</v>
      </c>
      <c r="LAP736" s="424"/>
      <c r="LAQ736" s="424"/>
      <c r="LAR736" s="424"/>
      <c r="LAS736" s="423" t="s">
        <v>2795</v>
      </c>
      <c r="LAT736" s="424"/>
      <c r="LAU736" s="424"/>
      <c r="LAV736" s="424"/>
      <c r="LAW736" s="423" t="s">
        <v>2795</v>
      </c>
      <c r="LAX736" s="424"/>
      <c r="LAY736" s="424"/>
      <c r="LAZ736" s="424"/>
      <c r="LBA736" s="423" t="s">
        <v>2795</v>
      </c>
      <c r="LBB736" s="424"/>
      <c r="LBC736" s="424"/>
      <c r="LBD736" s="424"/>
      <c r="LBE736" s="423" t="s">
        <v>2795</v>
      </c>
      <c r="LBF736" s="424"/>
      <c r="LBG736" s="424"/>
      <c r="LBH736" s="424"/>
      <c r="LBI736" s="423" t="s">
        <v>2795</v>
      </c>
      <c r="LBJ736" s="424"/>
      <c r="LBK736" s="424"/>
      <c r="LBL736" s="424"/>
      <c r="LBM736" s="423" t="s">
        <v>2795</v>
      </c>
      <c r="LBN736" s="424"/>
      <c r="LBO736" s="424"/>
      <c r="LBP736" s="424"/>
      <c r="LBQ736" s="423" t="s">
        <v>2795</v>
      </c>
      <c r="LBR736" s="424"/>
      <c r="LBS736" s="424"/>
      <c r="LBT736" s="424"/>
      <c r="LBU736" s="423" t="s">
        <v>2795</v>
      </c>
      <c r="LBV736" s="424"/>
      <c r="LBW736" s="424"/>
      <c r="LBX736" s="424"/>
      <c r="LBY736" s="423" t="s">
        <v>2795</v>
      </c>
      <c r="LBZ736" s="424"/>
      <c r="LCA736" s="424"/>
      <c r="LCB736" s="424"/>
      <c r="LCC736" s="423" t="s">
        <v>2795</v>
      </c>
      <c r="LCD736" s="424"/>
      <c r="LCE736" s="424"/>
      <c r="LCF736" s="424"/>
      <c r="LCG736" s="423" t="s">
        <v>2795</v>
      </c>
      <c r="LCH736" s="424"/>
      <c r="LCI736" s="424"/>
      <c r="LCJ736" s="424"/>
      <c r="LCK736" s="423" t="s">
        <v>2795</v>
      </c>
      <c r="LCL736" s="424"/>
      <c r="LCM736" s="424"/>
      <c r="LCN736" s="424"/>
      <c r="LCO736" s="423" t="s">
        <v>2795</v>
      </c>
      <c r="LCP736" s="424"/>
      <c r="LCQ736" s="424"/>
      <c r="LCR736" s="424"/>
      <c r="LCS736" s="423" t="s">
        <v>2795</v>
      </c>
      <c r="LCT736" s="424"/>
      <c r="LCU736" s="424"/>
      <c r="LCV736" s="424"/>
      <c r="LCW736" s="423" t="s">
        <v>2795</v>
      </c>
      <c r="LCX736" s="424"/>
      <c r="LCY736" s="424"/>
      <c r="LCZ736" s="424"/>
      <c r="LDA736" s="423" t="s">
        <v>2795</v>
      </c>
      <c r="LDB736" s="424"/>
      <c r="LDC736" s="424"/>
      <c r="LDD736" s="424"/>
      <c r="LDE736" s="423" t="s">
        <v>2795</v>
      </c>
      <c r="LDF736" s="424"/>
      <c r="LDG736" s="424"/>
      <c r="LDH736" s="424"/>
      <c r="LDI736" s="423" t="s">
        <v>2795</v>
      </c>
      <c r="LDJ736" s="424"/>
      <c r="LDK736" s="424"/>
      <c r="LDL736" s="424"/>
      <c r="LDM736" s="423" t="s">
        <v>2795</v>
      </c>
      <c r="LDN736" s="424"/>
      <c r="LDO736" s="424"/>
      <c r="LDP736" s="424"/>
      <c r="LDQ736" s="423" t="s">
        <v>2795</v>
      </c>
      <c r="LDR736" s="424"/>
      <c r="LDS736" s="424"/>
      <c r="LDT736" s="424"/>
      <c r="LDU736" s="423" t="s">
        <v>2795</v>
      </c>
      <c r="LDV736" s="424"/>
      <c r="LDW736" s="424"/>
      <c r="LDX736" s="424"/>
      <c r="LDY736" s="423" t="s">
        <v>2795</v>
      </c>
      <c r="LDZ736" s="424"/>
      <c r="LEA736" s="424"/>
      <c r="LEB736" s="424"/>
      <c r="LEC736" s="423" t="s">
        <v>2795</v>
      </c>
      <c r="LED736" s="424"/>
      <c r="LEE736" s="424"/>
      <c r="LEF736" s="424"/>
      <c r="LEG736" s="423" t="s">
        <v>2795</v>
      </c>
      <c r="LEH736" s="424"/>
      <c r="LEI736" s="424"/>
      <c r="LEJ736" s="424"/>
      <c r="LEK736" s="423" t="s">
        <v>2795</v>
      </c>
      <c r="LEL736" s="424"/>
      <c r="LEM736" s="424"/>
      <c r="LEN736" s="424"/>
      <c r="LEO736" s="423" t="s">
        <v>2795</v>
      </c>
      <c r="LEP736" s="424"/>
      <c r="LEQ736" s="424"/>
      <c r="LER736" s="424"/>
      <c r="LES736" s="423" t="s">
        <v>2795</v>
      </c>
      <c r="LET736" s="424"/>
      <c r="LEU736" s="424"/>
      <c r="LEV736" s="424"/>
      <c r="LEW736" s="423" t="s">
        <v>2795</v>
      </c>
      <c r="LEX736" s="424"/>
      <c r="LEY736" s="424"/>
      <c r="LEZ736" s="424"/>
      <c r="LFA736" s="423" t="s">
        <v>2795</v>
      </c>
      <c r="LFB736" s="424"/>
      <c r="LFC736" s="424"/>
      <c r="LFD736" s="424"/>
      <c r="LFE736" s="423" t="s">
        <v>2795</v>
      </c>
      <c r="LFF736" s="424"/>
      <c r="LFG736" s="424"/>
      <c r="LFH736" s="424"/>
      <c r="LFI736" s="423" t="s">
        <v>2795</v>
      </c>
      <c r="LFJ736" s="424"/>
      <c r="LFK736" s="424"/>
      <c r="LFL736" s="424"/>
      <c r="LFM736" s="423" t="s">
        <v>2795</v>
      </c>
      <c r="LFN736" s="424"/>
      <c r="LFO736" s="424"/>
      <c r="LFP736" s="424"/>
      <c r="LFQ736" s="423" t="s">
        <v>2795</v>
      </c>
      <c r="LFR736" s="424"/>
      <c r="LFS736" s="424"/>
      <c r="LFT736" s="424"/>
      <c r="LFU736" s="423" t="s">
        <v>2795</v>
      </c>
      <c r="LFV736" s="424"/>
      <c r="LFW736" s="424"/>
      <c r="LFX736" s="424"/>
      <c r="LFY736" s="423" t="s">
        <v>2795</v>
      </c>
      <c r="LFZ736" s="424"/>
      <c r="LGA736" s="424"/>
      <c r="LGB736" s="424"/>
      <c r="LGC736" s="423" t="s">
        <v>2795</v>
      </c>
      <c r="LGD736" s="424"/>
      <c r="LGE736" s="424"/>
      <c r="LGF736" s="424"/>
      <c r="LGG736" s="423" t="s">
        <v>2795</v>
      </c>
      <c r="LGH736" s="424"/>
      <c r="LGI736" s="424"/>
      <c r="LGJ736" s="424"/>
      <c r="LGK736" s="423" t="s">
        <v>2795</v>
      </c>
      <c r="LGL736" s="424"/>
      <c r="LGM736" s="424"/>
      <c r="LGN736" s="424"/>
      <c r="LGO736" s="423" t="s">
        <v>2795</v>
      </c>
      <c r="LGP736" s="424"/>
      <c r="LGQ736" s="424"/>
      <c r="LGR736" s="424"/>
      <c r="LGS736" s="423" t="s">
        <v>2795</v>
      </c>
      <c r="LGT736" s="424"/>
      <c r="LGU736" s="424"/>
      <c r="LGV736" s="424"/>
      <c r="LGW736" s="423" t="s">
        <v>2795</v>
      </c>
      <c r="LGX736" s="424"/>
      <c r="LGY736" s="424"/>
      <c r="LGZ736" s="424"/>
      <c r="LHA736" s="423" t="s">
        <v>2795</v>
      </c>
      <c r="LHB736" s="424"/>
      <c r="LHC736" s="424"/>
      <c r="LHD736" s="424"/>
      <c r="LHE736" s="423" t="s">
        <v>2795</v>
      </c>
      <c r="LHF736" s="424"/>
      <c r="LHG736" s="424"/>
      <c r="LHH736" s="424"/>
      <c r="LHI736" s="423" t="s">
        <v>2795</v>
      </c>
      <c r="LHJ736" s="424"/>
      <c r="LHK736" s="424"/>
      <c r="LHL736" s="424"/>
      <c r="LHM736" s="423" t="s">
        <v>2795</v>
      </c>
      <c r="LHN736" s="424"/>
      <c r="LHO736" s="424"/>
      <c r="LHP736" s="424"/>
      <c r="LHQ736" s="423" t="s">
        <v>2795</v>
      </c>
      <c r="LHR736" s="424"/>
      <c r="LHS736" s="424"/>
      <c r="LHT736" s="424"/>
      <c r="LHU736" s="423" t="s">
        <v>2795</v>
      </c>
      <c r="LHV736" s="424"/>
      <c r="LHW736" s="424"/>
      <c r="LHX736" s="424"/>
      <c r="LHY736" s="423" t="s">
        <v>2795</v>
      </c>
      <c r="LHZ736" s="424"/>
      <c r="LIA736" s="424"/>
      <c r="LIB736" s="424"/>
      <c r="LIC736" s="423" t="s">
        <v>2795</v>
      </c>
      <c r="LID736" s="424"/>
      <c r="LIE736" s="424"/>
      <c r="LIF736" s="424"/>
      <c r="LIG736" s="423" t="s">
        <v>2795</v>
      </c>
      <c r="LIH736" s="424"/>
      <c r="LII736" s="424"/>
      <c r="LIJ736" s="424"/>
      <c r="LIK736" s="423" t="s">
        <v>2795</v>
      </c>
      <c r="LIL736" s="424"/>
      <c r="LIM736" s="424"/>
      <c r="LIN736" s="424"/>
      <c r="LIO736" s="423" t="s">
        <v>2795</v>
      </c>
      <c r="LIP736" s="424"/>
      <c r="LIQ736" s="424"/>
      <c r="LIR736" s="424"/>
      <c r="LIS736" s="423" t="s">
        <v>2795</v>
      </c>
      <c r="LIT736" s="424"/>
      <c r="LIU736" s="424"/>
      <c r="LIV736" s="424"/>
      <c r="LIW736" s="423" t="s">
        <v>2795</v>
      </c>
      <c r="LIX736" s="424"/>
      <c r="LIY736" s="424"/>
      <c r="LIZ736" s="424"/>
      <c r="LJA736" s="423" t="s">
        <v>2795</v>
      </c>
      <c r="LJB736" s="424"/>
      <c r="LJC736" s="424"/>
      <c r="LJD736" s="424"/>
      <c r="LJE736" s="423" t="s">
        <v>2795</v>
      </c>
      <c r="LJF736" s="424"/>
      <c r="LJG736" s="424"/>
      <c r="LJH736" s="424"/>
      <c r="LJI736" s="423" t="s">
        <v>2795</v>
      </c>
      <c r="LJJ736" s="424"/>
      <c r="LJK736" s="424"/>
      <c r="LJL736" s="424"/>
      <c r="LJM736" s="423" t="s">
        <v>2795</v>
      </c>
      <c r="LJN736" s="424"/>
      <c r="LJO736" s="424"/>
      <c r="LJP736" s="424"/>
      <c r="LJQ736" s="423" t="s">
        <v>2795</v>
      </c>
      <c r="LJR736" s="424"/>
      <c r="LJS736" s="424"/>
      <c r="LJT736" s="424"/>
      <c r="LJU736" s="423" t="s">
        <v>2795</v>
      </c>
      <c r="LJV736" s="424"/>
      <c r="LJW736" s="424"/>
      <c r="LJX736" s="424"/>
      <c r="LJY736" s="423" t="s">
        <v>2795</v>
      </c>
      <c r="LJZ736" s="424"/>
      <c r="LKA736" s="424"/>
      <c r="LKB736" s="424"/>
      <c r="LKC736" s="423" t="s">
        <v>2795</v>
      </c>
      <c r="LKD736" s="424"/>
      <c r="LKE736" s="424"/>
      <c r="LKF736" s="424"/>
      <c r="LKG736" s="423" t="s">
        <v>2795</v>
      </c>
      <c r="LKH736" s="424"/>
      <c r="LKI736" s="424"/>
      <c r="LKJ736" s="424"/>
      <c r="LKK736" s="423" t="s">
        <v>2795</v>
      </c>
      <c r="LKL736" s="424"/>
      <c r="LKM736" s="424"/>
      <c r="LKN736" s="424"/>
      <c r="LKO736" s="423" t="s">
        <v>2795</v>
      </c>
      <c r="LKP736" s="424"/>
      <c r="LKQ736" s="424"/>
      <c r="LKR736" s="424"/>
      <c r="LKS736" s="423" t="s">
        <v>2795</v>
      </c>
      <c r="LKT736" s="424"/>
      <c r="LKU736" s="424"/>
      <c r="LKV736" s="424"/>
      <c r="LKW736" s="423" t="s">
        <v>2795</v>
      </c>
      <c r="LKX736" s="424"/>
      <c r="LKY736" s="424"/>
      <c r="LKZ736" s="424"/>
      <c r="LLA736" s="423" t="s">
        <v>2795</v>
      </c>
      <c r="LLB736" s="424"/>
      <c r="LLC736" s="424"/>
      <c r="LLD736" s="424"/>
      <c r="LLE736" s="423" t="s">
        <v>2795</v>
      </c>
      <c r="LLF736" s="424"/>
      <c r="LLG736" s="424"/>
      <c r="LLH736" s="424"/>
      <c r="LLI736" s="423" t="s">
        <v>2795</v>
      </c>
      <c r="LLJ736" s="424"/>
      <c r="LLK736" s="424"/>
      <c r="LLL736" s="424"/>
      <c r="LLM736" s="423" t="s">
        <v>2795</v>
      </c>
      <c r="LLN736" s="424"/>
      <c r="LLO736" s="424"/>
      <c r="LLP736" s="424"/>
      <c r="LLQ736" s="423" t="s">
        <v>2795</v>
      </c>
      <c r="LLR736" s="424"/>
      <c r="LLS736" s="424"/>
      <c r="LLT736" s="424"/>
      <c r="LLU736" s="423" t="s">
        <v>2795</v>
      </c>
      <c r="LLV736" s="424"/>
      <c r="LLW736" s="424"/>
      <c r="LLX736" s="424"/>
      <c r="LLY736" s="423" t="s">
        <v>2795</v>
      </c>
      <c r="LLZ736" s="424"/>
      <c r="LMA736" s="424"/>
      <c r="LMB736" s="424"/>
      <c r="LMC736" s="423" t="s">
        <v>2795</v>
      </c>
      <c r="LMD736" s="424"/>
      <c r="LME736" s="424"/>
      <c r="LMF736" s="424"/>
      <c r="LMG736" s="423" t="s">
        <v>2795</v>
      </c>
      <c r="LMH736" s="424"/>
      <c r="LMI736" s="424"/>
      <c r="LMJ736" s="424"/>
      <c r="LMK736" s="423" t="s">
        <v>2795</v>
      </c>
      <c r="LML736" s="424"/>
      <c r="LMM736" s="424"/>
      <c r="LMN736" s="424"/>
      <c r="LMO736" s="423" t="s">
        <v>2795</v>
      </c>
      <c r="LMP736" s="424"/>
      <c r="LMQ736" s="424"/>
      <c r="LMR736" s="424"/>
      <c r="LMS736" s="423" t="s">
        <v>2795</v>
      </c>
      <c r="LMT736" s="424"/>
      <c r="LMU736" s="424"/>
      <c r="LMV736" s="424"/>
      <c r="LMW736" s="423" t="s">
        <v>2795</v>
      </c>
      <c r="LMX736" s="424"/>
      <c r="LMY736" s="424"/>
      <c r="LMZ736" s="424"/>
      <c r="LNA736" s="423" t="s">
        <v>2795</v>
      </c>
      <c r="LNB736" s="424"/>
      <c r="LNC736" s="424"/>
      <c r="LND736" s="424"/>
      <c r="LNE736" s="423" t="s">
        <v>2795</v>
      </c>
      <c r="LNF736" s="424"/>
      <c r="LNG736" s="424"/>
      <c r="LNH736" s="424"/>
      <c r="LNI736" s="423" t="s">
        <v>2795</v>
      </c>
      <c r="LNJ736" s="424"/>
      <c r="LNK736" s="424"/>
      <c r="LNL736" s="424"/>
      <c r="LNM736" s="423" t="s">
        <v>2795</v>
      </c>
      <c r="LNN736" s="424"/>
      <c r="LNO736" s="424"/>
      <c r="LNP736" s="424"/>
      <c r="LNQ736" s="423" t="s">
        <v>2795</v>
      </c>
      <c r="LNR736" s="424"/>
      <c r="LNS736" s="424"/>
      <c r="LNT736" s="424"/>
      <c r="LNU736" s="423" t="s">
        <v>2795</v>
      </c>
      <c r="LNV736" s="424"/>
      <c r="LNW736" s="424"/>
      <c r="LNX736" s="424"/>
      <c r="LNY736" s="423" t="s">
        <v>2795</v>
      </c>
      <c r="LNZ736" s="424"/>
      <c r="LOA736" s="424"/>
      <c r="LOB736" s="424"/>
      <c r="LOC736" s="423" t="s">
        <v>2795</v>
      </c>
      <c r="LOD736" s="424"/>
      <c r="LOE736" s="424"/>
      <c r="LOF736" s="424"/>
      <c r="LOG736" s="423" t="s">
        <v>2795</v>
      </c>
      <c r="LOH736" s="424"/>
      <c r="LOI736" s="424"/>
      <c r="LOJ736" s="424"/>
      <c r="LOK736" s="423" t="s">
        <v>2795</v>
      </c>
      <c r="LOL736" s="424"/>
      <c r="LOM736" s="424"/>
      <c r="LON736" s="424"/>
      <c r="LOO736" s="423" t="s">
        <v>2795</v>
      </c>
      <c r="LOP736" s="424"/>
      <c r="LOQ736" s="424"/>
      <c r="LOR736" s="424"/>
      <c r="LOS736" s="423" t="s">
        <v>2795</v>
      </c>
      <c r="LOT736" s="424"/>
      <c r="LOU736" s="424"/>
      <c r="LOV736" s="424"/>
      <c r="LOW736" s="423" t="s">
        <v>2795</v>
      </c>
      <c r="LOX736" s="424"/>
      <c r="LOY736" s="424"/>
      <c r="LOZ736" s="424"/>
      <c r="LPA736" s="423" t="s">
        <v>2795</v>
      </c>
      <c r="LPB736" s="424"/>
      <c r="LPC736" s="424"/>
      <c r="LPD736" s="424"/>
      <c r="LPE736" s="423" t="s">
        <v>2795</v>
      </c>
      <c r="LPF736" s="424"/>
      <c r="LPG736" s="424"/>
      <c r="LPH736" s="424"/>
      <c r="LPI736" s="423" t="s">
        <v>2795</v>
      </c>
      <c r="LPJ736" s="424"/>
      <c r="LPK736" s="424"/>
      <c r="LPL736" s="424"/>
      <c r="LPM736" s="423" t="s">
        <v>2795</v>
      </c>
      <c r="LPN736" s="424"/>
      <c r="LPO736" s="424"/>
      <c r="LPP736" s="424"/>
      <c r="LPQ736" s="423" t="s">
        <v>2795</v>
      </c>
      <c r="LPR736" s="424"/>
      <c r="LPS736" s="424"/>
      <c r="LPT736" s="424"/>
      <c r="LPU736" s="423" t="s">
        <v>2795</v>
      </c>
      <c r="LPV736" s="424"/>
      <c r="LPW736" s="424"/>
      <c r="LPX736" s="424"/>
      <c r="LPY736" s="423" t="s">
        <v>2795</v>
      </c>
      <c r="LPZ736" s="424"/>
      <c r="LQA736" s="424"/>
      <c r="LQB736" s="424"/>
      <c r="LQC736" s="423" t="s">
        <v>2795</v>
      </c>
      <c r="LQD736" s="424"/>
      <c r="LQE736" s="424"/>
      <c r="LQF736" s="424"/>
      <c r="LQG736" s="423" t="s">
        <v>2795</v>
      </c>
      <c r="LQH736" s="424"/>
      <c r="LQI736" s="424"/>
      <c r="LQJ736" s="424"/>
      <c r="LQK736" s="423" t="s">
        <v>2795</v>
      </c>
      <c r="LQL736" s="424"/>
      <c r="LQM736" s="424"/>
      <c r="LQN736" s="424"/>
      <c r="LQO736" s="423" t="s">
        <v>2795</v>
      </c>
      <c r="LQP736" s="424"/>
      <c r="LQQ736" s="424"/>
      <c r="LQR736" s="424"/>
      <c r="LQS736" s="423" t="s">
        <v>2795</v>
      </c>
      <c r="LQT736" s="424"/>
      <c r="LQU736" s="424"/>
      <c r="LQV736" s="424"/>
      <c r="LQW736" s="423" t="s">
        <v>2795</v>
      </c>
      <c r="LQX736" s="424"/>
      <c r="LQY736" s="424"/>
      <c r="LQZ736" s="424"/>
      <c r="LRA736" s="423" t="s">
        <v>2795</v>
      </c>
      <c r="LRB736" s="424"/>
      <c r="LRC736" s="424"/>
      <c r="LRD736" s="424"/>
      <c r="LRE736" s="423" t="s">
        <v>2795</v>
      </c>
      <c r="LRF736" s="424"/>
      <c r="LRG736" s="424"/>
      <c r="LRH736" s="424"/>
      <c r="LRI736" s="423" t="s">
        <v>2795</v>
      </c>
      <c r="LRJ736" s="424"/>
      <c r="LRK736" s="424"/>
      <c r="LRL736" s="424"/>
      <c r="LRM736" s="423" t="s">
        <v>2795</v>
      </c>
      <c r="LRN736" s="424"/>
      <c r="LRO736" s="424"/>
      <c r="LRP736" s="424"/>
      <c r="LRQ736" s="423" t="s">
        <v>2795</v>
      </c>
      <c r="LRR736" s="424"/>
      <c r="LRS736" s="424"/>
      <c r="LRT736" s="424"/>
      <c r="LRU736" s="423" t="s">
        <v>2795</v>
      </c>
      <c r="LRV736" s="424"/>
      <c r="LRW736" s="424"/>
      <c r="LRX736" s="424"/>
      <c r="LRY736" s="423" t="s">
        <v>2795</v>
      </c>
      <c r="LRZ736" s="424"/>
      <c r="LSA736" s="424"/>
      <c r="LSB736" s="424"/>
      <c r="LSC736" s="423" t="s">
        <v>2795</v>
      </c>
      <c r="LSD736" s="424"/>
      <c r="LSE736" s="424"/>
      <c r="LSF736" s="424"/>
      <c r="LSG736" s="423" t="s">
        <v>2795</v>
      </c>
      <c r="LSH736" s="424"/>
      <c r="LSI736" s="424"/>
      <c r="LSJ736" s="424"/>
      <c r="LSK736" s="423" t="s">
        <v>2795</v>
      </c>
      <c r="LSL736" s="424"/>
      <c r="LSM736" s="424"/>
      <c r="LSN736" s="424"/>
      <c r="LSO736" s="423" t="s">
        <v>2795</v>
      </c>
      <c r="LSP736" s="424"/>
      <c r="LSQ736" s="424"/>
      <c r="LSR736" s="424"/>
      <c r="LSS736" s="423" t="s">
        <v>2795</v>
      </c>
      <c r="LST736" s="424"/>
      <c r="LSU736" s="424"/>
      <c r="LSV736" s="424"/>
      <c r="LSW736" s="423" t="s">
        <v>2795</v>
      </c>
      <c r="LSX736" s="424"/>
      <c r="LSY736" s="424"/>
      <c r="LSZ736" s="424"/>
      <c r="LTA736" s="423" t="s">
        <v>2795</v>
      </c>
      <c r="LTB736" s="424"/>
      <c r="LTC736" s="424"/>
      <c r="LTD736" s="424"/>
      <c r="LTE736" s="423" t="s">
        <v>2795</v>
      </c>
      <c r="LTF736" s="424"/>
      <c r="LTG736" s="424"/>
      <c r="LTH736" s="424"/>
      <c r="LTI736" s="423" t="s">
        <v>2795</v>
      </c>
      <c r="LTJ736" s="424"/>
      <c r="LTK736" s="424"/>
      <c r="LTL736" s="424"/>
      <c r="LTM736" s="423" t="s">
        <v>2795</v>
      </c>
      <c r="LTN736" s="424"/>
      <c r="LTO736" s="424"/>
      <c r="LTP736" s="424"/>
      <c r="LTQ736" s="423" t="s">
        <v>2795</v>
      </c>
      <c r="LTR736" s="424"/>
      <c r="LTS736" s="424"/>
      <c r="LTT736" s="424"/>
      <c r="LTU736" s="423" t="s">
        <v>2795</v>
      </c>
      <c r="LTV736" s="424"/>
      <c r="LTW736" s="424"/>
      <c r="LTX736" s="424"/>
      <c r="LTY736" s="423" t="s">
        <v>2795</v>
      </c>
      <c r="LTZ736" s="424"/>
      <c r="LUA736" s="424"/>
      <c r="LUB736" s="424"/>
      <c r="LUC736" s="423" t="s">
        <v>2795</v>
      </c>
      <c r="LUD736" s="424"/>
      <c r="LUE736" s="424"/>
      <c r="LUF736" s="424"/>
      <c r="LUG736" s="423" t="s">
        <v>2795</v>
      </c>
      <c r="LUH736" s="424"/>
      <c r="LUI736" s="424"/>
      <c r="LUJ736" s="424"/>
      <c r="LUK736" s="423" t="s">
        <v>2795</v>
      </c>
      <c r="LUL736" s="424"/>
      <c r="LUM736" s="424"/>
      <c r="LUN736" s="424"/>
      <c r="LUO736" s="423" t="s">
        <v>2795</v>
      </c>
      <c r="LUP736" s="424"/>
      <c r="LUQ736" s="424"/>
      <c r="LUR736" s="424"/>
      <c r="LUS736" s="423" t="s">
        <v>2795</v>
      </c>
      <c r="LUT736" s="424"/>
      <c r="LUU736" s="424"/>
      <c r="LUV736" s="424"/>
      <c r="LUW736" s="423" t="s">
        <v>2795</v>
      </c>
      <c r="LUX736" s="424"/>
      <c r="LUY736" s="424"/>
      <c r="LUZ736" s="424"/>
      <c r="LVA736" s="423" t="s">
        <v>2795</v>
      </c>
      <c r="LVB736" s="424"/>
      <c r="LVC736" s="424"/>
      <c r="LVD736" s="424"/>
      <c r="LVE736" s="423" t="s">
        <v>2795</v>
      </c>
      <c r="LVF736" s="424"/>
      <c r="LVG736" s="424"/>
      <c r="LVH736" s="424"/>
      <c r="LVI736" s="423" t="s">
        <v>2795</v>
      </c>
      <c r="LVJ736" s="424"/>
      <c r="LVK736" s="424"/>
      <c r="LVL736" s="424"/>
      <c r="LVM736" s="423" t="s">
        <v>2795</v>
      </c>
      <c r="LVN736" s="424"/>
      <c r="LVO736" s="424"/>
      <c r="LVP736" s="424"/>
      <c r="LVQ736" s="423" t="s">
        <v>2795</v>
      </c>
      <c r="LVR736" s="424"/>
      <c r="LVS736" s="424"/>
      <c r="LVT736" s="424"/>
      <c r="LVU736" s="423" t="s">
        <v>2795</v>
      </c>
      <c r="LVV736" s="424"/>
      <c r="LVW736" s="424"/>
      <c r="LVX736" s="424"/>
      <c r="LVY736" s="423" t="s">
        <v>2795</v>
      </c>
      <c r="LVZ736" s="424"/>
      <c r="LWA736" s="424"/>
      <c r="LWB736" s="424"/>
      <c r="LWC736" s="423" t="s">
        <v>2795</v>
      </c>
      <c r="LWD736" s="424"/>
      <c r="LWE736" s="424"/>
      <c r="LWF736" s="424"/>
      <c r="LWG736" s="423" t="s">
        <v>2795</v>
      </c>
      <c r="LWH736" s="424"/>
      <c r="LWI736" s="424"/>
      <c r="LWJ736" s="424"/>
      <c r="LWK736" s="423" t="s">
        <v>2795</v>
      </c>
      <c r="LWL736" s="424"/>
      <c r="LWM736" s="424"/>
      <c r="LWN736" s="424"/>
      <c r="LWO736" s="423" t="s">
        <v>2795</v>
      </c>
      <c r="LWP736" s="424"/>
      <c r="LWQ736" s="424"/>
      <c r="LWR736" s="424"/>
      <c r="LWS736" s="423" t="s">
        <v>2795</v>
      </c>
      <c r="LWT736" s="424"/>
      <c r="LWU736" s="424"/>
      <c r="LWV736" s="424"/>
      <c r="LWW736" s="423" t="s">
        <v>2795</v>
      </c>
      <c r="LWX736" s="424"/>
      <c r="LWY736" s="424"/>
      <c r="LWZ736" s="424"/>
      <c r="LXA736" s="423" t="s">
        <v>2795</v>
      </c>
      <c r="LXB736" s="424"/>
      <c r="LXC736" s="424"/>
      <c r="LXD736" s="424"/>
      <c r="LXE736" s="423" t="s">
        <v>2795</v>
      </c>
      <c r="LXF736" s="424"/>
      <c r="LXG736" s="424"/>
      <c r="LXH736" s="424"/>
      <c r="LXI736" s="423" t="s">
        <v>2795</v>
      </c>
      <c r="LXJ736" s="424"/>
      <c r="LXK736" s="424"/>
      <c r="LXL736" s="424"/>
      <c r="LXM736" s="423" t="s">
        <v>2795</v>
      </c>
      <c r="LXN736" s="424"/>
      <c r="LXO736" s="424"/>
      <c r="LXP736" s="424"/>
      <c r="LXQ736" s="423" t="s">
        <v>2795</v>
      </c>
      <c r="LXR736" s="424"/>
      <c r="LXS736" s="424"/>
      <c r="LXT736" s="424"/>
      <c r="LXU736" s="423" t="s">
        <v>2795</v>
      </c>
      <c r="LXV736" s="424"/>
      <c r="LXW736" s="424"/>
      <c r="LXX736" s="424"/>
      <c r="LXY736" s="423" t="s">
        <v>2795</v>
      </c>
      <c r="LXZ736" s="424"/>
      <c r="LYA736" s="424"/>
      <c r="LYB736" s="424"/>
      <c r="LYC736" s="423" t="s">
        <v>2795</v>
      </c>
      <c r="LYD736" s="424"/>
      <c r="LYE736" s="424"/>
      <c r="LYF736" s="424"/>
      <c r="LYG736" s="423" t="s">
        <v>2795</v>
      </c>
      <c r="LYH736" s="424"/>
      <c r="LYI736" s="424"/>
      <c r="LYJ736" s="424"/>
      <c r="LYK736" s="423" t="s">
        <v>2795</v>
      </c>
      <c r="LYL736" s="424"/>
      <c r="LYM736" s="424"/>
      <c r="LYN736" s="424"/>
      <c r="LYO736" s="423" t="s">
        <v>2795</v>
      </c>
      <c r="LYP736" s="424"/>
      <c r="LYQ736" s="424"/>
      <c r="LYR736" s="424"/>
      <c r="LYS736" s="423" t="s">
        <v>2795</v>
      </c>
      <c r="LYT736" s="424"/>
      <c r="LYU736" s="424"/>
      <c r="LYV736" s="424"/>
      <c r="LYW736" s="423" t="s">
        <v>2795</v>
      </c>
      <c r="LYX736" s="424"/>
      <c r="LYY736" s="424"/>
      <c r="LYZ736" s="424"/>
      <c r="LZA736" s="423" t="s">
        <v>2795</v>
      </c>
      <c r="LZB736" s="424"/>
      <c r="LZC736" s="424"/>
      <c r="LZD736" s="424"/>
      <c r="LZE736" s="423" t="s">
        <v>2795</v>
      </c>
      <c r="LZF736" s="424"/>
      <c r="LZG736" s="424"/>
      <c r="LZH736" s="424"/>
      <c r="LZI736" s="423" t="s">
        <v>2795</v>
      </c>
      <c r="LZJ736" s="424"/>
      <c r="LZK736" s="424"/>
      <c r="LZL736" s="424"/>
      <c r="LZM736" s="423" t="s">
        <v>2795</v>
      </c>
      <c r="LZN736" s="424"/>
      <c r="LZO736" s="424"/>
      <c r="LZP736" s="424"/>
      <c r="LZQ736" s="423" t="s">
        <v>2795</v>
      </c>
      <c r="LZR736" s="424"/>
      <c r="LZS736" s="424"/>
      <c r="LZT736" s="424"/>
      <c r="LZU736" s="423" t="s">
        <v>2795</v>
      </c>
      <c r="LZV736" s="424"/>
      <c r="LZW736" s="424"/>
      <c r="LZX736" s="424"/>
      <c r="LZY736" s="423" t="s">
        <v>2795</v>
      </c>
      <c r="LZZ736" s="424"/>
      <c r="MAA736" s="424"/>
      <c r="MAB736" s="424"/>
      <c r="MAC736" s="423" t="s">
        <v>2795</v>
      </c>
      <c r="MAD736" s="424"/>
      <c r="MAE736" s="424"/>
      <c r="MAF736" s="424"/>
      <c r="MAG736" s="423" t="s">
        <v>2795</v>
      </c>
      <c r="MAH736" s="424"/>
      <c r="MAI736" s="424"/>
      <c r="MAJ736" s="424"/>
      <c r="MAK736" s="423" t="s">
        <v>2795</v>
      </c>
      <c r="MAL736" s="424"/>
      <c r="MAM736" s="424"/>
      <c r="MAN736" s="424"/>
      <c r="MAO736" s="423" t="s">
        <v>2795</v>
      </c>
      <c r="MAP736" s="424"/>
      <c r="MAQ736" s="424"/>
      <c r="MAR736" s="424"/>
      <c r="MAS736" s="423" t="s">
        <v>2795</v>
      </c>
      <c r="MAT736" s="424"/>
      <c r="MAU736" s="424"/>
      <c r="MAV736" s="424"/>
      <c r="MAW736" s="423" t="s">
        <v>2795</v>
      </c>
      <c r="MAX736" s="424"/>
      <c r="MAY736" s="424"/>
      <c r="MAZ736" s="424"/>
      <c r="MBA736" s="423" t="s">
        <v>2795</v>
      </c>
      <c r="MBB736" s="424"/>
      <c r="MBC736" s="424"/>
      <c r="MBD736" s="424"/>
      <c r="MBE736" s="423" t="s">
        <v>2795</v>
      </c>
      <c r="MBF736" s="424"/>
      <c r="MBG736" s="424"/>
      <c r="MBH736" s="424"/>
      <c r="MBI736" s="423" t="s">
        <v>2795</v>
      </c>
      <c r="MBJ736" s="424"/>
      <c r="MBK736" s="424"/>
      <c r="MBL736" s="424"/>
      <c r="MBM736" s="423" t="s">
        <v>2795</v>
      </c>
      <c r="MBN736" s="424"/>
      <c r="MBO736" s="424"/>
      <c r="MBP736" s="424"/>
      <c r="MBQ736" s="423" t="s">
        <v>2795</v>
      </c>
      <c r="MBR736" s="424"/>
      <c r="MBS736" s="424"/>
      <c r="MBT736" s="424"/>
      <c r="MBU736" s="423" t="s">
        <v>2795</v>
      </c>
      <c r="MBV736" s="424"/>
      <c r="MBW736" s="424"/>
      <c r="MBX736" s="424"/>
      <c r="MBY736" s="423" t="s">
        <v>2795</v>
      </c>
      <c r="MBZ736" s="424"/>
      <c r="MCA736" s="424"/>
      <c r="MCB736" s="424"/>
      <c r="MCC736" s="423" t="s">
        <v>2795</v>
      </c>
      <c r="MCD736" s="424"/>
      <c r="MCE736" s="424"/>
      <c r="MCF736" s="424"/>
      <c r="MCG736" s="423" t="s">
        <v>2795</v>
      </c>
      <c r="MCH736" s="424"/>
      <c r="MCI736" s="424"/>
      <c r="MCJ736" s="424"/>
      <c r="MCK736" s="423" t="s">
        <v>2795</v>
      </c>
      <c r="MCL736" s="424"/>
      <c r="MCM736" s="424"/>
      <c r="MCN736" s="424"/>
      <c r="MCO736" s="423" t="s">
        <v>2795</v>
      </c>
      <c r="MCP736" s="424"/>
      <c r="MCQ736" s="424"/>
      <c r="MCR736" s="424"/>
      <c r="MCS736" s="423" t="s">
        <v>2795</v>
      </c>
      <c r="MCT736" s="424"/>
      <c r="MCU736" s="424"/>
      <c r="MCV736" s="424"/>
      <c r="MCW736" s="423" t="s">
        <v>2795</v>
      </c>
      <c r="MCX736" s="424"/>
      <c r="MCY736" s="424"/>
      <c r="MCZ736" s="424"/>
      <c r="MDA736" s="423" t="s">
        <v>2795</v>
      </c>
      <c r="MDB736" s="424"/>
      <c r="MDC736" s="424"/>
      <c r="MDD736" s="424"/>
      <c r="MDE736" s="423" t="s">
        <v>2795</v>
      </c>
      <c r="MDF736" s="424"/>
      <c r="MDG736" s="424"/>
      <c r="MDH736" s="424"/>
      <c r="MDI736" s="423" t="s">
        <v>2795</v>
      </c>
      <c r="MDJ736" s="424"/>
      <c r="MDK736" s="424"/>
      <c r="MDL736" s="424"/>
      <c r="MDM736" s="423" t="s">
        <v>2795</v>
      </c>
      <c r="MDN736" s="424"/>
      <c r="MDO736" s="424"/>
      <c r="MDP736" s="424"/>
      <c r="MDQ736" s="423" t="s">
        <v>2795</v>
      </c>
      <c r="MDR736" s="424"/>
      <c r="MDS736" s="424"/>
      <c r="MDT736" s="424"/>
      <c r="MDU736" s="423" t="s">
        <v>2795</v>
      </c>
      <c r="MDV736" s="424"/>
      <c r="MDW736" s="424"/>
      <c r="MDX736" s="424"/>
      <c r="MDY736" s="423" t="s">
        <v>2795</v>
      </c>
      <c r="MDZ736" s="424"/>
      <c r="MEA736" s="424"/>
      <c r="MEB736" s="424"/>
      <c r="MEC736" s="423" t="s">
        <v>2795</v>
      </c>
      <c r="MED736" s="424"/>
      <c r="MEE736" s="424"/>
      <c r="MEF736" s="424"/>
      <c r="MEG736" s="423" t="s">
        <v>2795</v>
      </c>
      <c r="MEH736" s="424"/>
      <c r="MEI736" s="424"/>
      <c r="MEJ736" s="424"/>
      <c r="MEK736" s="423" t="s">
        <v>2795</v>
      </c>
      <c r="MEL736" s="424"/>
      <c r="MEM736" s="424"/>
      <c r="MEN736" s="424"/>
      <c r="MEO736" s="423" t="s">
        <v>2795</v>
      </c>
      <c r="MEP736" s="424"/>
      <c r="MEQ736" s="424"/>
      <c r="MER736" s="424"/>
      <c r="MES736" s="423" t="s">
        <v>2795</v>
      </c>
      <c r="MET736" s="424"/>
      <c r="MEU736" s="424"/>
      <c r="MEV736" s="424"/>
      <c r="MEW736" s="423" t="s">
        <v>2795</v>
      </c>
      <c r="MEX736" s="424"/>
      <c r="MEY736" s="424"/>
      <c r="MEZ736" s="424"/>
      <c r="MFA736" s="423" t="s">
        <v>2795</v>
      </c>
      <c r="MFB736" s="424"/>
      <c r="MFC736" s="424"/>
      <c r="MFD736" s="424"/>
      <c r="MFE736" s="423" t="s">
        <v>2795</v>
      </c>
      <c r="MFF736" s="424"/>
      <c r="MFG736" s="424"/>
      <c r="MFH736" s="424"/>
      <c r="MFI736" s="423" t="s">
        <v>2795</v>
      </c>
      <c r="MFJ736" s="424"/>
      <c r="MFK736" s="424"/>
      <c r="MFL736" s="424"/>
      <c r="MFM736" s="423" t="s">
        <v>2795</v>
      </c>
      <c r="MFN736" s="424"/>
      <c r="MFO736" s="424"/>
      <c r="MFP736" s="424"/>
      <c r="MFQ736" s="423" t="s">
        <v>2795</v>
      </c>
      <c r="MFR736" s="424"/>
      <c r="MFS736" s="424"/>
      <c r="MFT736" s="424"/>
      <c r="MFU736" s="423" t="s">
        <v>2795</v>
      </c>
      <c r="MFV736" s="424"/>
      <c r="MFW736" s="424"/>
      <c r="MFX736" s="424"/>
      <c r="MFY736" s="423" t="s">
        <v>2795</v>
      </c>
      <c r="MFZ736" s="424"/>
      <c r="MGA736" s="424"/>
      <c r="MGB736" s="424"/>
      <c r="MGC736" s="423" t="s">
        <v>2795</v>
      </c>
      <c r="MGD736" s="424"/>
      <c r="MGE736" s="424"/>
      <c r="MGF736" s="424"/>
      <c r="MGG736" s="423" t="s">
        <v>2795</v>
      </c>
      <c r="MGH736" s="424"/>
      <c r="MGI736" s="424"/>
      <c r="MGJ736" s="424"/>
      <c r="MGK736" s="423" t="s">
        <v>2795</v>
      </c>
      <c r="MGL736" s="424"/>
      <c r="MGM736" s="424"/>
      <c r="MGN736" s="424"/>
      <c r="MGO736" s="423" t="s">
        <v>2795</v>
      </c>
      <c r="MGP736" s="424"/>
      <c r="MGQ736" s="424"/>
      <c r="MGR736" s="424"/>
      <c r="MGS736" s="423" t="s">
        <v>2795</v>
      </c>
      <c r="MGT736" s="424"/>
      <c r="MGU736" s="424"/>
      <c r="MGV736" s="424"/>
      <c r="MGW736" s="423" t="s">
        <v>2795</v>
      </c>
      <c r="MGX736" s="424"/>
      <c r="MGY736" s="424"/>
      <c r="MGZ736" s="424"/>
      <c r="MHA736" s="423" t="s">
        <v>2795</v>
      </c>
      <c r="MHB736" s="424"/>
      <c r="MHC736" s="424"/>
      <c r="MHD736" s="424"/>
      <c r="MHE736" s="423" t="s">
        <v>2795</v>
      </c>
      <c r="MHF736" s="424"/>
      <c r="MHG736" s="424"/>
      <c r="MHH736" s="424"/>
      <c r="MHI736" s="423" t="s">
        <v>2795</v>
      </c>
      <c r="MHJ736" s="424"/>
      <c r="MHK736" s="424"/>
      <c r="MHL736" s="424"/>
      <c r="MHM736" s="423" t="s">
        <v>2795</v>
      </c>
      <c r="MHN736" s="424"/>
      <c r="MHO736" s="424"/>
      <c r="MHP736" s="424"/>
      <c r="MHQ736" s="423" t="s">
        <v>2795</v>
      </c>
      <c r="MHR736" s="424"/>
      <c r="MHS736" s="424"/>
      <c r="MHT736" s="424"/>
      <c r="MHU736" s="423" t="s">
        <v>2795</v>
      </c>
      <c r="MHV736" s="424"/>
      <c r="MHW736" s="424"/>
      <c r="MHX736" s="424"/>
      <c r="MHY736" s="423" t="s">
        <v>2795</v>
      </c>
      <c r="MHZ736" s="424"/>
      <c r="MIA736" s="424"/>
      <c r="MIB736" s="424"/>
      <c r="MIC736" s="423" t="s">
        <v>2795</v>
      </c>
      <c r="MID736" s="424"/>
      <c r="MIE736" s="424"/>
      <c r="MIF736" s="424"/>
      <c r="MIG736" s="423" t="s">
        <v>2795</v>
      </c>
      <c r="MIH736" s="424"/>
      <c r="MII736" s="424"/>
      <c r="MIJ736" s="424"/>
      <c r="MIK736" s="423" t="s">
        <v>2795</v>
      </c>
      <c r="MIL736" s="424"/>
      <c r="MIM736" s="424"/>
      <c r="MIN736" s="424"/>
      <c r="MIO736" s="423" t="s">
        <v>2795</v>
      </c>
      <c r="MIP736" s="424"/>
      <c r="MIQ736" s="424"/>
      <c r="MIR736" s="424"/>
      <c r="MIS736" s="423" t="s">
        <v>2795</v>
      </c>
      <c r="MIT736" s="424"/>
      <c r="MIU736" s="424"/>
      <c r="MIV736" s="424"/>
      <c r="MIW736" s="423" t="s">
        <v>2795</v>
      </c>
      <c r="MIX736" s="424"/>
      <c r="MIY736" s="424"/>
      <c r="MIZ736" s="424"/>
      <c r="MJA736" s="423" t="s">
        <v>2795</v>
      </c>
      <c r="MJB736" s="424"/>
      <c r="MJC736" s="424"/>
      <c r="MJD736" s="424"/>
      <c r="MJE736" s="423" t="s">
        <v>2795</v>
      </c>
      <c r="MJF736" s="424"/>
      <c r="MJG736" s="424"/>
      <c r="MJH736" s="424"/>
      <c r="MJI736" s="423" t="s">
        <v>2795</v>
      </c>
      <c r="MJJ736" s="424"/>
      <c r="MJK736" s="424"/>
      <c r="MJL736" s="424"/>
      <c r="MJM736" s="423" t="s">
        <v>2795</v>
      </c>
      <c r="MJN736" s="424"/>
      <c r="MJO736" s="424"/>
      <c r="MJP736" s="424"/>
      <c r="MJQ736" s="423" t="s">
        <v>2795</v>
      </c>
      <c r="MJR736" s="424"/>
      <c r="MJS736" s="424"/>
      <c r="MJT736" s="424"/>
      <c r="MJU736" s="423" t="s">
        <v>2795</v>
      </c>
      <c r="MJV736" s="424"/>
      <c r="MJW736" s="424"/>
      <c r="MJX736" s="424"/>
      <c r="MJY736" s="423" t="s">
        <v>2795</v>
      </c>
      <c r="MJZ736" s="424"/>
      <c r="MKA736" s="424"/>
      <c r="MKB736" s="424"/>
      <c r="MKC736" s="423" t="s">
        <v>2795</v>
      </c>
      <c r="MKD736" s="424"/>
      <c r="MKE736" s="424"/>
      <c r="MKF736" s="424"/>
      <c r="MKG736" s="423" t="s">
        <v>2795</v>
      </c>
      <c r="MKH736" s="424"/>
      <c r="MKI736" s="424"/>
      <c r="MKJ736" s="424"/>
      <c r="MKK736" s="423" t="s">
        <v>2795</v>
      </c>
      <c r="MKL736" s="424"/>
      <c r="MKM736" s="424"/>
      <c r="MKN736" s="424"/>
      <c r="MKO736" s="423" t="s">
        <v>2795</v>
      </c>
      <c r="MKP736" s="424"/>
      <c r="MKQ736" s="424"/>
      <c r="MKR736" s="424"/>
      <c r="MKS736" s="423" t="s">
        <v>2795</v>
      </c>
      <c r="MKT736" s="424"/>
      <c r="MKU736" s="424"/>
      <c r="MKV736" s="424"/>
      <c r="MKW736" s="423" t="s">
        <v>2795</v>
      </c>
      <c r="MKX736" s="424"/>
      <c r="MKY736" s="424"/>
      <c r="MKZ736" s="424"/>
      <c r="MLA736" s="423" t="s">
        <v>2795</v>
      </c>
      <c r="MLB736" s="424"/>
      <c r="MLC736" s="424"/>
      <c r="MLD736" s="424"/>
      <c r="MLE736" s="423" t="s">
        <v>2795</v>
      </c>
      <c r="MLF736" s="424"/>
      <c r="MLG736" s="424"/>
      <c r="MLH736" s="424"/>
      <c r="MLI736" s="423" t="s">
        <v>2795</v>
      </c>
      <c r="MLJ736" s="424"/>
      <c r="MLK736" s="424"/>
      <c r="MLL736" s="424"/>
      <c r="MLM736" s="423" t="s">
        <v>2795</v>
      </c>
      <c r="MLN736" s="424"/>
      <c r="MLO736" s="424"/>
      <c r="MLP736" s="424"/>
      <c r="MLQ736" s="423" t="s">
        <v>2795</v>
      </c>
      <c r="MLR736" s="424"/>
      <c r="MLS736" s="424"/>
      <c r="MLT736" s="424"/>
      <c r="MLU736" s="423" t="s">
        <v>2795</v>
      </c>
      <c r="MLV736" s="424"/>
      <c r="MLW736" s="424"/>
      <c r="MLX736" s="424"/>
      <c r="MLY736" s="423" t="s">
        <v>2795</v>
      </c>
      <c r="MLZ736" s="424"/>
      <c r="MMA736" s="424"/>
      <c r="MMB736" s="424"/>
      <c r="MMC736" s="423" t="s">
        <v>2795</v>
      </c>
      <c r="MMD736" s="424"/>
      <c r="MME736" s="424"/>
      <c r="MMF736" s="424"/>
      <c r="MMG736" s="423" t="s">
        <v>2795</v>
      </c>
      <c r="MMH736" s="424"/>
      <c r="MMI736" s="424"/>
      <c r="MMJ736" s="424"/>
      <c r="MMK736" s="423" t="s">
        <v>2795</v>
      </c>
      <c r="MML736" s="424"/>
      <c r="MMM736" s="424"/>
      <c r="MMN736" s="424"/>
      <c r="MMO736" s="423" t="s">
        <v>2795</v>
      </c>
      <c r="MMP736" s="424"/>
      <c r="MMQ736" s="424"/>
      <c r="MMR736" s="424"/>
      <c r="MMS736" s="423" t="s">
        <v>2795</v>
      </c>
      <c r="MMT736" s="424"/>
      <c r="MMU736" s="424"/>
      <c r="MMV736" s="424"/>
      <c r="MMW736" s="423" t="s">
        <v>2795</v>
      </c>
      <c r="MMX736" s="424"/>
      <c r="MMY736" s="424"/>
      <c r="MMZ736" s="424"/>
      <c r="MNA736" s="423" t="s">
        <v>2795</v>
      </c>
      <c r="MNB736" s="424"/>
      <c r="MNC736" s="424"/>
      <c r="MND736" s="424"/>
      <c r="MNE736" s="423" t="s">
        <v>2795</v>
      </c>
      <c r="MNF736" s="424"/>
      <c r="MNG736" s="424"/>
      <c r="MNH736" s="424"/>
      <c r="MNI736" s="423" t="s">
        <v>2795</v>
      </c>
      <c r="MNJ736" s="424"/>
      <c r="MNK736" s="424"/>
      <c r="MNL736" s="424"/>
      <c r="MNM736" s="423" t="s">
        <v>2795</v>
      </c>
      <c r="MNN736" s="424"/>
      <c r="MNO736" s="424"/>
      <c r="MNP736" s="424"/>
      <c r="MNQ736" s="423" t="s">
        <v>2795</v>
      </c>
      <c r="MNR736" s="424"/>
      <c r="MNS736" s="424"/>
      <c r="MNT736" s="424"/>
      <c r="MNU736" s="423" t="s">
        <v>2795</v>
      </c>
      <c r="MNV736" s="424"/>
      <c r="MNW736" s="424"/>
      <c r="MNX736" s="424"/>
      <c r="MNY736" s="423" t="s">
        <v>2795</v>
      </c>
      <c r="MNZ736" s="424"/>
      <c r="MOA736" s="424"/>
      <c r="MOB736" s="424"/>
      <c r="MOC736" s="423" t="s">
        <v>2795</v>
      </c>
      <c r="MOD736" s="424"/>
      <c r="MOE736" s="424"/>
      <c r="MOF736" s="424"/>
      <c r="MOG736" s="423" t="s">
        <v>2795</v>
      </c>
      <c r="MOH736" s="424"/>
      <c r="MOI736" s="424"/>
      <c r="MOJ736" s="424"/>
      <c r="MOK736" s="423" t="s">
        <v>2795</v>
      </c>
      <c r="MOL736" s="424"/>
      <c r="MOM736" s="424"/>
      <c r="MON736" s="424"/>
      <c r="MOO736" s="423" t="s">
        <v>2795</v>
      </c>
      <c r="MOP736" s="424"/>
      <c r="MOQ736" s="424"/>
      <c r="MOR736" s="424"/>
      <c r="MOS736" s="423" t="s">
        <v>2795</v>
      </c>
      <c r="MOT736" s="424"/>
      <c r="MOU736" s="424"/>
      <c r="MOV736" s="424"/>
      <c r="MOW736" s="423" t="s">
        <v>2795</v>
      </c>
      <c r="MOX736" s="424"/>
      <c r="MOY736" s="424"/>
      <c r="MOZ736" s="424"/>
      <c r="MPA736" s="423" t="s">
        <v>2795</v>
      </c>
      <c r="MPB736" s="424"/>
      <c r="MPC736" s="424"/>
      <c r="MPD736" s="424"/>
      <c r="MPE736" s="423" t="s">
        <v>2795</v>
      </c>
      <c r="MPF736" s="424"/>
      <c r="MPG736" s="424"/>
      <c r="MPH736" s="424"/>
      <c r="MPI736" s="423" t="s">
        <v>2795</v>
      </c>
      <c r="MPJ736" s="424"/>
      <c r="MPK736" s="424"/>
      <c r="MPL736" s="424"/>
      <c r="MPM736" s="423" t="s">
        <v>2795</v>
      </c>
      <c r="MPN736" s="424"/>
      <c r="MPO736" s="424"/>
      <c r="MPP736" s="424"/>
      <c r="MPQ736" s="423" t="s">
        <v>2795</v>
      </c>
      <c r="MPR736" s="424"/>
      <c r="MPS736" s="424"/>
      <c r="MPT736" s="424"/>
      <c r="MPU736" s="423" t="s">
        <v>2795</v>
      </c>
      <c r="MPV736" s="424"/>
      <c r="MPW736" s="424"/>
      <c r="MPX736" s="424"/>
      <c r="MPY736" s="423" t="s">
        <v>2795</v>
      </c>
      <c r="MPZ736" s="424"/>
      <c r="MQA736" s="424"/>
      <c r="MQB736" s="424"/>
      <c r="MQC736" s="423" t="s">
        <v>2795</v>
      </c>
      <c r="MQD736" s="424"/>
      <c r="MQE736" s="424"/>
      <c r="MQF736" s="424"/>
      <c r="MQG736" s="423" t="s">
        <v>2795</v>
      </c>
      <c r="MQH736" s="424"/>
      <c r="MQI736" s="424"/>
      <c r="MQJ736" s="424"/>
      <c r="MQK736" s="423" t="s">
        <v>2795</v>
      </c>
      <c r="MQL736" s="424"/>
      <c r="MQM736" s="424"/>
      <c r="MQN736" s="424"/>
      <c r="MQO736" s="423" t="s">
        <v>2795</v>
      </c>
      <c r="MQP736" s="424"/>
      <c r="MQQ736" s="424"/>
      <c r="MQR736" s="424"/>
      <c r="MQS736" s="423" t="s">
        <v>2795</v>
      </c>
      <c r="MQT736" s="424"/>
      <c r="MQU736" s="424"/>
      <c r="MQV736" s="424"/>
      <c r="MQW736" s="423" t="s">
        <v>2795</v>
      </c>
      <c r="MQX736" s="424"/>
      <c r="MQY736" s="424"/>
      <c r="MQZ736" s="424"/>
      <c r="MRA736" s="423" t="s">
        <v>2795</v>
      </c>
      <c r="MRB736" s="424"/>
      <c r="MRC736" s="424"/>
      <c r="MRD736" s="424"/>
      <c r="MRE736" s="423" t="s">
        <v>2795</v>
      </c>
      <c r="MRF736" s="424"/>
      <c r="MRG736" s="424"/>
      <c r="MRH736" s="424"/>
      <c r="MRI736" s="423" t="s">
        <v>2795</v>
      </c>
      <c r="MRJ736" s="424"/>
      <c r="MRK736" s="424"/>
      <c r="MRL736" s="424"/>
      <c r="MRM736" s="423" t="s">
        <v>2795</v>
      </c>
      <c r="MRN736" s="424"/>
      <c r="MRO736" s="424"/>
      <c r="MRP736" s="424"/>
      <c r="MRQ736" s="423" t="s">
        <v>2795</v>
      </c>
      <c r="MRR736" s="424"/>
      <c r="MRS736" s="424"/>
      <c r="MRT736" s="424"/>
      <c r="MRU736" s="423" t="s">
        <v>2795</v>
      </c>
      <c r="MRV736" s="424"/>
      <c r="MRW736" s="424"/>
      <c r="MRX736" s="424"/>
      <c r="MRY736" s="423" t="s">
        <v>2795</v>
      </c>
      <c r="MRZ736" s="424"/>
      <c r="MSA736" s="424"/>
      <c r="MSB736" s="424"/>
      <c r="MSC736" s="423" t="s">
        <v>2795</v>
      </c>
      <c r="MSD736" s="424"/>
      <c r="MSE736" s="424"/>
      <c r="MSF736" s="424"/>
      <c r="MSG736" s="423" t="s">
        <v>2795</v>
      </c>
      <c r="MSH736" s="424"/>
      <c r="MSI736" s="424"/>
      <c r="MSJ736" s="424"/>
      <c r="MSK736" s="423" t="s">
        <v>2795</v>
      </c>
      <c r="MSL736" s="424"/>
      <c r="MSM736" s="424"/>
      <c r="MSN736" s="424"/>
      <c r="MSO736" s="423" t="s">
        <v>2795</v>
      </c>
      <c r="MSP736" s="424"/>
      <c r="MSQ736" s="424"/>
      <c r="MSR736" s="424"/>
      <c r="MSS736" s="423" t="s">
        <v>2795</v>
      </c>
      <c r="MST736" s="424"/>
      <c r="MSU736" s="424"/>
      <c r="MSV736" s="424"/>
      <c r="MSW736" s="423" t="s">
        <v>2795</v>
      </c>
      <c r="MSX736" s="424"/>
      <c r="MSY736" s="424"/>
      <c r="MSZ736" s="424"/>
      <c r="MTA736" s="423" t="s">
        <v>2795</v>
      </c>
      <c r="MTB736" s="424"/>
      <c r="MTC736" s="424"/>
      <c r="MTD736" s="424"/>
      <c r="MTE736" s="423" t="s">
        <v>2795</v>
      </c>
      <c r="MTF736" s="424"/>
      <c r="MTG736" s="424"/>
      <c r="MTH736" s="424"/>
      <c r="MTI736" s="423" t="s">
        <v>2795</v>
      </c>
      <c r="MTJ736" s="424"/>
      <c r="MTK736" s="424"/>
      <c r="MTL736" s="424"/>
      <c r="MTM736" s="423" t="s">
        <v>2795</v>
      </c>
      <c r="MTN736" s="424"/>
      <c r="MTO736" s="424"/>
      <c r="MTP736" s="424"/>
      <c r="MTQ736" s="423" t="s">
        <v>2795</v>
      </c>
      <c r="MTR736" s="424"/>
      <c r="MTS736" s="424"/>
      <c r="MTT736" s="424"/>
      <c r="MTU736" s="423" t="s">
        <v>2795</v>
      </c>
      <c r="MTV736" s="424"/>
      <c r="MTW736" s="424"/>
      <c r="MTX736" s="424"/>
      <c r="MTY736" s="423" t="s">
        <v>2795</v>
      </c>
      <c r="MTZ736" s="424"/>
      <c r="MUA736" s="424"/>
      <c r="MUB736" s="424"/>
      <c r="MUC736" s="423" t="s">
        <v>2795</v>
      </c>
      <c r="MUD736" s="424"/>
      <c r="MUE736" s="424"/>
      <c r="MUF736" s="424"/>
      <c r="MUG736" s="423" t="s">
        <v>2795</v>
      </c>
      <c r="MUH736" s="424"/>
      <c r="MUI736" s="424"/>
      <c r="MUJ736" s="424"/>
      <c r="MUK736" s="423" t="s">
        <v>2795</v>
      </c>
      <c r="MUL736" s="424"/>
      <c r="MUM736" s="424"/>
      <c r="MUN736" s="424"/>
      <c r="MUO736" s="423" t="s">
        <v>2795</v>
      </c>
      <c r="MUP736" s="424"/>
      <c r="MUQ736" s="424"/>
      <c r="MUR736" s="424"/>
      <c r="MUS736" s="423" t="s">
        <v>2795</v>
      </c>
      <c r="MUT736" s="424"/>
      <c r="MUU736" s="424"/>
      <c r="MUV736" s="424"/>
      <c r="MUW736" s="423" t="s">
        <v>2795</v>
      </c>
      <c r="MUX736" s="424"/>
      <c r="MUY736" s="424"/>
      <c r="MUZ736" s="424"/>
      <c r="MVA736" s="423" t="s">
        <v>2795</v>
      </c>
      <c r="MVB736" s="424"/>
      <c r="MVC736" s="424"/>
      <c r="MVD736" s="424"/>
      <c r="MVE736" s="423" t="s">
        <v>2795</v>
      </c>
      <c r="MVF736" s="424"/>
      <c r="MVG736" s="424"/>
      <c r="MVH736" s="424"/>
      <c r="MVI736" s="423" t="s">
        <v>2795</v>
      </c>
      <c r="MVJ736" s="424"/>
      <c r="MVK736" s="424"/>
      <c r="MVL736" s="424"/>
      <c r="MVM736" s="423" t="s">
        <v>2795</v>
      </c>
      <c r="MVN736" s="424"/>
      <c r="MVO736" s="424"/>
      <c r="MVP736" s="424"/>
      <c r="MVQ736" s="423" t="s">
        <v>2795</v>
      </c>
      <c r="MVR736" s="424"/>
      <c r="MVS736" s="424"/>
      <c r="MVT736" s="424"/>
      <c r="MVU736" s="423" t="s">
        <v>2795</v>
      </c>
      <c r="MVV736" s="424"/>
      <c r="MVW736" s="424"/>
      <c r="MVX736" s="424"/>
      <c r="MVY736" s="423" t="s">
        <v>2795</v>
      </c>
      <c r="MVZ736" s="424"/>
      <c r="MWA736" s="424"/>
      <c r="MWB736" s="424"/>
      <c r="MWC736" s="423" t="s">
        <v>2795</v>
      </c>
      <c r="MWD736" s="424"/>
      <c r="MWE736" s="424"/>
      <c r="MWF736" s="424"/>
      <c r="MWG736" s="423" t="s">
        <v>2795</v>
      </c>
      <c r="MWH736" s="424"/>
      <c r="MWI736" s="424"/>
      <c r="MWJ736" s="424"/>
      <c r="MWK736" s="423" t="s">
        <v>2795</v>
      </c>
      <c r="MWL736" s="424"/>
      <c r="MWM736" s="424"/>
      <c r="MWN736" s="424"/>
      <c r="MWO736" s="423" t="s">
        <v>2795</v>
      </c>
      <c r="MWP736" s="424"/>
      <c r="MWQ736" s="424"/>
      <c r="MWR736" s="424"/>
      <c r="MWS736" s="423" t="s">
        <v>2795</v>
      </c>
      <c r="MWT736" s="424"/>
      <c r="MWU736" s="424"/>
      <c r="MWV736" s="424"/>
      <c r="MWW736" s="423" t="s">
        <v>2795</v>
      </c>
      <c r="MWX736" s="424"/>
      <c r="MWY736" s="424"/>
      <c r="MWZ736" s="424"/>
      <c r="MXA736" s="423" t="s">
        <v>2795</v>
      </c>
      <c r="MXB736" s="424"/>
      <c r="MXC736" s="424"/>
      <c r="MXD736" s="424"/>
      <c r="MXE736" s="423" t="s">
        <v>2795</v>
      </c>
      <c r="MXF736" s="424"/>
      <c r="MXG736" s="424"/>
      <c r="MXH736" s="424"/>
      <c r="MXI736" s="423" t="s">
        <v>2795</v>
      </c>
      <c r="MXJ736" s="424"/>
      <c r="MXK736" s="424"/>
      <c r="MXL736" s="424"/>
      <c r="MXM736" s="423" t="s">
        <v>2795</v>
      </c>
      <c r="MXN736" s="424"/>
      <c r="MXO736" s="424"/>
      <c r="MXP736" s="424"/>
      <c r="MXQ736" s="423" t="s">
        <v>2795</v>
      </c>
      <c r="MXR736" s="424"/>
      <c r="MXS736" s="424"/>
      <c r="MXT736" s="424"/>
      <c r="MXU736" s="423" t="s">
        <v>2795</v>
      </c>
      <c r="MXV736" s="424"/>
      <c r="MXW736" s="424"/>
      <c r="MXX736" s="424"/>
      <c r="MXY736" s="423" t="s">
        <v>2795</v>
      </c>
      <c r="MXZ736" s="424"/>
      <c r="MYA736" s="424"/>
      <c r="MYB736" s="424"/>
      <c r="MYC736" s="423" t="s">
        <v>2795</v>
      </c>
      <c r="MYD736" s="424"/>
      <c r="MYE736" s="424"/>
      <c r="MYF736" s="424"/>
      <c r="MYG736" s="423" t="s">
        <v>2795</v>
      </c>
      <c r="MYH736" s="424"/>
      <c r="MYI736" s="424"/>
      <c r="MYJ736" s="424"/>
      <c r="MYK736" s="423" t="s">
        <v>2795</v>
      </c>
      <c r="MYL736" s="424"/>
      <c r="MYM736" s="424"/>
      <c r="MYN736" s="424"/>
      <c r="MYO736" s="423" t="s">
        <v>2795</v>
      </c>
      <c r="MYP736" s="424"/>
      <c r="MYQ736" s="424"/>
      <c r="MYR736" s="424"/>
      <c r="MYS736" s="423" t="s">
        <v>2795</v>
      </c>
      <c r="MYT736" s="424"/>
      <c r="MYU736" s="424"/>
      <c r="MYV736" s="424"/>
      <c r="MYW736" s="423" t="s">
        <v>2795</v>
      </c>
      <c r="MYX736" s="424"/>
      <c r="MYY736" s="424"/>
      <c r="MYZ736" s="424"/>
      <c r="MZA736" s="423" t="s">
        <v>2795</v>
      </c>
      <c r="MZB736" s="424"/>
      <c r="MZC736" s="424"/>
      <c r="MZD736" s="424"/>
      <c r="MZE736" s="423" t="s">
        <v>2795</v>
      </c>
      <c r="MZF736" s="424"/>
      <c r="MZG736" s="424"/>
      <c r="MZH736" s="424"/>
      <c r="MZI736" s="423" t="s">
        <v>2795</v>
      </c>
      <c r="MZJ736" s="424"/>
      <c r="MZK736" s="424"/>
      <c r="MZL736" s="424"/>
      <c r="MZM736" s="423" t="s">
        <v>2795</v>
      </c>
      <c r="MZN736" s="424"/>
      <c r="MZO736" s="424"/>
      <c r="MZP736" s="424"/>
      <c r="MZQ736" s="423" t="s">
        <v>2795</v>
      </c>
      <c r="MZR736" s="424"/>
      <c r="MZS736" s="424"/>
      <c r="MZT736" s="424"/>
      <c r="MZU736" s="423" t="s">
        <v>2795</v>
      </c>
      <c r="MZV736" s="424"/>
      <c r="MZW736" s="424"/>
      <c r="MZX736" s="424"/>
      <c r="MZY736" s="423" t="s">
        <v>2795</v>
      </c>
      <c r="MZZ736" s="424"/>
      <c r="NAA736" s="424"/>
      <c r="NAB736" s="424"/>
      <c r="NAC736" s="423" t="s">
        <v>2795</v>
      </c>
      <c r="NAD736" s="424"/>
      <c r="NAE736" s="424"/>
      <c r="NAF736" s="424"/>
      <c r="NAG736" s="423" t="s">
        <v>2795</v>
      </c>
      <c r="NAH736" s="424"/>
      <c r="NAI736" s="424"/>
      <c r="NAJ736" s="424"/>
      <c r="NAK736" s="423" t="s">
        <v>2795</v>
      </c>
      <c r="NAL736" s="424"/>
      <c r="NAM736" s="424"/>
      <c r="NAN736" s="424"/>
      <c r="NAO736" s="423" t="s">
        <v>2795</v>
      </c>
      <c r="NAP736" s="424"/>
      <c r="NAQ736" s="424"/>
      <c r="NAR736" s="424"/>
      <c r="NAS736" s="423" t="s">
        <v>2795</v>
      </c>
      <c r="NAT736" s="424"/>
      <c r="NAU736" s="424"/>
      <c r="NAV736" s="424"/>
      <c r="NAW736" s="423" t="s">
        <v>2795</v>
      </c>
      <c r="NAX736" s="424"/>
      <c r="NAY736" s="424"/>
      <c r="NAZ736" s="424"/>
      <c r="NBA736" s="423" t="s">
        <v>2795</v>
      </c>
      <c r="NBB736" s="424"/>
      <c r="NBC736" s="424"/>
      <c r="NBD736" s="424"/>
      <c r="NBE736" s="423" t="s">
        <v>2795</v>
      </c>
      <c r="NBF736" s="424"/>
      <c r="NBG736" s="424"/>
      <c r="NBH736" s="424"/>
      <c r="NBI736" s="423" t="s">
        <v>2795</v>
      </c>
      <c r="NBJ736" s="424"/>
      <c r="NBK736" s="424"/>
      <c r="NBL736" s="424"/>
      <c r="NBM736" s="423" t="s">
        <v>2795</v>
      </c>
      <c r="NBN736" s="424"/>
      <c r="NBO736" s="424"/>
      <c r="NBP736" s="424"/>
      <c r="NBQ736" s="423" t="s">
        <v>2795</v>
      </c>
      <c r="NBR736" s="424"/>
      <c r="NBS736" s="424"/>
      <c r="NBT736" s="424"/>
      <c r="NBU736" s="423" t="s">
        <v>2795</v>
      </c>
      <c r="NBV736" s="424"/>
      <c r="NBW736" s="424"/>
      <c r="NBX736" s="424"/>
      <c r="NBY736" s="423" t="s">
        <v>2795</v>
      </c>
      <c r="NBZ736" s="424"/>
      <c r="NCA736" s="424"/>
      <c r="NCB736" s="424"/>
      <c r="NCC736" s="423" t="s">
        <v>2795</v>
      </c>
      <c r="NCD736" s="424"/>
      <c r="NCE736" s="424"/>
      <c r="NCF736" s="424"/>
      <c r="NCG736" s="423" t="s">
        <v>2795</v>
      </c>
      <c r="NCH736" s="424"/>
      <c r="NCI736" s="424"/>
      <c r="NCJ736" s="424"/>
      <c r="NCK736" s="423" t="s">
        <v>2795</v>
      </c>
      <c r="NCL736" s="424"/>
      <c r="NCM736" s="424"/>
      <c r="NCN736" s="424"/>
      <c r="NCO736" s="423" t="s">
        <v>2795</v>
      </c>
      <c r="NCP736" s="424"/>
      <c r="NCQ736" s="424"/>
      <c r="NCR736" s="424"/>
      <c r="NCS736" s="423" t="s">
        <v>2795</v>
      </c>
      <c r="NCT736" s="424"/>
      <c r="NCU736" s="424"/>
      <c r="NCV736" s="424"/>
      <c r="NCW736" s="423" t="s">
        <v>2795</v>
      </c>
      <c r="NCX736" s="424"/>
      <c r="NCY736" s="424"/>
      <c r="NCZ736" s="424"/>
      <c r="NDA736" s="423" t="s">
        <v>2795</v>
      </c>
      <c r="NDB736" s="424"/>
      <c r="NDC736" s="424"/>
      <c r="NDD736" s="424"/>
      <c r="NDE736" s="423" t="s">
        <v>2795</v>
      </c>
      <c r="NDF736" s="424"/>
      <c r="NDG736" s="424"/>
      <c r="NDH736" s="424"/>
      <c r="NDI736" s="423" t="s">
        <v>2795</v>
      </c>
      <c r="NDJ736" s="424"/>
      <c r="NDK736" s="424"/>
      <c r="NDL736" s="424"/>
      <c r="NDM736" s="423" t="s">
        <v>2795</v>
      </c>
      <c r="NDN736" s="424"/>
      <c r="NDO736" s="424"/>
      <c r="NDP736" s="424"/>
      <c r="NDQ736" s="423" t="s">
        <v>2795</v>
      </c>
      <c r="NDR736" s="424"/>
      <c r="NDS736" s="424"/>
      <c r="NDT736" s="424"/>
      <c r="NDU736" s="423" t="s">
        <v>2795</v>
      </c>
      <c r="NDV736" s="424"/>
      <c r="NDW736" s="424"/>
      <c r="NDX736" s="424"/>
      <c r="NDY736" s="423" t="s">
        <v>2795</v>
      </c>
      <c r="NDZ736" s="424"/>
      <c r="NEA736" s="424"/>
      <c r="NEB736" s="424"/>
      <c r="NEC736" s="423" t="s">
        <v>2795</v>
      </c>
      <c r="NED736" s="424"/>
      <c r="NEE736" s="424"/>
      <c r="NEF736" s="424"/>
      <c r="NEG736" s="423" t="s">
        <v>2795</v>
      </c>
      <c r="NEH736" s="424"/>
      <c r="NEI736" s="424"/>
      <c r="NEJ736" s="424"/>
      <c r="NEK736" s="423" t="s">
        <v>2795</v>
      </c>
      <c r="NEL736" s="424"/>
      <c r="NEM736" s="424"/>
      <c r="NEN736" s="424"/>
      <c r="NEO736" s="423" t="s">
        <v>2795</v>
      </c>
      <c r="NEP736" s="424"/>
      <c r="NEQ736" s="424"/>
      <c r="NER736" s="424"/>
      <c r="NES736" s="423" t="s">
        <v>2795</v>
      </c>
      <c r="NET736" s="424"/>
      <c r="NEU736" s="424"/>
      <c r="NEV736" s="424"/>
      <c r="NEW736" s="423" t="s">
        <v>2795</v>
      </c>
      <c r="NEX736" s="424"/>
      <c r="NEY736" s="424"/>
      <c r="NEZ736" s="424"/>
      <c r="NFA736" s="423" t="s">
        <v>2795</v>
      </c>
      <c r="NFB736" s="424"/>
      <c r="NFC736" s="424"/>
      <c r="NFD736" s="424"/>
      <c r="NFE736" s="423" t="s">
        <v>2795</v>
      </c>
      <c r="NFF736" s="424"/>
      <c r="NFG736" s="424"/>
      <c r="NFH736" s="424"/>
      <c r="NFI736" s="423" t="s">
        <v>2795</v>
      </c>
      <c r="NFJ736" s="424"/>
      <c r="NFK736" s="424"/>
      <c r="NFL736" s="424"/>
      <c r="NFM736" s="423" t="s">
        <v>2795</v>
      </c>
      <c r="NFN736" s="424"/>
      <c r="NFO736" s="424"/>
      <c r="NFP736" s="424"/>
      <c r="NFQ736" s="423" t="s">
        <v>2795</v>
      </c>
      <c r="NFR736" s="424"/>
      <c r="NFS736" s="424"/>
      <c r="NFT736" s="424"/>
      <c r="NFU736" s="423" t="s">
        <v>2795</v>
      </c>
      <c r="NFV736" s="424"/>
      <c r="NFW736" s="424"/>
      <c r="NFX736" s="424"/>
      <c r="NFY736" s="423" t="s">
        <v>2795</v>
      </c>
      <c r="NFZ736" s="424"/>
      <c r="NGA736" s="424"/>
      <c r="NGB736" s="424"/>
      <c r="NGC736" s="423" t="s">
        <v>2795</v>
      </c>
      <c r="NGD736" s="424"/>
      <c r="NGE736" s="424"/>
      <c r="NGF736" s="424"/>
      <c r="NGG736" s="423" t="s">
        <v>2795</v>
      </c>
      <c r="NGH736" s="424"/>
      <c r="NGI736" s="424"/>
      <c r="NGJ736" s="424"/>
      <c r="NGK736" s="423" t="s">
        <v>2795</v>
      </c>
      <c r="NGL736" s="424"/>
      <c r="NGM736" s="424"/>
      <c r="NGN736" s="424"/>
      <c r="NGO736" s="423" t="s">
        <v>2795</v>
      </c>
      <c r="NGP736" s="424"/>
      <c r="NGQ736" s="424"/>
      <c r="NGR736" s="424"/>
      <c r="NGS736" s="423" t="s">
        <v>2795</v>
      </c>
      <c r="NGT736" s="424"/>
      <c r="NGU736" s="424"/>
      <c r="NGV736" s="424"/>
      <c r="NGW736" s="423" t="s">
        <v>2795</v>
      </c>
      <c r="NGX736" s="424"/>
      <c r="NGY736" s="424"/>
      <c r="NGZ736" s="424"/>
      <c r="NHA736" s="423" t="s">
        <v>2795</v>
      </c>
      <c r="NHB736" s="424"/>
      <c r="NHC736" s="424"/>
      <c r="NHD736" s="424"/>
      <c r="NHE736" s="423" t="s">
        <v>2795</v>
      </c>
      <c r="NHF736" s="424"/>
      <c r="NHG736" s="424"/>
      <c r="NHH736" s="424"/>
      <c r="NHI736" s="423" t="s">
        <v>2795</v>
      </c>
      <c r="NHJ736" s="424"/>
      <c r="NHK736" s="424"/>
      <c r="NHL736" s="424"/>
      <c r="NHM736" s="423" t="s">
        <v>2795</v>
      </c>
      <c r="NHN736" s="424"/>
      <c r="NHO736" s="424"/>
      <c r="NHP736" s="424"/>
      <c r="NHQ736" s="423" t="s">
        <v>2795</v>
      </c>
      <c r="NHR736" s="424"/>
      <c r="NHS736" s="424"/>
      <c r="NHT736" s="424"/>
      <c r="NHU736" s="423" t="s">
        <v>2795</v>
      </c>
      <c r="NHV736" s="424"/>
      <c r="NHW736" s="424"/>
      <c r="NHX736" s="424"/>
      <c r="NHY736" s="423" t="s">
        <v>2795</v>
      </c>
      <c r="NHZ736" s="424"/>
      <c r="NIA736" s="424"/>
      <c r="NIB736" s="424"/>
      <c r="NIC736" s="423" t="s">
        <v>2795</v>
      </c>
      <c r="NID736" s="424"/>
      <c r="NIE736" s="424"/>
      <c r="NIF736" s="424"/>
      <c r="NIG736" s="423" t="s">
        <v>2795</v>
      </c>
      <c r="NIH736" s="424"/>
      <c r="NII736" s="424"/>
      <c r="NIJ736" s="424"/>
      <c r="NIK736" s="423" t="s">
        <v>2795</v>
      </c>
      <c r="NIL736" s="424"/>
      <c r="NIM736" s="424"/>
      <c r="NIN736" s="424"/>
      <c r="NIO736" s="423" t="s">
        <v>2795</v>
      </c>
      <c r="NIP736" s="424"/>
      <c r="NIQ736" s="424"/>
      <c r="NIR736" s="424"/>
      <c r="NIS736" s="423" t="s">
        <v>2795</v>
      </c>
      <c r="NIT736" s="424"/>
      <c r="NIU736" s="424"/>
      <c r="NIV736" s="424"/>
      <c r="NIW736" s="423" t="s">
        <v>2795</v>
      </c>
      <c r="NIX736" s="424"/>
      <c r="NIY736" s="424"/>
      <c r="NIZ736" s="424"/>
      <c r="NJA736" s="423" t="s">
        <v>2795</v>
      </c>
      <c r="NJB736" s="424"/>
      <c r="NJC736" s="424"/>
      <c r="NJD736" s="424"/>
      <c r="NJE736" s="423" t="s">
        <v>2795</v>
      </c>
      <c r="NJF736" s="424"/>
      <c r="NJG736" s="424"/>
      <c r="NJH736" s="424"/>
      <c r="NJI736" s="423" t="s">
        <v>2795</v>
      </c>
      <c r="NJJ736" s="424"/>
      <c r="NJK736" s="424"/>
      <c r="NJL736" s="424"/>
      <c r="NJM736" s="423" t="s">
        <v>2795</v>
      </c>
      <c r="NJN736" s="424"/>
      <c r="NJO736" s="424"/>
      <c r="NJP736" s="424"/>
      <c r="NJQ736" s="423" t="s">
        <v>2795</v>
      </c>
      <c r="NJR736" s="424"/>
      <c r="NJS736" s="424"/>
      <c r="NJT736" s="424"/>
      <c r="NJU736" s="423" t="s">
        <v>2795</v>
      </c>
      <c r="NJV736" s="424"/>
      <c r="NJW736" s="424"/>
      <c r="NJX736" s="424"/>
      <c r="NJY736" s="423" t="s">
        <v>2795</v>
      </c>
      <c r="NJZ736" s="424"/>
      <c r="NKA736" s="424"/>
      <c r="NKB736" s="424"/>
      <c r="NKC736" s="423" t="s">
        <v>2795</v>
      </c>
      <c r="NKD736" s="424"/>
      <c r="NKE736" s="424"/>
      <c r="NKF736" s="424"/>
      <c r="NKG736" s="423" t="s">
        <v>2795</v>
      </c>
      <c r="NKH736" s="424"/>
      <c r="NKI736" s="424"/>
      <c r="NKJ736" s="424"/>
      <c r="NKK736" s="423" t="s">
        <v>2795</v>
      </c>
      <c r="NKL736" s="424"/>
      <c r="NKM736" s="424"/>
      <c r="NKN736" s="424"/>
      <c r="NKO736" s="423" t="s">
        <v>2795</v>
      </c>
      <c r="NKP736" s="424"/>
      <c r="NKQ736" s="424"/>
      <c r="NKR736" s="424"/>
      <c r="NKS736" s="423" t="s">
        <v>2795</v>
      </c>
      <c r="NKT736" s="424"/>
      <c r="NKU736" s="424"/>
      <c r="NKV736" s="424"/>
      <c r="NKW736" s="423" t="s">
        <v>2795</v>
      </c>
      <c r="NKX736" s="424"/>
      <c r="NKY736" s="424"/>
      <c r="NKZ736" s="424"/>
      <c r="NLA736" s="423" t="s">
        <v>2795</v>
      </c>
      <c r="NLB736" s="424"/>
      <c r="NLC736" s="424"/>
      <c r="NLD736" s="424"/>
      <c r="NLE736" s="423" t="s">
        <v>2795</v>
      </c>
      <c r="NLF736" s="424"/>
      <c r="NLG736" s="424"/>
      <c r="NLH736" s="424"/>
      <c r="NLI736" s="423" t="s">
        <v>2795</v>
      </c>
      <c r="NLJ736" s="424"/>
      <c r="NLK736" s="424"/>
      <c r="NLL736" s="424"/>
      <c r="NLM736" s="423" t="s">
        <v>2795</v>
      </c>
      <c r="NLN736" s="424"/>
      <c r="NLO736" s="424"/>
      <c r="NLP736" s="424"/>
      <c r="NLQ736" s="423" t="s">
        <v>2795</v>
      </c>
      <c r="NLR736" s="424"/>
      <c r="NLS736" s="424"/>
      <c r="NLT736" s="424"/>
      <c r="NLU736" s="423" t="s">
        <v>2795</v>
      </c>
      <c r="NLV736" s="424"/>
      <c r="NLW736" s="424"/>
      <c r="NLX736" s="424"/>
      <c r="NLY736" s="423" t="s">
        <v>2795</v>
      </c>
      <c r="NLZ736" s="424"/>
      <c r="NMA736" s="424"/>
      <c r="NMB736" s="424"/>
      <c r="NMC736" s="423" t="s">
        <v>2795</v>
      </c>
      <c r="NMD736" s="424"/>
      <c r="NME736" s="424"/>
      <c r="NMF736" s="424"/>
      <c r="NMG736" s="423" t="s">
        <v>2795</v>
      </c>
      <c r="NMH736" s="424"/>
      <c r="NMI736" s="424"/>
      <c r="NMJ736" s="424"/>
      <c r="NMK736" s="423" t="s">
        <v>2795</v>
      </c>
      <c r="NML736" s="424"/>
      <c r="NMM736" s="424"/>
      <c r="NMN736" s="424"/>
      <c r="NMO736" s="423" t="s">
        <v>2795</v>
      </c>
      <c r="NMP736" s="424"/>
      <c r="NMQ736" s="424"/>
      <c r="NMR736" s="424"/>
      <c r="NMS736" s="423" t="s">
        <v>2795</v>
      </c>
      <c r="NMT736" s="424"/>
      <c r="NMU736" s="424"/>
      <c r="NMV736" s="424"/>
      <c r="NMW736" s="423" t="s">
        <v>2795</v>
      </c>
      <c r="NMX736" s="424"/>
      <c r="NMY736" s="424"/>
      <c r="NMZ736" s="424"/>
      <c r="NNA736" s="423" t="s">
        <v>2795</v>
      </c>
      <c r="NNB736" s="424"/>
      <c r="NNC736" s="424"/>
      <c r="NND736" s="424"/>
      <c r="NNE736" s="423" t="s">
        <v>2795</v>
      </c>
      <c r="NNF736" s="424"/>
      <c r="NNG736" s="424"/>
      <c r="NNH736" s="424"/>
      <c r="NNI736" s="423" t="s">
        <v>2795</v>
      </c>
      <c r="NNJ736" s="424"/>
      <c r="NNK736" s="424"/>
      <c r="NNL736" s="424"/>
      <c r="NNM736" s="423" t="s">
        <v>2795</v>
      </c>
      <c r="NNN736" s="424"/>
      <c r="NNO736" s="424"/>
      <c r="NNP736" s="424"/>
      <c r="NNQ736" s="423" t="s">
        <v>2795</v>
      </c>
      <c r="NNR736" s="424"/>
      <c r="NNS736" s="424"/>
      <c r="NNT736" s="424"/>
      <c r="NNU736" s="423" t="s">
        <v>2795</v>
      </c>
      <c r="NNV736" s="424"/>
      <c r="NNW736" s="424"/>
      <c r="NNX736" s="424"/>
      <c r="NNY736" s="423" t="s">
        <v>2795</v>
      </c>
      <c r="NNZ736" s="424"/>
      <c r="NOA736" s="424"/>
      <c r="NOB736" s="424"/>
      <c r="NOC736" s="423" t="s">
        <v>2795</v>
      </c>
      <c r="NOD736" s="424"/>
      <c r="NOE736" s="424"/>
      <c r="NOF736" s="424"/>
      <c r="NOG736" s="423" t="s">
        <v>2795</v>
      </c>
      <c r="NOH736" s="424"/>
      <c r="NOI736" s="424"/>
      <c r="NOJ736" s="424"/>
      <c r="NOK736" s="423" t="s">
        <v>2795</v>
      </c>
      <c r="NOL736" s="424"/>
      <c r="NOM736" s="424"/>
      <c r="NON736" s="424"/>
      <c r="NOO736" s="423" t="s">
        <v>2795</v>
      </c>
      <c r="NOP736" s="424"/>
      <c r="NOQ736" s="424"/>
      <c r="NOR736" s="424"/>
      <c r="NOS736" s="423" t="s">
        <v>2795</v>
      </c>
      <c r="NOT736" s="424"/>
      <c r="NOU736" s="424"/>
      <c r="NOV736" s="424"/>
      <c r="NOW736" s="423" t="s">
        <v>2795</v>
      </c>
      <c r="NOX736" s="424"/>
      <c r="NOY736" s="424"/>
      <c r="NOZ736" s="424"/>
      <c r="NPA736" s="423" t="s">
        <v>2795</v>
      </c>
      <c r="NPB736" s="424"/>
      <c r="NPC736" s="424"/>
      <c r="NPD736" s="424"/>
      <c r="NPE736" s="423" t="s">
        <v>2795</v>
      </c>
      <c r="NPF736" s="424"/>
      <c r="NPG736" s="424"/>
      <c r="NPH736" s="424"/>
      <c r="NPI736" s="423" t="s">
        <v>2795</v>
      </c>
      <c r="NPJ736" s="424"/>
      <c r="NPK736" s="424"/>
      <c r="NPL736" s="424"/>
      <c r="NPM736" s="423" t="s">
        <v>2795</v>
      </c>
      <c r="NPN736" s="424"/>
      <c r="NPO736" s="424"/>
      <c r="NPP736" s="424"/>
      <c r="NPQ736" s="423" t="s">
        <v>2795</v>
      </c>
      <c r="NPR736" s="424"/>
      <c r="NPS736" s="424"/>
      <c r="NPT736" s="424"/>
      <c r="NPU736" s="423" t="s">
        <v>2795</v>
      </c>
      <c r="NPV736" s="424"/>
      <c r="NPW736" s="424"/>
      <c r="NPX736" s="424"/>
      <c r="NPY736" s="423" t="s">
        <v>2795</v>
      </c>
      <c r="NPZ736" s="424"/>
      <c r="NQA736" s="424"/>
      <c r="NQB736" s="424"/>
      <c r="NQC736" s="423" t="s">
        <v>2795</v>
      </c>
      <c r="NQD736" s="424"/>
      <c r="NQE736" s="424"/>
      <c r="NQF736" s="424"/>
      <c r="NQG736" s="423" t="s">
        <v>2795</v>
      </c>
      <c r="NQH736" s="424"/>
      <c r="NQI736" s="424"/>
      <c r="NQJ736" s="424"/>
      <c r="NQK736" s="423" t="s">
        <v>2795</v>
      </c>
      <c r="NQL736" s="424"/>
      <c r="NQM736" s="424"/>
      <c r="NQN736" s="424"/>
      <c r="NQO736" s="423" t="s">
        <v>2795</v>
      </c>
      <c r="NQP736" s="424"/>
      <c r="NQQ736" s="424"/>
      <c r="NQR736" s="424"/>
      <c r="NQS736" s="423" t="s">
        <v>2795</v>
      </c>
      <c r="NQT736" s="424"/>
      <c r="NQU736" s="424"/>
      <c r="NQV736" s="424"/>
      <c r="NQW736" s="423" t="s">
        <v>2795</v>
      </c>
      <c r="NQX736" s="424"/>
      <c r="NQY736" s="424"/>
      <c r="NQZ736" s="424"/>
      <c r="NRA736" s="423" t="s">
        <v>2795</v>
      </c>
      <c r="NRB736" s="424"/>
      <c r="NRC736" s="424"/>
      <c r="NRD736" s="424"/>
      <c r="NRE736" s="423" t="s">
        <v>2795</v>
      </c>
      <c r="NRF736" s="424"/>
      <c r="NRG736" s="424"/>
      <c r="NRH736" s="424"/>
      <c r="NRI736" s="423" t="s">
        <v>2795</v>
      </c>
      <c r="NRJ736" s="424"/>
      <c r="NRK736" s="424"/>
      <c r="NRL736" s="424"/>
      <c r="NRM736" s="423" t="s">
        <v>2795</v>
      </c>
      <c r="NRN736" s="424"/>
      <c r="NRO736" s="424"/>
      <c r="NRP736" s="424"/>
      <c r="NRQ736" s="423" t="s">
        <v>2795</v>
      </c>
      <c r="NRR736" s="424"/>
      <c r="NRS736" s="424"/>
      <c r="NRT736" s="424"/>
      <c r="NRU736" s="423" t="s">
        <v>2795</v>
      </c>
      <c r="NRV736" s="424"/>
      <c r="NRW736" s="424"/>
      <c r="NRX736" s="424"/>
      <c r="NRY736" s="423" t="s">
        <v>2795</v>
      </c>
      <c r="NRZ736" s="424"/>
      <c r="NSA736" s="424"/>
      <c r="NSB736" s="424"/>
      <c r="NSC736" s="423" t="s">
        <v>2795</v>
      </c>
      <c r="NSD736" s="424"/>
      <c r="NSE736" s="424"/>
      <c r="NSF736" s="424"/>
      <c r="NSG736" s="423" t="s">
        <v>2795</v>
      </c>
      <c r="NSH736" s="424"/>
      <c r="NSI736" s="424"/>
      <c r="NSJ736" s="424"/>
      <c r="NSK736" s="423" t="s">
        <v>2795</v>
      </c>
      <c r="NSL736" s="424"/>
      <c r="NSM736" s="424"/>
      <c r="NSN736" s="424"/>
      <c r="NSO736" s="423" t="s">
        <v>2795</v>
      </c>
      <c r="NSP736" s="424"/>
      <c r="NSQ736" s="424"/>
      <c r="NSR736" s="424"/>
      <c r="NSS736" s="423" t="s">
        <v>2795</v>
      </c>
      <c r="NST736" s="424"/>
      <c r="NSU736" s="424"/>
      <c r="NSV736" s="424"/>
      <c r="NSW736" s="423" t="s">
        <v>2795</v>
      </c>
      <c r="NSX736" s="424"/>
      <c r="NSY736" s="424"/>
      <c r="NSZ736" s="424"/>
      <c r="NTA736" s="423" t="s">
        <v>2795</v>
      </c>
      <c r="NTB736" s="424"/>
      <c r="NTC736" s="424"/>
      <c r="NTD736" s="424"/>
      <c r="NTE736" s="423" t="s">
        <v>2795</v>
      </c>
      <c r="NTF736" s="424"/>
      <c r="NTG736" s="424"/>
      <c r="NTH736" s="424"/>
      <c r="NTI736" s="423" t="s">
        <v>2795</v>
      </c>
      <c r="NTJ736" s="424"/>
      <c r="NTK736" s="424"/>
      <c r="NTL736" s="424"/>
      <c r="NTM736" s="423" t="s">
        <v>2795</v>
      </c>
      <c r="NTN736" s="424"/>
      <c r="NTO736" s="424"/>
      <c r="NTP736" s="424"/>
      <c r="NTQ736" s="423" t="s">
        <v>2795</v>
      </c>
      <c r="NTR736" s="424"/>
      <c r="NTS736" s="424"/>
      <c r="NTT736" s="424"/>
      <c r="NTU736" s="423" t="s">
        <v>2795</v>
      </c>
      <c r="NTV736" s="424"/>
      <c r="NTW736" s="424"/>
      <c r="NTX736" s="424"/>
      <c r="NTY736" s="423" t="s">
        <v>2795</v>
      </c>
      <c r="NTZ736" s="424"/>
      <c r="NUA736" s="424"/>
      <c r="NUB736" s="424"/>
      <c r="NUC736" s="423" t="s">
        <v>2795</v>
      </c>
      <c r="NUD736" s="424"/>
      <c r="NUE736" s="424"/>
      <c r="NUF736" s="424"/>
      <c r="NUG736" s="423" t="s">
        <v>2795</v>
      </c>
      <c r="NUH736" s="424"/>
      <c r="NUI736" s="424"/>
      <c r="NUJ736" s="424"/>
      <c r="NUK736" s="423" t="s">
        <v>2795</v>
      </c>
      <c r="NUL736" s="424"/>
      <c r="NUM736" s="424"/>
      <c r="NUN736" s="424"/>
      <c r="NUO736" s="423" t="s">
        <v>2795</v>
      </c>
      <c r="NUP736" s="424"/>
      <c r="NUQ736" s="424"/>
      <c r="NUR736" s="424"/>
      <c r="NUS736" s="423" t="s">
        <v>2795</v>
      </c>
      <c r="NUT736" s="424"/>
      <c r="NUU736" s="424"/>
      <c r="NUV736" s="424"/>
      <c r="NUW736" s="423" t="s">
        <v>2795</v>
      </c>
      <c r="NUX736" s="424"/>
      <c r="NUY736" s="424"/>
      <c r="NUZ736" s="424"/>
      <c r="NVA736" s="423" t="s">
        <v>2795</v>
      </c>
      <c r="NVB736" s="424"/>
      <c r="NVC736" s="424"/>
      <c r="NVD736" s="424"/>
      <c r="NVE736" s="423" t="s">
        <v>2795</v>
      </c>
      <c r="NVF736" s="424"/>
      <c r="NVG736" s="424"/>
      <c r="NVH736" s="424"/>
      <c r="NVI736" s="423" t="s">
        <v>2795</v>
      </c>
      <c r="NVJ736" s="424"/>
      <c r="NVK736" s="424"/>
      <c r="NVL736" s="424"/>
      <c r="NVM736" s="423" t="s">
        <v>2795</v>
      </c>
      <c r="NVN736" s="424"/>
      <c r="NVO736" s="424"/>
      <c r="NVP736" s="424"/>
      <c r="NVQ736" s="423" t="s">
        <v>2795</v>
      </c>
      <c r="NVR736" s="424"/>
      <c r="NVS736" s="424"/>
      <c r="NVT736" s="424"/>
      <c r="NVU736" s="423" t="s">
        <v>2795</v>
      </c>
      <c r="NVV736" s="424"/>
      <c r="NVW736" s="424"/>
      <c r="NVX736" s="424"/>
      <c r="NVY736" s="423" t="s">
        <v>2795</v>
      </c>
      <c r="NVZ736" s="424"/>
      <c r="NWA736" s="424"/>
      <c r="NWB736" s="424"/>
      <c r="NWC736" s="423" t="s">
        <v>2795</v>
      </c>
      <c r="NWD736" s="424"/>
      <c r="NWE736" s="424"/>
      <c r="NWF736" s="424"/>
      <c r="NWG736" s="423" t="s">
        <v>2795</v>
      </c>
      <c r="NWH736" s="424"/>
      <c r="NWI736" s="424"/>
      <c r="NWJ736" s="424"/>
      <c r="NWK736" s="423" t="s">
        <v>2795</v>
      </c>
      <c r="NWL736" s="424"/>
      <c r="NWM736" s="424"/>
      <c r="NWN736" s="424"/>
      <c r="NWO736" s="423" t="s">
        <v>2795</v>
      </c>
      <c r="NWP736" s="424"/>
      <c r="NWQ736" s="424"/>
      <c r="NWR736" s="424"/>
      <c r="NWS736" s="423" t="s">
        <v>2795</v>
      </c>
      <c r="NWT736" s="424"/>
      <c r="NWU736" s="424"/>
      <c r="NWV736" s="424"/>
      <c r="NWW736" s="423" t="s">
        <v>2795</v>
      </c>
      <c r="NWX736" s="424"/>
      <c r="NWY736" s="424"/>
      <c r="NWZ736" s="424"/>
      <c r="NXA736" s="423" t="s">
        <v>2795</v>
      </c>
      <c r="NXB736" s="424"/>
      <c r="NXC736" s="424"/>
      <c r="NXD736" s="424"/>
      <c r="NXE736" s="423" t="s">
        <v>2795</v>
      </c>
      <c r="NXF736" s="424"/>
      <c r="NXG736" s="424"/>
      <c r="NXH736" s="424"/>
      <c r="NXI736" s="423" t="s">
        <v>2795</v>
      </c>
      <c r="NXJ736" s="424"/>
      <c r="NXK736" s="424"/>
      <c r="NXL736" s="424"/>
      <c r="NXM736" s="423" t="s">
        <v>2795</v>
      </c>
      <c r="NXN736" s="424"/>
      <c r="NXO736" s="424"/>
      <c r="NXP736" s="424"/>
      <c r="NXQ736" s="423" t="s">
        <v>2795</v>
      </c>
      <c r="NXR736" s="424"/>
      <c r="NXS736" s="424"/>
      <c r="NXT736" s="424"/>
      <c r="NXU736" s="423" t="s">
        <v>2795</v>
      </c>
      <c r="NXV736" s="424"/>
      <c r="NXW736" s="424"/>
      <c r="NXX736" s="424"/>
      <c r="NXY736" s="423" t="s">
        <v>2795</v>
      </c>
      <c r="NXZ736" s="424"/>
      <c r="NYA736" s="424"/>
      <c r="NYB736" s="424"/>
      <c r="NYC736" s="423" t="s">
        <v>2795</v>
      </c>
      <c r="NYD736" s="424"/>
      <c r="NYE736" s="424"/>
      <c r="NYF736" s="424"/>
      <c r="NYG736" s="423" t="s">
        <v>2795</v>
      </c>
      <c r="NYH736" s="424"/>
      <c r="NYI736" s="424"/>
      <c r="NYJ736" s="424"/>
      <c r="NYK736" s="423" t="s">
        <v>2795</v>
      </c>
      <c r="NYL736" s="424"/>
      <c r="NYM736" s="424"/>
      <c r="NYN736" s="424"/>
      <c r="NYO736" s="423" t="s">
        <v>2795</v>
      </c>
      <c r="NYP736" s="424"/>
      <c r="NYQ736" s="424"/>
      <c r="NYR736" s="424"/>
      <c r="NYS736" s="423" t="s">
        <v>2795</v>
      </c>
      <c r="NYT736" s="424"/>
      <c r="NYU736" s="424"/>
      <c r="NYV736" s="424"/>
      <c r="NYW736" s="423" t="s">
        <v>2795</v>
      </c>
      <c r="NYX736" s="424"/>
      <c r="NYY736" s="424"/>
      <c r="NYZ736" s="424"/>
      <c r="NZA736" s="423" t="s">
        <v>2795</v>
      </c>
      <c r="NZB736" s="424"/>
      <c r="NZC736" s="424"/>
      <c r="NZD736" s="424"/>
      <c r="NZE736" s="423" t="s">
        <v>2795</v>
      </c>
      <c r="NZF736" s="424"/>
      <c r="NZG736" s="424"/>
      <c r="NZH736" s="424"/>
      <c r="NZI736" s="423" t="s">
        <v>2795</v>
      </c>
      <c r="NZJ736" s="424"/>
      <c r="NZK736" s="424"/>
      <c r="NZL736" s="424"/>
      <c r="NZM736" s="423" t="s">
        <v>2795</v>
      </c>
      <c r="NZN736" s="424"/>
      <c r="NZO736" s="424"/>
      <c r="NZP736" s="424"/>
      <c r="NZQ736" s="423" t="s">
        <v>2795</v>
      </c>
      <c r="NZR736" s="424"/>
      <c r="NZS736" s="424"/>
      <c r="NZT736" s="424"/>
      <c r="NZU736" s="423" t="s">
        <v>2795</v>
      </c>
      <c r="NZV736" s="424"/>
      <c r="NZW736" s="424"/>
      <c r="NZX736" s="424"/>
      <c r="NZY736" s="423" t="s">
        <v>2795</v>
      </c>
      <c r="NZZ736" s="424"/>
      <c r="OAA736" s="424"/>
      <c r="OAB736" s="424"/>
      <c r="OAC736" s="423" t="s">
        <v>2795</v>
      </c>
      <c r="OAD736" s="424"/>
      <c r="OAE736" s="424"/>
      <c r="OAF736" s="424"/>
      <c r="OAG736" s="423" t="s">
        <v>2795</v>
      </c>
      <c r="OAH736" s="424"/>
      <c r="OAI736" s="424"/>
      <c r="OAJ736" s="424"/>
      <c r="OAK736" s="423" t="s">
        <v>2795</v>
      </c>
      <c r="OAL736" s="424"/>
      <c r="OAM736" s="424"/>
      <c r="OAN736" s="424"/>
      <c r="OAO736" s="423" t="s">
        <v>2795</v>
      </c>
      <c r="OAP736" s="424"/>
      <c r="OAQ736" s="424"/>
      <c r="OAR736" s="424"/>
      <c r="OAS736" s="423" t="s">
        <v>2795</v>
      </c>
      <c r="OAT736" s="424"/>
      <c r="OAU736" s="424"/>
      <c r="OAV736" s="424"/>
      <c r="OAW736" s="423" t="s">
        <v>2795</v>
      </c>
      <c r="OAX736" s="424"/>
      <c r="OAY736" s="424"/>
      <c r="OAZ736" s="424"/>
      <c r="OBA736" s="423" t="s">
        <v>2795</v>
      </c>
      <c r="OBB736" s="424"/>
      <c r="OBC736" s="424"/>
      <c r="OBD736" s="424"/>
      <c r="OBE736" s="423" t="s">
        <v>2795</v>
      </c>
      <c r="OBF736" s="424"/>
      <c r="OBG736" s="424"/>
      <c r="OBH736" s="424"/>
      <c r="OBI736" s="423" t="s">
        <v>2795</v>
      </c>
      <c r="OBJ736" s="424"/>
      <c r="OBK736" s="424"/>
      <c r="OBL736" s="424"/>
      <c r="OBM736" s="423" t="s">
        <v>2795</v>
      </c>
      <c r="OBN736" s="424"/>
      <c r="OBO736" s="424"/>
      <c r="OBP736" s="424"/>
      <c r="OBQ736" s="423" t="s">
        <v>2795</v>
      </c>
      <c r="OBR736" s="424"/>
      <c r="OBS736" s="424"/>
      <c r="OBT736" s="424"/>
      <c r="OBU736" s="423" t="s">
        <v>2795</v>
      </c>
      <c r="OBV736" s="424"/>
      <c r="OBW736" s="424"/>
      <c r="OBX736" s="424"/>
      <c r="OBY736" s="423" t="s">
        <v>2795</v>
      </c>
      <c r="OBZ736" s="424"/>
      <c r="OCA736" s="424"/>
      <c r="OCB736" s="424"/>
      <c r="OCC736" s="423" t="s">
        <v>2795</v>
      </c>
      <c r="OCD736" s="424"/>
      <c r="OCE736" s="424"/>
      <c r="OCF736" s="424"/>
      <c r="OCG736" s="423" t="s">
        <v>2795</v>
      </c>
      <c r="OCH736" s="424"/>
      <c r="OCI736" s="424"/>
      <c r="OCJ736" s="424"/>
      <c r="OCK736" s="423" t="s">
        <v>2795</v>
      </c>
      <c r="OCL736" s="424"/>
      <c r="OCM736" s="424"/>
      <c r="OCN736" s="424"/>
      <c r="OCO736" s="423" t="s">
        <v>2795</v>
      </c>
      <c r="OCP736" s="424"/>
      <c r="OCQ736" s="424"/>
      <c r="OCR736" s="424"/>
      <c r="OCS736" s="423" t="s">
        <v>2795</v>
      </c>
      <c r="OCT736" s="424"/>
      <c r="OCU736" s="424"/>
      <c r="OCV736" s="424"/>
      <c r="OCW736" s="423" t="s">
        <v>2795</v>
      </c>
      <c r="OCX736" s="424"/>
      <c r="OCY736" s="424"/>
      <c r="OCZ736" s="424"/>
      <c r="ODA736" s="423" t="s">
        <v>2795</v>
      </c>
      <c r="ODB736" s="424"/>
      <c r="ODC736" s="424"/>
      <c r="ODD736" s="424"/>
      <c r="ODE736" s="423" t="s">
        <v>2795</v>
      </c>
      <c r="ODF736" s="424"/>
      <c r="ODG736" s="424"/>
      <c r="ODH736" s="424"/>
      <c r="ODI736" s="423" t="s">
        <v>2795</v>
      </c>
      <c r="ODJ736" s="424"/>
      <c r="ODK736" s="424"/>
      <c r="ODL736" s="424"/>
      <c r="ODM736" s="423" t="s">
        <v>2795</v>
      </c>
      <c r="ODN736" s="424"/>
      <c r="ODO736" s="424"/>
      <c r="ODP736" s="424"/>
      <c r="ODQ736" s="423" t="s">
        <v>2795</v>
      </c>
      <c r="ODR736" s="424"/>
      <c r="ODS736" s="424"/>
      <c r="ODT736" s="424"/>
      <c r="ODU736" s="423" t="s">
        <v>2795</v>
      </c>
      <c r="ODV736" s="424"/>
      <c r="ODW736" s="424"/>
      <c r="ODX736" s="424"/>
      <c r="ODY736" s="423" t="s">
        <v>2795</v>
      </c>
      <c r="ODZ736" s="424"/>
      <c r="OEA736" s="424"/>
      <c r="OEB736" s="424"/>
      <c r="OEC736" s="423" t="s">
        <v>2795</v>
      </c>
      <c r="OED736" s="424"/>
      <c r="OEE736" s="424"/>
      <c r="OEF736" s="424"/>
      <c r="OEG736" s="423" t="s">
        <v>2795</v>
      </c>
      <c r="OEH736" s="424"/>
      <c r="OEI736" s="424"/>
      <c r="OEJ736" s="424"/>
      <c r="OEK736" s="423" t="s">
        <v>2795</v>
      </c>
      <c r="OEL736" s="424"/>
      <c r="OEM736" s="424"/>
      <c r="OEN736" s="424"/>
      <c r="OEO736" s="423" t="s">
        <v>2795</v>
      </c>
      <c r="OEP736" s="424"/>
      <c r="OEQ736" s="424"/>
      <c r="OER736" s="424"/>
      <c r="OES736" s="423" t="s">
        <v>2795</v>
      </c>
      <c r="OET736" s="424"/>
      <c r="OEU736" s="424"/>
      <c r="OEV736" s="424"/>
      <c r="OEW736" s="423" t="s">
        <v>2795</v>
      </c>
      <c r="OEX736" s="424"/>
      <c r="OEY736" s="424"/>
      <c r="OEZ736" s="424"/>
      <c r="OFA736" s="423" t="s">
        <v>2795</v>
      </c>
      <c r="OFB736" s="424"/>
      <c r="OFC736" s="424"/>
      <c r="OFD736" s="424"/>
      <c r="OFE736" s="423" t="s">
        <v>2795</v>
      </c>
      <c r="OFF736" s="424"/>
      <c r="OFG736" s="424"/>
      <c r="OFH736" s="424"/>
      <c r="OFI736" s="423" t="s">
        <v>2795</v>
      </c>
      <c r="OFJ736" s="424"/>
      <c r="OFK736" s="424"/>
      <c r="OFL736" s="424"/>
      <c r="OFM736" s="423" t="s">
        <v>2795</v>
      </c>
      <c r="OFN736" s="424"/>
      <c r="OFO736" s="424"/>
      <c r="OFP736" s="424"/>
      <c r="OFQ736" s="423" t="s">
        <v>2795</v>
      </c>
      <c r="OFR736" s="424"/>
      <c r="OFS736" s="424"/>
      <c r="OFT736" s="424"/>
      <c r="OFU736" s="423" t="s">
        <v>2795</v>
      </c>
      <c r="OFV736" s="424"/>
      <c r="OFW736" s="424"/>
      <c r="OFX736" s="424"/>
      <c r="OFY736" s="423" t="s">
        <v>2795</v>
      </c>
      <c r="OFZ736" s="424"/>
      <c r="OGA736" s="424"/>
      <c r="OGB736" s="424"/>
      <c r="OGC736" s="423" t="s">
        <v>2795</v>
      </c>
      <c r="OGD736" s="424"/>
      <c r="OGE736" s="424"/>
      <c r="OGF736" s="424"/>
      <c r="OGG736" s="423" t="s">
        <v>2795</v>
      </c>
      <c r="OGH736" s="424"/>
      <c r="OGI736" s="424"/>
      <c r="OGJ736" s="424"/>
      <c r="OGK736" s="423" t="s">
        <v>2795</v>
      </c>
      <c r="OGL736" s="424"/>
      <c r="OGM736" s="424"/>
      <c r="OGN736" s="424"/>
      <c r="OGO736" s="423" t="s">
        <v>2795</v>
      </c>
      <c r="OGP736" s="424"/>
      <c r="OGQ736" s="424"/>
      <c r="OGR736" s="424"/>
      <c r="OGS736" s="423" t="s">
        <v>2795</v>
      </c>
      <c r="OGT736" s="424"/>
      <c r="OGU736" s="424"/>
      <c r="OGV736" s="424"/>
      <c r="OGW736" s="423" t="s">
        <v>2795</v>
      </c>
      <c r="OGX736" s="424"/>
      <c r="OGY736" s="424"/>
      <c r="OGZ736" s="424"/>
      <c r="OHA736" s="423" t="s">
        <v>2795</v>
      </c>
      <c r="OHB736" s="424"/>
      <c r="OHC736" s="424"/>
      <c r="OHD736" s="424"/>
      <c r="OHE736" s="423" t="s">
        <v>2795</v>
      </c>
      <c r="OHF736" s="424"/>
      <c r="OHG736" s="424"/>
      <c r="OHH736" s="424"/>
      <c r="OHI736" s="423" t="s">
        <v>2795</v>
      </c>
      <c r="OHJ736" s="424"/>
      <c r="OHK736" s="424"/>
      <c r="OHL736" s="424"/>
      <c r="OHM736" s="423" t="s">
        <v>2795</v>
      </c>
      <c r="OHN736" s="424"/>
      <c r="OHO736" s="424"/>
      <c r="OHP736" s="424"/>
      <c r="OHQ736" s="423" t="s">
        <v>2795</v>
      </c>
      <c r="OHR736" s="424"/>
      <c r="OHS736" s="424"/>
      <c r="OHT736" s="424"/>
      <c r="OHU736" s="423" t="s">
        <v>2795</v>
      </c>
      <c r="OHV736" s="424"/>
      <c r="OHW736" s="424"/>
      <c r="OHX736" s="424"/>
      <c r="OHY736" s="423" t="s">
        <v>2795</v>
      </c>
      <c r="OHZ736" s="424"/>
      <c r="OIA736" s="424"/>
      <c r="OIB736" s="424"/>
      <c r="OIC736" s="423" t="s">
        <v>2795</v>
      </c>
      <c r="OID736" s="424"/>
      <c r="OIE736" s="424"/>
      <c r="OIF736" s="424"/>
      <c r="OIG736" s="423" t="s">
        <v>2795</v>
      </c>
      <c r="OIH736" s="424"/>
      <c r="OII736" s="424"/>
      <c r="OIJ736" s="424"/>
      <c r="OIK736" s="423" t="s">
        <v>2795</v>
      </c>
      <c r="OIL736" s="424"/>
      <c r="OIM736" s="424"/>
      <c r="OIN736" s="424"/>
      <c r="OIO736" s="423" t="s">
        <v>2795</v>
      </c>
      <c r="OIP736" s="424"/>
      <c r="OIQ736" s="424"/>
      <c r="OIR736" s="424"/>
      <c r="OIS736" s="423" t="s">
        <v>2795</v>
      </c>
      <c r="OIT736" s="424"/>
      <c r="OIU736" s="424"/>
      <c r="OIV736" s="424"/>
      <c r="OIW736" s="423" t="s">
        <v>2795</v>
      </c>
      <c r="OIX736" s="424"/>
      <c r="OIY736" s="424"/>
      <c r="OIZ736" s="424"/>
      <c r="OJA736" s="423" t="s">
        <v>2795</v>
      </c>
      <c r="OJB736" s="424"/>
      <c r="OJC736" s="424"/>
      <c r="OJD736" s="424"/>
      <c r="OJE736" s="423" t="s">
        <v>2795</v>
      </c>
      <c r="OJF736" s="424"/>
      <c r="OJG736" s="424"/>
      <c r="OJH736" s="424"/>
      <c r="OJI736" s="423" t="s">
        <v>2795</v>
      </c>
      <c r="OJJ736" s="424"/>
      <c r="OJK736" s="424"/>
      <c r="OJL736" s="424"/>
      <c r="OJM736" s="423" t="s">
        <v>2795</v>
      </c>
      <c r="OJN736" s="424"/>
      <c r="OJO736" s="424"/>
      <c r="OJP736" s="424"/>
      <c r="OJQ736" s="423" t="s">
        <v>2795</v>
      </c>
      <c r="OJR736" s="424"/>
      <c r="OJS736" s="424"/>
      <c r="OJT736" s="424"/>
      <c r="OJU736" s="423" t="s">
        <v>2795</v>
      </c>
      <c r="OJV736" s="424"/>
      <c r="OJW736" s="424"/>
      <c r="OJX736" s="424"/>
      <c r="OJY736" s="423" t="s">
        <v>2795</v>
      </c>
      <c r="OJZ736" s="424"/>
      <c r="OKA736" s="424"/>
      <c r="OKB736" s="424"/>
      <c r="OKC736" s="423" t="s">
        <v>2795</v>
      </c>
      <c r="OKD736" s="424"/>
      <c r="OKE736" s="424"/>
      <c r="OKF736" s="424"/>
      <c r="OKG736" s="423" t="s">
        <v>2795</v>
      </c>
      <c r="OKH736" s="424"/>
      <c r="OKI736" s="424"/>
      <c r="OKJ736" s="424"/>
      <c r="OKK736" s="423" t="s">
        <v>2795</v>
      </c>
      <c r="OKL736" s="424"/>
      <c r="OKM736" s="424"/>
      <c r="OKN736" s="424"/>
      <c r="OKO736" s="423" t="s">
        <v>2795</v>
      </c>
      <c r="OKP736" s="424"/>
      <c r="OKQ736" s="424"/>
      <c r="OKR736" s="424"/>
      <c r="OKS736" s="423" t="s">
        <v>2795</v>
      </c>
      <c r="OKT736" s="424"/>
      <c r="OKU736" s="424"/>
      <c r="OKV736" s="424"/>
      <c r="OKW736" s="423" t="s">
        <v>2795</v>
      </c>
      <c r="OKX736" s="424"/>
      <c r="OKY736" s="424"/>
      <c r="OKZ736" s="424"/>
      <c r="OLA736" s="423" t="s">
        <v>2795</v>
      </c>
      <c r="OLB736" s="424"/>
      <c r="OLC736" s="424"/>
      <c r="OLD736" s="424"/>
      <c r="OLE736" s="423" t="s">
        <v>2795</v>
      </c>
      <c r="OLF736" s="424"/>
      <c r="OLG736" s="424"/>
      <c r="OLH736" s="424"/>
      <c r="OLI736" s="423" t="s">
        <v>2795</v>
      </c>
      <c r="OLJ736" s="424"/>
      <c r="OLK736" s="424"/>
      <c r="OLL736" s="424"/>
      <c r="OLM736" s="423" t="s">
        <v>2795</v>
      </c>
      <c r="OLN736" s="424"/>
      <c r="OLO736" s="424"/>
      <c r="OLP736" s="424"/>
      <c r="OLQ736" s="423" t="s">
        <v>2795</v>
      </c>
      <c r="OLR736" s="424"/>
      <c r="OLS736" s="424"/>
      <c r="OLT736" s="424"/>
      <c r="OLU736" s="423" t="s">
        <v>2795</v>
      </c>
      <c r="OLV736" s="424"/>
      <c r="OLW736" s="424"/>
      <c r="OLX736" s="424"/>
      <c r="OLY736" s="423" t="s">
        <v>2795</v>
      </c>
      <c r="OLZ736" s="424"/>
      <c r="OMA736" s="424"/>
      <c r="OMB736" s="424"/>
      <c r="OMC736" s="423" t="s">
        <v>2795</v>
      </c>
      <c r="OMD736" s="424"/>
      <c r="OME736" s="424"/>
      <c r="OMF736" s="424"/>
      <c r="OMG736" s="423" t="s">
        <v>2795</v>
      </c>
      <c r="OMH736" s="424"/>
      <c r="OMI736" s="424"/>
      <c r="OMJ736" s="424"/>
      <c r="OMK736" s="423" t="s">
        <v>2795</v>
      </c>
      <c r="OML736" s="424"/>
      <c r="OMM736" s="424"/>
      <c r="OMN736" s="424"/>
      <c r="OMO736" s="423" t="s">
        <v>2795</v>
      </c>
      <c r="OMP736" s="424"/>
      <c r="OMQ736" s="424"/>
      <c r="OMR736" s="424"/>
      <c r="OMS736" s="423" t="s">
        <v>2795</v>
      </c>
      <c r="OMT736" s="424"/>
      <c r="OMU736" s="424"/>
      <c r="OMV736" s="424"/>
      <c r="OMW736" s="423" t="s">
        <v>2795</v>
      </c>
      <c r="OMX736" s="424"/>
      <c r="OMY736" s="424"/>
      <c r="OMZ736" s="424"/>
      <c r="ONA736" s="423" t="s">
        <v>2795</v>
      </c>
      <c r="ONB736" s="424"/>
      <c r="ONC736" s="424"/>
      <c r="OND736" s="424"/>
      <c r="ONE736" s="423" t="s">
        <v>2795</v>
      </c>
      <c r="ONF736" s="424"/>
      <c r="ONG736" s="424"/>
      <c r="ONH736" s="424"/>
      <c r="ONI736" s="423" t="s">
        <v>2795</v>
      </c>
      <c r="ONJ736" s="424"/>
      <c r="ONK736" s="424"/>
      <c r="ONL736" s="424"/>
      <c r="ONM736" s="423" t="s">
        <v>2795</v>
      </c>
      <c r="ONN736" s="424"/>
      <c r="ONO736" s="424"/>
      <c r="ONP736" s="424"/>
      <c r="ONQ736" s="423" t="s">
        <v>2795</v>
      </c>
      <c r="ONR736" s="424"/>
      <c r="ONS736" s="424"/>
      <c r="ONT736" s="424"/>
      <c r="ONU736" s="423" t="s">
        <v>2795</v>
      </c>
      <c r="ONV736" s="424"/>
      <c r="ONW736" s="424"/>
      <c r="ONX736" s="424"/>
      <c r="ONY736" s="423" t="s">
        <v>2795</v>
      </c>
      <c r="ONZ736" s="424"/>
      <c r="OOA736" s="424"/>
      <c r="OOB736" s="424"/>
      <c r="OOC736" s="423" t="s">
        <v>2795</v>
      </c>
      <c r="OOD736" s="424"/>
      <c r="OOE736" s="424"/>
      <c r="OOF736" s="424"/>
      <c r="OOG736" s="423" t="s">
        <v>2795</v>
      </c>
      <c r="OOH736" s="424"/>
      <c r="OOI736" s="424"/>
      <c r="OOJ736" s="424"/>
      <c r="OOK736" s="423" t="s">
        <v>2795</v>
      </c>
      <c r="OOL736" s="424"/>
      <c r="OOM736" s="424"/>
      <c r="OON736" s="424"/>
      <c r="OOO736" s="423" t="s">
        <v>2795</v>
      </c>
      <c r="OOP736" s="424"/>
      <c r="OOQ736" s="424"/>
      <c r="OOR736" s="424"/>
      <c r="OOS736" s="423" t="s">
        <v>2795</v>
      </c>
      <c r="OOT736" s="424"/>
      <c r="OOU736" s="424"/>
      <c r="OOV736" s="424"/>
      <c r="OOW736" s="423" t="s">
        <v>2795</v>
      </c>
      <c r="OOX736" s="424"/>
      <c r="OOY736" s="424"/>
      <c r="OOZ736" s="424"/>
      <c r="OPA736" s="423" t="s">
        <v>2795</v>
      </c>
      <c r="OPB736" s="424"/>
      <c r="OPC736" s="424"/>
      <c r="OPD736" s="424"/>
      <c r="OPE736" s="423" t="s">
        <v>2795</v>
      </c>
      <c r="OPF736" s="424"/>
      <c r="OPG736" s="424"/>
      <c r="OPH736" s="424"/>
      <c r="OPI736" s="423" t="s">
        <v>2795</v>
      </c>
      <c r="OPJ736" s="424"/>
      <c r="OPK736" s="424"/>
      <c r="OPL736" s="424"/>
      <c r="OPM736" s="423" t="s">
        <v>2795</v>
      </c>
      <c r="OPN736" s="424"/>
      <c r="OPO736" s="424"/>
      <c r="OPP736" s="424"/>
      <c r="OPQ736" s="423" t="s">
        <v>2795</v>
      </c>
      <c r="OPR736" s="424"/>
      <c r="OPS736" s="424"/>
      <c r="OPT736" s="424"/>
      <c r="OPU736" s="423" t="s">
        <v>2795</v>
      </c>
      <c r="OPV736" s="424"/>
      <c r="OPW736" s="424"/>
      <c r="OPX736" s="424"/>
      <c r="OPY736" s="423" t="s">
        <v>2795</v>
      </c>
      <c r="OPZ736" s="424"/>
      <c r="OQA736" s="424"/>
      <c r="OQB736" s="424"/>
      <c r="OQC736" s="423" t="s">
        <v>2795</v>
      </c>
      <c r="OQD736" s="424"/>
      <c r="OQE736" s="424"/>
      <c r="OQF736" s="424"/>
      <c r="OQG736" s="423" t="s">
        <v>2795</v>
      </c>
      <c r="OQH736" s="424"/>
      <c r="OQI736" s="424"/>
      <c r="OQJ736" s="424"/>
      <c r="OQK736" s="423" t="s">
        <v>2795</v>
      </c>
      <c r="OQL736" s="424"/>
      <c r="OQM736" s="424"/>
      <c r="OQN736" s="424"/>
      <c r="OQO736" s="423" t="s">
        <v>2795</v>
      </c>
      <c r="OQP736" s="424"/>
      <c r="OQQ736" s="424"/>
      <c r="OQR736" s="424"/>
      <c r="OQS736" s="423" t="s">
        <v>2795</v>
      </c>
      <c r="OQT736" s="424"/>
      <c r="OQU736" s="424"/>
      <c r="OQV736" s="424"/>
      <c r="OQW736" s="423" t="s">
        <v>2795</v>
      </c>
      <c r="OQX736" s="424"/>
      <c r="OQY736" s="424"/>
      <c r="OQZ736" s="424"/>
      <c r="ORA736" s="423" t="s">
        <v>2795</v>
      </c>
      <c r="ORB736" s="424"/>
      <c r="ORC736" s="424"/>
      <c r="ORD736" s="424"/>
      <c r="ORE736" s="423" t="s">
        <v>2795</v>
      </c>
      <c r="ORF736" s="424"/>
      <c r="ORG736" s="424"/>
      <c r="ORH736" s="424"/>
      <c r="ORI736" s="423" t="s">
        <v>2795</v>
      </c>
      <c r="ORJ736" s="424"/>
      <c r="ORK736" s="424"/>
      <c r="ORL736" s="424"/>
      <c r="ORM736" s="423" t="s">
        <v>2795</v>
      </c>
      <c r="ORN736" s="424"/>
      <c r="ORO736" s="424"/>
      <c r="ORP736" s="424"/>
      <c r="ORQ736" s="423" t="s">
        <v>2795</v>
      </c>
      <c r="ORR736" s="424"/>
      <c r="ORS736" s="424"/>
      <c r="ORT736" s="424"/>
      <c r="ORU736" s="423" t="s">
        <v>2795</v>
      </c>
      <c r="ORV736" s="424"/>
      <c r="ORW736" s="424"/>
      <c r="ORX736" s="424"/>
      <c r="ORY736" s="423" t="s">
        <v>2795</v>
      </c>
      <c r="ORZ736" s="424"/>
      <c r="OSA736" s="424"/>
      <c r="OSB736" s="424"/>
      <c r="OSC736" s="423" t="s">
        <v>2795</v>
      </c>
      <c r="OSD736" s="424"/>
      <c r="OSE736" s="424"/>
      <c r="OSF736" s="424"/>
      <c r="OSG736" s="423" t="s">
        <v>2795</v>
      </c>
      <c r="OSH736" s="424"/>
      <c r="OSI736" s="424"/>
      <c r="OSJ736" s="424"/>
      <c r="OSK736" s="423" t="s">
        <v>2795</v>
      </c>
      <c r="OSL736" s="424"/>
      <c r="OSM736" s="424"/>
      <c r="OSN736" s="424"/>
      <c r="OSO736" s="423" t="s">
        <v>2795</v>
      </c>
      <c r="OSP736" s="424"/>
      <c r="OSQ736" s="424"/>
      <c r="OSR736" s="424"/>
      <c r="OSS736" s="423" t="s">
        <v>2795</v>
      </c>
      <c r="OST736" s="424"/>
      <c r="OSU736" s="424"/>
      <c r="OSV736" s="424"/>
      <c r="OSW736" s="423" t="s">
        <v>2795</v>
      </c>
      <c r="OSX736" s="424"/>
      <c r="OSY736" s="424"/>
      <c r="OSZ736" s="424"/>
      <c r="OTA736" s="423" t="s">
        <v>2795</v>
      </c>
      <c r="OTB736" s="424"/>
      <c r="OTC736" s="424"/>
      <c r="OTD736" s="424"/>
      <c r="OTE736" s="423" t="s">
        <v>2795</v>
      </c>
      <c r="OTF736" s="424"/>
      <c r="OTG736" s="424"/>
      <c r="OTH736" s="424"/>
      <c r="OTI736" s="423" t="s">
        <v>2795</v>
      </c>
      <c r="OTJ736" s="424"/>
      <c r="OTK736" s="424"/>
      <c r="OTL736" s="424"/>
      <c r="OTM736" s="423" t="s">
        <v>2795</v>
      </c>
      <c r="OTN736" s="424"/>
      <c r="OTO736" s="424"/>
      <c r="OTP736" s="424"/>
      <c r="OTQ736" s="423" t="s">
        <v>2795</v>
      </c>
      <c r="OTR736" s="424"/>
      <c r="OTS736" s="424"/>
      <c r="OTT736" s="424"/>
      <c r="OTU736" s="423" t="s">
        <v>2795</v>
      </c>
      <c r="OTV736" s="424"/>
      <c r="OTW736" s="424"/>
      <c r="OTX736" s="424"/>
      <c r="OTY736" s="423" t="s">
        <v>2795</v>
      </c>
      <c r="OTZ736" s="424"/>
      <c r="OUA736" s="424"/>
      <c r="OUB736" s="424"/>
      <c r="OUC736" s="423" t="s">
        <v>2795</v>
      </c>
      <c r="OUD736" s="424"/>
      <c r="OUE736" s="424"/>
      <c r="OUF736" s="424"/>
      <c r="OUG736" s="423" t="s">
        <v>2795</v>
      </c>
      <c r="OUH736" s="424"/>
      <c r="OUI736" s="424"/>
      <c r="OUJ736" s="424"/>
      <c r="OUK736" s="423" t="s">
        <v>2795</v>
      </c>
      <c r="OUL736" s="424"/>
      <c r="OUM736" s="424"/>
      <c r="OUN736" s="424"/>
      <c r="OUO736" s="423" t="s">
        <v>2795</v>
      </c>
      <c r="OUP736" s="424"/>
      <c r="OUQ736" s="424"/>
      <c r="OUR736" s="424"/>
      <c r="OUS736" s="423" t="s">
        <v>2795</v>
      </c>
      <c r="OUT736" s="424"/>
      <c r="OUU736" s="424"/>
      <c r="OUV736" s="424"/>
      <c r="OUW736" s="423" t="s">
        <v>2795</v>
      </c>
      <c r="OUX736" s="424"/>
      <c r="OUY736" s="424"/>
      <c r="OUZ736" s="424"/>
      <c r="OVA736" s="423" t="s">
        <v>2795</v>
      </c>
      <c r="OVB736" s="424"/>
      <c r="OVC736" s="424"/>
      <c r="OVD736" s="424"/>
      <c r="OVE736" s="423" t="s">
        <v>2795</v>
      </c>
      <c r="OVF736" s="424"/>
      <c r="OVG736" s="424"/>
      <c r="OVH736" s="424"/>
      <c r="OVI736" s="423" t="s">
        <v>2795</v>
      </c>
      <c r="OVJ736" s="424"/>
      <c r="OVK736" s="424"/>
      <c r="OVL736" s="424"/>
      <c r="OVM736" s="423" t="s">
        <v>2795</v>
      </c>
      <c r="OVN736" s="424"/>
      <c r="OVO736" s="424"/>
      <c r="OVP736" s="424"/>
      <c r="OVQ736" s="423" t="s">
        <v>2795</v>
      </c>
      <c r="OVR736" s="424"/>
      <c r="OVS736" s="424"/>
      <c r="OVT736" s="424"/>
      <c r="OVU736" s="423" t="s">
        <v>2795</v>
      </c>
      <c r="OVV736" s="424"/>
      <c r="OVW736" s="424"/>
      <c r="OVX736" s="424"/>
      <c r="OVY736" s="423" t="s">
        <v>2795</v>
      </c>
      <c r="OVZ736" s="424"/>
      <c r="OWA736" s="424"/>
      <c r="OWB736" s="424"/>
      <c r="OWC736" s="423" t="s">
        <v>2795</v>
      </c>
      <c r="OWD736" s="424"/>
      <c r="OWE736" s="424"/>
      <c r="OWF736" s="424"/>
      <c r="OWG736" s="423" t="s">
        <v>2795</v>
      </c>
      <c r="OWH736" s="424"/>
      <c r="OWI736" s="424"/>
      <c r="OWJ736" s="424"/>
      <c r="OWK736" s="423" t="s">
        <v>2795</v>
      </c>
      <c r="OWL736" s="424"/>
      <c r="OWM736" s="424"/>
      <c r="OWN736" s="424"/>
      <c r="OWO736" s="423" t="s">
        <v>2795</v>
      </c>
      <c r="OWP736" s="424"/>
      <c r="OWQ736" s="424"/>
      <c r="OWR736" s="424"/>
      <c r="OWS736" s="423" t="s">
        <v>2795</v>
      </c>
      <c r="OWT736" s="424"/>
      <c r="OWU736" s="424"/>
      <c r="OWV736" s="424"/>
      <c r="OWW736" s="423" t="s">
        <v>2795</v>
      </c>
      <c r="OWX736" s="424"/>
      <c r="OWY736" s="424"/>
      <c r="OWZ736" s="424"/>
      <c r="OXA736" s="423" t="s">
        <v>2795</v>
      </c>
      <c r="OXB736" s="424"/>
      <c r="OXC736" s="424"/>
      <c r="OXD736" s="424"/>
      <c r="OXE736" s="423" t="s">
        <v>2795</v>
      </c>
      <c r="OXF736" s="424"/>
      <c r="OXG736" s="424"/>
      <c r="OXH736" s="424"/>
      <c r="OXI736" s="423" t="s">
        <v>2795</v>
      </c>
      <c r="OXJ736" s="424"/>
      <c r="OXK736" s="424"/>
      <c r="OXL736" s="424"/>
      <c r="OXM736" s="423" t="s">
        <v>2795</v>
      </c>
      <c r="OXN736" s="424"/>
      <c r="OXO736" s="424"/>
      <c r="OXP736" s="424"/>
      <c r="OXQ736" s="423" t="s">
        <v>2795</v>
      </c>
      <c r="OXR736" s="424"/>
      <c r="OXS736" s="424"/>
      <c r="OXT736" s="424"/>
      <c r="OXU736" s="423" t="s">
        <v>2795</v>
      </c>
      <c r="OXV736" s="424"/>
      <c r="OXW736" s="424"/>
      <c r="OXX736" s="424"/>
      <c r="OXY736" s="423" t="s">
        <v>2795</v>
      </c>
      <c r="OXZ736" s="424"/>
      <c r="OYA736" s="424"/>
      <c r="OYB736" s="424"/>
      <c r="OYC736" s="423" t="s">
        <v>2795</v>
      </c>
      <c r="OYD736" s="424"/>
      <c r="OYE736" s="424"/>
      <c r="OYF736" s="424"/>
      <c r="OYG736" s="423" t="s">
        <v>2795</v>
      </c>
      <c r="OYH736" s="424"/>
      <c r="OYI736" s="424"/>
      <c r="OYJ736" s="424"/>
      <c r="OYK736" s="423" t="s">
        <v>2795</v>
      </c>
      <c r="OYL736" s="424"/>
      <c r="OYM736" s="424"/>
      <c r="OYN736" s="424"/>
      <c r="OYO736" s="423" t="s">
        <v>2795</v>
      </c>
      <c r="OYP736" s="424"/>
      <c r="OYQ736" s="424"/>
      <c r="OYR736" s="424"/>
      <c r="OYS736" s="423" t="s">
        <v>2795</v>
      </c>
      <c r="OYT736" s="424"/>
      <c r="OYU736" s="424"/>
      <c r="OYV736" s="424"/>
      <c r="OYW736" s="423" t="s">
        <v>2795</v>
      </c>
      <c r="OYX736" s="424"/>
      <c r="OYY736" s="424"/>
      <c r="OYZ736" s="424"/>
      <c r="OZA736" s="423" t="s">
        <v>2795</v>
      </c>
      <c r="OZB736" s="424"/>
      <c r="OZC736" s="424"/>
      <c r="OZD736" s="424"/>
      <c r="OZE736" s="423" t="s">
        <v>2795</v>
      </c>
      <c r="OZF736" s="424"/>
      <c r="OZG736" s="424"/>
      <c r="OZH736" s="424"/>
      <c r="OZI736" s="423" t="s">
        <v>2795</v>
      </c>
      <c r="OZJ736" s="424"/>
      <c r="OZK736" s="424"/>
      <c r="OZL736" s="424"/>
      <c r="OZM736" s="423" t="s">
        <v>2795</v>
      </c>
      <c r="OZN736" s="424"/>
      <c r="OZO736" s="424"/>
      <c r="OZP736" s="424"/>
      <c r="OZQ736" s="423" t="s">
        <v>2795</v>
      </c>
      <c r="OZR736" s="424"/>
      <c r="OZS736" s="424"/>
      <c r="OZT736" s="424"/>
      <c r="OZU736" s="423" t="s">
        <v>2795</v>
      </c>
      <c r="OZV736" s="424"/>
      <c r="OZW736" s="424"/>
      <c r="OZX736" s="424"/>
      <c r="OZY736" s="423" t="s">
        <v>2795</v>
      </c>
      <c r="OZZ736" s="424"/>
      <c r="PAA736" s="424"/>
      <c r="PAB736" s="424"/>
      <c r="PAC736" s="423" t="s">
        <v>2795</v>
      </c>
      <c r="PAD736" s="424"/>
      <c r="PAE736" s="424"/>
      <c r="PAF736" s="424"/>
      <c r="PAG736" s="423" t="s">
        <v>2795</v>
      </c>
      <c r="PAH736" s="424"/>
      <c r="PAI736" s="424"/>
      <c r="PAJ736" s="424"/>
      <c r="PAK736" s="423" t="s">
        <v>2795</v>
      </c>
      <c r="PAL736" s="424"/>
      <c r="PAM736" s="424"/>
      <c r="PAN736" s="424"/>
      <c r="PAO736" s="423" t="s">
        <v>2795</v>
      </c>
      <c r="PAP736" s="424"/>
      <c r="PAQ736" s="424"/>
      <c r="PAR736" s="424"/>
      <c r="PAS736" s="423" t="s">
        <v>2795</v>
      </c>
      <c r="PAT736" s="424"/>
      <c r="PAU736" s="424"/>
      <c r="PAV736" s="424"/>
      <c r="PAW736" s="423" t="s">
        <v>2795</v>
      </c>
      <c r="PAX736" s="424"/>
      <c r="PAY736" s="424"/>
      <c r="PAZ736" s="424"/>
      <c r="PBA736" s="423" t="s">
        <v>2795</v>
      </c>
      <c r="PBB736" s="424"/>
      <c r="PBC736" s="424"/>
      <c r="PBD736" s="424"/>
      <c r="PBE736" s="423" t="s">
        <v>2795</v>
      </c>
      <c r="PBF736" s="424"/>
      <c r="PBG736" s="424"/>
      <c r="PBH736" s="424"/>
      <c r="PBI736" s="423" t="s">
        <v>2795</v>
      </c>
      <c r="PBJ736" s="424"/>
      <c r="PBK736" s="424"/>
      <c r="PBL736" s="424"/>
      <c r="PBM736" s="423" t="s">
        <v>2795</v>
      </c>
      <c r="PBN736" s="424"/>
      <c r="PBO736" s="424"/>
      <c r="PBP736" s="424"/>
      <c r="PBQ736" s="423" t="s">
        <v>2795</v>
      </c>
      <c r="PBR736" s="424"/>
      <c r="PBS736" s="424"/>
      <c r="PBT736" s="424"/>
      <c r="PBU736" s="423" t="s">
        <v>2795</v>
      </c>
      <c r="PBV736" s="424"/>
      <c r="PBW736" s="424"/>
      <c r="PBX736" s="424"/>
      <c r="PBY736" s="423" t="s">
        <v>2795</v>
      </c>
      <c r="PBZ736" s="424"/>
      <c r="PCA736" s="424"/>
      <c r="PCB736" s="424"/>
      <c r="PCC736" s="423" t="s">
        <v>2795</v>
      </c>
      <c r="PCD736" s="424"/>
      <c r="PCE736" s="424"/>
      <c r="PCF736" s="424"/>
      <c r="PCG736" s="423" t="s">
        <v>2795</v>
      </c>
      <c r="PCH736" s="424"/>
      <c r="PCI736" s="424"/>
      <c r="PCJ736" s="424"/>
      <c r="PCK736" s="423" t="s">
        <v>2795</v>
      </c>
      <c r="PCL736" s="424"/>
      <c r="PCM736" s="424"/>
      <c r="PCN736" s="424"/>
      <c r="PCO736" s="423" t="s">
        <v>2795</v>
      </c>
      <c r="PCP736" s="424"/>
      <c r="PCQ736" s="424"/>
      <c r="PCR736" s="424"/>
      <c r="PCS736" s="423" t="s">
        <v>2795</v>
      </c>
      <c r="PCT736" s="424"/>
      <c r="PCU736" s="424"/>
      <c r="PCV736" s="424"/>
      <c r="PCW736" s="423" t="s">
        <v>2795</v>
      </c>
      <c r="PCX736" s="424"/>
      <c r="PCY736" s="424"/>
      <c r="PCZ736" s="424"/>
      <c r="PDA736" s="423" t="s">
        <v>2795</v>
      </c>
      <c r="PDB736" s="424"/>
      <c r="PDC736" s="424"/>
      <c r="PDD736" s="424"/>
      <c r="PDE736" s="423" t="s">
        <v>2795</v>
      </c>
      <c r="PDF736" s="424"/>
      <c r="PDG736" s="424"/>
      <c r="PDH736" s="424"/>
      <c r="PDI736" s="423" t="s">
        <v>2795</v>
      </c>
      <c r="PDJ736" s="424"/>
      <c r="PDK736" s="424"/>
      <c r="PDL736" s="424"/>
      <c r="PDM736" s="423" t="s">
        <v>2795</v>
      </c>
      <c r="PDN736" s="424"/>
      <c r="PDO736" s="424"/>
      <c r="PDP736" s="424"/>
      <c r="PDQ736" s="423" t="s">
        <v>2795</v>
      </c>
      <c r="PDR736" s="424"/>
      <c r="PDS736" s="424"/>
      <c r="PDT736" s="424"/>
      <c r="PDU736" s="423" t="s">
        <v>2795</v>
      </c>
      <c r="PDV736" s="424"/>
      <c r="PDW736" s="424"/>
      <c r="PDX736" s="424"/>
      <c r="PDY736" s="423" t="s">
        <v>2795</v>
      </c>
      <c r="PDZ736" s="424"/>
      <c r="PEA736" s="424"/>
      <c r="PEB736" s="424"/>
      <c r="PEC736" s="423" t="s">
        <v>2795</v>
      </c>
      <c r="PED736" s="424"/>
      <c r="PEE736" s="424"/>
      <c r="PEF736" s="424"/>
      <c r="PEG736" s="423" t="s">
        <v>2795</v>
      </c>
      <c r="PEH736" s="424"/>
      <c r="PEI736" s="424"/>
      <c r="PEJ736" s="424"/>
      <c r="PEK736" s="423" t="s">
        <v>2795</v>
      </c>
      <c r="PEL736" s="424"/>
      <c r="PEM736" s="424"/>
      <c r="PEN736" s="424"/>
      <c r="PEO736" s="423" t="s">
        <v>2795</v>
      </c>
      <c r="PEP736" s="424"/>
      <c r="PEQ736" s="424"/>
      <c r="PER736" s="424"/>
      <c r="PES736" s="423" t="s">
        <v>2795</v>
      </c>
      <c r="PET736" s="424"/>
      <c r="PEU736" s="424"/>
      <c r="PEV736" s="424"/>
      <c r="PEW736" s="423" t="s">
        <v>2795</v>
      </c>
      <c r="PEX736" s="424"/>
      <c r="PEY736" s="424"/>
      <c r="PEZ736" s="424"/>
      <c r="PFA736" s="423" t="s">
        <v>2795</v>
      </c>
      <c r="PFB736" s="424"/>
      <c r="PFC736" s="424"/>
      <c r="PFD736" s="424"/>
      <c r="PFE736" s="423" t="s">
        <v>2795</v>
      </c>
      <c r="PFF736" s="424"/>
      <c r="PFG736" s="424"/>
      <c r="PFH736" s="424"/>
      <c r="PFI736" s="423" t="s">
        <v>2795</v>
      </c>
      <c r="PFJ736" s="424"/>
      <c r="PFK736" s="424"/>
      <c r="PFL736" s="424"/>
      <c r="PFM736" s="423" t="s">
        <v>2795</v>
      </c>
      <c r="PFN736" s="424"/>
      <c r="PFO736" s="424"/>
      <c r="PFP736" s="424"/>
      <c r="PFQ736" s="423" t="s">
        <v>2795</v>
      </c>
      <c r="PFR736" s="424"/>
      <c r="PFS736" s="424"/>
      <c r="PFT736" s="424"/>
      <c r="PFU736" s="423" t="s">
        <v>2795</v>
      </c>
      <c r="PFV736" s="424"/>
      <c r="PFW736" s="424"/>
      <c r="PFX736" s="424"/>
      <c r="PFY736" s="423" t="s">
        <v>2795</v>
      </c>
      <c r="PFZ736" s="424"/>
      <c r="PGA736" s="424"/>
      <c r="PGB736" s="424"/>
      <c r="PGC736" s="423" t="s">
        <v>2795</v>
      </c>
      <c r="PGD736" s="424"/>
      <c r="PGE736" s="424"/>
      <c r="PGF736" s="424"/>
      <c r="PGG736" s="423" t="s">
        <v>2795</v>
      </c>
      <c r="PGH736" s="424"/>
      <c r="PGI736" s="424"/>
      <c r="PGJ736" s="424"/>
      <c r="PGK736" s="423" t="s">
        <v>2795</v>
      </c>
      <c r="PGL736" s="424"/>
      <c r="PGM736" s="424"/>
      <c r="PGN736" s="424"/>
      <c r="PGO736" s="423" t="s">
        <v>2795</v>
      </c>
      <c r="PGP736" s="424"/>
      <c r="PGQ736" s="424"/>
      <c r="PGR736" s="424"/>
      <c r="PGS736" s="423" t="s">
        <v>2795</v>
      </c>
      <c r="PGT736" s="424"/>
      <c r="PGU736" s="424"/>
      <c r="PGV736" s="424"/>
      <c r="PGW736" s="423" t="s">
        <v>2795</v>
      </c>
      <c r="PGX736" s="424"/>
      <c r="PGY736" s="424"/>
      <c r="PGZ736" s="424"/>
      <c r="PHA736" s="423" t="s">
        <v>2795</v>
      </c>
      <c r="PHB736" s="424"/>
      <c r="PHC736" s="424"/>
      <c r="PHD736" s="424"/>
      <c r="PHE736" s="423" t="s">
        <v>2795</v>
      </c>
      <c r="PHF736" s="424"/>
      <c r="PHG736" s="424"/>
      <c r="PHH736" s="424"/>
      <c r="PHI736" s="423" t="s">
        <v>2795</v>
      </c>
      <c r="PHJ736" s="424"/>
      <c r="PHK736" s="424"/>
      <c r="PHL736" s="424"/>
      <c r="PHM736" s="423" t="s">
        <v>2795</v>
      </c>
      <c r="PHN736" s="424"/>
      <c r="PHO736" s="424"/>
      <c r="PHP736" s="424"/>
      <c r="PHQ736" s="423" t="s">
        <v>2795</v>
      </c>
      <c r="PHR736" s="424"/>
      <c r="PHS736" s="424"/>
      <c r="PHT736" s="424"/>
      <c r="PHU736" s="423" t="s">
        <v>2795</v>
      </c>
      <c r="PHV736" s="424"/>
      <c r="PHW736" s="424"/>
      <c r="PHX736" s="424"/>
      <c r="PHY736" s="423" t="s">
        <v>2795</v>
      </c>
      <c r="PHZ736" s="424"/>
      <c r="PIA736" s="424"/>
      <c r="PIB736" s="424"/>
      <c r="PIC736" s="423" t="s">
        <v>2795</v>
      </c>
      <c r="PID736" s="424"/>
      <c r="PIE736" s="424"/>
      <c r="PIF736" s="424"/>
      <c r="PIG736" s="423" t="s">
        <v>2795</v>
      </c>
      <c r="PIH736" s="424"/>
      <c r="PII736" s="424"/>
      <c r="PIJ736" s="424"/>
      <c r="PIK736" s="423" t="s">
        <v>2795</v>
      </c>
      <c r="PIL736" s="424"/>
      <c r="PIM736" s="424"/>
      <c r="PIN736" s="424"/>
      <c r="PIO736" s="423" t="s">
        <v>2795</v>
      </c>
      <c r="PIP736" s="424"/>
      <c r="PIQ736" s="424"/>
      <c r="PIR736" s="424"/>
      <c r="PIS736" s="423" t="s">
        <v>2795</v>
      </c>
      <c r="PIT736" s="424"/>
      <c r="PIU736" s="424"/>
      <c r="PIV736" s="424"/>
      <c r="PIW736" s="423" t="s">
        <v>2795</v>
      </c>
      <c r="PIX736" s="424"/>
      <c r="PIY736" s="424"/>
      <c r="PIZ736" s="424"/>
      <c r="PJA736" s="423" t="s">
        <v>2795</v>
      </c>
      <c r="PJB736" s="424"/>
      <c r="PJC736" s="424"/>
      <c r="PJD736" s="424"/>
      <c r="PJE736" s="423" t="s">
        <v>2795</v>
      </c>
      <c r="PJF736" s="424"/>
      <c r="PJG736" s="424"/>
      <c r="PJH736" s="424"/>
      <c r="PJI736" s="423" t="s">
        <v>2795</v>
      </c>
      <c r="PJJ736" s="424"/>
      <c r="PJK736" s="424"/>
      <c r="PJL736" s="424"/>
      <c r="PJM736" s="423" t="s">
        <v>2795</v>
      </c>
      <c r="PJN736" s="424"/>
      <c r="PJO736" s="424"/>
      <c r="PJP736" s="424"/>
      <c r="PJQ736" s="423" t="s">
        <v>2795</v>
      </c>
      <c r="PJR736" s="424"/>
      <c r="PJS736" s="424"/>
      <c r="PJT736" s="424"/>
      <c r="PJU736" s="423" t="s">
        <v>2795</v>
      </c>
      <c r="PJV736" s="424"/>
      <c r="PJW736" s="424"/>
      <c r="PJX736" s="424"/>
      <c r="PJY736" s="423" t="s">
        <v>2795</v>
      </c>
      <c r="PJZ736" s="424"/>
      <c r="PKA736" s="424"/>
      <c r="PKB736" s="424"/>
      <c r="PKC736" s="423" t="s">
        <v>2795</v>
      </c>
      <c r="PKD736" s="424"/>
      <c r="PKE736" s="424"/>
      <c r="PKF736" s="424"/>
      <c r="PKG736" s="423" t="s">
        <v>2795</v>
      </c>
      <c r="PKH736" s="424"/>
      <c r="PKI736" s="424"/>
      <c r="PKJ736" s="424"/>
      <c r="PKK736" s="423" t="s">
        <v>2795</v>
      </c>
      <c r="PKL736" s="424"/>
      <c r="PKM736" s="424"/>
      <c r="PKN736" s="424"/>
      <c r="PKO736" s="423" t="s">
        <v>2795</v>
      </c>
      <c r="PKP736" s="424"/>
      <c r="PKQ736" s="424"/>
      <c r="PKR736" s="424"/>
      <c r="PKS736" s="423" t="s">
        <v>2795</v>
      </c>
      <c r="PKT736" s="424"/>
      <c r="PKU736" s="424"/>
      <c r="PKV736" s="424"/>
      <c r="PKW736" s="423" t="s">
        <v>2795</v>
      </c>
      <c r="PKX736" s="424"/>
      <c r="PKY736" s="424"/>
      <c r="PKZ736" s="424"/>
      <c r="PLA736" s="423" t="s">
        <v>2795</v>
      </c>
      <c r="PLB736" s="424"/>
      <c r="PLC736" s="424"/>
      <c r="PLD736" s="424"/>
      <c r="PLE736" s="423" t="s">
        <v>2795</v>
      </c>
      <c r="PLF736" s="424"/>
      <c r="PLG736" s="424"/>
      <c r="PLH736" s="424"/>
      <c r="PLI736" s="423" t="s">
        <v>2795</v>
      </c>
      <c r="PLJ736" s="424"/>
      <c r="PLK736" s="424"/>
      <c r="PLL736" s="424"/>
      <c r="PLM736" s="423" t="s">
        <v>2795</v>
      </c>
      <c r="PLN736" s="424"/>
      <c r="PLO736" s="424"/>
      <c r="PLP736" s="424"/>
      <c r="PLQ736" s="423" t="s">
        <v>2795</v>
      </c>
      <c r="PLR736" s="424"/>
      <c r="PLS736" s="424"/>
      <c r="PLT736" s="424"/>
      <c r="PLU736" s="423" t="s">
        <v>2795</v>
      </c>
      <c r="PLV736" s="424"/>
      <c r="PLW736" s="424"/>
      <c r="PLX736" s="424"/>
      <c r="PLY736" s="423" t="s">
        <v>2795</v>
      </c>
      <c r="PLZ736" s="424"/>
      <c r="PMA736" s="424"/>
      <c r="PMB736" s="424"/>
      <c r="PMC736" s="423" t="s">
        <v>2795</v>
      </c>
      <c r="PMD736" s="424"/>
      <c r="PME736" s="424"/>
      <c r="PMF736" s="424"/>
      <c r="PMG736" s="423" t="s">
        <v>2795</v>
      </c>
      <c r="PMH736" s="424"/>
      <c r="PMI736" s="424"/>
      <c r="PMJ736" s="424"/>
      <c r="PMK736" s="423" t="s">
        <v>2795</v>
      </c>
      <c r="PML736" s="424"/>
      <c r="PMM736" s="424"/>
      <c r="PMN736" s="424"/>
      <c r="PMO736" s="423" t="s">
        <v>2795</v>
      </c>
      <c r="PMP736" s="424"/>
      <c r="PMQ736" s="424"/>
      <c r="PMR736" s="424"/>
      <c r="PMS736" s="423" t="s">
        <v>2795</v>
      </c>
      <c r="PMT736" s="424"/>
      <c r="PMU736" s="424"/>
      <c r="PMV736" s="424"/>
      <c r="PMW736" s="423" t="s">
        <v>2795</v>
      </c>
      <c r="PMX736" s="424"/>
      <c r="PMY736" s="424"/>
      <c r="PMZ736" s="424"/>
      <c r="PNA736" s="423" t="s">
        <v>2795</v>
      </c>
      <c r="PNB736" s="424"/>
      <c r="PNC736" s="424"/>
      <c r="PND736" s="424"/>
      <c r="PNE736" s="423" t="s">
        <v>2795</v>
      </c>
      <c r="PNF736" s="424"/>
      <c r="PNG736" s="424"/>
      <c r="PNH736" s="424"/>
      <c r="PNI736" s="423" t="s">
        <v>2795</v>
      </c>
      <c r="PNJ736" s="424"/>
      <c r="PNK736" s="424"/>
      <c r="PNL736" s="424"/>
      <c r="PNM736" s="423" t="s">
        <v>2795</v>
      </c>
      <c r="PNN736" s="424"/>
      <c r="PNO736" s="424"/>
      <c r="PNP736" s="424"/>
      <c r="PNQ736" s="423" t="s">
        <v>2795</v>
      </c>
      <c r="PNR736" s="424"/>
      <c r="PNS736" s="424"/>
      <c r="PNT736" s="424"/>
      <c r="PNU736" s="423" t="s">
        <v>2795</v>
      </c>
      <c r="PNV736" s="424"/>
      <c r="PNW736" s="424"/>
      <c r="PNX736" s="424"/>
      <c r="PNY736" s="423" t="s">
        <v>2795</v>
      </c>
      <c r="PNZ736" s="424"/>
      <c r="POA736" s="424"/>
      <c r="POB736" s="424"/>
      <c r="POC736" s="423" t="s">
        <v>2795</v>
      </c>
      <c r="POD736" s="424"/>
      <c r="POE736" s="424"/>
      <c r="POF736" s="424"/>
      <c r="POG736" s="423" t="s">
        <v>2795</v>
      </c>
      <c r="POH736" s="424"/>
      <c r="POI736" s="424"/>
      <c r="POJ736" s="424"/>
      <c r="POK736" s="423" t="s">
        <v>2795</v>
      </c>
      <c r="POL736" s="424"/>
      <c r="POM736" s="424"/>
      <c r="PON736" s="424"/>
      <c r="POO736" s="423" t="s">
        <v>2795</v>
      </c>
      <c r="POP736" s="424"/>
      <c r="POQ736" s="424"/>
      <c r="POR736" s="424"/>
      <c r="POS736" s="423" t="s">
        <v>2795</v>
      </c>
      <c r="POT736" s="424"/>
      <c r="POU736" s="424"/>
      <c r="POV736" s="424"/>
      <c r="POW736" s="423" t="s">
        <v>2795</v>
      </c>
      <c r="POX736" s="424"/>
      <c r="POY736" s="424"/>
      <c r="POZ736" s="424"/>
      <c r="PPA736" s="423" t="s">
        <v>2795</v>
      </c>
      <c r="PPB736" s="424"/>
      <c r="PPC736" s="424"/>
      <c r="PPD736" s="424"/>
      <c r="PPE736" s="423" t="s">
        <v>2795</v>
      </c>
      <c r="PPF736" s="424"/>
      <c r="PPG736" s="424"/>
      <c r="PPH736" s="424"/>
      <c r="PPI736" s="423" t="s">
        <v>2795</v>
      </c>
      <c r="PPJ736" s="424"/>
      <c r="PPK736" s="424"/>
      <c r="PPL736" s="424"/>
      <c r="PPM736" s="423" t="s">
        <v>2795</v>
      </c>
      <c r="PPN736" s="424"/>
      <c r="PPO736" s="424"/>
      <c r="PPP736" s="424"/>
      <c r="PPQ736" s="423" t="s">
        <v>2795</v>
      </c>
      <c r="PPR736" s="424"/>
      <c r="PPS736" s="424"/>
      <c r="PPT736" s="424"/>
      <c r="PPU736" s="423" t="s">
        <v>2795</v>
      </c>
      <c r="PPV736" s="424"/>
      <c r="PPW736" s="424"/>
      <c r="PPX736" s="424"/>
      <c r="PPY736" s="423" t="s">
        <v>2795</v>
      </c>
      <c r="PPZ736" s="424"/>
      <c r="PQA736" s="424"/>
      <c r="PQB736" s="424"/>
      <c r="PQC736" s="423" t="s">
        <v>2795</v>
      </c>
      <c r="PQD736" s="424"/>
      <c r="PQE736" s="424"/>
      <c r="PQF736" s="424"/>
      <c r="PQG736" s="423" t="s">
        <v>2795</v>
      </c>
      <c r="PQH736" s="424"/>
      <c r="PQI736" s="424"/>
      <c r="PQJ736" s="424"/>
      <c r="PQK736" s="423" t="s">
        <v>2795</v>
      </c>
      <c r="PQL736" s="424"/>
      <c r="PQM736" s="424"/>
      <c r="PQN736" s="424"/>
      <c r="PQO736" s="423" t="s">
        <v>2795</v>
      </c>
      <c r="PQP736" s="424"/>
      <c r="PQQ736" s="424"/>
      <c r="PQR736" s="424"/>
      <c r="PQS736" s="423" t="s">
        <v>2795</v>
      </c>
      <c r="PQT736" s="424"/>
      <c r="PQU736" s="424"/>
      <c r="PQV736" s="424"/>
      <c r="PQW736" s="423" t="s">
        <v>2795</v>
      </c>
      <c r="PQX736" s="424"/>
      <c r="PQY736" s="424"/>
      <c r="PQZ736" s="424"/>
      <c r="PRA736" s="423" t="s">
        <v>2795</v>
      </c>
      <c r="PRB736" s="424"/>
      <c r="PRC736" s="424"/>
      <c r="PRD736" s="424"/>
      <c r="PRE736" s="423" t="s">
        <v>2795</v>
      </c>
      <c r="PRF736" s="424"/>
      <c r="PRG736" s="424"/>
      <c r="PRH736" s="424"/>
      <c r="PRI736" s="423" t="s">
        <v>2795</v>
      </c>
      <c r="PRJ736" s="424"/>
      <c r="PRK736" s="424"/>
      <c r="PRL736" s="424"/>
      <c r="PRM736" s="423" t="s">
        <v>2795</v>
      </c>
      <c r="PRN736" s="424"/>
      <c r="PRO736" s="424"/>
      <c r="PRP736" s="424"/>
      <c r="PRQ736" s="423" t="s">
        <v>2795</v>
      </c>
      <c r="PRR736" s="424"/>
      <c r="PRS736" s="424"/>
      <c r="PRT736" s="424"/>
      <c r="PRU736" s="423" t="s">
        <v>2795</v>
      </c>
      <c r="PRV736" s="424"/>
      <c r="PRW736" s="424"/>
      <c r="PRX736" s="424"/>
      <c r="PRY736" s="423" t="s">
        <v>2795</v>
      </c>
      <c r="PRZ736" s="424"/>
      <c r="PSA736" s="424"/>
      <c r="PSB736" s="424"/>
      <c r="PSC736" s="423" t="s">
        <v>2795</v>
      </c>
      <c r="PSD736" s="424"/>
      <c r="PSE736" s="424"/>
      <c r="PSF736" s="424"/>
      <c r="PSG736" s="423" t="s">
        <v>2795</v>
      </c>
      <c r="PSH736" s="424"/>
      <c r="PSI736" s="424"/>
      <c r="PSJ736" s="424"/>
      <c r="PSK736" s="423" t="s">
        <v>2795</v>
      </c>
      <c r="PSL736" s="424"/>
      <c r="PSM736" s="424"/>
      <c r="PSN736" s="424"/>
      <c r="PSO736" s="423" t="s">
        <v>2795</v>
      </c>
      <c r="PSP736" s="424"/>
      <c r="PSQ736" s="424"/>
      <c r="PSR736" s="424"/>
      <c r="PSS736" s="423" t="s">
        <v>2795</v>
      </c>
      <c r="PST736" s="424"/>
      <c r="PSU736" s="424"/>
      <c r="PSV736" s="424"/>
      <c r="PSW736" s="423" t="s">
        <v>2795</v>
      </c>
      <c r="PSX736" s="424"/>
      <c r="PSY736" s="424"/>
      <c r="PSZ736" s="424"/>
      <c r="PTA736" s="423" t="s">
        <v>2795</v>
      </c>
      <c r="PTB736" s="424"/>
      <c r="PTC736" s="424"/>
      <c r="PTD736" s="424"/>
      <c r="PTE736" s="423" t="s">
        <v>2795</v>
      </c>
      <c r="PTF736" s="424"/>
      <c r="PTG736" s="424"/>
      <c r="PTH736" s="424"/>
      <c r="PTI736" s="423" t="s">
        <v>2795</v>
      </c>
      <c r="PTJ736" s="424"/>
      <c r="PTK736" s="424"/>
      <c r="PTL736" s="424"/>
      <c r="PTM736" s="423" t="s">
        <v>2795</v>
      </c>
      <c r="PTN736" s="424"/>
      <c r="PTO736" s="424"/>
      <c r="PTP736" s="424"/>
      <c r="PTQ736" s="423" t="s">
        <v>2795</v>
      </c>
      <c r="PTR736" s="424"/>
      <c r="PTS736" s="424"/>
      <c r="PTT736" s="424"/>
      <c r="PTU736" s="423" t="s">
        <v>2795</v>
      </c>
      <c r="PTV736" s="424"/>
      <c r="PTW736" s="424"/>
      <c r="PTX736" s="424"/>
      <c r="PTY736" s="423" t="s">
        <v>2795</v>
      </c>
      <c r="PTZ736" s="424"/>
      <c r="PUA736" s="424"/>
      <c r="PUB736" s="424"/>
      <c r="PUC736" s="423" t="s">
        <v>2795</v>
      </c>
      <c r="PUD736" s="424"/>
      <c r="PUE736" s="424"/>
      <c r="PUF736" s="424"/>
      <c r="PUG736" s="423" t="s">
        <v>2795</v>
      </c>
      <c r="PUH736" s="424"/>
      <c r="PUI736" s="424"/>
      <c r="PUJ736" s="424"/>
      <c r="PUK736" s="423" t="s">
        <v>2795</v>
      </c>
      <c r="PUL736" s="424"/>
      <c r="PUM736" s="424"/>
      <c r="PUN736" s="424"/>
      <c r="PUO736" s="423" t="s">
        <v>2795</v>
      </c>
      <c r="PUP736" s="424"/>
      <c r="PUQ736" s="424"/>
      <c r="PUR736" s="424"/>
      <c r="PUS736" s="423" t="s">
        <v>2795</v>
      </c>
      <c r="PUT736" s="424"/>
      <c r="PUU736" s="424"/>
      <c r="PUV736" s="424"/>
      <c r="PUW736" s="423" t="s">
        <v>2795</v>
      </c>
      <c r="PUX736" s="424"/>
      <c r="PUY736" s="424"/>
      <c r="PUZ736" s="424"/>
      <c r="PVA736" s="423" t="s">
        <v>2795</v>
      </c>
      <c r="PVB736" s="424"/>
      <c r="PVC736" s="424"/>
      <c r="PVD736" s="424"/>
      <c r="PVE736" s="423" t="s">
        <v>2795</v>
      </c>
      <c r="PVF736" s="424"/>
      <c r="PVG736" s="424"/>
      <c r="PVH736" s="424"/>
      <c r="PVI736" s="423" t="s">
        <v>2795</v>
      </c>
      <c r="PVJ736" s="424"/>
      <c r="PVK736" s="424"/>
      <c r="PVL736" s="424"/>
      <c r="PVM736" s="423" t="s">
        <v>2795</v>
      </c>
      <c r="PVN736" s="424"/>
      <c r="PVO736" s="424"/>
      <c r="PVP736" s="424"/>
      <c r="PVQ736" s="423" t="s">
        <v>2795</v>
      </c>
      <c r="PVR736" s="424"/>
      <c r="PVS736" s="424"/>
      <c r="PVT736" s="424"/>
      <c r="PVU736" s="423" t="s">
        <v>2795</v>
      </c>
      <c r="PVV736" s="424"/>
      <c r="PVW736" s="424"/>
      <c r="PVX736" s="424"/>
      <c r="PVY736" s="423" t="s">
        <v>2795</v>
      </c>
      <c r="PVZ736" s="424"/>
      <c r="PWA736" s="424"/>
      <c r="PWB736" s="424"/>
      <c r="PWC736" s="423" t="s">
        <v>2795</v>
      </c>
      <c r="PWD736" s="424"/>
      <c r="PWE736" s="424"/>
      <c r="PWF736" s="424"/>
      <c r="PWG736" s="423" t="s">
        <v>2795</v>
      </c>
      <c r="PWH736" s="424"/>
      <c r="PWI736" s="424"/>
      <c r="PWJ736" s="424"/>
      <c r="PWK736" s="423" t="s">
        <v>2795</v>
      </c>
      <c r="PWL736" s="424"/>
      <c r="PWM736" s="424"/>
      <c r="PWN736" s="424"/>
      <c r="PWO736" s="423" t="s">
        <v>2795</v>
      </c>
      <c r="PWP736" s="424"/>
      <c r="PWQ736" s="424"/>
      <c r="PWR736" s="424"/>
      <c r="PWS736" s="423" t="s">
        <v>2795</v>
      </c>
      <c r="PWT736" s="424"/>
      <c r="PWU736" s="424"/>
      <c r="PWV736" s="424"/>
      <c r="PWW736" s="423" t="s">
        <v>2795</v>
      </c>
      <c r="PWX736" s="424"/>
      <c r="PWY736" s="424"/>
      <c r="PWZ736" s="424"/>
      <c r="PXA736" s="423" t="s">
        <v>2795</v>
      </c>
      <c r="PXB736" s="424"/>
      <c r="PXC736" s="424"/>
      <c r="PXD736" s="424"/>
      <c r="PXE736" s="423" t="s">
        <v>2795</v>
      </c>
      <c r="PXF736" s="424"/>
      <c r="PXG736" s="424"/>
      <c r="PXH736" s="424"/>
      <c r="PXI736" s="423" t="s">
        <v>2795</v>
      </c>
      <c r="PXJ736" s="424"/>
      <c r="PXK736" s="424"/>
      <c r="PXL736" s="424"/>
      <c r="PXM736" s="423" t="s">
        <v>2795</v>
      </c>
      <c r="PXN736" s="424"/>
      <c r="PXO736" s="424"/>
      <c r="PXP736" s="424"/>
      <c r="PXQ736" s="423" t="s">
        <v>2795</v>
      </c>
      <c r="PXR736" s="424"/>
      <c r="PXS736" s="424"/>
      <c r="PXT736" s="424"/>
      <c r="PXU736" s="423" t="s">
        <v>2795</v>
      </c>
      <c r="PXV736" s="424"/>
      <c r="PXW736" s="424"/>
      <c r="PXX736" s="424"/>
      <c r="PXY736" s="423" t="s">
        <v>2795</v>
      </c>
      <c r="PXZ736" s="424"/>
      <c r="PYA736" s="424"/>
      <c r="PYB736" s="424"/>
      <c r="PYC736" s="423" t="s">
        <v>2795</v>
      </c>
      <c r="PYD736" s="424"/>
      <c r="PYE736" s="424"/>
      <c r="PYF736" s="424"/>
      <c r="PYG736" s="423" t="s">
        <v>2795</v>
      </c>
      <c r="PYH736" s="424"/>
      <c r="PYI736" s="424"/>
      <c r="PYJ736" s="424"/>
      <c r="PYK736" s="423" t="s">
        <v>2795</v>
      </c>
      <c r="PYL736" s="424"/>
      <c r="PYM736" s="424"/>
      <c r="PYN736" s="424"/>
      <c r="PYO736" s="423" t="s">
        <v>2795</v>
      </c>
      <c r="PYP736" s="424"/>
      <c r="PYQ736" s="424"/>
      <c r="PYR736" s="424"/>
      <c r="PYS736" s="423" t="s">
        <v>2795</v>
      </c>
      <c r="PYT736" s="424"/>
      <c r="PYU736" s="424"/>
      <c r="PYV736" s="424"/>
      <c r="PYW736" s="423" t="s">
        <v>2795</v>
      </c>
      <c r="PYX736" s="424"/>
      <c r="PYY736" s="424"/>
      <c r="PYZ736" s="424"/>
      <c r="PZA736" s="423" t="s">
        <v>2795</v>
      </c>
      <c r="PZB736" s="424"/>
      <c r="PZC736" s="424"/>
      <c r="PZD736" s="424"/>
      <c r="PZE736" s="423" t="s">
        <v>2795</v>
      </c>
      <c r="PZF736" s="424"/>
      <c r="PZG736" s="424"/>
      <c r="PZH736" s="424"/>
      <c r="PZI736" s="423" t="s">
        <v>2795</v>
      </c>
      <c r="PZJ736" s="424"/>
      <c r="PZK736" s="424"/>
      <c r="PZL736" s="424"/>
      <c r="PZM736" s="423" t="s">
        <v>2795</v>
      </c>
      <c r="PZN736" s="424"/>
      <c r="PZO736" s="424"/>
      <c r="PZP736" s="424"/>
      <c r="PZQ736" s="423" t="s">
        <v>2795</v>
      </c>
      <c r="PZR736" s="424"/>
      <c r="PZS736" s="424"/>
      <c r="PZT736" s="424"/>
      <c r="PZU736" s="423" t="s">
        <v>2795</v>
      </c>
      <c r="PZV736" s="424"/>
      <c r="PZW736" s="424"/>
      <c r="PZX736" s="424"/>
      <c r="PZY736" s="423" t="s">
        <v>2795</v>
      </c>
      <c r="PZZ736" s="424"/>
      <c r="QAA736" s="424"/>
      <c r="QAB736" s="424"/>
      <c r="QAC736" s="423" t="s">
        <v>2795</v>
      </c>
      <c r="QAD736" s="424"/>
      <c r="QAE736" s="424"/>
      <c r="QAF736" s="424"/>
      <c r="QAG736" s="423" t="s">
        <v>2795</v>
      </c>
      <c r="QAH736" s="424"/>
      <c r="QAI736" s="424"/>
      <c r="QAJ736" s="424"/>
      <c r="QAK736" s="423" t="s">
        <v>2795</v>
      </c>
      <c r="QAL736" s="424"/>
      <c r="QAM736" s="424"/>
      <c r="QAN736" s="424"/>
      <c r="QAO736" s="423" t="s">
        <v>2795</v>
      </c>
      <c r="QAP736" s="424"/>
      <c r="QAQ736" s="424"/>
      <c r="QAR736" s="424"/>
      <c r="QAS736" s="423" t="s">
        <v>2795</v>
      </c>
      <c r="QAT736" s="424"/>
      <c r="QAU736" s="424"/>
      <c r="QAV736" s="424"/>
      <c r="QAW736" s="423" t="s">
        <v>2795</v>
      </c>
      <c r="QAX736" s="424"/>
      <c r="QAY736" s="424"/>
      <c r="QAZ736" s="424"/>
      <c r="QBA736" s="423" t="s">
        <v>2795</v>
      </c>
      <c r="QBB736" s="424"/>
      <c r="QBC736" s="424"/>
      <c r="QBD736" s="424"/>
      <c r="QBE736" s="423" t="s">
        <v>2795</v>
      </c>
      <c r="QBF736" s="424"/>
      <c r="QBG736" s="424"/>
      <c r="QBH736" s="424"/>
      <c r="QBI736" s="423" t="s">
        <v>2795</v>
      </c>
      <c r="QBJ736" s="424"/>
      <c r="QBK736" s="424"/>
      <c r="QBL736" s="424"/>
      <c r="QBM736" s="423" t="s">
        <v>2795</v>
      </c>
      <c r="QBN736" s="424"/>
      <c r="QBO736" s="424"/>
      <c r="QBP736" s="424"/>
      <c r="QBQ736" s="423" t="s">
        <v>2795</v>
      </c>
      <c r="QBR736" s="424"/>
      <c r="QBS736" s="424"/>
      <c r="QBT736" s="424"/>
      <c r="QBU736" s="423" t="s">
        <v>2795</v>
      </c>
      <c r="QBV736" s="424"/>
      <c r="QBW736" s="424"/>
      <c r="QBX736" s="424"/>
      <c r="QBY736" s="423" t="s">
        <v>2795</v>
      </c>
      <c r="QBZ736" s="424"/>
      <c r="QCA736" s="424"/>
      <c r="QCB736" s="424"/>
      <c r="QCC736" s="423" t="s">
        <v>2795</v>
      </c>
      <c r="QCD736" s="424"/>
      <c r="QCE736" s="424"/>
      <c r="QCF736" s="424"/>
      <c r="QCG736" s="423" t="s">
        <v>2795</v>
      </c>
      <c r="QCH736" s="424"/>
      <c r="QCI736" s="424"/>
      <c r="QCJ736" s="424"/>
      <c r="QCK736" s="423" t="s">
        <v>2795</v>
      </c>
      <c r="QCL736" s="424"/>
      <c r="QCM736" s="424"/>
      <c r="QCN736" s="424"/>
      <c r="QCO736" s="423" t="s">
        <v>2795</v>
      </c>
      <c r="QCP736" s="424"/>
      <c r="QCQ736" s="424"/>
      <c r="QCR736" s="424"/>
      <c r="QCS736" s="423" t="s">
        <v>2795</v>
      </c>
      <c r="QCT736" s="424"/>
      <c r="QCU736" s="424"/>
      <c r="QCV736" s="424"/>
      <c r="QCW736" s="423" t="s">
        <v>2795</v>
      </c>
      <c r="QCX736" s="424"/>
      <c r="QCY736" s="424"/>
      <c r="QCZ736" s="424"/>
      <c r="QDA736" s="423" t="s">
        <v>2795</v>
      </c>
      <c r="QDB736" s="424"/>
      <c r="QDC736" s="424"/>
      <c r="QDD736" s="424"/>
      <c r="QDE736" s="423" t="s">
        <v>2795</v>
      </c>
      <c r="QDF736" s="424"/>
      <c r="QDG736" s="424"/>
      <c r="QDH736" s="424"/>
      <c r="QDI736" s="423" t="s">
        <v>2795</v>
      </c>
      <c r="QDJ736" s="424"/>
      <c r="QDK736" s="424"/>
      <c r="QDL736" s="424"/>
      <c r="QDM736" s="423" t="s">
        <v>2795</v>
      </c>
      <c r="QDN736" s="424"/>
      <c r="QDO736" s="424"/>
      <c r="QDP736" s="424"/>
      <c r="QDQ736" s="423" t="s">
        <v>2795</v>
      </c>
      <c r="QDR736" s="424"/>
      <c r="QDS736" s="424"/>
      <c r="QDT736" s="424"/>
      <c r="QDU736" s="423" t="s">
        <v>2795</v>
      </c>
      <c r="QDV736" s="424"/>
      <c r="QDW736" s="424"/>
      <c r="QDX736" s="424"/>
      <c r="QDY736" s="423" t="s">
        <v>2795</v>
      </c>
      <c r="QDZ736" s="424"/>
      <c r="QEA736" s="424"/>
      <c r="QEB736" s="424"/>
      <c r="QEC736" s="423" t="s">
        <v>2795</v>
      </c>
      <c r="QED736" s="424"/>
      <c r="QEE736" s="424"/>
      <c r="QEF736" s="424"/>
      <c r="QEG736" s="423" t="s">
        <v>2795</v>
      </c>
      <c r="QEH736" s="424"/>
      <c r="QEI736" s="424"/>
      <c r="QEJ736" s="424"/>
      <c r="QEK736" s="423" t="s">
        <v>2795</v>
      </c>
      <c r="QEL736" s="424"/>
      <c r="QEM736" s="424"/>
      <c r="QEN736" s="424"/>
      <c r="QEO736" s="423" t="s">
        <v>2795</v>
      </c>
      <c r="QEP736" s="424"/>
      <c r="QEQ736" s="424"/>
      <c r="QER736" s="424"/>
      <c r="QES736" s="423" t="s">
        <v>2795</v>
      </c>
      <c r="QET736" s="424"/>
      <c r="QEU736" s="424"/>
      <c r="QEV736" s="424"/>
      <c r="QEW736" s="423" t="s">
        <v>2795</v>
      </c>
      <c r="QEX736" s="424"/>
      <c r="QEY736" s="424"/>
      <c r="QEZ736" s="424"/>
      <c r="QFA736" s="423" t="s">
        <v>2795</v>
      </c>
      <c r="QFB736" s="424"/>
      <c r="QFC736" s="424"/>
      <c r="QFD736" s="424"/>
      <c r="QFE736" s="423" t="s">
        <v>2795</v>
      </c>
      <c r="QFF736" s="424"/>
      <c r="QFG736" s="424"/>
      <c r="QFH736" s="424"/>
      <c r="QFI736" s="423" t="s">
        <v>2795</v>
      </c>
      <c r="QFJ736" s="424"/>
      <c r="QFK736" s="424"/>
      <c r="QFL736" s="424"/>
      <c r="QFM736" s="423" t="s">
        <v>2795</v>
      </c>
      <c r="QFN736" s="424"/>
      <c r="QFO736" s="424"/>
      <c r="QFP736" s="424"/>
      <c r="QFQ736" s="423" t="s">
        <v>2795</v>
      </c>
      <c r="QFR736" s="424"/>
      <c r="QFS736" s="424"/>
      <c r="QFT736" s="424"/>
      <c r="QFU736" s="423" t="s">
        <v>2795</v>
      </c>
      <c r="QFV736" s="424"/>
      <c r="QFW736" s="424"/>
      <c r="QFX736" s="424"/>
      <c r="QFY736" s="423" t="s">
        <v>2795</v>
      </c>
      <c r="QFZ736" s="424"/>
      <c r="QGA736" s="424"/>
      <c r="QGB736" s="424"/>
      <c r="QGC736" s="423" t="s">
        <v>2795</v>
      </c>
      <c r="QGD736" s="424"/>
      <c r="QGE736" s="424"/>
      <c r="QGF736" s="424"/>
      <c r="QGG736" s="423" t="s">
        <v>2795</v>
      </c>
      <c r="QGH736" s="424"/>
      <c r="QGI736" s="424"/>
      <c r="QGJ736" s="424"/>
      <c r="QGK736" s="423" t="s">
        <v>2795</v>
      </c>
      <c r="QGL736" s="424"/>
      <c r="QGM736" s="424"/>
      <c r="QGN736" s="424"/>
      <c r="QGO736" s="423" t="s">
        <v>2795</v>
      </c>
      <c r="QGP736" s="424"/>
      <c r="QGQ736" s="424"/>
      <c r="QGR736" s="424"/>
      <c r="QGS736" s="423" t="s">
        <v>2795</v>
      </c>
      <c r="QGT736" s="424"/>
      <c r="QGU736" s="424"/>
      <c r="QGV736" s="424"/>
      <c r="QGW736" s="423" t="s">
        <v>2795</v>
      </c>
      <c r="QGX736" s="424"/>
      <c r="QGY736" s="424"/>
      <c r="QGZ736" s="424"/>
      <c r="QHA736" s="423" t="s">
        <v>2795</v>
      </c>
      <c r="QHB736" s="424"/>
      <c r="QHC736" s="424"/>
      <c r="QHD736" s="424"/>
      <c r="QHE736" s="423" t="s">
        <v>2795</v>
      </c>
      <c r="QHF736" s="424"/>
      <c r="QHG736" s="424"/>
      <c r="QHH736" s="424"/>
      <c r="QHI736" s="423" t="s">
        <v>2795</v>
      </c>
      <c r="QHJ736" s="424"/>
      <c r="QHK736" s="424"/>
      <c r="QHL736" s="424"/>
      <c r="QHM736" s="423" t="s">
        <v>2795</v>
      </c>
      <c r="QHN736" s="424"/>
      <c r="QHO736" s="424"/>
      <c r="QHP736" s="424"/>
      <c r="QHQ736" s="423" t="s">
        <v>2795</v>
      </c>
      <c r="QHR736" s="424"/>
      <c r="QHS736" s="424"/>
      <c r="QHT736" s="424"/>
      <c r="QHU736" s="423" t="s">
        <v>2795</v>
      </c>
      <c r="QHV736" s="424"/>
      <c r="QHW736" s="424"/>
      <c r="QHX736" s="424"/>
      <c r="QHY736" s="423" t="s">
        <v>2795</v>
      </c>
      <c r="QHZ736" s="424"/>
      <c r="QIA736" s="424"/>
      <c r="QIB736" s="424"/>
      <c r="QIC736" s="423" t="s">
        <v>2795</v>
      </c>
      <c r="QID736" s="424"/>
      <c r="QIE736" s="424"/>
      <c r="QIF736" s="424"/>
      <c r="QIG736" s="423" t="s">
        <v>2795</v>
      </c>
      <c r="QIH736" s="424"/>
      <c r="QII736" s="424"/>
      <c r="QIJ736" s="424"/>
      <c r="QIK736" s="423" t="s">
        <v>2795</v>
      </c>
      <c r="QIL736" s="424"/>
      <c r="QIM736" s="424"/>
      <c r="QIN736" s="424"/>
      <c r="QIO736" s="423" t="s">
        <v>2795</v>
      </c>
      <c r="QIP736" s="424"/>
      <c r="QIQ736" s="424"/>
      <c r="QIR736" s="424"/>
      <c r="QIS736" s="423" t="s">
        <v>2795</v>
      </c>
      <c r="QIT736" s="424"/>
      <c r="QIU736" s="424"/>
      <c r="QIV736" s="424"/>
      <c r="QIW736" s="423" t="s">
        <v>2795</v>
      </c>
      <c r="QIX736" s="424"/>
      <c r="QIY736" s="424"/>
      <c r="QIZ736" s="424"/>
      <c r="QJA736" s="423" t="s">
        <v>2795</v>
      </c>
      <c r="QJB736" s="424"/>
      <c r="QJC736" s="424"/>
      <c r="QJD736" s="424"/>
      <c r="QJE736" s="423" t="s">
        <v>2795</v>
      </c>
      <c r="QJF736" s="424"/>
      <c r="QJG736" s="424"/>
      <c r="QJH736" s="424"/>
      <c r="QJI736" s="423" t="s">
        <v>2795</v>
      </c>
      <c r="QJJ736" s="424"/>
      <c r="QJK736" s="424"/>
      <c r="QJL736" s="424"/>
      <c r="QJM736" s="423" t="s">
        <v>2795</v>
      </c>
      <c r="QJN736" s="424"/>
      <c r="QJO736" s="424"/>
      <c r="QJP736" s="424"/>
      <c r="QJQ736" s="423" t="s">
        <v>2795</v>
      </c>
      <c r="QJR736" s="424"/>
      <c r="QJS736" s="424"/>
      <c r="QJT736" s="424"/>
      <c r="QJU736" s="423" t="s">
        <v>2795</v>
      </c>
      <c r="QJV736" s="424"/>
      <c r="QJW736" s="424"/>
      <c r="QJX736" s="424"/>
      <c r="QJY736" s="423" t="s">
        <v>2795</v>
      </c>
      <c r="QJZ736" s="424"/>
      <c r="QKA736" s="424"/>
      <c r="QKB736" s="424"/>
      <c r="QKC736" s="423" t="s">
        <v>2795</v>
      </c>
      <c r="QKD736" s="424"/>
      <c r="QKE736" s="424"/>
      <c r="QKF736" s="424"/>
      <c r="QKG736" s="423" t="s">
        <v>2795</v>
      </c>
      <c r="QKH736" s="424"/>
      <c r="QKI736" s="424"/>
      <c r="QKJ736" s="424"/>
      <c r="QKK736" s="423" t="s">
        <v>2795</v>
      </c>
      <c r="QKL736" s="424"/>
      <c r="QKM736" s="424"/>
      <c r="QKN736" s="424"/>
      <c r="QKO736" s="423" t="s">
        <v>2795</v>
      </c>
      <c r="QKP736" s="424"/>
      <c r="QKQ736" s="424"/>
      <c r="QKR736" s="424"/>
      <c r="QKS736" s="423" t="s">
        <v>2795</v>
      </c>
      <c r="QKT736" s="424"/>
      <c r="QKU736" s="424"/>
      <c r="QKV736" s="424"/>
      <c r="QKW736" s="423" t="s">
        <v>2795</v>
      </c>
      <c r="QKX736" s="424"/>
      <c r="QKY736" s="424"/>
      <c r="QKZ736" s="424"/>
      <c r="QLA736" s="423" t="s">
        <v>2795</v>
      </c>
      <c r="QLB736" s="424"/>
      <c r="QLC736" s="424"/>
      <c r="QLD736" s="424"/>
      <c r="QLE736" s="423" t="s">
        <v>2795</v>
      </c>
      <c r="QLF736" s="424"/>
      <c r="QLG736" s="424"/>
      <c r="QLH736" s="424"/>
      <c r="QLI736" s="423" t="s">
        <v>2795</v>
      </c>
      <c r="QLJ736" s="424"/>
      <c r="QLK736" s="424"/>
      <c r="QLL736" s="424"/>
      <c r="QLM736" s="423" t="s">
        <v>2795</v>
      </c>
      <c r="QLN736" s="424"/>
      <c r="QLO736" s="424"/>
      <c r="QLP736" s="424"/>
      <c r="QLQ736" s="423" t="s">
        <v>2795</v>
      </c>
      <c r="QLR736" s="424"/>
      <c r="QLS736" s="424"/>
      <c r="QLT736" s="424"/>
      <c r="QLU736" s="423" t="s">
        <v>2795</v>
      </c>
      <c r="QLV736" s="424"/>
      <c r="QLW736" s="424"/>
      <c r="QLX736" s="424"/>
      <c r="QLY736" s="423" t="s">
        <v>2795</v>
      </c>
      <c r="QLZ736" s="424"/>
      <c r="QMA736" s="424"/>
      <c r="QMB736" s="424"/>
      <c r="QMC736" s="423" t="s">
        <v>2795</v>
      </c>
      <c r="QMD736" s="424"/>
      <c r="QME736" s="424"/>
      <c r="QMF736" s="424"/>
      <c r="QMG736" s="423" t="s">
        <v>2795</v>
      </c>
      <c r="QMH736" s="424"/>
      <c r="QMI736" s="424"/>
      <c r="QMJ736" s="424"/>
      <c r="QMK736" s="423" t="s">
        <v>2795</v>
      </c>
      <c r="QML736" s="424"/>
      <c r="QMM736" s="424"/>
      <c r="QMN736" s="424"/>
      <c r="QMO736" s="423" t="s">
        <v>2795</v>
      </c>
      <c r="QMP736" s="424"/>
      <c r="QMQ736" s="424"/>
      <c r="QMR736" s="424"/>
      <c r="QMS736" s="423" t="s">
        <v>2795</v>
      </c>
      <c r="QMT736" s="424"/>
      <c r="QMU736" s="424"/>
      <c r="QMV736" s="424"/>
      <c r="QMW736" s="423" t="s">
        <v>2795</v>
      </c>
      <c r="QMX736" s="424"/>
      <c r="QMY736" s="424"/>
      <c r="QMZ736" s="424"/>
      <c r="QNA736" s="423" t="s">
        <v>2795</v>
      </c>
      <c r="QNB736" s="424"/>
      <c r="QNC736" s="424"/>
      <c r="QND736" s="424"/>
      <c r="QNE736" s="423" t="s">
        <v>2795</v>
      </c>
      <c r="QNF736" s="424"/>
      <c r="QNG736" s="424"/>
      <c r="QNH736" s="424"/>
      <c r="QNI736" s="423" t="s">
        <v>2795</v>
      </c>
      <c r="QNJ736" s="424"/>
      <c r="QNK736" s="424"/>
      <c r="QNL736" s="424"/>
      <c r="QNM736" s="423" t="s">
        <v>2795</v>
      </c>
      <c r="QNN736" s="424"/>
      <c r="QNO736" s="424"/>
      <c r="QNP736" s="424"/>
      <c r="QNQ736" s="423" t="s">
        <v>2795</v>
      </c>
      <c r="QNR736" s="424"/>
      <c r="QNS736" s="424"/>
      <c r="QNT736" s="424"/>
      <c r="QNU736" s="423" t="s">
        <v>2795</v>
      </c>
      <c r="QNV736" s="424"/>
      <c r="QNW736" s="424"/>
      <c r="QNX736" s="424"/>
      <c r="QNY736" s="423" t="s">
        <v>2795</v>
      </c>
      <c r="QNZ736" s="424"/>
      <c r="QOA736" s="424"/>
      <c r="QOB736" s="424"/>
      <c r="QOC736" s="423" t="s">
        <v>2795</v>
      </c>
      <c r="QOD736" s="424"/>
      <c r="QOE736" s="424"/>
      <c r="QOF736" s="424"/>
      <c r="QOG736" s="423" t="s">
        <v>2795</v>
      </c>
      <c r="QOH736" s="424"/>
      <c r="QOI736" s="424"/>
      <c r="QOJ736" s="424"/>
      <c r="QOK736" s="423" t="s">
        <v>2795</v>
      </c>
      <c r="QOL736" s="424"/>
      <c r="QOM736" s="424"/>
      <c r="QON736" s="424"/>
      <c r="QOO736" s="423" t="s">
        <v>2795</v>
      </c>
      <c r="QOP736" s="424"/>
      <c r="QOQ736" s="424"/>
      <c r="QOR736" s="424"/>
      <c r="QOS736" s="423" t="s">
        <v>2795</v>
      </c>
      <c r="QOT736" s="424"/>
      <c r="QOU736" s="424"/>
      <c r="QOV736" s="424"/>
      <c r="QOW736" s="423" t="s">
        <v>2795</v>
      </c>
      <c r="QOX736" s="424"/>
      <c r="QOY736" s="424"/>
      <c r="QOZ736" s="424"/>
      <c r="QPA736" s="423" t="s">
        <v>2795</v>
      </c>
      <c r="QPB736" s="424"/>
      <c r="QPC736" s="424"/>
      <c r="QPD736" s="424"/>
      <c r="QPE736" s="423" t="s">
        <v>2795</v>
      </c>
      <c r="QPF736" s="424"/>
      <c r="QPG736" s="424"/>
      <c r="QPH736" s="424"/>
      <c r="QPI736" s="423" t="s">
        <v>2795</v>
      </c>
      <c r="QPJ736" s="424"/>
      <c r="QPK736" s="424"/>
      <c r="QPL736" s="424"/>
      <c r="QPM736" s="423" t="s">
        <v>2795</v>
      </c>
      <c r="QPN736" s="424"/>
      <c r="QPO736" s="424"/>
      <c r="QPP736" s="424"/>
      <c r="QPQ736" s="423" t="s">
        <v>2795</v>
      </c>
      <c r="QPR736" s="424"/>
      <c r="QPS736" s="424"/>
      <c r="QPT736" s="424"/>
      <c r="QPU736" s="423" t="s">
        <v>2795</v>
      </c>
      <c r="QPV736" s="424"/>
      <c r="QPW736" s="424"/>
      <c r="QPX736" s="424"/>
      <c r="QPY736" s="423" t="s">
        <v>2795</v>
      </c>
      <c r="QPZ736" s="424"/>
      <c r="QQA736" s="424"/>
      <c r="QQB736" s="424"/>
      <c r="QQC736" s="423" t="s">
        <v>2795</v>
      </c>
      <c r="QQD736" s="424"/>
      <c r="QQE736" s="424"/>
      <c r="QQF736" s="424"/>
      <c r="QQG736" s="423" t="s">
        <v>2795</v>
      </c>
      <c r="QQH736" s="424"/>
      <c r="QQI736" s="424"/>
      <c r="QQJ736" s="424"/>
      <c r="QQK736" s="423" t="s">
        <v>2795</v>
      </c>
      <c r="QQL736" s="424"/>
      <c r="QQM736" s="424"/>
      <c r="QQN736" s="424"/>
      <c r="QQO736" s="423" t="s">
        <v>2795</v>
      </c>
      <c r="QQP736" s="424"/>
      <c r="QQQ736" s="424"/>
      <c r="QQR736" s="424"/>
      <c r="QQS736" s="423" t="s">
        <v>2795</v>
      </c>
      <c r="QQT736" s="424"/>
      <c r="QQU736" s="424"/>
      <c r="QQV736" s="424"/>
      <c r="QQW736" s="423" t="s">
        <v>2795</v>
      </c>
      <c r="QQX736" s="424"/>
      <c r="QQY736" s="424"/>
      <c r="QQZ736" s="424"/>
      <c r="QRA736" s="423" t="s">
        <v>2795</v>
      </c>
      <c r="QRB736" s="424"/>
      <c r="QRC736" s="424"/>
      <c r="QRD736" s="424"/>
      <c r="QRE736" s="423" t="s">
        <v>2795</v>
      </c>
      <c r="QRF736" s="424"/>
      <c r="QRG736" s="424"/>
      <c r="QRH736" s="424"/>
      <c r="QRI736" s="423" t="s">
        <v>2795</v>
      </c>
      <c r="QRJ736" s="424"/>
      <c r="QRK736" s="424"/>
      <c r="QRL736" s="424"/>
      <c r="QRM736" s="423" t="s">
        <v>2795</v>
      </c>
      <c r="QRN736" s="424"/>
      <c r="QRO736" s="424"/>
      <c r="QRP736" s="424"/>
      <c r="QRQ736" s="423" t="s">
        <v>2795</v>
      </c>
      <c r="QRR736" s="424"/>
      <c r="QRS736" s="424"/>
      <c r="QRT736" s="424"/>
      <c r="QRU736" s="423" t="s">
        <v>2795</v>
      </c>
      <c r="QRV736" s="424"/>
      <c r="QRW736" s="424"/>
      <c r="QRX736" s="424"/>
      <c r="QRY736" s="423" t="s">
        <v>2795</v>
      </c>
      <c r="QRZ736" s="424"/>
      <c r="QSA736" s="424"/>
      <c r="QSB736" s="424"/>
      <c r="QSC736" s="423" t="s">
        <v>2795</v>
      </c>
      <c r="QSD736" s="424"/>
      <c r="QSE736" s="424"/>
      <c r="QSF736" s="424"/>
      <c r="QSG736" s="423" t="s">
        <v>2795</v>
      </c>
      <c r="QSH736" s="424"/>
      <c r="QSI736" s="424"/>
      <c r="QSJ736" s="424"/>
      <c r="QSK736" s="423" t="s">
        <v>2795</v>
      </c>
      <c r="QSL736" s="424"/>
      <c r="QSM736" s="424"/>
      <c r="QSN736" s="424"/>
      <c r="QSO736" s="423" t="s">
        <v>2795</v>
      </c>
      <c r="QSP736" s="424"/>
      <c r="QSQ736" s="424"/>
      <c r="QSR736" s="424"/>
      <c r="QSS736" s="423" t="s">
        <v>2795</v>
      </c>
      <c r="QST736" s="424"/>
      <c r="QSU736" s="424"/>
      <c r="QSV736" s="424"/>
      <c r="QSW736" s="423" t="s">
        <v>2795</v>
      </c>
      <c r="QSX736" s="424"/>
      <c r="QSY736" s="424"/>
      <c r="QSZ736" s="424"/>
      <c r="QTA736" s="423" t="s">
        <v>2795</v>
      </c>
      <c r="QTB736" s="424"/>
      <c r="QTC736" s="424"/>
      <c r="QTD736" s="424"/>
      <c r="QTE736" s="423" t="s">
        <v>2795</v>
      </c>
      <c r="QTF736" s="424"/>
      <c r="QTG736" s="424"/>
      <c r="QTH736" s="424"/>
      <c r="QTI736" s="423" t="s">
        <v>2795</v>
      </c>
      <c r="QTJ736" s="424"/>
      <c r="QTK736" s="424"/>
      <c r="QTL736" s="424"/>
      <c r="QTM736" s="423" t="s">
        <v>2795</v>
      </c>
      <c r="QTN736" s="424"/>
      <c r="QTO736" s="424"/>
      <c r="QTP736" s="424"/>
      <c r="QTQ736" s="423" t="s">
        <v>2795</v>
      </c>
      <c r="QTR736" s="424"/>
      <c r="QTS736" s="424"/>
      <c r="QTT736" s="424"/>
      <c r="QTU736" s="423" t="s">
        <v>2795</v>
      </c>
      <c r="QTV736" s="424"/>
      <c r="QTW736" s="424"/>
      <c r="QTX736" s="424"/>
      <c r="QTY736" s="423" t="s">
        <v>2795</v>
      </c>
      <c r="QTZ736" s="424"/>
      <c r="QUA736" s="424"/>
      <c r="QUB736" s="424"/>
      <c r="QUC736" s="423" t="s">
        <v>2795</v>
      </c>
      <c r="QUD736" s="424"/>
      <c r="QUE736" s="424"/>
      <c r="QUF736" s="424"/>
      <c r="QUG736" s="423" t="s">
        <v>2795</v>
      </c>
      <c r="QUH736" s="424"/>
      <c r="QUI736" s="424"/>
      <c r="QUJ736" s="424"/>
      <c r="QUK736" s="423" t="s">
        <v>2795</v>
      </c>
      <c r="QUL736" s="424"/>
      <c r="QUM736" s="424"/>
      <c r="QUN736" s="424"/>
      <c r="QUO736" s="423" t="s">
        <v>2795</v>
      </c>
      <c r="QUP736" s="424"/>
      <c r="QUQ736" s="424"/>
      <c r="QUR736" s="424"/>
      <c r="QUS736" s="423" t="s">
        <v>2795</v>
      </c>
      <c r="QUT736" s="424"/>
      <c r="QUU736" s="424"/>
      <c r="QUV736" s="424"/>
      <c r="QUW736" s="423" t="s">
        <v>2795</v>
      </c>
      <c r="QUX736" s="424"/>
      <c r="QUY736" s="424"/>
      <c r="QUZ736" s="424"/>
      <c r="QVA736" s="423" t="s">
        <v>2795</v>
      </c>
      <c r="QVB736" s="424"/>
      <c r="QVC736" s="424"/>
      <c r="QVD736" s="424"/>
      <c r="QVE736" s="423" t="s">
        <v>2795</v>
      </c>
      <c r="QVF736" s="424"/>
      <c r="QVG736" s="424"/>
      <c r="QVH736" s="424"/>
      <c r="QVI736" s="423" t="s">
        <v>2795</v>
      </c>
      <c r="QVJ736" s="424"/>
      <c r="QVK736" s="424"/>
      <c r="QVL736" s="424"/>
      <c r="QVM736" s="423" t="s">
        <v>2795</v>
      </c>
      <c r="QVN736" s="424"/>
      <c r="QVO736" s="424"/>
      <c r="QVP736" s="424"/>
      <c r="QVQ736" s="423" t="s">
        <v>2795</v>
      </c>
      <c r="QVR736" s="424"/>
      <c r="QVS736" s="424"/>
      <c r="QVT736" s="424"/>
      <c r="QVU736" s="423" t="s">
        <v>2795</v>
      </c>
      <c r="QVV736" s="424"/>
      <c r="QVW736" s="424"/>
      <c r="QVX736" s="424"/>
      <c r="QVY736" s="423" t="s">
        <v>2795</v>
      </c>
      <c r="QVZ736" s="424"/>
      <c r="QWA736" s="424"/>
      <c r="QWB736" s="424"/>
      <c r="QWC736" s="423" t="s">
        <v>2795</v>
      </c>
      <c r="QWD736" s="424"/>
      <c r="QWE736" s="424"/>
      <c r="QWF736" s="424"/>
      <c r="QWG736" s="423" t="s">
        <v>2795</v>
      </c>
      <c r="QWH736" s="424"/>
      <c r="QWI736" s="424"/>
      <c r="QWJ736" s="424"/>
      <c r="QWK736" s="423" t="s">
        <v>2795</v>
      </c>
      <c r="QWL736" s="424"/>
      <c r="QWM736" s="424"/>
      <c r="QWN736" s="424"/>
      <c r="QWO736" s="423" t="s">
        <v>2795</v>
      </c>
      <c r="QWP736" s="424"/>
      <c r="QWQ736" s="424"/>
      <c r="QWR736" s="424"/>
      <c r="QWS736" s="423" t="s">
        <v>2795</v>
      </c>
      <c r="QWT736" s="424"/>
      <c r="QWU736" s="424"/>
      <c r="QWV736" s="424"/>
      <c r="QWW736" s="423" t="s">
        <v>2795</v>
      </c>
      <c r="QWX736" s="424"/>
      <c r="QWY736" s="424"/>
      <c r="QWZ736" s="424"/>
      <c r="QXA736" s="423" t="s">
        <v>2795</v>
      </c>
      <c r="QXB736" s="424"/>
      <c r="QXC736" s="424"/>
      <c r="QXD736" s="424"/>
      <c r="QXE736" s="423" t="s">
        <v>2795</v>
      </c>
      <c r="QXF736" s="424"/>
      <c r="QXG736" s="424"/>
      <c r="QXH736" s="424"/>
      <c r="QXI736" s="423" t="s">
        <v>2795</v>
      </c>
      <c r="QXJ736" s="424"/>
      <c r="QXK736" s="424"/>
      <c r="QXL736" s="424"/>
      <c r="QXM736" s="423" t="s">
        <v>2795</v>
      </c>
      <c r="QXN736" s="424"/>
      <c r="QXO736" s="424"/>
      <c r="QXP736" s="424"/>
      <c r="QXQ736" s="423" t="s">
        <v>2795</v>
      </c>
      <c r="QXR736" s="424"/>
      <c r="QXS736" s="424"/>
      <c r="QXT736" s="424"/>
      <c r="QXU736" s="423" t="s">
        <v>2795</v>
      </c>
      <c r="QXV736" s="424"/>
      <c r="QXW736" s="424"/>
      <c r="QXX736" s="424"/>
      <c r="QXY736" s="423" t="s">
        <v>2795</v>
      </c>
      <c r="QXZ736" s="424"/>
      <c r="QYA736" s="424"/>
      <c r="QYB736" s="424"/>
      <c r="QYC736" s="423" t="s">
        <v>2795</v>
      </c>
      <c r="QYD736" s="424"/>
      <c r="QYE736" s="424"/>
      <c r="QYF736" s="424"/>
      <c r="QYG736" s="423" t="s">
        <v>2795</v>
      </c>
      <c r="QYH736" s="424"/>
      <c r="QYI736" s="424"/>
      <c r="QYJ736" s="424"/>
      <c r="QYK736" s="423" t="s">
        <v>2795</v>
      </c>
      <c r="QYL736" s="424"/>
      <c r="QYM736" s="424"/>
      <c r="QYN736" s="424"/>
      <c r="QYO736" s="423" t="s">
        <v>2795</v>
      </c>
      <c r="QYP736" s="424"/>
      <c r="QYQ736" s="424"/>
      <c r="QYR736" s="424"/>
      <c r="QYS736" s="423" t="s">
        <v>2795</v>
      </c>
      <c r="QYT736" s="424"/>
      <c r="QYU736" s="424"/>
      <c r="QYV736" s="424"/>
      <c r="QYW736" s="423" t="s">
        <v>2795</v>
      </c>
      <c r="QYX736" s="424"/>
      <c r="QYY736" s="424"/>
      <c r="QYZ736" s="424"/>
      <c r="QZA736" s="423" t="s">
        <v>2795</v>
      </c>
      <c r="QZB736" s="424"/>
      <c r="QZC736" s="424"/>
      <c r="QZD736" s="424"/>
      <c r="QZE736" s="423" t="s">
        <v>2795</v>
      </c>
      <c r="QZF736" s="424"/>
      <c r="QZG736" s="424"/>
      <c r="QZH736" s="424"/>
      <c r="QZI736" s="423" t="s">
        <v>2795</v>
      </c>
      <c r="QZJ736" s="424"/>
      <c r="QZK736" s="424"/>
      <c r="QZL736" s="424"/>
      <c r="QZM736" s="423" t="s">
        <v>2795</v>
      </c>
      <c r="QZN736" s="424"/>
      <c r="QZO736" s="424"/>
      <c r="QZP736" s="424"/>
      <c r="QZQ736" s="423" t="s">
        <v>2795</v>
      </c>
      <c r="QZR736" s="424"/>
      <c r="QZS736" s="424"/>
      <c r="QZT736" s="424"/>
      <c r="QZU736" s="423" t="s">
        <v>2795</v>
      </c>
      <c r="QZV736" s="424"/>
      <c r="QZW736" s="424"/>
      <c r="QZX736" s="424"/>
      <c r="QZY736" s="423" t="s">
        <v>2795</v>
      </c>
      <c r="QZZ736" s="424"/>
      <c r="RAA736" s="424"/>
      <c r="RAB736" s="424"/>
      <c r="RAC736" s="423" t="s">
        <v>2795</v>
      </c>
      <c r="RAD736" s="424"/>
      <c r="RAE736" s="424"/>
      <c r="RAF736" s="424"/>
      <c r="RAG736" s="423" t="s">
        <v>2795</v>
      </c>
      <c r="RAH736" s="424"/>
      <c r="RAI736" s="424"/>
      <c r="RAJ736" s="424"/>
      <c r="RAK736" s="423" t="s">
        <v>2795</v>
      </c>
      <c r="RAL736" s="424"/>
      <c r="RAM736" s="424"/>
      <c r="RAN736" s="424"/>
      <c r="RAO736" s="423" t="s">
        <v>2795</v>
      </c>
      <c r="RAP736" s="424"/>
      <c r="RAQ736" s="424"/>
      <c r="RAR736" s="424"/>
      <c r="RAS736" s="423" t="s">
        <v>2795</v>
      </c>
      <c r="RAT736" s="424"/>
      <c r="RAU736" s="424"/>
      <c r="RAV736" s="424"/>
      <c r="RAW736" s="423" t="s">
        <v>2795</v>
      </c>
      <c r="RAX736" s="424"/>
      <c r="RAY736" s="424"/>
      <c r="RAZ736" s="424"/>
      <c r="RBA736" s="423" t="s">
        <v>2795</v>
      </c>
      <c r="RBB736" s="424"/>
      <c r="RBC736" s="424"/>
      <c r="RBD736" s="424"/>
      <c r="RBE736" s="423" t="s">
        <v>2795</v>
      </c>
      <c r="RBF736" s="424"/>
      <c r="RBG736" s="424"/>
      <c r="RBH736" s="424"/>
      <c r="RBI736" s="423" t="s">
        <v>2795</v>
      </c>
      <c r="RBJ736" s="424"/>
      <c r="RBK736" s="424"/>
      <c r="RBL736" s="424"/>
      <c r="RBM736" s="423" t="s">
        <v>2795</v>
      </c>
      <c r="RBN736" s="424"/>
      <c r="RBO736" s="424"/>
      <c r="RBP736" s="424"/>
      <c r="RBQ736" s="423" t="s">
        <v>2795</v>
      </c>
      <c r="RBR736" s="424"/>
      <c r="RBS736" s="424"/>
      <c r="RBT736" s="424"/>
      <c r="RBU736" s="423" t="s">
        <v>2795</v>
      </c>
      <c r="RBV736" s="424"/>
      <c r="RBW736" s="424"/>
      <c r="RBX736" s="424"/>
      <c r="RBY736" s="423" t="s">
        <v>2795</v>
      </c>
      <c r="RBZ736" s="424"/>
      <c r="RCA736" s="424"/>
      <c r="RCB736" s="424"/>
      <c r="RCC736" s="423" t="s">
        <v>2795</v>
      </c>
      <c r="RCD736" s="424"/>
      <c r="RCE736" s="424"/>
      <c r="RCF736" s="424"/>
      <c r="RCG736" s="423" t="s">
        <v>2795</v>
      </c>
      <c r="RCH736" s="424"/>
      <c r="RCI736" s="424"/>
      <c r="RCJ736" s="424"/>
      <c r="RCK736" s="423" t="s">
        <v>2795</v>
      </c>
      <c r="RCL736" s="424"/>
      <c r="RCM736" s="424"/>
      <c r="RCN736" s="424"/>
      <c r="RCO736" s="423" t="s">
        <v>2795</v>
      </c>
      <c r="RCP736" s="424"/>
      <c r="RCQ736" s="424"/>
      <c r="RCR736" s="424"/>
      <c r="RCS736" s="423" t="s">
        <v>2795</v>
      </c>
      <c r="RCT736" s="424"/>
      <c r="RCU736" s="424"/>
      <c r="RCV736" s="424"/>
      <c r="RCW736" s="423" t="s">
        <v>2795</v>
      </c>
      <c r="RCX736" s="424"/>
      <c r="RCY736" s="424"/>
      <c r="RCZ736" s="424"/>
      <c r="RDA736" s="423" t="s">
        <v>2795</v>
      </c>
      <c r="RDB736" s="424"/>
      <c r="RDC736" s="424"/>
      <c r="RDD736" s="424"/>
      <c r="RDE736" s="423" t="s">
        <v>2795</v>
      </c>
      <c r="RDF736" s="424"/>
      <c r="RDG736" s="424"/>
      <c r="RDH736" s="424"/>
      <c r="RDI736" s="423" t="s">
        <v>2795</v>
      </c>
      <c r="RDJ736" s="424"/>
      <c r="RDK736" s="424"/>
      <c r="RDL736" s="424"/>
      <c r="RDM736" s="423" t="s">
        <v>2795</v>
      </c>
      <c r="RDN736" s="424"/>
      <c r="RDO736" s="424"/>
      <c r="RDP736" s="424"/>
      <c r="RDQ736" s="423" t="s">
        <v>2795</v>
      </c>
      <c r="RDR736" s="424"/>
      <c r="RDS736" s="424"/>
      <c r="RDT736" s="424"/>
      <c r="RDU736" s="423" t="s">
        <v>2795</v>
      </c>
      <c r="RDV736" s="424"/>
      <c r="RDW736" s="424"/>
      <c r="RDX736" s="424"/>
      <c r="RDY736" s="423" t="s">
        <v>2795</v>
      </c>
      <c r="RDZ736" s="424"/>
      <c r="REA736" s="424"/>
      <c r="REB736" s="424"/>
      <c r="REC736" s="423" t="s">
        <v>2795</v>
      </c>
      <c r="RED736" s="424"/>
      <c r="REE736" s="424"/>
      <c r="REF736" s="424"/>
      <c r="REG736" s="423" t="s">
        <v>2795</v>
      </c>
      <c r="REH736" s="424"/>
      <c r="REI736" s="424"/>
      <c r="REJ736" s="424"/>
      <c r="REK736" s="423" t="s">
        <v>2795</v>
      </c>
      <c r="REL736" s="424"/>
      <c r="REM736" s="424"/>
      <c r="REN736" s="424"/>
      <c r="REO736" s="423" t="s">
        <v>2795</v>
      </c>
      <c r="REP736" s="424"/>
      <c r="REQ736" s="424"/>
      <c r="RER736" s="424"/>
      <c r="RES736" s="423" t="s">
        <v>2795</v>
      </c>
      <c r="RET736" s="424"/>
      <c r="REU736" s="424"/>
      <c r="REV736" s="424"/>
      <c r="REW736" s="423" t="s">
        <v>2795</v>
      </c>
      <c r="REX736" s="424"/>
      <c r="REY736" s="424"/>
      <c r="REZ736" s="424"/>
      <c r="RFA736" s="423" t="s">
        <v>2795</v>
      </c>
      <c r="RFB736" s="424"/>
      <c r="RFC736" s="424"/>
      <c r="RFD736" s="424"/>
      <c r="RFE736" s="423" t="s">
        <v>2795</v>
      </c>
      <c r="RFF736" s="424"/>
      <c r="RFG736" s="424"/>
      <c r="RFH736" s="424"/>
      <c r="RFI736" s="423" t="s">
        <v>2795</v>
      </c>
      <c r="RFJ736" s="424"/>
      <c r="RFK736" s="424"/>
      <c r="RFL736" s="424"/>
      <c r="RFM736" s="423" t="s">
        <v>2795</v>
      </c>
      <c r="RFN736" s="424"/>
      <c r="RFO736" s="424"/>
      <c r="RFP736" s="424"/>
      <c r="RFQ736" s="423" t="s">
        <v>2795</v>
      </c>
      <c r="RFR736" s="424"/>
      <c r="RFS736" s="424"/>
      <c r="RFT736" s="424"/>
      <c r="RFU736" s="423" t="s">
        <v>2795</v>
      </c>
      <c r="RFV736" s="424"/>
      <c r="RFW736" s="424"/>
      <c r="RFX736" s="424"/>
      <c r="RFY736" s="423" t="s">
        <v>2795</v>
      </c>
      <c r="RFZ736" s="424"/>
      <c r="RGA736" s="424"/>
      <c r="RGB736" s="424"/>
      <c r="RGC736" s="423" t="s">
        <v>2795</v>
      </c>
      <c r="RGD736" s="424"/>
      <c r="RGE736" s="424"/>
      <c r="RGF736" s="424"/>
      <c r="RGG736" s="423" t="s">
        <v>2795</v>
      </c>
      <c r="RGH736" s="424"/>
      <c r="RGI736" s="424"/>
      <c r="RGJ736" s="424"/>
      <c r="RGK736" s="423" t="s">
        <v>2795</v>
      </c>
      <c r="RGL736" s="424"/>
      <c r="RGM736" s="424"/>
      <c r="RGN736" s="424"/>
      <c r="RGO736" s="423" t="s">
        <v>2795</v>
      </c>
      <c r="RGP736" s="424"/>
      <c r="RGQ736" s="424"/>
      <c r="RGR736" s="424"/>
      <c r="RGS736" s="423" t="s">
        <v>2795</v>
      </c>
      <c r="RGT736" s="424"/>
      <c r="RGU736" s="424"/>
      <c r="RGV736" s="424"/>
      <c r="RGW736" s="423" t="s">
        <v>2795</v>
      </c>
      <c r="RGX736" s="424"/>
      <c r="RGY736" s="424"/>
      <c r="RGZ736" s="424"/>
      <c r="RHA736" s="423" t="s">
        <v>2795</v>
      </c>
      <c r="RHB736" s="424"/>
      <c r="RHC736" s="424"/>
      <c r="RHD736" s="424"/>
      <c r="RHE736" s="423" t="s">
        <v>2795</v>
      </c>
      <c r="RHF736" s="424"/>
      <c r="RHG736" s="424"/>
      <c r="RHH736" s="424"/>
      <c r="RHI736" s="423" t="s">
        <v>2795</v>
      </c>
      <c r="RHJ736" s="424"/>
      <c r="RHK736" s="424"/>
      <c r="RHL736" s="424"/>
      <c r="RHM736" s="423" t="s">
        <v>2795</v>
      </c>
      <c r="RHN736" s="424"/>
      <c r="RHO736" s="424"/>
      <c r="RHP736" s="424"/>
      <c r="RHQ736" s="423" t="s">
        <v>2795</v>
      </c>
      <c r="RHR736" s="424"/>
      <c r="RHS736" s="424"/>
      <c r="RHT736" s="424"/>
      <c r="RHU736" s="423" t="s">
        <v>2795</v>
      </c>
      <c r="RHV736" s="424"/>
      <c r="RHW736" s="424"/>
      <c r="RHX736" s="424"/>
      <c r="RHY736" s="423" t="s">
        <v>2795</v>
      </c>
      <c r="RHZ736" s="424"/>
      <c r="RIA736" s="424"/>
      <c r="RIB736" s="424"/>
      <c r="RIC736" s="423" t="s">
        <v>2795</v>
      </c>
      <c r="RID736" s="424"/>
      <c r="RIE736" s="424"/>
      <c r="RIF736" s="424"/>
      <c r="RIG736" s="423" t="s">
        <v>2795</v>
      </c>
      <c r="RIH736" s="424"/>
      <c r="RII736" s="424"/>
      <c r="RIJ736" s="424"/>
      <c r="RIK736" s="423" t="s">
        <v>2795</v>
      </c>
      <c r="RIL736" s="424"/>
      <c r="RIM736" s="424"/>
      <c r="RIN736" s="424"/>
      <c r="RIO736" s="423" t="s">
        <v>2795</v>
      </c>
      <c r="RIP736" s="424"/>
      <c r="RIQ736" s="424"/>
      <c r="RIR736" s="424"/>
      <c r="RIS736" s="423" t="s">
        <v>2795</v>
      </c>
      <c r="RIT736" s="424"/>
      <c r="RIU736" s="424"/>
      <c r="RIV736" s="424"/>
      <c r="RIW736" s="423" t="s">
        <v>2795</v>
      </c>
      <c r="RIX736" s="424"/>
      <c r="RIY736" s="424"/>
      <c r="RIZ736" s="424"/>
      <c r="RJA736" s="423" t="s">
        <v>2795</v>
      </c>
      <c r="RJB736" s="424"/>
      <c r="RJC736" s="424"/>
      <c r="RJD736" s="424"/>
      <c r="RJE736" s="423" t="s">
        <v>2795</v>
      </c>
      <c r="RJF736" s="424"/>
      <c r="RJG736" s="424"/>
      <c r="RJH736" s="424"/>
      <c r="RJI736" s="423" t="s">
        <v>2795</v>
      </c>
      <c r="RJJ736" s="424"/>
      <c r="RJK736" s="424"/>
      <c r="RJL736" s="424"/>
      <c r="RJM736" s="423" t="s">
        <v>2795</v>
      </c>
      <c r="RJN736" s="424"/>
      <c r="RJO736" s="424"/>
      <c r="RJP736" s="424"/>
      <c r="RJQ736" s="423" t="s">
        <v>2795</v>
      </c>
      <c r="RJR736" s="424"/>
      <c r="RJS736" s="424"/>
      <c r="RJT736" s="424"/>
      <c r="RJU736" s="423" t="s">
        <v>2795</v>
      </c>
      <c r="RJV736" s="424"/>
      <c r="RJW736" s="424"/>
      <c r="RJX736" s="424"/>
      <c r="RJY736" s="423" t="s">
        <v>2795</v>
      </c>
      <c r="RJZ736" s="424"/>
      <c r="RKA736" s="424"/>
      <c r="RKB736" s="424"/>
      <c r="RKC736" s="423" t="s">
        <v>2795</v>
      </c>
      <c r="RKD736" s="424"/>
      <c r="RKE736" s="424"/>
      <c r="RKF736" s="424"/>
      <c r="RKG736" s="423" t="s">
        <v>2795</v>
      </c>
      <c r="RKH736" s="424"/>
      <c r="RKI736" s="424"/>
      <c r="RKJ736" s="424"/>
      <c r="RKK736" s="423" t="s">
        <v>2795</v>
      </c>
      <c r="RKL736" s="424"/>
      <c r="RKM736" s="424"/>
      <c r="RKN736" s="424"/>
      <c r="RKO736" s="423" t="s">
        <v>2795</v>
      </c>
      <c r="RKP736" s="424"/>
      <c r="RKQ736" s="424"/>
      <c r="RKR736" s="424"/>
      <c r="RKS736" s="423" t="s">
        <v>2795</v>
      </c>
      <c r="RKT736" s="424"/>
      <c r="RKU736" s="424"/>
      <c r="RKV736" s="424"/>
      <c r="RKW736" s="423" t="s">
        <v>2795</v>
      </c>
      <c r="RKX736" s="424"/>
      <c r="RKY736" s="424"/>
      <c r="RKZ736" s="424"/>
      <c r="RLA736" s="423" t="s">
        <v>2795</v>
      </c>
      <c r="RLB736" s="424"/>
      <c r="RLC736" s="424"/>
      <c r="RLD736" s="424"/>
      <c r="RLE736" s="423" t="s">
        <v>2795</v>
      </c>
      <c r="RLF736" s="424"/>
      <c r="RLG736" s="424"/>
      <c r="RLH736" s="424"/>
      <c r="RLI736" s="423" t="s">
        <v>2795</v>
      </c>
      <c r="RLJ736" s="424"/>
      <c r="RLK736" s="424"/>
      <c r="RLL736" s="424"/>
      <c r="RLM736" s="423" t="s">
        <v>2795</v>
      </c>
      <c r="RLN736" s="424"/>
      <c r="RLO736" s="424"/>
      <c r="RLP736" s="424"/>
      <c r="RLQ736" s="423" t="s">
        <v>2795</v>
      </c>
      <c r="RLR736" s="424"/>
      <c r="RLS736" s="424"/>
      <c r="RLT736" s="424"/>
      <c r="RLU736" s="423" t="s">
        <v>2795</v>
      </c>
      <c r="RLV736" s="424"/>
      <c r="RLW736" s="424"/>
      <c r="RLX736" s="424"/>
      <c r="RLY736" s="423" t="s">
        <v>2795</v>
      </c>
      <c r="RLZ736" s="424"/>
      <c r="RMA736" s="424"/>
      <c r="RMB736" s="424"/>
      <c r="RMC736" s="423" t="s">
        <v>2795</v>
      </c>
      <c r="RMD736" s="424"/>
      <c r="RME736" s="424"/>
      <c r="RMF736" s="424"/>
      <c r="RMG736" s="423" t="s">
        <v>2795</v>
      </c>
      <c r="RMH736" s="424"/>
      <c r="RMI736" s="424"/>
      <c r="RMJ736" s="424"/>
      <c r="RMK736" s="423" t="s">
        <v>2795</v>
      </c>
      <c r="RML736" s="424"/>
      <c r="RMM736" s="424"/>
      <c r="RMN736" s="424"/>
      <c r="RMO736" s="423" t="s">
        <v>2795</v>
      </c>
      <c r="RMP736" s="424"/>
      <c r="RMQ736" s="424"/>
      <c r="RMR736" s="424"/>
      <c r="RMS736" s="423" t="s">
        <v>2795</v>
      </c>
      <c r="RMT736" s="424"/>
      <c r="RMU736" s="424"/>
      <c r="RMV736" s="424"/>
      <c r="RMW736" s="423" t="s">
        <v>2795</v>
      </c>
      <c r="RMX736" s="424"/>
      <c r="RMY736" s="424"/>
      <c r="RMZ736" s="424"/>
      <c r="RNA736" s="423" t="s">
        <v>2795</v>
      </c>
      <c r="RNB736" s="424"/>
      <c r="RNC736" s="424"/>
      <c r="RND736" s="424"/>
      <c r="RNE736" s="423" t="s">
        <v>2795</v>
      </c>
      <c r="RNF736" s="424"/>
      <c r="RNG736" s="424"/>
      <c r="RNH736" s="424"/>
      <c r="RNI736" s="423" t="s">
        <v>2795</v>
      </c>
      <c r="RNJ736" s="424"/>
      <c r="RNK736" s="424"/>
      <c r="RNL736" s="424"/>
      <c r="RNM736" s="423" t="s">
        <v>2795</v>
      </c>
      <c r="RNN736" s="424"/>
      <c r="RNO736" s="424"/>
      <c r="RNP736" s="424"/>
      <c r="RNQ736" s="423" t="s">
        <v>2795</v>
      </c>
      <c r="RNR736" s="424"/>
      <c r="RNS736" s="424"/>
      <c r="RNT736" s="424"/>
      <c r="RNU736" s="423" t="s">
        <v>2795</v>
      </c>
      <c r="RNV736" s="424"/>
      <c r="RNW736" s="424"/>
      <c r="RNX736" s="424"/>
      <c r="RNY736" s="423" t="s">
        <v>2795</v>
      </c>
      <c r="RNZ736" s="424"/>
      <c r="ROA736" s="424"/>
      <c r="ROB736" s="424"/>
      <c r="ROC736" s="423" t="s">
        <v>2795</v>
      </c>
      <c r="ROD736" s="424"/>
      <c r="ROE736" s="424"/>
      <c r="ROF736" s="424"/>
      <c r="ROG736" s="423" t="s">
        <v>2795</v>
      </c>
      <c r="ROH736" s="424"/>
      <c r="ROI736" s="424"/>
      <c r="ROJ736" s="424"/>
      <c r="ROK736" s="423" t="s">
        <v>2795</v>
      </c>
      <c r="ROL736" s="424"/>
      <c r="ROM736" s="424"/>
      <c r="RON736" s="424"/>
      <c r="ROO736" s="423" t="s">
        <v>2795</v>
      </c>
      <c r="ROP736" s="424"/>
      <c r="ROQ736" s="424"/>
      <c r="ROR736" s="424"/>
      <c r="ROS736" s="423" t="s">
        <v>2795</v>
      </c>
      <c r="ROT736" s="424"/>
      <c r="ROU736" s="424"/>
      <c r="ROV736" s="424"/>
      <c r="ROW736" s="423" t="s">
        <v>2795</v>
      </c>
      <c r="ROX736" s="424"/>
      <c r="ROY736" s="424"/>
      <c r="ROZ736" s="424"/>
      <c r="RPA736" s="423" t="s">
        <v>2795</v>
      </c>
      <c r="RPB736" s="424"/>
      <c r="RPC736" s="424"/>
      <c r="RPD736" s="424"/>
      <c r="RPE736" s="423" t="s">
        <v>2795</v>
      </c>
      <c r="RPF736" s="424"/>
      <c r="RPG736" s="424"/>
      <c r="RPH736" s="424"/>
      <c r="RPI736" s="423" t="s">
        <v>2795</v>
      </c>
      <c r="RPJ736" s="424"/>
      <c r="RPK736" s="424"/>
      <c r="RPL736" s="424"/>
      <c r="RPM736" s="423" t="s">
        <v>2795</v>
      </c>
      <c r="RPN736" s="424"/>
      <c r="RPO736" s="424"/>
      <c r="RPP736" s="424"/>
      <c r="RPQ736" s="423" t="s">
        <v>2795</v>
      </c>
      <c r="RPR736" s="424"/>
      <c r="RPS736" s="424"/>
      <c r="RPT736" s="424"/>
      <c r="RPU736" s="423" t="s">
        <v>2795</v>
      </c>
      <c r="RPV736" s="424"/>
      <c r="RPW736" s="424"/>
      <c r="RPX736" s="424"/>
      <c r="RPY736" s="423" t="s">
        <v>2795</v>
      </c>
      <c r="RPZ736" s="424"/>
      <c r="RQA736" s="424"/>
      <c r="RQB736" s="424"/>
      <c r="RQC736" s="423" t="s">
        <v>2795</v>
      </c>
      <c r="RQD736" s="424"/>
      <c r="RQE736" s="424"/>
      <c r="RQF736" s="424"/>
      <c r="RQG736" s="423" t="s">
        <v>2795</v>
      </c>
      <c r="RQH736" s="424"/>
      <c r="RQI736" s="424"/>
      <c r="RQJ736" s="424"/>
      <c r="RQK736" s="423" t="s">
        <v>2795</v>
      </c>
      <c r="RQL736" s="424"/>
      <c r="RQM736" s="424"/>
      <c r="RQN736" s="424"/>
      <c r="RQO736" s="423" t="s">
        <v>2795</v>
      </c>
      <c r="RQP736" s="424"/>
      <c r="RQQ736" s="424"/>
      <c r="RQR736" s="424"/>
      <c r="RQS736" s="423" t="s">
        <v>2795</v>
      </c>
      <c r="RQT736" s="424"/>
      <c r="RQU736" s="424"/>
      <c r="RQV736" s="424"/>
      <c r="RQW736" s="423" t="s">
        <v>2795</v>
      </c>
      <c r="RQX736" s="424"/>
      <c r="RQY736" s="424"/>
      <c r="RQZ736" s="424"/>
      <c r="RRA736" s="423" t="s">
        <v>2795</v>
      </c>
      <c r="RRB736" s="424"/>
      <c r="RRC736" s="424"/>
      <c r="RRD736" s="424"/>
      <c r="RRE736" s="423" t="s">
        <v>2795</v>
      </c>
      <c r="RRF736" s="424"/>
      <c r="RRG736" s="424"/>
      <c r="RRH736" s="424"/>
      <c r="RRI736" s="423" t="s">
        <v>2795</v>
      </c>
      <c r="RRJ736" s="424"/>
      <c r="RRK736" s="424"/>
      <c r="RRL736" s="424"/>
      <c r="RRM736" s="423" t="s">
        <v>2795</v>
      </c>
      <c r="RRN736" s="424"/>
      <c r="RRO736" s="424"/>
      <c r="RRP736" s="424"/>
      <c r="RRQ736" s="423" t="s">
        <v>2795</v>
      </c>
      <c r="RRR736" s="424"/>
      <c r="RRS736" s="424"/>
      <c r="RRT736" s="424"/>
      <c r="RRU736" s="423" t="s">
        <v>2795</v>
      </c>
      <c r="RRV736" s="424"/>
      <c r="RRW736" s="424"/>
      <c r="RRX736" s="424"/>
      <c r="RRY736" s="423" t="s">
        <v>2795</v>
      </c>
      <c r="RRZ736" s="424"/>
      <c r="RSA736" s="424"/>
      <c r="RSB736" s="424"/>
      <c r="RSC736" s="423" t="s">
        <v>2795</v>
      </c>
      <c r="RSD736" s="424"/>
      <c r="RSE736" s="424"/>
      <c r="RSF736" s="424"/>
      <c r="RSG736" s="423" t="s">
        <v>2795</v>
      </c>
      <c r="RSH736" s="424"/>
      <c r="RSI736" s="424"/>
      <c r="RSJ736" s="424"/>
      <c r="RSK736" s="423" t="s">
        <v>2795</v>
      </c>
      <c r="RSL736" s="424"/>
      <c r="RSM736" s="424"/>
      <c r="RSN736" s="424"/>
      <c r="RSO736" s="423" t="s">
        <v>2795</v>
      </c>
      <c r="RSP736" s="424"/>
      <c r="RSQ736" s="424"/>
      <c r="RSR736" s="424"/>
      <c r="RSS736" s="423" t="s">
        <v>2795</v>
      </c>
      <c r="RST736" s="424"/>
      <c r="RSU736" s="424"/>
      <c r="RSV736" s="424"/>
      <c r="RSW736" s="423" t="s">
        <v>2795</v>
      </c>
      <c r="RSX736" s="424"/>
      <c r="RSY736" s="424"/>
      <c r="RSZ736" s="424"/>
      <c r="RTA736" s="423" t="s">
        <v>2795</v>
      </c>
      <c r="RTB736" s="424"/>
      <c r="RTC736" s="424"/>
      <c r="RTD736" s="424"/>
      <c r="RTE736" s="423" t="s">
        <v>2795</v>
      </c>
      <c r="RTF736" s="424"/>
      <c r="RTG736" s="424"/>
      <c r="RTH736" s="424"/>
      <c r="RTI736" s="423" t="s">
        <v>2795</v>
      </c>
      <c r="RTJ736" s="424"/>
      <c r="RTK736" s="424"/>
      <c r="RTL736" s="424"/>
      <c r="RTM736" s="423" t="s">
        <v>2795</v>
      </c>
      <c r="RTN736" s="424"/>
      <c r="RTO736" s="424"/>
      <c r="RTP736" s="424"/>
      <c r="RTQ736" s="423" t="s">
        <v>2795</v>
      </c>
      <c r="RTR736" s="424"/>
      <c r="RTS736" s="424"/>
      <c r="RTT736" s="424"/>
      <c r="RTU736" s="423" t="s">
        <v>2795</v>
      </c>
      <c r="RTV736" s="424"/>
      <c r="RTW736" s="424"/>
      <c r="RTX736" s="424"/>
      <c r="RTY736" s="423" t="s">
        <v>2795</v>
      </c>
      <c r="RTZ736" s="424"/>
      <c r="RUA736" s="424"/>
      <c r="RUB736" s="424"/>
      <c r="RUC736" s="423" t="s">
        <v>2795</v>
      </c>
      <c r="RUD736" s="424"/>
      <c r="RUE736" s="424"/>
      <c r="RUF736" s="424"/>
      <c r="RUG736" s="423" t="s">
        <v>2795</v>
      </c>
      <c r="RUH736" s="424"/>
      <c r="RUI736" s="424"/>
      <c r="RUJ736" s="424"/>
      <c r="RUK736" s="423" t="s">
        <v>2795</v>
      </c>
      <c r="RUL736" s="424"/>
      <c r="RUM736" s="424"/>
      <c r="RUN736" s="424"/>
      <c r="RUO736" s="423" t="s">
        <v>2795</v>
      </c>
      <c r="RUP736" s="424"/>
      <c r="RUQ736" s="424"/>
      <c r="RUR736" s="424"/>
      <c r="RUS736" s="423" t="s">
        <v>2795</v>
      </c>
      <c r="RUT736" s="424"/>
      <c r="RUU736" s="424"/>
      <c r="RUV736" s="424"/>
      <c r="RUW736" s="423" t="s">
        <v>2795</v>
      </c>
      <c r="RUX736" s="424"/>
      <c r="RUY736" s="424"/>
      <c r="RUZ736" s="424"/>
      <c r="RVA736" s="423" t="s">
        <v>2795</v>
      </c>
      <c r="RVB736" s="424"/>
      <c r="RVC736" s="424"/>
      <c r="RVD736" s="424"/>
      <c r="RVE736" s="423" t="s">
        <v>2795</v>
      </c>
      <c r="RVF736" s="424"/>
      <c r="RVG736" s="424"/>
      <c r="RVH736" s="424"/>
      <c r="RVI736" s="423" t="s">
        <v>2795</v>
      </c>
      <c r="RVJ736" s="424"/>
      <c r="RVK736" s="424"/>
      <c r="RVL736" s="424"/>
      <c r="RVM736" s="423" t="s">
        <v>2795</v>
      </c>
      <c r="RVN736" s="424"/>
      <c r="RVO736" s="424"/>
      <c r="RVP736" s="424"/>
      <c r="RVQ736" s="423" t="s">
        <v>2795</v>
      </c>
      <c r="RVR736" s="424"/>
      <c r="RVS736" s="424"/>
      <c r="RVT736" s="424"/>
      <c r="RVU736" s="423" t="s">
        <v>2795</v>
      </c>
      <c r="RVV736" s="424"/>
      <c r="RVW736" s="424"/>
      <c r="RVX736" s="424"/>
      <c r="RVY736" s="423" t="s">
        <v>2795</v>
      </c>
      <c r="RVZ736" s="424"/>
      <c r="RWA736" s="424"/>
      <c r="RWB736" s="424"/>
      <c r="RWC736" s="423" t="s">
        <v>2795</v>
      </c>
      <c r="RWD736" s="424"/>
      <c r="RWE736" s="424"/>
      <c r="RWF736" s="424"/>
      <c r="RWG736" s="423" t="s">
        <v>2795</v>
      </c>
      <c r="RWH736" s="424"/>
      <c r="RWI736" s="424"/>
      <c r="RWJ736" s="424"/>
      <c r="RWK736" s="423" t="s">
        <v>2795</v>
      </c>
      <c r="RWL736" s="424"/>
      <c r="RWM736" s="424"/>
      <c r="RWN736" s="424"/>
      <c r="RWO736" s="423" t="s">
        <v>2795</v>
      </c>
      <c r="RWP736" s="424"/>
      <c r="RWQ736" s="424"/>
      <c r="RWR736" s="424"/>
      <c r="RWS736" s="423" t="s">
        <v>2795</v>
      </c>
      <c r="RWT736" s="424"/>
      <c r="RWU736" s="424"/>
      <c r="RWV736" s="424"/>
      <c r="RWW736" s="423" t="s">
        <v>2795</v>
      </c>
      <c r="RWX736" s="424"/>
      <c r="RWY736" s="424"/>
      <c r="RWZ736" s="424"/>
      <c r="RXA736" s="423" t="s">
        <v>2795</v>
      </c>
      <c r="RXB736" s="424"/>
      <c r="RXC736" s="424"/>
      <c r="RXD736" s="424"/>
      <c r="RXE736" s="423" t="s">
        <v>2795</v>
      </c>
      <c r="RXF736" s="424"/>
      <c r="RXG736" s="424"/>
      <c r="RXH736" s="424"/>
      <c r="RXI736" s="423" t="s">
        <v>2795</v>
      </c>
      <c r="RXJ736" s="424"/>
      <c r="RXK736" s="424"/>
      <c r="RXL736" s="424"/>
      <c r="RXM736" s="423" t="s">
        <v>2795</v>
      </c>
      <c r="RXN736" s="424"/>
      <c r="RXO736" s="424"/>
      <c r="RXP736" s="424"/>
      <c r="RXQ736" s="423" t="s">
        <v>2795</v>
      </c>
      <c r="RXR736" s="424"/>
      <c r="RXS736" s="424"/>
      <c r="RXT736" s="424"/>
      <c r="RXU736" s="423" t="s">
        <v>2795</v>
      </c>
      <c r="RXV736" s="424"/>
      <c r="RXW736" s="424"/>
      <c r="RXX736" s="424"/>
      <c r="RXY736" s="423" t="s">
        <v>2795</v>
      </c>
      <c r="RXZ736" s="424"/>
      <c r="RYA736" s="424"/>
      <c r="RYB736" s="424"/>
      <c r="RYC736" s="423" t="s">
        <v>2795</v>
      </c>
      <c r="RYD736" s="424"/>
      <c r="RYE736" s="424"/>
      <c r="RYF736" s="424"/>
      <c r="RYG736" s="423" t="s">
        <v>2795</v>
      </c>
      <c r="RYH736" s="424"/>
      <c r="RYI736" s="424"/>
      <c r="RYJ736" s="424"/>
      <c r="RYK736" s="423" t="s">
        <v>2795</v>
      </c>
      <c r="RYL736" s="424"/>
      <c r="RYM736" s="424"/>
      <c r="RYN736" s="424"/>
      <c r="RYO736" s="423" t="s">
        <v>2795</v>
      </c>
      <c r="RYP736" s="424"/>
      <c r="RYQ736" s="424"/>
      <c r="RYR736" s="424"/>
      <c r="RYS736" s="423" t="s">
        <v>2795</v>
      </c>
      <c r="RYT736" s="424"/>
      <c r="RYU736" s="424"/>
      <c r="RYV736" s="424"/>
      <c r="RYW736" s="423" t="s">
        <v>2795</v>
      </c>
      <c r="RYX736" s="424"/>
      <c r="RYY736" s="424"/>
      <c r="RYZ736" s="424"/>
      <c r="RZA736" s="423" t="s">
        <v>2795</v>
      </c>
      <c r="RZB736" s="424"/>
      <c r="RZC736" s="424"/>
      <c r="RZD736" s="424"/>
      <c r="RZE736" s="423" t="s">
        <v>2795</v>
      </c>
      <c r="RZF736" s="424"/>
      <c r="RZG736" s="424"/>
      <c r="RZH736" s="424"/>
      <c r="RZI736" s="423" t="s">
        <v>2795</v>
      </c>
      <c r="RZJ736" s="424"/>
      <c r="RZK736" s="424"/>
      <c r="RZL736" s="424"/>
      <c r="RZM736" s="423" t="s">
        <v>2795</v>
      </c>
      <c r="RZN736" s="424"/>
      <c r="RZO736" s="424"/>
      <c r="RZP736" s="424"/>
      <c r="RZQ736" s="423" t="s">
        <v>2795</v>
      </c>
      <c r="RZR736" s="424"/>
      <c r="RZS736" s="424"/>
      <c r="RZT736" s="424"/>
      <c r="RZU736" s="423" t="s">
        <v>2795</v>
      </c>
      <c r="RZV736" s="424"/>
      <c r="RZW736" s="424"/>
      <c r="RZX736" s="424"/>
      <c r="RZY736" s="423" t="s">
        <v>2795</v>
      </c>
      <c r="RZZ736" s="424"/>
      <c r="SAA736" s="424"/>
      <c r="SAB736" s="424"/>
      <c r="SAC736" s="423" t="s">
        <v>2795</v>
      </c>
      <c r="SAD736" s="424"/>
      <c r="SAE736" s="424"/>
      <c r="SAF736" s="424"/>
      <c r="SAG736" s="423" t="s">
        <v>2795</v>
      </c>
      <c r="SAH736" s="424"/>
      <c r="SAI736" s="424"/>
      <c r="SAJ736" s="424"/>
      <c r="SAK736" s="423" t="s">
        <v>2795</v>
      </c>
      <c r="SAL736" s="424"/>
      <c r="SAM736" s="424"/>
      <c r="SAN736" s="424"/>
      <c r="SAO736" s="423" t="s">
        <v>2795</v>
      </c>
      <c r="SAP736" s="424"/>
      <c r="SAQ736" s="424"/>
      <c r="SAR736" s="424"/>
      <c r="SAS736" s="423" t="s">
        <v>2795</v>
      </c>
      <c r="SAT736" s="424"/>
      <c r="SAU736" s="424"/>
      <c r="SAV736" s="424"/>
      <c r="SAW736" s="423" t="s">
        <v>2795</v>
      </c>
      <c r="SAX736" s="424"/>
      <c r="SAY736" s="424"/>
      <c r="SAZ736" s="424"/>
      <c r="SBA736" s="423" t="s">
        <v>2795</v>
      </c>
      <c r="SBB736" s="424"/>
      <c r="SBC736" s="424"/>
      <c r="SBD736" s="424"/>
      <c r="SBE736" s="423" t="s">
        <v>2795</v>
      </c>
      <c r="SBF736" s="424"/>
      <c r="SBG736" s="424"/>
      <c r="SBH736" s="424"/>
      <c r="SBI736" s="423" t="s">
        <v>2795</v>
      </c>
      <c r="SBJ736" s="424"/>
      <c r="SBK736" s="424"/>
      <c r="SBL736" s="424"/>
      <c r="SBM736" s="423" t="s">
        <v>2795</v>
      </c>
      <c r="SBN736" s="424"/>
      <c r="SBO736" s="424"/>
      <c r="SBP736" s="424"/>
      <c r="SBQ736" s="423" t="s">
        <v>2795</v>
      </c>
      <c r="SBR736" s="424"/>
      <c r="SBS736" s="424"/>
      <c r="SBT736" s="424"/>
      <c r="SBU736" s="423" t="s">
        <v>2795</v>
      </c>
      <c r="SBV736" s="424"/>
      <c r="SBW736" s="424"/>
      <c r="SBX736" s="424"/>
      <c r="SBY736" s="423" t="s">
        <v>2795</v>
      </c>
      <c r="SBZ736" s="424"/>
      <c r="SCA736" s="424"/>
      <c r="SCB736" s="424"/>
      <c r="SCC736" s="423" t="s">
        <v>2795</v>
      </c>
      <c r="SCD736" s="424"/>
      <c r="SCE736" s="424"/>
      <c r="SCF736" s="424"/>
      <c r="SCG736" s="423" t="s">
        <v>2795</v>
      </c>
      <c r="SCH736" s="424"/>
      <c r="SCI736" s="424"/>
      <c r="SCJ736" s="424"/>
      <c r="SCK736" s="423" t="s">
        <v>2795</v>
      </c>
      <c r="SCL736" s="424"/>
      <c r="SCM736" s="424"/>
      <c r="SCN736" s="424"/>
      <c r="SCO736" s="423" t="s">
        <v>2795</v>
      </c>
      <c r="SCP736" s="424"/>
      <c r="SCQ736" s="424"/>
      <c r="SCR736" s="424"/>
      <c r="SCS736" s="423" t="s">
        <v>2795</v>
      </c>
      <c r="SCT736" s="424"/>
      <c r="SCU736" s="424"/>
      <c r="SCV736" s="424"/>
      <c r="SCW736" s="423" t="s">
        <v>2795</v>
      </c>
      <c r="SCX736" s="424"/>
      <c r="SCY736" s="424"/>
      <c r="SCZ736" s="424"/>
      <c r="SDA736" s="423" t="s">
        <v>2795</v>
      </c>
      <c r="SDB736" s="424"/>
      <c r="SDC736" s="424"/>
      <c r="SDD736" s="424"/>
      <c r="SDE736" s="423" t="s">
        <v>2795</v>
      </c>
      <c r="SDF736" s="424"/>
      <c r="SDG736" s="424"/>
      <c r="SDH736" s="424"/>
      <c r="SDI736" s="423" t="s">
        <v>2795</v>
      </c>
      <c r="SDJ736" s="424"/>
      <c r="SDK736" s="424"/>
      <c r="SDL736" s="424"/>
      <c r="SDM736" s="423" t="s">
        <v>2795</v>
      </c>
      <c r="SDN736" s="424"/>
      <c r="SDO736" s="424"/>
      <c r="SDP736" s="424"/>
      <c r="SDQ736" s="423" t="s">
        <v>2795</v>
      </c>
      <c r="SDR736" s="424"/>
      <c r="SDS736" s="424"/>
      <c r="SDT736" s="424"/>
      <c r="SDU736" s="423" t="s">
        <v>2795</v>
      </c>
      <c r="SDV736" s="424"/>
      <c r="SDW736" s="424"/>
      <c r="SDX736" s="424"/>
      <c r="SDY736" s="423" t="s">
        <v>2795</v>
      </c>
      <c r="SDZ736" s="424"/>
      <c r="SEA736" s="424"/>
      <c r="SEB736" s="424"/>
      <c r="SEC736" s="423" t="s">
        <v>2795</v>
      </c>
      <c r="SED736" s="424"/>
      <c r="SEE736" s="424"/>
      <c r="SEF736" s="424"/>
      <c r="SEG736" s="423" t="s">
        <v>2795</v>
      </c>
      <c r="SEH736" s="424"/>
      <c r="SEI736" s="424"/>
      <c r="SEJ736" s="424"/>
      <c r="SEK736" s="423" t="s">
        <v>2795</v>
      </c>
      <c r="SEL736" s="424"/>
      <c r="SEM736" s="424"/>
      <c r="SEN736" s="424"/>
      <c r="SEO736" s="423" t="s">
        <v>2795</v>
      </c>
      <c r="SEP736" s="424"/>
      <c r="SEQ736" s="424"/>
      <c r="SER736" s="424"/>
      <c r="SES736" s="423" t="s">
        <v>2795</v>
      </c>
      <c r="SET736" s="424"/>
      <c r="SEU736" s="424"/>
      <c r="SEV736" s="424"/>
      <c r="SEW736" s="423" t="s">
        <v>2795</v>
      </c>
      <c r="SEX736" s="424"/>
      <c r="SEY736" s="424"/>
      <c r="SEZ736" s="424"/>
      <c r="SFA736" s="423" t="s">
        <v>2795</v>
      </c>
      <c r="SFB736" s="424"/>
      <c r="SFC736" s="424"/>
      <c r="SFD736" s="424"/>
      <c r="SFE736" s="423" t="s">
        <v>2795</v>
      </c>
      <c r="SFF736" s="424"/>
      <c r="SFG736" s="424"/>
      <c r="SFH736" s="424"/>
      <c r="SFI736" s="423" t="s">
        <v>2795</v>
      </c>
      <c r="SFJ736" s="424"/>
      <c r="SFK736" s="424"/>
      <c r="SFL736" s="424"/>
      <c r="SFM736" s="423" t="s">
        <v>2795</v>
      </c>
      <c r="SFN736" s="424"/>
      <c r="SFO736" s="424"/>
      <c r="SFP736" s="424"/>
      <c r="SFQ736" s="423" t="s">
        <v>2795</v>
      </c>
      <c r="SFR736" s="424"/>
      <c r="SFS736" s="424"/>
      <c r="SFT736" s="424"/>
      <c r="SFU736" s="423" t="s">
        <v>2795</v>
      </c>
      <c r="SFV736" s="424"/>
      <c r="SFW736" s="424"/>
      <c r="SFX736" s="424"/>
      <c r="SFY736" s="423" t="s">
        <v>2795</v>
      </c>
      <c r="SFZ736" s="424"/>
      <c r="SGA736" s="424"/>
      <c r="SGB736" s="424"/>
      <c r="SGC736" s="423" t="s">
        <v>2795</v>
      </c>
      <c r="SGD736" s="424"/>
      <c r="SGE736" s="424"/>
      <c r="SGF736" s="424"/>
      <c r="SGG736" s="423" t="s">
        <v>2795</v>
      </c>
      <c r="SGH736" s="424"/>
      <c r="SGI736" s="424"/>
      <c r="SGJ736" s="424"/>
      <c r="SGK736" s="423" t="s">
        <v>2795</v>
      </c>
      <c r="SGL736" s="424"/>
      <c r="SGM736" s="424"/>
      <c r="SGN736" s="424"/>
      <c r="SGO736" s="423" t="s">
        <v>2795</v>
      </c>
      <c r="SGP736" s="424"/>
      <c r="SGQ736" s="424"/>
      <c r="SGR736" s="424"/>
      <c r="SGS736" s="423" t="s">
        <v>2795</v>
      </c>
      <c r="SGT736" s="424"/>
      <c r="SGU736" s="424"/>
      <c r="SGV736" s="424"/>
      <c r="SGW736" s="423" t="s">
        <v>2795</v>
      </c>
      <c r="SGX736" s="424"/>
      <c r="SGY736" s="424"/>
      <c r="SGZ736" s="424"/>
      <c r="SHA736" s="423" t="s">
        <v>2795</v>
      </c>
      <c r="SHB736" s="424"/>
      <c r="SHC736" s="424"/>
      <c r="SHD736" s="424"/>
      <c r="SHE736" s="423" t="s">
        <v>2795</v>
      </c>
      <c r="SHF736" s="424"/>
      <c r="SHG736" s="424"/>
      <c r="SHH736" s="424"/>
      <c r="SHI736" s="423" t="s">
        <v>2795</v>
      </c>
      <c r="SHJ736" s="424"/>
      <c r="SHK736" s="424"/>
      <c r="SHL736" s="424"/>
      <c r="SHM736" s="423" t="s">
        <v>2795</v>
      </c>
      <c r="SHN736" s="424"/>
      <c r="SHO736" s="424"/>
      <c r="SHP736" s="424"/>
      <c r="SHQ736" s="423" t="s">
        <v>2795</v>
      </c>
      <c r="SHR736" s="424"/>
      <c r="SHS736" s="424"/>
      <c r="SHT736" s="424"/>
      <c r="SHU736" s="423" t="s">
        <v>2795</v>
      </c>
      <c r="SHV736" s="424"/>
      <c r="SHW736" s="424"/>
      <c r="SHX736" s="424"/>
      <c r="SHY736" s="423" t="s">
        <v>2795</v>
      </c>
      <c r="SHZ736" s="424"/>
      <c r="SIA736" s="424"/>
      <c r="SIB736" s="424"/>
      <c r="SIC736" s="423" t="s">
        <v>2795</v>
      </c>
      <c r="SID736" s="424"/>
      <c r="SIE736" s="424"/>
      <c r="SIF736" s="424"/>
      <c r="SIG736" s="423" t="s">
        <v>2795</v>
      </c>
      <c r="SIH736" s="424"/>
      <c r="SII736" s="424"/>
      <c r="SIJ736" s="424"/>
      <c r="SIK736" s="423" t="s">
        <v>2795</v>
      </c>
      <c r="SIL736" s="424"/>
      <c r="SIM736" s="424"/>
      <c r="SIN736" s="424"/>
      <c r="SIO736" s="423" t="s">
        <v>2795</v>
      </c>
      <c r="SIP736" s="424"/>
      <c r="SIQ736" s="424"/>
      <c r="SIR736" s="424"/>
      <c r="SIS736" s="423" t="s">
        <v>2795</v>
      </c>
      <c r="SIT736" s="424"/>
      <c r="SIU736" s="424"/>
      <c r="SIV736" s="424"/>
      <c r="SIW736" s="423" t="s">
        <v>2795</v>
      </c>
      <c r="SIX736" s="424"/>
      <c r="SIY736" s="424"/>
      <c r="SIZ736" s="424"/>
      <c r="SJA736" s="423" t="s">
        <v>2795</v>
      </c>
      <c r="SJB736" s="424"/>
      <c r="SJC736" s="424"/>
      <c r="SJD736" s="424"/>
      <c r="SJE736" s="423" t="s">
        <v>2795</v>
      </c>
      <c r="SJF736" s="424"/>
      <c r="SJG736" s="424"/>
      <c r="SJH736" s="424"/>
      <c r="SJI736" s="423" t="s">
        <v>2795</v>
      </c>
      <c r="SJJ736" s="424"/>
      <c r="SJK736" s="424"/>
      <c r="SJL736" s="424"/>
      <c r="SJM736" s="423" t="s">
        <v>2795</v>
      </c>
      <c r="SJN736" s="424"/>
      <c r="SJO736" s="424"/>
      <c r="SJP736" s="424"/>
      <c r="SJQ736" s="423" t="s">
        <v>2795</v>
      </c>
      <c r="SJR736" s="424"/>
      <c r="SJS736" s="424"/>
      <c r="SJT736" s="424"/>
      <c r="SJU736" s="423" t="s">
        <v>2795</v>
      </c>
      <c r="SJV736" s="424"/>
      <c r="SJW736" s="424"/>
      <c r="SJX736" s="424"/>
      <c r="SJY736" s="423" t="s">
        <v>2795</v>
      </c>
      <c r="SJZ736" s="424"/>
      <c r="SKA736" s="424"/>
      <c r="SKB736" s="424"/>
      <c r="SKC736" s="423" t="s">
        <v>2795</v>
      </c>
      <c r="SKD736" s="424"/>
      <c r="SKE736" s="424"/>
      <c r="SKF736" s="424"/>
      <c r="SKG736" s="423" t="s">
        <v>2795</v>
      </c>
      <c r="SKH736" s="424"/>
      <c r="SKI736" s="424"/>
      <c r="SKJ736" s="424"/>
      <c r="SKK736" s="423" t="s">
        <v>2795</v>
      </c>
      <c r="SKL736" s="424"/>
      <c r="SKM736" s="424"/>
      <c r="SKN736" s="424"/>
      <c r="SKO736" s="423" t="s">
        <v>2795</v>
      </c>
      <c r="SKP736" s="424"/>
      <c r="SKQ736" s="424"/>
      <c r="SKR736" s="424"/>
      <c r="SKS736" s="423" t="s">
        <v>2795</v>
      </c>
      <c r="SKT736" s="424"/>
      <c r="SKU736" s="424"/>
      <c r="SKV736" s="424"/>
      <c r="SKW736" s="423" t="s">
        <v>2795</v>
      </c>
      <c r="SKX736" s="424"/>
      <c r="SKY736" s="424"/>
      <c r="SKZ736" s="424"/>
      <c r="SLA736" s="423" t="s">
        <v>2795</v>
      </c>
      <c r="SLB736" s="424"/>
      <c r="SLC736" s="424"/>
      <c r="SLD736" s="424"/>
      <c r="SLE736" s="423" t="s">
        <v>2795</v>
      </c>
      <c r="SLF736" s="424"/>
      <c r="SLG736" s="424"/>
      <c r="SLH736" s="424"/>
      <c r="SLI736" s="423" t="s">
        <v>2795</v>
      </c>
      <c r="SLJ736" s="424"/>
      <c r="SLK736" s="424"/>
      <c r="SLL736" s="424"/>
      <c r="SLM736" s="423" t="s">
        <v>2795</v>
      </c>
      <c r="SLN736" s="424"/>
      <c r="SLO736" s="424"/>
      <c r="SLP736" s="424"/>
      <c r="SLQ736" s="423" t="s">
        <v>2795</v>
      </c>
      <c r="SLR736" s="424"/>
      <c r="SLS736" s="424"/>
      <c r="SLT736" s="424"/>
      <c r="SLU736" s="423" t="s">
        <v>2795</v>
      </c>
      <c r="SLV736" s="424"/>
      <c r="SLW736" s="424"/>
      <c r="SLX736" s="424"/>
      <c r="SLY736" s="423" t="s">
        <v>2795</v>
      </c>
      <c r="SLZ736" s="424"/>
      <c r="SMA736" s="424"/>
      <c r="SMB736" s="424"/>
      <c r="SMC736" s="423" t="s">
        <v>2795</v>
      </c>
      <c r="SMD736" s="424"/>
      <c r="SME736" s="424"/>
      <c r="SMF736" s="424"/>
      <c r="SMG736" s="423" t="s">
        <v>2795</v>
      </c>
      <c r="SMH736" s="424"/>
      <c r="SMI736" s="424"/>
      <c r="SMJ736" s="424"/>
      <c r="SMK736" s="423" t="s">
        <v>2795</v>
      </c>
      <c r="SML736" s="424"/>
      <c r="SMM736" s="424"/>
      <c r="SMN736" s="424"/>
      <c r="SMO736" s="423" t="s">
        <v>2795</v>
      </c>
      <c r="SMP736" s="424"/>
      <c r="SMQ736" s="424"/>
      <c r="SMR736" s="424"/>
      <c r="SMS736" s="423" t="s">
        <v>2795</v>
      </c>
      <c r="SMT736" s="424"/>
      <c r="SMU736" s="424"/>
      <c r="SMV736" s="424"/>
      <c r="SMW736" s="423" t="s">
        <v>2795</v>
      </c>
      <c r="SMX736" s="424"/>
      <c r="SMY736" s="424"/>
      <c r="SMZ736" s="424"/>
      <c r="SNA736" s="423" t="s">
        <v>2795</v>
      </c>
      <c r="SNB736" s="424"/>
      <c r="SNC736" s="424"/>
      <c r="SND736" s="424"/>
      <c r="SNE736" s="423" t="s">
        <v>2795</v>
      </c>
      <c r="SNF736" s="424"/>
      <c r="SNG736" s="424"/>
      <c r="SNH736" s="424"/>
      <c r="SNI736" s="423" t="s">
        <v>2795</v>
      </c>
      <c r="SNJ736" s="424"/>
      <c r="SNK736" s="424"/>
      <c r="SNL736" s="424"/>
      <c r="SNM736" s="423" t="s">
        <v>2795</v>
      </c>
      <c r="SNN736" s="424"/>
      <c r="SNO736" s="424"/>
      <c r="SNP736" s="424"/>
      <c r="SNQ736" s="423" t="s">
        <v>2795</v>
      </c>
      <c r="SNR736" s="424"/>
      <c r="SNS736" s="424"/>
      <c r="SNT736" s="424"/>
      <c r="SNU736" s="423" t="s">
        <v>2795</v>
      </c>
      <c r="SNV736" s="424"/>
      <c r="SNW736" s="424"/>
      <c r="SNX736" s="424"/>
      <c r="SNY736" s="423" t="s">
        <v>2795</v>
      </c>
      <c r="SNZ736" s="424"/>
      <c r="SOA736" s="424"/>
      <c r="SOB736" s="424"/>
      <c r="SOC736" s="423" t="s">
        <v>2795</v>
      </c>
      <c r="SOD736" s="424"/>
      <c r="SOE736" s="424"/>
      <c r="SOF736" s="424"/>
      <c r="SOG736" s="423" t="s">
        <v>2795</v>
      </c>
      <c r="SOH736" s="424"/>
      <c r="SOI736" s="424"/>
      <c r="SOJ736" s="424"/>
      <c r="SOK736" s="423" t="s">
        <v>2795</v>
      </c>
      <c r="SOL736" s="424"/>
      <c r="SOM736" s="424"/>
      <c r="SON736" s="424"/>
      <c r="SOO736" s="423" t="s">
        <v>2795</v>
      </c>
      <c r="SOP736" s="424"/>
      <c r="SOQ736" s="424"/>
      <c r="SOR736" s="424"/>
      <c r="SOS736" s="423" t="s">
        <v>2795</v>
      </c>
      <c r="SOT736" s="424"/>
      <c r="SOU736" s="424"/>
      <c r="SOV736" s="424"/>
      <c r="SOW736" s="423" t="s">
        <v>2795</v>
      </c>
      <c r="SOX736" s="424"/>
      <c r="SOY736" s="424"/>
      <c r="SOZ736" s="424"/>
      <c r="SPA736" s="423" t="s">
        <v>2795</v>
      </c>
      <c r="SPB736" s="424"/>
      <c r="SPC736" s="424"/>
      <c r="SPD736" s="424"/>
      <c r="SPE736" s="423" t="s">
        <v>2795</v>
      </c>
      <c r="SPF736" s="424"/>
      <c r="SPG736" s="424"/>
      <c r="SPH736" s="424"/>
      <c r="SPI736" s="423" t="s">
        <v>2795</v>
      </c>
      <c r="SPJ736" s="424"/>
      <c r="SPK736" s="424"/>
      <c r="SPL736" s="424"/>
      <c r="SPM736" s="423" t="s">
        <v>2795</v>
      </c>
      <c r="SPN736" s="424"/>
      <c r="SPO736" s="424"/>
      <c r="SPP736" s="424"/>
      <c r="SPQ736" s="423" t="s">
        <v>2795</v>
      </c>
      <c r="SPR736" s="424"/>
      <c r="SPS736" s="424"/>
      <c r="SPT736" s="424"/>
      <c r="SPU736" s="423" t="s">
        <v>2795</v>
      </c>
      <c r="SPV736" s="424"/>
      <c r="SPW736" s="424"/>
      <c r="SPX736" s="424"/>
      <c r="SPY736" s="423" t="s">
        <v>2795</v>
      </c>
      <c r="SPZ736" s="424"/>
      <c r="SQA736" s="424"/>
      <c r="SQB736" s="424"/>
      <c r="SQC736" s="423" t="s">
        <v>2795</v>
      </c>
      <c r="SQD736" s="424"/>
      <c r="SQE736" s="424"/>
      <c r="SQF736" s="424"/>
      <c r="SQG736" s="423" t="s">
        <v>2795</v>
      </c>
      <c r="SQH736" s="424"/>
      <c r="SQI736" s="424"/>
      <c r="SQJ736" s="424"/>
      <c r="SQK736" s="423" t="s">
        <v>2795</v>
      </c>
      <c r="SQL736" s="424"/>
      <c r="SQM736" s="424"/>
      <c r="SQN736" s="424"/>
      <c r="SQO736" s="423" t="s">
        <v>2795</v>
      </c>
      <c r="SQP736" s="424"/>
      <c r="SQQ736" s="424"/>
      <c r="SQR736" s="424"/>
      <c r="SQS736" s="423" t="s">
        <v>2795</v>
      </c>
      <c r="SQT736" s="424"/>
      <c r="SQU736" s="424"/>
      <c r="SQV736" s="424"/>
      <c r="SQW736" s="423" t="s">
        <v>2795</v>
      </c>
      <c r="SQX736" s="424"/>
      <c r="SQY736" s="424"/>
      <c r="SQZ736" s="424"/>
      <c r="SRA736" s="423" t="s">
        <v>2795</v>
      </c>
      <c r="SRB736" s="424"/>
      <c r="SRC736" s="424"/>
      <c r="SRD736" s="424"/>
      <c r="SRE736" s="423" t="s">
        <v>2795</v>
      </c>
      <c r="SRF736" s="424"/>
      <c r="SRG736" s="424"/>
      <c r="SRH736" s="424"/>
      <c r="SRI736" s="423" t="s">
        <v>2795</v>
      </c>
      <c r="SRJ736" s="424"/>
      <c r="SRK736" s="424"/>
      <c r="SRL736" s="424"/>
      <c r="SRM736" s="423" t="s">
        <v>2795</v>
      </c>
      <c r="SRN736" s="424"/>
      <c r="SRO736" s="424"/>
      <c r="SRP736" s="424"/>
      <c r="SRQ736" s="423" t="s">
        <v>2795</v>
      </c>
      <c r="SRR736" s="424"/>
      <c r="SRS736" s="424"/>
      <c r="SRT736" s="424"/>
      <c r="SRU736" s="423" t="s">
        <v>2795</v>
      </c>
      <c r="SRV736" s="424"/>
      <c r="SRW736" s="424"/>
      <c r="SRX736" s="424"/>
      <c r="SRY736" s="423" t="s">
        <v>2795</v>
      </c>
      <c r="SRZ736" s="424"/>
      <c r="SSA736" s="424"/>
      <c r="SSB736" s="424"/>
      <c r="SSC736" s="423" t="s">
        <v>2795</v>
      </c>
      <c r="SSD736" s="424"/>
      <c r="SSE736" s="424"/>
      <c r="SSF736" s="424"/>
      <c r="SSG736" s="423" t="s">
        <v>2795</v>
      </c>
      <c r="SSH736" s="424"/>
      <c r="SSI736" s="424"/>
      <c r="SSJ736" s="424"/>
      <c r="SSK736" s="423" t="s">
        <v>2795</v>
      </c>
      <c r="SSL736" s="424"/>
      <c r="SSM736" s="424"/>
      <c r="SSN736" s="424"/>
      <c r="SSO736" s="423" t="s">
        <v>2795</v>
      </c>
      <c r="SSP736" s="424"/>
      <c r="SSQ736" s="424"/>
      <c r="SSR736" s="424"/>
      <c r="SSS736" s="423" t="s">
        <v>2795</v>
      </c>
      <c r="SST736" s="424"/>
      <c r="SSU736" s="424"/>
      <c r="SSV736" s="424"/>
      <c r="SSW736" s="423" t="s">
        <v>2795</v>
      </c>
      <c r="SSX736" s="424"/>
      <c r="SSY736" s="424"/>
      <c r="SSZ736" s="424"/>
      <c r="STA736" s="423" t="s">
        <v>2795</v>
      </c>
      <c r="STB736" s="424"/>
      <c r="STC736" s="424"/>
      <c r="STD736" s="424"/>
      <c r="STE736" s="423" t="s">
        <v>2795</v>
      </c>
      <c r="STF736" s="424"/>
      <c r="STG736" s="424"/>
      <c r="STH736" s="424"/>
      <c r="STI736" s="423" t="s">
        <v>2795</v>
      </c>
      <c r="STJ736" s="424"/>
      <c r="STK736" s="424"/>
      <c r="STL736" s="424"/>
      <c r="STM736" s="423" t="s">
        <v>2795</v>
      </c>
      <c r="STN736" s="424"/>
      <c r="STO736" s="424"/>
      <c r="STP736" s="424"/>
      <c r="STQ736" s="423" t="s">
        <v>2795</v>
      </c>
      <c r="STR736" s="424"/>
      <c r="STS736" s="424"/>
      <c r="STT736" s="424"/>
      <c r="STU736" s="423" t="s">
        <v>2795</v>
      </c>
      <c r="STV736" s="424"/>
      <c r="STW736" s="424"/>
      <c r="STX736" s="424"/>
      <c r="STY736" s="423" t="s">
        <v>2795</v>
      </c>
      <c r="STZ736" s="424"/>
      <c r="SUA736" s="424"/>
      <c r="SUB736" s="424"/>
      <c r="SUC736" s="423" t="s">
        <v>2795</v>
      </c>
      <c r="SUD736" s="424"/>
      <c r="SUE736" s="424"/>
      <c r="SUF736" s="424"/>
      <c r="SUG736" s="423" t="s">
        <v>2795</v>
      </c>
      <c r="SUH736" s="424"/>
      <c r="SUI736" s="424"/>
      <c r="SUJ736" s="424"/>
      <c r="SUK736" s="423" t="s">
        <v>2795</v>
      </c>
      <c r="SUL736" s="424"/>
      <c r="SUM736" s="424"/>
      <c r="SUN736" s="424"/>
      <c r="SUO736" s="423" t="s">
        <v>2795</v>
      </c>
      <c r="SUP736" s="424"/>
      <c r="SUQ736" s="424"/>
      <c r="SUR736" s="424"/>
      <c r="SUS736" s="423" t="s">
        <v>2795</v>
      </c>
      <c r="SUT736" s="424"/>
      <c r="SUU736" s="424"/>
      <c r="SUV736" s="424"/>
      <c r="SUW736" s="423" t="s">
        <v>2795</v>
      </c>
      <c r="SUX736" s="424"/>
      <c r="SUY736" s="424"/>
      <c r="SUZ736" s="424"/>
      <c r="SVA736" s="423" t="s">
        <v>2795</v>
      </c>
      <c r="SVB736" s="424"/>
      <c r="SVC736" s="424"/>
      <c r="SVD736" s="424"/>
      <c r="SVE736" s="423" t="s">
        <v>2795</v>
      </c>
      <c r="SVF736" s="424"/>
      <c r="SVG736" s="424"/>
      <c r="SVH736" s="424"/>
      <c r="SVI736" s="423" t="s">
        <v>2795</v>
      </c>
      <c r="SVJ736" s="424"/>
      <c r="SVK736" s="424"/>
      <c r="SVL736" s="424"/>
      <c r="SVM736" s="423" t="s">
        <v>2795</v>
      </c>
      <c r="SVN736" s="424"/>
      <c r="SVO736" s="424"/>
      <c r="SVP736" s="424"/>
      <c r="SVQ736" s="423" t="s">
        <v>2795</v>
      </c>
      <c r="SVR736" s="424"/>
      <c r="SVS736" s="424"/>
      <c r="SVT736" s="424"/>
      <c r="SVU736" s="423" t="s">
        <v>2795</v>
      </c>
      <c r="SVV736" s="424"/>
      <c r="SVW736" s="424"/>
      <c r="SVX736" s="424"/>
      <c r="SVY736" s="423" t="s">
        <v>2795</v>
      </c>
      <c r="SVZ736" s="424"/>
      <c r="SWA736" s="424"/>
      <c r="SWB736" s="424"/>
      <c r="SWC736" s="423" t="s">
        <v>2795</v>
      </c>
      <c r="SWD736" s="424"/>
      <c r="SWE736" s="424"/>
      <c r="SWF736" s="424"/>
      <c r="SWG736" s="423" t="s">
        <v>2795</v>
      </c>
      <c r="SWH736" s="424"/>
      <c r="SWI736" s="424"/>
      <c r="SWJ736" s="424"/>
      <c r="SWK736" s="423" t="s">
        <v>2795</v>
      </c>
      <c r="SWL736" s="424"/>
      <c r="SWM736" s="424"/>
      <c r="SWN736" s="424"/>
      <c r="SWO736" s="423" t="s">
        <v>2795</v>
      </c>
      <c r="SWP736" s="424"/>
      <c r="SWQ736" s="424"/>
      <c r="SWR736" s="424"/>
      <c r="SWS736" s="423" t="s">
        <v>2795</v>
      </c>
      <c r="SWT736" s="424"/>
      <c r="SWU736" s="424"/>
      <c r="SWV736" s="424"/>
      <c r="SWW736" s="423" t="s">
        <v>2795</v>
      </c>
      <c r="SWX736" s="424"/>
      <c r="SWY736" s="424"/>
      <c r="SWZ736" s="424"/>
      <c r="SXA736" s="423" t="s">
        <v>2795</v>
      </c>
      <c r="SXB736" s="424"/>
      <c r="SXC736" s="424"/>
      <c r="SXD736" s="424"/>
      <c r="SXE736" s="423" t="s">
        <v>2795</v>
      </c>
      <c r="SXF736" s="424"/>
      <c r="SXG736" s="424"/>
      <c r="SXH736" s="424"/>
      <c r="SXI736" s="423" t="s">
        <v>2795</v>
      </c>
      <c r="SXJ736" s="424"/>
      <c r="SXK736" s="424"/>
      <c r="SXL736" s="424"/>
      <c r="SXM736" s="423" t="s">
        <v>2795</v>
      </c>
      <c r="SXN736" s="424"/>
      <c r="SXO736" s="424"/>
      <c r="SXP736" s="424"/>
      <c r="SXQ736" s="423" t="s">
        <v>2795</v>
      </c>
      <c r="SXR736" s="424"/>
      <c r="SXS736" s="424"/>
      <c r="SXT736" s="424"/>
      <c r="SXU736" s="423" t="s">
        <v>2795</v>
      </c>
      <c r="SXV736" s="424"/>
      <c r="SXW736" s="424"/>
      <c r="SXX736" s="424"/>
      <c r="SXY736" s="423" t="s">
        <v>2795</v>
      </c>
      <c r="SXZ736" s="424"/>
      <c r="SYA736" s="424"/>
      <c r="SYB736" s="424"/>
      <c r="SYC736" s="423" t="s">
        <v>2795</v>
      </c>
      <c r="SYD736" s="424"/>
      <c r="SYE736" s="424"/>
      <c r="SYF736" s="424"/>
      <c r="SYG736" s="423" t="s">
        <v>2795</v>
      </c>
      <c r="SYH736" s="424"/>
      <c r="SYI736" s="424"/>
      <c r="SYJ736" s="424"/>
      <c r="SYK736" s="423" t="s">
        <v>2795</v>
      </c>
      <c r="SYL736" s="424"/>
      <c r="SYM736" s="424"/>
      <c r="SYN736" s="424"/>
      <c r="SYO736" s="423" t="s">
        <v>2795</v>
      </c>
      <c r="SYP736" s="424"/>
      <c r="SYQ736" s="424"/>
      <c r="SYR736" s="424"/>
      <c r="SYS736" s="423" t="s">
        <v>2795</v>
      </c>
      <c r="SYT736" s="424"/>
      <c r="SYU736" s="424"/>
      <c r="SYV736" s="424"/>
      <c r="SYW736" s="423" t="s">
        <v>2795</v>
      </c>
      <c r="SYX736" s="424"/>
      <c r="SYY736" s="424"/>
      <c r="SYZ736" s="424"/>
      <c r="SZA736" s="423" t="s">
        <v>2795</v>
      </c>
      <c r="SZB736" s="424"/>
      <c r="SZC736" s="424"/>
      <c r="SZD736" s="424"/>
      <c r="SZE736" s="423" t="s">
        <v>2795</v>
      </c>
      <c r="SZF736" s="424"/>
      <c r="SZG736" s="424"/>
      <c r="SZH736" s="424"/>
      <c r="SZI736" s="423" t="s">
        <v>2795</v>
      </c>
      <c r="SZJ736" s="424"/>
      <c r="SZK736" s="424"/>
      <c r="SZL736" s="424"/>
      <c r="SZM736" s="423" t="s">
        <v>2795</v>
      </c>
      <c r="SZN736" s="424"/>
      <c r="SZO736" s="424"/>
      <c r="SZP736" s="424"/>
      <c r="SZQ736" s="423" t="s">
        <v>2795</v>
      </c>
      <c r="SZR736" s="424"/>
      <c r="SZS736" s="424"/>
      <c r="SZT736" s="424"/>
      <c r="SZU736" s="423" t="s">
        <v>2795</v>
      </c>
      <c r="SZV736" s="424"/>
      <c r="SZW736" s="424"/>
      <c r="SZX736" s="424"/>
      <c r="SZY736" s="423" t="s">
        <v>2795</v>
      </c>
      <c r="SZZ736" s="424"/>
      <c r="TAA736" s="424"/>
      <c r="TAB736" s="424"/>
      <c r="TAC736" s="423" t="s">
        <v>2795</v>
      </c>
      <c r="TAD736" s="424"/>
      <c r="TAE736" s="424"/>
      <c r="TAF736" s="424"/>
      <c r="TAG736" s="423" t="s">
        <v>2795</v>
      </c>
      <c r="TAH736" s="424"/>
      <c r="TAI736" s="424"/>
      <c r="TAJ736" s="424"/>
      <c r="TAK736" s="423" t="s">
        <v>2795</v>
      </c>
      <c r="TAL736" s="424"/>
      <c r="TAM736" s="424"/>
      <c r="TAN736" s="424"/>
      <c r="TAO736" s="423" t="s">
        <v>2795</v>
      </c>
      <c r="TAP736" s="424"/>
      <c r="TAQ736" s="424"/>
      <c r="TAR736" s="424"/>
      <c r="TAS736" s="423" t="s">
        <v>2795</v>
      </c>
      <c r="TAT736" s="424"/>
      <c r="TAU736" s="424"/>
      <c r="TAV736" s="424"/>
      <c r="TAW736" s="423" t="s">
        <v>2795</v>
      </c>
      <c r="TAX736" s="424"/>
      <c r="TAY736" s="424"/>
      <c r="TAZ736" s="424"/>
      <c r="TBA736" s="423" t="s">
        <v>2795</v>
      </c>
      <c r="TBB736" s="424"/>
      <c r="TBC736" s="424"/>
      <c r="TBD736" s="424"/>
      <c r="TBE736" s="423" t="s">
        <v>2795</v>
      </c>
      <c r="TBF736" s="424"/>
      <c r="TBG736" s="424"/>
      <c r="TBH736" s="424"/>
      <c r="TBI736" s="423" t="s">
        <v>2795</v>
      </c>
      <c r="TBJ736" s="424"/>
      <c r="TBK736" s="424"/>
      <c r="TBL736" s="424"/>
      <c r="TBM736" s="423" t="s">
        <v>2795</v>
      </c>
      <c r="TBN736" s="424"/>
      <c r="TBO736" s="424"/>
      <c r="TBP736" s="424"/>
      <c r="TBQ736" s="423" t="s">
        <v>2795</v>
      </c>
      <c r="TBR736" s="424"/>
      <c r="TBS736" s="424"/>
      <c r="TBT736" s="424"/>
      <c r="TBU736" s="423" t="s">
        <v>2795</v>
      </c>
      <c r="TBV736" s="424"/>
      <c r="TBW736" s="424"/>
      <c r="TBX736" s="424"/>
      <c r="TBY736" s="423" t="s">
        <v>2795</v>
      </c>
      <c r="TBZ736" s="424"/>
      <c r="TCA736" s="424"/>
      <c r="TCB736" s="424"/>
      <c r="TCC736" s="423" t="s">
        <v>2795</v>
      </c>
      <c r="TCD736" s="424"/>
      <c r="TCE736" s="424"/>
      <c r="TCF736" s="424"/>
      <c r="TCG736" s="423" t="s">
        <v>2795</v>
      </c>
      <c r="TCH736" s="424"/>
      <c r="TCI736" s="424"/>
      <c r="TCJ736" s="424"/>
      <c r="TCK736" s="423" t="s">
        <v>2795</v>
      </c>
      <c r="TCL736" s="424"/>
      <c r="TCM736" s="424"/>
      <c r="TCN736" s="424"/>
      <c r="TCO736" s="423" t="s">
        <v>2795</v>
      </c>
      <c r="TCP736" s="424"/>
      <c r="TCQ736" s="424"/>
      <c r="TCR736" s="424"/>
      <c r="TCS736" s="423" t="s">
        <v>2795</v>
      </c>
      <c r="TCT736" s="424"/>
      <c r="TCU736" s="424"/>
      <c r="TCV736" s="424"/>
      <c r="TCW736" s="423" t="s">
        <v>2795</v>
      </c>
      <c r="TCX736" s="424"/>
      <c r="TCY736" s="424"/>
      <c r="TCZ736" s="424"/>
      <c r="TDA736" s="423" t="s">
        <v>2795</v>
      </c>
      <c r="TDB736" s="424"/>
      <c r="TDC736" s="424"/>
      <c r="TDD736" s="424"/>
      <c r="TDE736" s="423" t="s">
        <v>2795</v>
      </c>
      <c r="TDF736" s="424"/>
      <c r="TDG736" s="424"/>
      <c r="TDH736" s="424"/>
      <c r="TDI736" s="423" t="s">
        <v>2795</v>
      </c>
      <c r="TDJ736" s="424"/>
      <c r="TDK736" s="424"/>
      <c r="TDL736" s="424"/>
      <c r="TDM736" s="423" t="s">
        <v>2795</v>
      </c>
      <c r="TDN736" s="424"/>
      <c r="TDO736" s="424"/>
      <c r="TDP736" s="424"/>
      <c r="TDQ736" s="423" t="s">
        <v>2795</v>
      </c>
      <c r="TDR736" s="424"/>
      <c r="TDS736" s="424"/>
      <c r="TDT736" s="424"/>
      <c r="TDU736" s="423" t="s">
        <v>2795</v>
      </c>
      <c r="TDV736" s="424"/>
      <c r="TDW736" s="424"/>
      <c r="TDX736" s="424"/>
      <c r="TDY736" s="423" t="s">
        <v>2795</v>
      </c>
      <c r="TDZ736" s="424"/>
      <c r="TEA736" s="424"/>
      <c r="TEB736" s="424"/>
      <c r="TEC736" s="423" t="s">
        <v>2795</v>
      </c>
      <c r="TED736" s="424"/>
      <c r="TEE736" s="424"/>
      <c r="TEF736" s="424"/>
      <c r="TEG736" s="423" t="s">
        <v>2795</v>
      </c>
      <c r="TEH736" s="424"/>
      <c r="TEI736" s="424"/>
      <c r="TEJ736" s="424"/>
      <c r="TEK736" s="423" t="s">
        <v>2795</v>
      </c>
      <c r="TEL736" s="424"/>
      <c r="TEM736" s="424"/>
      <c r="TEN736" s="424"/>
      <c r="TEO736" s="423" t="s">
        <v>2795</v>
      </c>
      <c r="TEP736" s="424"/>
      <c r="TEQ736" s="424"/>
      <c r="TER736" s="424"/>
      <c r="TES736" s="423" t="s">
        <v>2795</v>
      </c>
      <c r="TET736" s="424"/>
      <c r="TEU736" s="424"/>
      <c r="TEV736" s="424"/>
      <c r="TEW736" s="423" t="s">
        <v>2795</v>
      </c>
      <c r="TEX736" s="424"/>
      <c r="TEY736" s="424"/>
      <c r="TEZ736" s="424"/>
      <c r="TFA736" s="423" t="s">
        <v>2795</v>
      </c>
      <c r="TFB736" s="424"/>
      <c r="TFC736" s="424"/>
      <c r="TFD736" s="424"/>
      <c r="TFE736" s="423" t="s">
        <v>2795</v>
      </c>
      <c r="TFF736" s="424"/>
      <c r="TFG736" s="424"/>
      <c r="TFH736" s="424"/>
      <c r="TFI736" s="423" t="s">
        <v>2795</v>
      </c>
      <c r="TFJ736" s="424"/>
      <c r="TFK736" s="424"/>
      <c r="TFL736" s="424"/>
      <c r="TFM736" s="423" t="s">
        <v>2795</v>
      </c>
      <c r="TFN736" s="424"/>
      <c r="TFO736" s="424"/>
      <c r="TFP736" s="424"/>
      <c r="TFQ736" s="423" t="s">
        <v>2795</v>
      </c>
      <c r="TFR736" s="424"/>
      <c r="TFS736" s="424"/>
      <c r="TFT736" s="424"/>
      <c r="TFU736" s="423" t="s">
        <v>2795</v>
      </c>
      <c r="TFV736" s="424"/>
      <c r="TFW736" s="424"/>
      <c r="TFX736" s="424"/>
      <c r="TFY736" s="423" t="s">
        <v>2795</v>
      </c>
      <c r="TFZ736" s="424"/>
      <c r="TGA736" s="424"/>
      <c r="TGB736" s="424"/>
      <c r="TGC736" s="423" t="s">
        <v>2795</v>
      </c>
      <c r="TGD736" s="424"/>
      <c r="TGE736" s="424"/>
      <c r="TGF736" s="424"/>
      <c r="TGG736" s="423" t="s">
        <v>2795</v>
      </c>
      <c r="TGH736" s="424"/>
      <c r="TGI736" s="424"/>
      <c r="TGJ736" s="424"/>
      <c r="TGK736" s="423" t="s">
        <v>2795</v>
      </c>
      <c r="TGL736" s="424"/>
      <c r="TGM736" s="424"/>
      <c r="TGN736" s="424"/>
      <c r="TGO736" s="423" t="s">
        <v>2795</v>
      </c>
      <c r="TGP736" s="424"/>
      <c r="TGQ736" s="424"/>
      <c r="TGR736" s="424"/>
      <c r="TGS736" s="423" t="s">
        <v>2795</v>
      </c>
      <c r="TGT736" s="424"/>
      <c r="TGU736" s="424"/>
      <c r="TGV736" s="424"/>
      <c r="TGW736" s="423" t="s">
        <v>2795</v>
      </c>
      <c r="TGX736" s="424"/>
      <c r="TGY736" s="424"/>
      <c r="TGZ736" s="424"/>
      <c r="THA736" s="423" t="s">
        <v>2795</v>
      </c>
      <c r="THB736" s="424"/>
      <c r="THC736" s="424"/>
      <c r="THD736" s="424"/>
      <c r="THE736" s="423" t="s">
        <v>2795</v>
      </c>
      <c r="THF736" s="424"/>
      <c r="THG736" s="424"/>
      <c r="THH736" s="424"/>
      <c r="THI736" s="423" t="s">
        <v>2795</v>
      </c>
      <c r="THJ736" s="424"/>
      <c r="THK736" s="424"/>
      <c r="THL736" s="424"/>
      <c r="THM736" s="423" t="s">
        <v>2795</v>
      </c>
      <c r="THN736" s="424"/>
      <c r="THO736" s="424"/>
      <c r="THP736" s="424"/>
      <c r="THQ736" s="423" t="s">
        <v>2795</v>
      </c>
      <c r="THR736" s="424"/>
      <c r="THS736" s="424"/>
      <c r="THT736" s="424"/>
      <c r="THU736" s="423" t="s">
        <v>2795</v>
      </c>
      <c r="THV736" s="424"/>
      <c r="THW736" s="424"/>
      <c r="THX736" s="424"/>
      <c r="THY736" s="423" t="s">
        <v>2795</v>
      </c>
      <c r="THZ736" s="424"/>
      <c r="TIA736" s="424"/>
      <c r="TIB736" s="424"/>
      <c r="TIC736" s="423" t="s">
        <v>2795</v>
      </c>
      <c r="TID736" s="424"/>
      <c r="TIE736" s="424"/>
      <c r="TIF736" s="424"/>
      <c r="TIG736" s="423" t="s">
        <v>2795</v>
      </c>
      <c r="TIH736" s="424"/>
      <c r="TII736" s="424"/>
      <c r="TIJ736" s="424"/>
      <c r="TIK736" s="423" t="s">
        <v>2795</v>
      </c>
      <c r="TIL736" s="424"/>
      <c r="TIM736" s="424"/>
      <c r="TIN736" s="424"/>
      <c r="TIO736" s="423" t="s">
        <v>2795</v>
      </c>
      <c r="TIP736" s="424"/>
      <c r="TIQ736" s="424"/>
      <c r="TIR736" s="424"/>
      <c r="TIS736" s="423" t="s">
        <v>2795</v>
      </c>
      <c r="TIT736" s="424"/>
      <c r="TIU736" s="424"/>
      <c r="TIV736" s="424"/>
      <c r="TIW736" s="423" t="s">
        <v>2795</v>
      </c>
      <c r="TIX736" s="424"/>
      <c r="TIY736" s="424"/>
      <c r="TIZ736" s="424"/>
      <c r="TJA736" s="423" t="s">
        <v>2795</v>
      </c>
      <c r="TJB736" s="424"/>
      <c r="TJC736" s="424"/>
      <c r="TJD736" s="424"/>
      <c r="TJE736" s="423" t="s">
        <v>2795</v>
      </c>
      <c r="TJF736" s="424"/>
      <c r="TJG736" s="424"/>
      <c r="TJH736" s="424"/>
      <c r="TJI736" s="423" t="s">
        <v>2795</v>
      </c>
      <c r="TJJ736" s="424"/>
      <c r="TJK736" s="424"/>
      <c r="TJL736" s="424"/>
      <c r="TJM736" s="423" t="s">
        <v>2795</v>
      </c>
      <c r="TJN736" s="424"/>
      <c r="TJO736" s="424"/>
      <c r="TJP736" s="424"/>
      <c r="TJQ736" s="423" t="s">
        <v>2795</v>
      </c>
      <c r="TJR736" s="424"/>
      <c r="TJS736" s="424"/>
      <c r="TJT736" s="424"/>
      <c r="TJU736" s="423" t="s">
        <v>2795</v>
      </c>
      <c r="TJV736" s="424"/>
      <c r="TJW736" s="424"/>
      <c r="TJX736" s="424"/>
      <c r="TJY736" s="423" t="s">
        <v>2795</v>
      </c>
      <c r="TJZ736" s="424"/>
      <c r="TKA736" s="424"/>
      <c r="TKB736" s="424"/>
      <c r="TKC736" s="423" t="s">
        <v>2795</v>
      </c>
      <c r="TKD736" s="424"/>
      <c r="TKE736" s="424"/>
      <c r="TKF736" s="424"/>
      <c r="TKG736" s="423" t="s">
        <v>2795</v>
      </c>
      <c r="TKH736" s="424"/>
      <c r="TKI736" s="424"/>
      <c r="TKJ736" s="424"/>
      <c r="TKK736" s="423" t="s">
        <v>2795</v>
      </c>
      <c r="TKL736" s="424"/>
      <c r="TKM736" s="424"/>
      <c r="TKN736" s="424"/>
      <c r="TKO736" s="423" t="s">
        <v>2795</v>
      </c>
      <c r="TKP736" s="424"/>
      <c r="TKQ736" s="424"/>
      <c r="TKR736" s="424"/>
      <c r="TKS736" s="423" t="s">
        <v>2795</v>
      </c>
      <c r="TKT736" s="424"/>
      <c r="TKU736" s="424"/>
      <c r="TKV736" s="424"/>
      <c r="TKW736" s="423" t="s">
        <v>2795</v>
      </c>
      <c r="TKX736" s="424"/>
      <c r="TKY736" s="424"/>
      <c r="TKZ736" s="424"/>
      <c r="TLA736" s="423" t="s">
        <v>2795</v>
      </c>
      <c r="TLB736" s="424"/>
      <c r="TLC736" s="424"/>
      <c r="TLD736" s="424"/>
      <c r="TLE736" s="423" t="s">
        <v>2795</v>
      </c>
      <c r="TLF736" s="424"/>
      <c r="TLG736" s="424"/>
      <c r="TLH736" s="424"/>
      <c r="TLI736" s="423" t="s">
        <v>2795</v>
      </c>
      <c r="TLJ736" s="424"/>
      <c r="TLK736" s="424"/>
      <c r="TLL736" s="424"/>
      <c r="TLM736" s="423" t="s">
        <v>2795</v>
      </c>
      <c r="TLN736" s="424"/>
      <c r="TLO736" s="424"/>
      <c r="TLP736" s="424"/>
      <c r="TLQ736" s="423" t="s">
        <v>2795</v>
      </c>
      <c r="TLR736" s="424"/>
      <c r="TLS736" s="424"/>
      <c r="TLT736" s="424"/>
      <c r="TLU736" s="423" t="s">
        <v>2795</v>
      </c>
      <c r="TLV736" s="424"/>
      <c r="TLW736" s="424"/>
      <c r="TLX736" s="424"/>
      <c r="TLY736" s="423" t="s">
        <v>2795</v>
      </c>
      <c r="TLZ736" s="424"/>
      <c r="TMA736" s="424"/>
      <c r="TMB736" s="424"/>
      <c r="TMC736" s="423" t="s">
        <v>2795</v>
      </c>
      <c r="TMD736" s="424"/>
      <c r="TME736" s="424"/>
      <c r="TMF736" s="424"/>
      <c r="TMG736" s="423" t="s">
        <v>2795</v>
      </c>
      <c r="TMH736" s="424"/>
      <c r="TMI736" s="424"/>
      <c r="TMJ736" s="424"/>
      <c r="TMK736" s="423" t="s">
        <v>2795</v>
      </c>
      <c r="TML736" s="424"/>
      <c r="TMM736" s="424"/>
      <c r="TMN736" s="424"/>
      <c r="TMO736" s="423" t="s">
        <v>2795</v>
      </c>
      <c r="TMP736" s="424"/>
      <c r="TMQ736" s="424"/>
      <c r="TMR736" s="424"/>
      <c r="TMS736" s="423" t="s">
        <v>2795</v>
      </c>
      <c r="TMT736" s="424"/>
      <c r="TMU736" s="424"/>
      <c r="TMV736" s="424"/>
      <c r="TMW736" s="423" t="s">
        <v>2795</v>
      </c>
      <c r="TMX736" s="424"/>
      <c r="TMY736" s="424"/>
      <c r="TMZ736" s="424"/>
      <c r="TNA736" s="423" t="s">
        <v>2795</v>
      </c>
      <c r="TNB736" s="424"/>
      <c r="TNC736" s="424"/>
      <c r="TND736" s="424"/>
      <c r="TNE736" s="423" t="s">
        <v>2795</v>
      </c>
      <c r="TNF736" s="424"/>
      <c r="TNG736" s="424"/>
      <c r="TNH736" s="424"/>
      <c r="TNI736" s="423" t="s">
        <v>2795</v>
      </c>
      <c r="TNJ736" s="424"/>
      <c r="TNK736" s="424"/>
      <c r="TNL736" s="424"/>
      <c r="TNM736" s="423" t="s">
        <v>2795</v>
      </c>
      <c r="TNN736" s="424"/>
      <c r="TNO736" s="424"/>
      <c r="TNP736" s="424"/>
      <c r="TNQ736" s="423" t="s">
        <v>2795</v>
      </c>
      <c r="TNR736" s="424"/>
      <c r="TNS736" s="424"/>
      <c r="TNT736" s="424"/>
      <c r="TNU736" s="423" t="s">
        <v>2795</v>
      </c>
      <c r="TNV736" s="424"/>
      <c r="TNW736" s="424"/>
      <c r="TNX736" s="424"/>
      <c r="TNY736" s="423" t="s">
        <v>2795</v>
      </c>
      <c r="TNZ736" s="424"/>
      <c r="TOA736" s="424"/>
      <c r="TOB736" s="424"/>
      <c r="TOC736" s="423" t="s">
        <v>2795</v>
      </c>
      <c r="TOD736" s="424"/>
      <c r="TOE736" s="424"/>
      <c r="TOF736" s="424"/>
      <c r="TOG736" s="423" t="s">
        <v>2795</v>
      </c>
      <c r="TOH736" s="424"/>
      <c r="TOI736" s="424"/>
      <c r="TOJ736" s="424"/>
      <c r="TOK736" s="423" t="s">
        <v>2795</v>
      </c>
      <c r="TOL736" s="424"/>
      <c r="TOM736" s="424"/>
      <c r="TON736" s="424"/>
      <c r="TOO736" s="423" t="s">
        <v>2795</v>
      </c>
      <c r="TOP736" s="424"/>
      <c r="TOQ736" s="424"/>
      <c r="TOR736" s="424"/>
      <c r="TOS736" s="423" t="s">
        <v>2795</v>
      </c>
      <c r="TOT736" s="424"/>
      <c r="TOU736" s="424"/>
      <c r="TOV736" s="424"/>
      <c r="TOW736" s="423" t="s">
        <v>2795</v>
      </c>
      <c r="TOX736" s="424"/>
      <c r="TOY736" s="424"/>
      <c r="TOZ736" s="424"/>
      <c r="TPA736" s="423" t="s">
        <v>2795</v>
      </c>
      <c r="TPB736" s="424"/>
      <c r="TPC736" s="424"/>
      <c r="TPD736" s="424"/>
      <c r="TPE736" s="423" t="s">
        <v>2795</v>
      </c>
      <c r="TPF736" s="424"/>
      <c r="TPG736" s="424"/>
      <c r="TPH736" s="424"/>
      <c r="TPI736" s="423" t="s">
        <v>2795</v>
      </c>
      <c r="TPJ736" s="424"/>
      <c r="TPK736" s="424"/>
      <c r="TPL736" s="424"/>
      <c r="TPM736" s="423" t="s">
        <v>2795</v>
      </c>
      <c r="TPN736" s="424"/>
      <c r="TPO736" s="424"/>
      <c r="TPP736" s="424"/>
      <c r="TPQ736" s="423" t="s">
        <v>2795</v>
      </c>
      <c r="TPR736" s="424"/>
      <c r="TPS736" s="424"/>
      <c r="TPT736" s="424"/>
      <c r="TPU736" s="423" t="s">
        <v>2795</v>
      </c>
      <c r="TPV736" s="424"/>
      <c r="TPW736" s="424"/>
      <c r="TPX736" s="424"/>
      <c r="TPY736" s="423" t="s">
        <v>2795</v>
      </c>
      <c r="TPZ736" s="424"/>
      <c r="TQA736" s="424"/>
      <c r="TQB736" s="424"/>
      <c r="TQC736" s="423" t="s">
        <v>2795</v>
      </c>
      <c r="TQD736" s="424"/>
      <c r="TQE736" s="424"/>
      <c r="TQF736" s="424"/>
      <c r="TQG736" s="423" t="s">
        <v>2795</v>
      </c>
      <c r="TQH736" s="424"/>
      <c r="TQI736" s="424"/>
      <c r="TQJ736" s="424"/>
      <c r="TQK736" s="423" t="s">
        <v>2795</v>
      </c>
      <c r="TQL736" s="424"/>
      <c r="TQM736" s="424"/>
      <c r="TQN736" s="424"/>
      <c r="TQO736" s="423" t="s">
        <v>2795</v>
      </c>
      <c r="TQP736" s="424"/>
      <c r="TQQ736" s="424"/>
      <c r="TQR736" s="424"/>
      <c r="TQS736" s="423" t="s">
        <v>2795</v>
      </c>
      <c r="TQT736" s="424"/>
      <c r="TQU736" s="424"/>
      <c r="TQV736" s="424"/>
      <c r="TQW736" s="423" t="s">
        <v>2795</v>
      </c>
      <c r="TQX736" s="424"/>
      <c r="TQY736" s="424"/>
      <c r="TQZ736" s="424"/>
      <c r="TRA736" s="423" t="s">
        <v>2795</v>
      </c>
      <c r="TRB736" s="424"/>
      <c r="TRC736" s="424"/>
      <c r="TRD736" s="424"/>
      <c r="TRE736" s="423" t="s">
        <v>2795</v>
      </c>
      <c r="TRF736" s="424"/>
      <c r="TRG736" s="424"/>
      <c r="TRH736" s="424"/>
      <c r="TRI736" s="423" t="s">
        <v>2795</v>
      </c>
      <c r="TRJ736" s="424"/>
      <c r="TRK736" s="424"/>
      <c r="TRL736" s="424"/>
      <c r="TRM736" s="423" t="s">
        <v>2795</v>
      </c>
      <c r="TRN736" s="424"/>
      <c r="TRO736" s="424"/>
      <c r="TRP736" s="424"/>
      <c r="TRQ736" s="423" t="s">
        <v>2795</v>
      </c>
      <c r="TRR736" s="424"/>
      <c r="TRS736" s="424"/>
      <c r="TRT736" s="424"/>
      <c r="TRU736" s="423" t="s">
        <v>2795</v>
      </c>
      <c r="TRV736" s="424"/>
      <c r="TRW736" s="424"/>
      <c r="TRX736" s="424"/>
      <c r="TRY736" s="423" t="s">
        <v>2795</v>
      </c>
      <c r="TRZ736" s="424"/>
      <c r="TSA736" s="424"/>
      <c r="TSB736" s="424"/>
      <c r="TSC736" s="423" t="s">
        <v>2795</v>
      </c>
      <c r="TSD736" s="424"/>
      <c r="TSE736" s="424"/>
      <c r="TSF736" s="424"/>
      <c r="TSG736" s="423" t="s">
        <v>2795</v>
      </c>
      <c r="TSH736" s="424"/>
      <c r="TSI736" s="424"/>
      <c r="TSJ736" s="424"/>
      <c r="TSK736" s="423" t="s">
        <v>2795</v>
      </c>
      <c r="TSL736" s="424"/>
      <c r="TSM736" s="424"/>
      <c r="TSN736" s="424"/>
      <c r="TSO736" s="423" t="s">
        <v>2795</v>
      </c>
      <c r="TSP736" s="424"/>
      <c r="TSQ736" s="424"/>
      <c r="TSR736" s="424"/>
      <c r="TSS736" s="423" t="s">
        <v>2795</v>
      </c>
      <c r="TST736" s="424"/>
      <c r="TSU736" s="424"/>
      <c r="TSV736" s="424"/>
      <c r="TSW736" s="423" t="s">
        <v>2795</v>
      </c>
      <c r="TSX736" s="424"/>
      <c r="TSY736" s="424"/>
      <c r="TSZ736" s="424"/>
      <c r="TTA736" s="423" t="s">
        <v>2795</v>
      </c>
      <c r="TTB736" s="424"/>
      <c r="TTC736" s="424"/>
      <c r="TTD736" s="424"/>
      <c r="TTE736" s="423" t="s">
        <v>2795</v>
      </c>
      <c r="TTF736" s="424"/>
      <c r="TTG736" s="424"/>
      <c r="TTH736" s="424"/>
      <c r="TTI736" s="423" t="s">
        <v>2795</v>
      </c>
      <c r="TTJ736" s="424"/>
      <c r="TTK736" s="424"/>
      <c r="TTL736" s="424"/>
      <c r="TTM736" s="423" t="s">
        <v>2795</v>
      </c>
      <c r="TTN736" s="424"/>
      <c r="TTO736" s="424"/>
      <c r="TTP736" s="424"/>
      <c r="TTQ736" s="423" t="s">
        <v>2795</v>
      </c>
      <c r="TTR736" s="424"/>
      <c r="TTS736" s="424"/>
      <c r="TTT736" s="424"/>
      <c r="TTU736" s="423" t="s">
        <v>2795</v>
      </c>
      <c r="TTV736" s="424"/>
      <c r="TTW736" s="424"/>
      <c r="TTX736" s="424"/>
      <c r="TTY736" s="423" t="s">
        <v>2795</v>
      </c>
      <c r="TTZ736" s="424"/>
      <c r="TUA736" s="424"/>
      <c r="TUB736" s="424"/>
      <c r="TUC736" s="423" t="s">
        <v>2795</v>
      </c>
      <c r="TUD736" s="424"/>
      <c r="TUE736" s="424"/>
      <c r="TUF736" s="424"/>
      <c r="TUG736" s="423" t="s">
        <v>2795</v>
      </c>
      <c r="TUH736" s="424"/>
      <c r="TUI736" s="424"/>
      <c r="TUJ736" s="424"/>
      <c r="TUK736" s="423" t="s">
        <v>2795</v>
      </c>
      <c r="TUL736" s="424"/>
      <c r="TUM736" s="424"/>
      <c r="TUN736" s="424"/>
      <c r="TUO736" s="423" t="s">
        <v>2795</v>
      </c>
      <c r="TUP736" s="424"/>
      <c r="TUQ736" s="424"/>
      <c r="TUR736" s="424"/>
      <c r="TUS736" s="423" t="s">
        <v>2795</v>
      </c>
      <c r="TUT736" s="424"/>
      <c r="TUU736" s="424"/>
      <c r="TUV736" s="424"/>
      <c r="TUW736" s="423" t="s">
        <v>2795</v>
      </c>
      <c r="TUX736" s="424"/>
      <c r="TUY736" s="424"/>
      <c r="TUZ736" s="424"/>
      <c r="TVA736" s="423" t="s">
        <v>2795</v>
      </c>
      <c r="TVB736" s="424"/>
      <c r="TVC736" s="424"/>
      <c r="TVD736" s="424"/>
      <c r="TVE736" s="423" t="s">
        <v>2795</v>
      </c>
      <c r="TVF736" s="424"/>
      <c r="TVG736" s="424"/>
      <c r="TVH736" s="424"/>
      <c r="TVI736" s="423" t="s">
        <v>2795</v>
      </c>
      <c r="TVJ736" s="424"/>
      <c r="TVK736" s="424"/>
      <c r="TVL736" s="424"/>
      <c r="TVM736" s="423" t="s">
        <v>2795</v>
      </c>
      <c r="TVN736" s="424"/>
      <c r="TVO736" s="424"/>
      <c r="TVP736" s="424"/>
      <c r="TVQ736" s="423" t="s">
        <v>2795</v>
      </c>
      <c r="TVR736" s="424"/>
      <c r="TVS736" s="424"/>
      <c r="TVT736" s="424"/>
      <c r="TVU736" s="423" t="s">
        <v>2795</v>
      </c>
      <c r="TVV736" s="424"/>
      <c r="TVW736" s="424"/>
      <c r="TVX736" s="424"/>
      <c r="TVY736" s="423" t="s">
        <v>2795</v>
      </c>
      <c r="TVZ736" s="424"/>
      <c r="TWA736" s="424"/>
      <c r="TWB736" s="424"/>
      <c r="TWC736" s="423" t="s">
        <v>2795</v>
      </c>
      <c r="TWD736" s="424"/>
      <c r="TWE736" s="424"/>
      <c r="TWF736" s="424"/>
      <c r="TWG736" s="423" t="s">
        <v>2795</v>
      </c>
      <c r="TWH736" s="424"/>
      <c r="TWI736" s="424"/>
      <c r="TWJ736" s="424"/>
      <c r="TWK736" s="423" t="s">
        <v>2795</v>
      </c>
      <c r="TWL736" s="424"/>
      <c r="TWM736" s="424"/>
      <c r="TWN736" s="424"/>
      <c r="TWO736" s="423" t="s">
        <v>2795</v>
      </c>
      <c r="TWP736" s="424"/>
      <c r="TWQ736" s="424"/>
      <c r="TWR736" s="424"/>
      <c r="TWS736" s="423" t="s">
        <v>2795</v>
      </c>
      <c r="TWT736" s="424"/>
      <c r="TWU736" s="424"/>
      <c r="TWV736" s="424"/>
      <c r="TWW736" s="423" t="s">
        <v>2795</v>
      </c>
      <c r="TWX736" s="424"/>
      <c r="TWY736" s="424"/>
      <c r="TWZ736" s="424"/>
      <c r="TXA736" s="423" t="s">
        <v>2795</v>
      </c>
      <c r="TXB736" s="424"/>
      <c r="TXC736" s="424"/>
      <c r="TXD736" s="424"/>
      <c r="TXE736" s="423" t="s">
        <v>2795</v>
      </c>
      <c r="TXF736" s="424"/>
      <c r="TXG736" s="424"/>
      <c r="TXH736" s="424"/>
      <c r="TXI736" s="423" t="s">
        <v>2795</v>
      </c>
      <c r="TXJ736" s="424"/>
      <c r="TXK736" s="424"/>
      <c r="TXL736" s="424"/>
      <c r="TXM736" s="423" t="s">
        <v>2795</v>
      </c>
      <c r="TXN736" s="424"/>
      <c r="TXO736" s="424"/>
      <c r="TXP736" s="424"/>
      <c r="TXQ736" s="423" t="s">
        <v>2795</v>
      </c>
      <c r="TXR736" s="424"/>
      <c r="TXS736" s="424"/>
      <c r="TXT736" s="424"/>
      <c r="TXU736" s="423" t="s">
        <v>2795</v>
      </c>
      <c r="TXV736" s="424"/>
      <c r="TXW736" s="424"/>
      <c r="TXX736" s="424"/>
      <c r="TXY736" s="423" t="s">
        <v>2795</v>
      </c>
      <c r="TXZ736" s="424"/>
      <c r="TYA736" s="424"/>
      <c r="TYB736" s="424"/>
      <c r="TYC736" s="423" t="s">
        <v>2795</v>
      </c>
      <c r="TYD736" s="424"/>
      <c r="TYE736" s="424"/>
      <c r="TYF736" s="424"/>
      <c r="TYG736" s="423" t="s">
        <v>2795</v>
      </c>
      <c r="TYH736" s="424"/>
      <c r="TYI736" s="424"/>
      <c r="TYJ736" s="424"/>
      <c r="TYK736" s="423" t="s">
        <v>2795</v>
      </c>
      <c r="TYL736" s="424"/>
      <c r="TYM736" s="424"/>
      <c r="TYN736" s="424"/>
      <c r="TYO736" s="423" t="s">
        <v>2795</v>
      </c>
      <c r="TYP736" s="424"/>
      <c r="TYQ736" s="424"/>
      <c r="TYR736" s="424"/>
      <c r="TYS736" s="423" t="s">
        <v>2795</v>
      </c>
      <c r="TYT736" s="424"/>
      <c r="TYU736" s="424"/>
      <c r="TYV736" s="424"/>
      <c r="TYW736" s="423" t="s">
        <v>2795</v>
      </c>
      <c r="TYX736" s="424"/>
      <c r="TYY736" s="424"/>
      <c r="TYZ736" s="424"/>
      <c r="TZA736" s="423" t="s">
        <v>2795</v>
      </c>
      <c r="TZB736" s="424"/>
      <c r="TZC736" s="424"/>
      <c r="TZD736" s="424"/>
      <c r="TZE736" s="423" t="s">
        <v>2795</v>
      </c>
      <c r="TZF736" s="424"/>
      <c r="TZG736" s="424"/>
      <c r="TZH736" s="424"/>
      <c r="TZI736" s="423" t="s">
        <v>2795</v>
      </c>
      <c r="TZJ736" s="424"/>
      <c r="TZK736" s="424"/>
      <c r="TZL736" s="424"/>
      <c r="TZM736" s="423" t="s">
        <v>2795</v>
      </c>
      <c r="TZN736" s="424"/>
      <c r="TZO736" s="424"/>
      <c r="TZP736" s="424"/>
      <c r="TZQ736" s="423" t="s">
        <v>2795</v>
      </c>
      <c r="TZR736" s="424"/>
      <c r="TZS736" s="424"/>
      <c r="TZT736" s="424"/>
      <c r="TZU736" s="423" t="s">
        <v>2795</v>
      </c>
      <c r="TZV736" s="424"/>
      <c r="TZW736" s="424"/>
      <c r="TZX736" s="424"/>
      <c r="TZY736" s="423" t="s">
        <v>2795</v>
      </c>
      <c r="TZZ736" s="424"/>
      <c r="UAA736" s="424"/>
      <c r="UAB736" s="424"/>
      <c r="UAC736" s="423" t="s">
        <v>2795</v>
      </c>
      <c r="UAD736" s="424"/>
      <c r="UAE736" s="424"/>
      <c r="UAF736" s="424"/>
      <c r="UAG736" s="423" t="s">
        <v>2795</v>
      </c>
      <c r="UAH736" s="424"/>
      <c r="UAI736" s="424"/>
      <c r="UAJ736" s="424"/>
      <c r="UAK736" s="423" t="s">
        <v>2795</v>
      </c>
      <c r="UAL736" s="424"/>
      <c r="UAM736" s="424"/>
      <c r="UAN736" s="424"/>
      <c r="UAO736" s="423" t="s">
        <v>2795</v>
      </c>
      <c r="UAP736" s="424"/>
      <c r="UAQ736" s="424"/>
      <c r="UAR736" s="424"/>
      <c r="UAS736" s="423" t="s">
        <v>2795</v>
      </c>
      <c r="UAT736" s="424"/>
      <c r="UAU736" s="424"/>
      <c r="UAV736" s="424"/>
      <c r="UAW736" s="423" t="s">
        <v>2795</v>
      </c>
      <c r="UAX736" s="424"/>
      <c r="UAY736" s="424"/>
      <c r="UAZ736" s="424"/>
      <c r="UBA736" s="423" t="s">
        <v>2795</v>
      </c>
      <c r="UBB736" s="424"/>
      <c r="UBC736" s="424"/>
      <c r="UBD736" s="424"/>
      <c r="UBE736" s="423" t="s">
        <v>2795</v>
      </c>
      <c r="UBF736" s="424"/>
      <c r="UBG736" s="424"/>
      <c r="UBH736" s="424"/>
      <c r="UBI736" s="423" t="s">
        <v>2795</v>
      </c>
      <c r="UBJ736" s="424"/>
      <c r="UBK736" s="424"/>
      <c r="UBL736" s="424"/>
      <c r="UBM736" s="423" t="s">
        <v>2795</v>
      </c>
      <c r="UBN736" s="424"/>
      <c r="UBO736" s="424"/>
      <c r="UBP736" s="424"/>
      <c r="UBQ736" s="423" t="s">
        <v>2795</v>
      </c>
      <c r="UBR736" s="424"/>
      <c r="UBS736" s="424"/>
      <c r="UBT736" s="424"/>
      <c r="UBU736" s="423" t="s">
        <v>2795</v>
      </c>
      <c r="UBV736" s="424"/>
      <c r="UBW736" s="424"/>
      <c r="UBX736" s="424"/>
      <c r="UBY736" s="423" t="s">
        <v>2795</v>
      </c>
      <c r="UBZ736" s="424"/>
      <c r="UCA736" s="424"/>
      <c r="UCB736" s="424"/>
      <c r="UCC736" s="423" t="s">
        <v>2795</v>
      </c>
      <c r="UCD736" s="424"/>
      <c r="UCE736" s="424"/>
      <c r="UCF736" s="424"/>
      <c r="UCG736" s="423" t="s">
        <v>2795</v>
      </c>
      <c r="UCH736" s="424"/>
      <c r="UCI736" s="424"/>
      <c r="UCJ736" s="424"/>
      <c r="UCK736" s="423" t="s">
        <v>2795</v>
      </c>
      <c r="UCL736" s="424"/>
      <c r="UCM736" s="424"/>
      <c r="UCN736" s="424"/>
      <c r="UCO736" s="423" t="s">
        <v>2795</v>
      </c>
      <c r="UCP736" s="424"/>
      <c r="UCQ736" s="424"/>
      <c r="UCR736" s="424"/>
      <c r="UCS736" s="423" t="s">
        <v>2795</v>
      </c>
      <c r="UCT736" s="424"/>
      <c r="UCU736" s="424"/>
      <c r="UCV736" s="424"/>
      <c r="UCW736" s="423" t="s">
        <v>2795</v>
      </c>
      <c r="UCX736" s="424"/>
      <c r="UCY736" s="424"/>
      <c r="UCZ736" s="424"/>
      <c r="UDA736" s="423" t="s">
        <v>2795</v>
      </c>
      <c r="UDB736" s="424"/>
      <c r="UDC736" s="424"/>
      <c r="UDD736" s="424"/>
      <c r="UDE736" s="423" t="s">
        <v>2795</v>
      </c>
      <c r="UDF736" s="424"/>
      <c r="UDG736" s="424"/>
      <c r="UDH736" s="424"/>
      <c r="UDI736" s="423" t="s">
        <v>2795</v>
      </c>
      <c r="UDJ736" s="424"/>
      <c r="UDK736" s="424"/>
      <c r="UDL736" s="424"/>
      <c r="UDM736" s="423" t="s">
        <v>2795</v>
      </c>
      <c r="UDN736" s="424"/>
      <c r="UDO736" s="424"/>
      <c r="UDP736" s="424"/>
      <c r="UDQ736" s="423" t="s">
        <v>2795</v>
      </c>
      <c r="UDR736" s="424"/>
      <c r="UDS736" s="424"/>
      <c r="UDT736" s="424"/>
      <c r="UDU736" s="423" t="s">
        <v>2795</v>
      </c>
      <c r="UDV736" s="424"/>
      <c r="UDW736" s="424"/>
      <c r="UDX736" s="424"/>
      <c r="UDY736" s="423" t="s">
        <v>2795</v>
      </c>
      <c r="UDZ736" s="424"/>
      <c r="UEA736" s="424"/>
      <c r="UEB736" s="424"/>
      <c r="UEC736" s="423" t="s">
        <v>2795</v>
      </c>
      <c r="UED736" s="424"/>
      <c r="UEE736" s="424"/>
      <c r="UEF736" s="424"/>
      <c r="UEG736" s="423" t="s">
        <v>2795</v>
      </c>
      <c r="UEH736" s="424"/>
      <c r="UEI736" s="424"/>
      <c r="UEJ736" s="424"/>
      <c r="UEK736" s="423" t="s">
        <v>2795</v>
      </c>
      <c r="UEL736" s="424"/>
      <c r="UEM736" s="424"/>
      <c r="UEN736" s="424"/>
      <c r="UEO736" s="423" t="s">
        <v>2795</v>
      </c>
      <c r="UEP736" s="424"/>
      <c r="UEQ736" s="424"/>
      <c r="UER736" s="424"/>
      <c r="UES736" s="423" t="s">
        <v>2795</v>
      </c>
      <c r="UET736" s="424"/>
      <c r="UEU736" s="424"/>
      <c r="UEV736" s="424"/>
      <c r="UEW736" s="423" t="s">
        <v>2795</v>
      </c>
      <c r="UEX736" s="424"/>
      <c r="UEY736" s="424"/>
      <c r="UEZ736" s="424"/>
      <c r="UFA736" s="423" t="s">
        <v>2795</v>
      </c>
      <c r="UFB736" s="424"/>
      <c r="UFC736" s="424"/>
      <c r="UFD736" s="424"/>
      <c r="UFE736" s="423" t="s">
        <v>2795</v>
      </c>
      <c r="UFF736" s="424"/>
      <c r="UFG736" s="424"/>
      <c r="UFH736" s="424"/>
      <c r="UFI736" s="423" t="s">
        <v>2795</v>
      </c>
      <c r="UFJ736" s="424"/>
      <c r="UFK736" s="424"/>
      <c r="UFL736" s="424"/>
      <c r="UFM736" s="423" t="s">
        <v>2795</v>
      </c>
      <c r="UFN736" s="424"/>
      <c r="UFO736" s="424"/>
      <c r="UFP736" s="424"/>
      <c r="UFQ736" s="423" t="s">
        <v>2795</v>
      </c>
      <c r="UFR736" s="424"/>
      <c r="UFS736" s="424"/>
      <c r="UFT736" s="424"/>
      <c r="UFU736" s="423" t="s">
        <v>2795</v>
      </c>
      <c r="UFV736" s="424"/>
      <c r="UFW736" s="424"/>
      <c r="UFX736" s="424"/>
      <c r="UFY736" s="423" t="s">
        <v>2795</v>
      </c>
      <c r="UFZ736" s="424"/>
      <c r="UGA736" s="424"/>
      <c r="UGB736" s="424"/>
      <c r="UGC736" s="423" t="s">
        <v>2795</v>
      </c>
      <c r="UGD736" s="424"/>
      <c r="UGE736" s="424"/>
      <c r="UGF736" s="424"/>
      <c r="UGG736" s="423" t="s">
        <v>2795</v>
      </c>
      <c r="UGH736" s="424"/>
      <c r="UGI736" s="424"/>
      <c r="UGJ736" s="424"/>
      <c r="UGK736" s="423" t="s">
        <v>2795</v>
      </c>
      <c r="UGL736" s="424"/>
      <c r="UGM736" s="424"/>
      <c r="UGN736" s="424"/>
      <c r="UGO736" s="423" t="s">
        <v>2795</v>
      </c>
      <c r="UGP736" s="424"/>
      <c r="UGQ736" s="424"/>
      <c r="UGR736" s="424"/>
      <c r="UGS736" s="423" t="s">
        <v>2795</v>
      </c>
      <c r="UGT736" s="424"/>
      <c r="UGU736" s="424"/>
      <c r="UGV736" s="424"/>
      <c r="UGW736" s="423" t="s">
        <v>2795</v>
      </c>
      <c r="UGX736" s="424"/>
      <c r="UGY736" s="424"/>
      <c r="UGZ736" s="424"/>
      <c r="UHA736" s="423" t="s">
        <v>2795</v>
      </c>
      <c r="UHB736" s="424"/>
      <c r="UHC736" s="424"/>
      <c r="UHD736" s="424"/>
      <c r="UHE736" s="423" t="s">
        <v>2795</v>
      </c>
      <c r="UHF736" s="424"/>
      <c r="UHG736" s="424"/>
      <c r="UHH736" s="424"/>
      <c r="UHI736" s="423" t="s">
        <v>2795</v>
      </c>
      <c r="UHJ736" s="424"/>
      <c r="UHK736" s="424"/>
      <c r="UHL736" s="424"/>
      <c r="UHM736" s="423" t="s">
        <v>2795</v>
      </c>
      <c r="UHN736" s="424"/>
      <c r="UHO736" s="424"/>
      <c r="UHP736" s="424"/>
      <c r="UHQ736" s="423" t="s">
        <v>2795</v>
      </c>
      <c r="UHR736" s="424"/>
      <c r="UHS736" s="424"/>
      <c r="UHT736" s="424"/>
      <c r="UHU736" s="423" t="s">
        <v>2795</v>
      </c>
      <c r="UHV736" s="424"/>
      <c r="UHW736" s="424"/>
      <c r="UHX736" s="424"/>
      <c r="UHY736" s="423" t="s">
        <v>2795</v>
      </c>
      <c r="UHZ736" s="424"/>
      <c r="UIA736" s="424"/>
      <c r="UIB736" s="424"/>
      <c r="UIC736" s="423" t="s">
        <v>2795</v>
      </c>
      <c r="UID736" s="424"/>
      <c r="UIE736" s="424"/>
      <c r="UIF736" s="424"/>
      <c r="UIG736" s="423" t="s">
        <v>2795</v>
      </c>
      <c r="UIH736" s="424"/>
      <c r="UII736" s="424"/>
      <c r="UIJ736" s="424"/>
      <c r="UIK736" s="423" t="s">
        <v>2795</v>
      </c>
      <c r="UIL736" s="424"/>
      <c r="UIM736" s="424"/>
      <c r="UIN736" s="424"/>
      <c r="UIO736" s="423" t="s">
        <v>2795</v>
      </c>
      <c r="UIP736" s="424"/>
      <c r="UIQ736" s="424"/>
      <c r="UIR736" s="424"/>
      <c r="UIS736" s="423" t="s">
        <v>2795</v>
      </c>
      <c r="UIT736" s="424"/>
      <c r="UIU736" s="424"/>
      <c r="UIV736" s="424"/>
      <c r="UIW736" s="423" t="s">
        <v>2795</v>
      </c>
      <c r="UIX736" s="424"/>
      <c r="UIY736" s="424"/>
      <c r="UIZ736" s="424"/>
      <c r="UJA736" s="423" t="s">
        <v>2795</v>
      </c>
      <c r="UJB736" s="424"/>
      <c r="UJC736" s="424"/>
      <c r="UJD736" s="424"/>
      <c r="UJE736" s="423" t="s">
        <v>2795</v>
      </c>
      <c r="UJF736" s="424"/>
      <c r="UJG736" s="424"/>
      <c r="UJH736" s="424"/>
      <c r="UJI736" s="423" t="s">
        <v>2795</v>
      </c>
      <c r="UJJ736" s="424"/>
      <c r="UJK736" s="424"/>
      <c r="UJL736" s="424"/>
      <c r="UJM736" s="423" t="s">
        <v>2795</v>
      </c>
      <c r="UJN736" s="424"/>
      <c r="UJO736" s="424"/>
      <c r="UJP736" s="424"/>
      <c r="UJQ736" s="423" t="s">
        <v>2795</v>
      </c>
      <c r="UJR736" s="424"/>
      <c r="UJS736" s="424"/>
      <c r="UJT736" s="424"/>
      <c r="UJU736" s="423" t="s">
        <v>2795</v>
      </c>
      <c r="UJV736" s="424"/>
      <c r="UJW736" s="424"/>
      <c r="UJX736" s="424"/>
      <c r="UJY736" s="423" t="s">
        <v>2795</v>
      </c>
      <c r="UJZ736" s="424"/>
      <c r="UKA736" s="424"/>
      <c r="UKB736" s="424"/>
      <c r="UKC736" s="423" t="s">
        <v>2795</v>
      </c>
      <c r="UKD736" s="424"/>
      <c r="UKE736" s="424"/>
      <c r="UKF736" s="424"/>
      <c r="UKG736" s="423" t="s">
        <v>2795</v>
      </c>
      <c r="UKH736" s="424"/>
      <c r="UKI736" s="424"/>
      <c r="UKJ736" s="424"/>
      <c r="UKK736" s="423" t="s">
        <v>2795</v>
      </c>
      <c r="UKL736" s="424"/>
      <c r="UKM736" s="424"/>
      <c r="UKN736" s="424"/>
      <c r="UKO736" s="423" t="s">
        <v>2795</v>
      </c>
      <c r="UKP736" s="424"/>
      <c r="UKQ736" s="424"/>
      <c r="UKR736" s="424"/>
      <c r="UKS736" s="423" t="s">
        <v>2795</v>
      </c>
      <c r="UKT736" s="424"/>
      <c r="UKU736" s="424"/>
      <c r="UKV736" s="424"/>
      <c r="UKW736" s="423" t="s">
        <v>2795</v>
      </c>
      <c r="UKX736" s="424"/>
      <c r="UKY736" s="424"/>
      <c r="UKZ736" s="424"/>
      <c r="ULA736" s="423" t="s">
        <v>2795</v>
      </c>
      <c r="ULB736" s="424"/>
      <c r="ULC736" s="424"/>
      <c r="ULD736" s="424"/>
      <c r="ULE736" s="423" t="s">
        <v>2795</v>
      </c>
      <c r="ULF736" s="424"/>
      <c r="ULG736" s="424"/>
      <c r="ULH736" s="424"/>
      <c r="ULI736" s="423" t="s">
        <v>2795</v>
      </c>
      <c r="ULJ736" s="424"/>
      <c r="ULK736" s="424"/>
      <c r="ULL736" s="424"/>
      <c r="ULM736" s="423" t="s">
        <v>2795</v>
      </c>
      <c r="ULN736" s="424"/>
      <c r="ULO736" s="424"/>
      <c r="ULP736" s="424"/>
      <c r="ULQ736" s="423" t="s">
        <v>2795</v>
      </c>
      <c r="ULR736" s="424"/>
      <c r="ULS736" s="424"/>
      <c r="ULT736" s="424"/>
      <c r="ULU736" s="423" t="s">
        <v>2795</v>
      </c>
      <c r="ULV736" s="424"/>
      <c r="ULW736" s="424"/>
      <c r="ULX736" s="424"/>
      <c r="ULY736" s="423" t="s">
        <v>2795</v>
      </c>
      <c r="ULZ736" s="424"/>
      <c r="UMA736" s="424"/>
      <c r="UMB736" s="424"/>
      <c r="UMC736" s="423" t="s">
        <v>2795</v>
      </c>
      <c r="UMD736" s="424"/>
      <c r="UME736" s="424"/>
      <c r="UMF736" s="424"/>
      <c r="UMG736" s="423" t="s">
        <v>2795</v>
      </c>
      <c r="UMH736" s="424"/>
      <c r="UMI736" s="424"/>
      <c r="UMJ736" s="424"/>
      <c r="UMK736" s="423" t="s">
        <v>2795</v>
      </c>
      <c r="UML736" s="424"/>
      <c r="UMM736" s="424"/>
      <c r="UMN736" s="424"/>
      <c r="UMO736" s="423" t="s">
        <v>2795</v>
      </c>
      <c r="UMP736" s="424"/>
      <c r="UMQ736" s="424"/>
      <c r="UMR736" s="424"/>
      <c r="UMS736" s="423" t="s">
        <v>2795</v>
      </c>
      <c r="UMT736" s="424"/>
      <c r="UMU736" s="424"/>
      <c r="UMV736" s="424"/>
      <c r="UMW736" s="423" t="s">
        <v>2795</v>
      </c>
      <c r="UMX736" s="424"/>
      <c r="UMY736" s="424"/>
      <c r="UMZ736" s="424"/>
      <c r="UNA736" s="423" t="s">
        <v>2795</v>
      </c>
      <c r="UNB736" s="424"/>
      <c r="UNC736" s="424"/>
      <c r="UND736" s="424"/>
      <c r="UNE736" s="423" t="s">
        <v>2795</v>
      </c>
      <c r="UNF736" s="424"/>
      <c r="UNG736" s="424"/>
      <c r="UNH736" s="424"/>
      <c r="UNI736" s="423" t="s">
        <v>2795</v>
      </c>
      <c r="UNJ736" s="424"/>
      <c r="UNK736" s="424"/>
      <c r="UNL736" s="424"/>
      <c r="UNM736" s="423" t="s">
        <v>2795</v>
      </c>
      <c r="UNN736" s="424"/>
      <c r="UNO736" s="424"/>
      <c r="UNP736" s="424"/>
      <c r="UNQ736" s="423" t="s">
        <v>2795</v>
      </c>
      <c r="UNR736" s="424"/>
      <c r="UNS736" s="424"/>
      <c r="UNT736" s="424"/>
      <c r="UNU736" s="423" t="s">
        <v>2795</v>
      </c>
      <c r="UNV736" s="424"/>
      <c r="UNW736" s="424"/>
      <c r="UNX736" s="424"/>
      <c r="UNY736" s="423" t="s">
        <v>2795</v>
      </c>
      <c r="UNZ736" s="424"/>
      <c r="UOA736" s="424"/>
      <c r="UOB736" s="424"/>
      <c r="UOC736" s="423" t="s">
        <v>2795</v>
      </c>
      <c r="UOD736" s="424"/>
      <c r="UOE736" s="424"/>
      <c r="UOF736" s="424"/>
      <c r="UOG736" s="423" t="s">
        <v>2795</v>
      </c>
      <c r="UOH736" s="424"/>
      <c r="UOI736" s="424"/>
      <c r="UOJ736" s="424"/>
      <c r="UOK736" s="423" t="s">
        <v>2795</v>
      </c>
      <c r="UOL736" s="424"/>
      <c r="UOM736" s="424"/>
      <c r="UON736" s="424"/>
      <c r="UOO736" s="423" t="s">
        <v>2795</v>
      </c>
      <c r="UOP736" s="424"/>
      <c r="UOQ736" s="424"/>
      <c r="UOR736" s="424"/>
      <c r="UOS736" s="423" t="s">
        <v>2795</v>
      </c>
      <c r="UOT736" s="424"/>
      <c r="UOU736" s="424"/>
      <c r="UOV736" s="424"/>
      <c r="UOW736" s="423" t="s">
        <v>2795</v>
      </c>
      <c r="UOX736" s="424"/>
      <c r="UOY736" s="424"/>
      <c r="UOZ736" s="424"/>
      <c r="UPA736" s="423" t="s">
        <v>2795</v>
      </c>
      <c r="UPB736" s="424"/>
      <c r="UPC736" s="424"/>
      <c r="UPD736" s="424"/>
      <c r="UPE736" s="423" t="s">
        <v>2795</v>
      </c>
      <c r="UPF736" s="424"/>
      <c r="UPG736" s="424"/>
      <c r="UPH736" s="424"/>
      <c r="UPI736" s="423" t="s">
        <v>2795</v>
      </c>
      <c r="UPJ736" s="424"/>
      <c r="UPK736" s="424"/>
      <c r="UPL736" s="424"/>
      <c r="UPM736" s="423" t="s">
        <v>2795</v>
      </c>
      <c r="UPN736" s="424"/>
      <c r="UPO736" s="424"/>
      <c r="UPP736" s="424"/>
      <c r="UPQ736" s="423" t="s">
        <v>2795</v>
      </c>
      <c r="UPR736" s="424"/>
      <c r="UPS736" s="424"/>
      <c r="UPT736" s="424"/>
      <c r="UPU736" s="423" t="s">
        <v>2795</v>
      </c>
      <c r="UPV736" s="424"/>
      <c r="UPW736" s="424"/>
      <c r="UPX736" s="424"/>
      <c r="UPY736" s="423" t="s">
        <v>2795</v>
      </c>
      <c r="UPZ736" s="424"/>
      <c r="UQA736" s="424"/>
      <c r="UQB736" s="424"/>
      <c r="UQC736" s="423" t="s">
        <v>2795</v>
      </c>
      <c r="UQD736" s="424"/>
      <c r="UQE736" s="424"/>
      <c r="UQF736" s="424"/>
      <c r="UQG736" s="423" t="s">
        <v>2795</v>
      </c>
      <c r="UQH736" s="424"/>
      <c r="UQI736" s="424"/>
      <c r="UQJ736" s="424"/>
      <c r="UQK736" s="423" t="s">
        <v>2795</v>
      </c>
      <c r="UQL736" s="424"/>
      <c r="UQM736" s="424"/>
      <c r="UQN736" s="424"/>
      <c r="UQO736" s="423" t="s">
        <v>2795</v>
      </c>
      <c r="UQP736" s="424"/>
      <c r="UQQ736" s="424"/>
      <c r="UQR736" s="424"/>
      <c r="UQS736" s="423" t="s">
        <v>2795</v>
      </c>
      <c r="UQT736" s="424"/>
      <c r="UQU736" s="424"/>
      <c r="UQV736" s="424"/>
      <c r="UQW736" s="423" t="s">
        <v>2795</v>
      </c>
      <c r="UQX736" s="424"/>
      <c r="UQY736" s="424"/>
      <c r="UQZ736" s="424"/>
      <c r="URA736" s="423" t="s">
        <v>2795</v>
      </c>
      <c r="URB736" s="424"/>
      <c r="URC736" s="424"/>
      <c r="URD736" s="424"/>
      <c r="URE736" s="423" t="s">
        <v>2795</v>
      </c>
      <c r="URF736" s="424"/>
      <c r="URG736" s="424"/>
      <c r="URH736" s="424"/>
      <c r="URI736" s="423" t="s">
        <v>2795</v>
      </c>
      <c r="URJ736" s="424"/>
      <c r="URK736" s="424"/>
      <c r="URL736" s="424"/>
      <c r="URM736" s="423" t="s">
        <v>2795</v>
      </c>
      <c r="URN736" s="424"/>
      <c r="URO736" s="424"/>
      <c r="URP736" s="424"/>
      <c r="URQ736" s="423" t="s">
        <v>2795</v>
      </c>
      <c r="URR736" s="424"/>
      <c r="URS736" s="424"/>
      <c r="URT736" s="424"/>
      <c r="URU736" s="423" t="s">
        <v>2795</v>
      </c>
      <c r="URV736" s="424"/>
      <c r="URW736" s="424"/>
      <c r="URX736" s="424"/>
      <c r="URY736" s="423" t="s">
        <v>2795</v>
      </c>
      <c r="URZ736" s="424"/>
      <c r="USA736" s="424"/>
      <c r="USB736" s="424"/>
      <c r="USC736" s="423" t="s">
        <v>2795</v>
      </c>
      <c r="USD736" s="424"/>
      <c r="USE736" s="424"/>
      <c r="USF736" s="424"/>
      <c r="USG736" s="423" t="s">
        <v>2795</v>
      </c>
      <c r="USH736" s="424"/>
      <c r="USI736" s="424"/>
      <c r="USJ736" s="424"/>
      <c r="USK736" s="423" t="s">
        <v>2795</v>
      </c>
      <c r="USL736" s="424"/>
      <c r="USM736" s="424"/>
      <c r="USN736" s="424"/>
      <c r="USO736" s="423" t="s">
        <v>2795</v>
      </c>
      <c r="USP736" s="424"/>
      <c r="USQ736" s="424"/>
      <c r="USR736" s="424"/>
      <c r="USS736" s="423" t="s">
        <v>2795</v>
      </c>
      <c r="UST736" s="424"/>
      <c r="USU736" s="424"/>
      <c r="USV736" s="424"/>
      <c r="USW736" s="423" t="s">
        <v>2795</v>
      </c>
      <c r="USX736" s="424"/>
      <c r="USY736" s="424"/>
      <c r="USZ736" s="424"/>
      <c r="UTA736" s="423" t="s">
        <v>2795</v>
      </c>
      <c r="UTB736" s="424"/>
      <c r="UTC736" s="424"/>
      <c r="UTD736" s="424"/>
      <c r="UTE736" s="423" t="s">
        <v>2795</v>
      </c>
      <c r="UTF736" s="424"/>
      <c r="UTG736" s="424"/>
      <c r="UTH736" s="424"/>
      <c r="UTI736" s="423" t="s">
        <v>2795</v>
      </c>
      <c r="UTJ736" s="424"/>
      <c r="UTK736" s="424"/>
      <c r="UTL736" s="424"/>
      <c r="UTM736" s="423" t="s">
        <v>2795</v>
      </c>
      <c r="UTN736" s="424"/>
      <c r="UTO736" s="424"/>
      <c r="UTP736" s="424"/>
      <c r="UTQ736" s="423" t="s">
        <v>2795</v>
      </c>
      <c r="UTR736" s="424"/>
      <c r="UTS736" s="424"/>
      <c r="UTT736" s="424"/>
      <c r="UTU736" s="423" t="s">
        <v>2795</v>
      </c>
      <c r="UTV736" s="424"/>
      <c r="UTW736" s="424"/>
      <c r="UTX736" s="424"/>
      <c r="UTY736" s="423" t="s">
        <v>2795</v>
      </c>
      <c r="UTZ736" s="424"/>
      <c r="UUA736" s="424"/>
      <c r="UUB736" s="424"/>
      <c r="UUC736" s="423" t="s">
        <v>2795</v>
      </c>
      <c r="UUD736" s="424"/>
      <c r="UUE736" s="424"/>
      <c r="UUF736" s="424"/>
      <c r="UUG736" s="423" t="s">
        <v>2795</v>
      </c>
      <c r="UUH736" s="424"/>
      <c r="UUI736" s="424"/>
      <c r="UUJ736" s="424"/>
      <c r="UUK736" s="423" t="s">
        <v>2795</v>
      </c>
      <c r="UUL736" s="424"/>
      <c r="UUM736" s="424"/>
      <c r="UUN736" s="424"/>
      <c r="UUO736" s="423" t="s">
        <v>2795</v>
      </c>
      <c r="UUP736" s="424"/>
      <c r="UUQ736" s="424"/>
      <c r="UUR736" s="424"/>
      <c r="UUS736" s="423" t="s">
        <v>2795</v>
      </c>
      <c r="UUT736" s="424"/>
      <c r="UUU736" s="424"/>
      <c r="UUV736" s="424"/>
      <c r="UUW736" s="423" t="s">
        <v>2795</v>
      </c>
      <c r="UUX736" s="424"/>
      <c r="UUY736" s="424"/>
      <c r="UUZ736" s="424"/>
      <c r="UVA736" s="423" t="s">
        <v>2795</v>
      </c>
      <c r="UVB736" s="424"/>
      <c r="UVC736" s="424"/>
      <c r="UVD736" s="424"/>
      <c r="UVE736" s="423" t="s">
        <v>2795</v>
      </c>
      <c r="UVF736" s="424"/>
      <c r="UVG736" s="424"/>
      <c r="UVH736" s="424"/>
      <c r="UVI736" s="423" t="s">
        <v>2795</v>
      </c>
      <c r="UVJ736" s="424"/>
      <c r="UVK736" s="424"/>
      <c r="UVL736" s="424"/>
      <c r="UVM736" s="423" t="s">
        <v>2795</v>
      </c>
      <c r="UVN736" s="424"/>
      <c r="UVO736" s="424"/>
      <c r="UVP736" s="424"/>
      <c r="UVQ736" s="423" t="s">
        <v>2795</v>
      </c>
      <c r="UVR736" s="424"/>
      <c r="UVS736" s="424"/>
      <c r="UVT736" s="424"/>
      <c r="UVU736" s="423" t="s">
        <v>2795</v>
      </c>
      <c r="UVV736" s="424"/>
      <c r="UVW736" s="424"/>
      <c r="UVX736" s="424"/>
      <c r="UVY736" s="423" t="s">
        <v>2795</v>
      </c>
      <c r="UVZ736" s="424"/>
      <c r="UWA736" s="424"/>
      <c r="UWB736" s="424"/>
      <c r="UWC736" s="423" t="s">
        <v>2795</v>
      </c>
      <c r="UWD736" s="424"/>
      <c r="UWE736" s="424"/>
      <c r="UWF736" s="424"/>
      <c r="UWG736" s="423" t="s">
        <v>2795</v>
      </c>
      <c r="UWH736" s="424"/>
      <c r="UWI736" s="424"/>
      <c r="UWJ736" s="424"/>
      <c r="UWK736" s="423" t="s">
        <v>2795</v>
      </c>
      <c r="UWL736" s="424"/>
      <c r="UWM736" s="424"/>
      <c r="UWN736" s="424"/>
      <c r="UWO736" s="423" t="s">
        <v>2795</v>
      </c>
      <c r="UWP736" s="424"/>
      <c r="UWQ736" s="424"/>
      <c r="UWR736" s="424"/>
      <c r="UWS736" s="423" t="s">
        <v>2795</v>
      </c>
      <c r="UWT736" s="424"/>
      <c r="UWU736" s="424"/>
      <c r="UWV736" s="424"/>
      <c r="UWW736" s="423" t="s">
        <v>2795</v>
      </c>
      <c r="UWX736" s="424"/>
      <c r="UWY736" s="424"/>
      <c r="UWZ736" s="424"/>
      <c r="UXA736" s="423" t="s">
        <v>2795</v>
      </c>
      <c r="UXB736" s="424"/>
      <c r="UXC736" s="424"/>
      <c r="UXD736" s="424"/>
      <c r="UXE736" s="423" t="s">
        <v>2795</v>
      </c>
      <c r="UXF736" s="424"/>
      <c r="UXG736" s="424"/>
      <c r="UXH736" s="424"/>
      <c r="UXI736" s="423" t="s">
        <v>2795</v>
      </c>
      <c r="UXJ736" s="424"/>
      <c r="UXK736" s="424"/>
      <c r="UXL736" s="424"/>
      <c r="UXM736" s="423" t="s">
        <v>2795</v>
      </c>
      <c r="UXN736" s="424"/>
      <c r="UXO736" s="424"/>
      <c r="UXP736" s="424"/>
      <c r="UXQ736" s="423" t="s">
        <v>2795</v>
      </c>
      <c r="UXR736" s="424"/>
      <c r="UXS736" s="424"/>
      <c r="UXT736" s="424"/>
      <c r="UXU736" s="423" t="s">
        <v>2795</v>
      </c>
      <c r="UXV736" s="424"/>
      <c r="UXW736" s="424"/>
      <c r="UXX736" s="424"/>
      <c r="UXY736" s="423" t="s">
        <v>2795</v>
      </c>
      <c r="UXZ736" s="424"/>
      <c r="UYA736" s="424"/>
      <c r="UYB736" s="424"/>
      <c r="UYC736" s="423" t="s">
        <v>2795</v>
      </c>
      <c r="UYD736" s="424"/>
      <c r="UYE736" s="424"/>
      <c r="UYF736" s="424"/>
      <c r="UYG736" s="423" t="s">
        <v>2795</v>
      </c>
      <c r="UYH736" s="424"/>
      <c r="UYI736" s="424"/>
      <c r="UYJ736" s="424"/>
      <c r="UYK736" s="423" t="s">
        <v>2795</v>
      </c>
      <c r="UYL736" s="424"/>
      <c r="UYM736" s="424"/>
      <c r="UYN736" s="424"/>
      <c r="UYO736" s="423" t="s">
        <v>2795</v>
      </c>
      <c r="UYP736" s="424"/>
      <c r="UYQ736" s="424"/>
      <c r="UYR736" s="424"/>
      <c r="UYS736" s="423" t="s">
        <v>2795</v>
      </c>
      <c r="UYT736" s="424"/>
      <c r="UYU736" s="424"/>
      <c r="UYV736" s="424"/>
      <c r="UYW736" s="423" t="s">
        <v>2795</v>
      </c>
      <c r="UYX736" s="424"/>
      <c r="UYY736" s="424"/>
      <c r="UYZ736" s="424"/>
      <c r="UZA736" s="423" t="s">
        <v>2795</v>
      </c>
      <c r="UZB736" s="424"/>
      <c r="UZC736" s="424"/>
      <c r="UZD736" s="424"/>
      <c r="UZE736" s="423" t="s">
        <v>2795</v>
      </c>
      <c r="UZF736" s="424"/>
      <c r="UZG736" s="424"/>
      <c r="UZH736" s="424"/>
      <c r="UZI736" s="423" t="s">
        <v>2795</v>
      </c>
      <c r="UZJ736" s="424"/>
      <c r="UZK736" s="424"/>
      <c r="UZL736" s="424"/>
      <c r="UZM736" s="423" t="s">
        <v>2795</v>
      </c>
      <c r="UZN736" s="424"/>
      <c r="UZO736" s="424"/>
      <c r="UZP736" s="424"/>
      <c r="UZQ736" s="423" t="s">
        <v>2795</v>
      </c>
      <c r="UZR736" s="424"/>
      <c r="UZS736" s="424"/>
      <c r="UZT736" s="424"/>
      <c r="UZU736" s="423" t="s">
        <v>2795</v>
      </c>
      <c r="UZV736" s="424"/>
      <c r="UZW736" s="424"/>
      <c r="UZX736" s="424"/>
      <c r="UZY736" s="423" t="s">
        <v>2795</v>
      </c>
      <c r="UZZ736" s="424"/>
      <c r="VAA736" s="424"/>
      <c r="VAB736" s="424"/>
      <c r="VAC736" s="423" t="s">
        <v>2795</v>
      </c>
      <c r="VAD736" s="424"/>
      <c r="VAE736" s="424"/>
      <c r="VAF736" s="424"/>
      <c r="VAG736" s="423" t="s">
        <v>2795</v>
      </c>
      <c r="VAH736" s="424"/>
      <c r="VAI736" s="424"/>
      <c r="VAJ736" s="424"/>
      <c r="VAK736" s="423" t="s">
        <v>2795</v>
      </c>
      <c r="VAL736" s="424"/>
      <c r="VAM736" s="424"/>
      <c r="VAN736" s="424"/>
      <c r="VAO736" s="423" t="s">
        <v>2795</v>
      </c>
      <c r="VAP736" s="424"/>
      <c r="VAQ736" s="424"/>
      <c r="VAR736" s="424"/>
      <c r="VAS736" s="423" t="s">
        <v>2795</v>
      </c>
      <c r="VAT736" s="424"/>
      <c r="VAU736" s="424"/>
      <c r="VAV736" s="424"/>
      <c r="VAW736" s="423" t="s">
        <v>2795</v>
      </c>
      <c r="VAX736" s="424"/>
      <c r="VAY736" s="424"/>
      <c r="VAZ736" s="424"/>
      <c r="VBA736" s="423" t="s">
        <v>2795</v>
      </c>
      <c r="VBB736" s="424"/>
      <c r="VBC736" s="424"/>
      <c r="VBD736" s="424"/>
      <c r="VBE736" s="423" t="s">
        <v>2795</v>
      </c>
      <c r="VBF736" s="424"/>
      <c r="VBG736" s="424"/>
      <c r="VBH736" s="424"/>
      <c r="VBI736" s="423" t="s">
        <v>2795</v>
      </c>
      <c r="VBJ736" s="424"/>
      <c r="VBK736" s="424"/>
      <c r="VBL736" s="424"/>
      <c r="VBM736" s="423" t="s">
        <v>2795</v>
      </c>
      <c r="VBN736" s="424"/>
      <c r="VBO736" s="424"/>
      <c r="VBP736" s="424"/>
      <c r="VBQ736" s="423" t="s">
        <v>2795</v>
      </c>
      <c r="VBR736" s="424"/>
      <c r="VBS736" s="424"/>
      <c r="VBT736" s="424"/>
      <c r="VBU736" s="423" t="s">
        <v>2795</v>
      </c>
      <c r="VBV736" s="424"/>
      <c r="VBW736" s="424"/>
      <c r="VBX736" s="424"/>
      <c r="VBY736" s="423" t="s">
        <v>2795</v>
      </c>
      <c r="VBZ736" s="424"/>
      <c r="VCA736" s="424"/>
      <c r="VCB736" s="424"/>
      <c r="VCC736" s="423" t="s">
        <v>2795</v>
      </c>
      <c r="VCD736" s="424"/>
      <c r="VCE736" s="424"/>
      <c r="VCF736" s="424"/>
      <c r="VCG736" s="423" t="s">
        <v>2795</v>
      </c>
      <c r="VCH736" s="424"/>
      <c r="VCI736" s="424"/>
      <c r="VCJ736" s="424"/>
      <c r="VCK736" s="423" t="s">
        <v>2795</v>
      </c>
      <c r="VCL736" s="424"/>
      <c r="VCM736" s="424"/>
      <c r="VCN736" s="424"/>
      <c r="VCO736" s="423" t="s">
        <v>2795</v>
      </c>
      <c r="VCP736" s="424"/>
      <c r="VCQ736" s="424"/>
      <c r="VCR736" s="424"/>
      <c r="VCS736" s="423" t="s">
        <v>2795</v>
      </c>
      <c r="VCT736" s="424"/>
      <c r="VCU736" s="424"/>
      <c r="VCV736" s="424"/>
      <c r="VCW736" s="423" t="s">
        <v>2795</v>
      </c>
      <c r="VCX736" s="424"/>
      <c r="VCY736" s="424"/>
      <c r="VCZ736" s="424"/>
      <c r="VDA736" s="423" t="s">
        <v>2795</v>
      </c>
      <c r="VDB736" s="424"/>
      <c r="VDC736" s="424"/>
      <c r="VDD736" s="424"/>
      <c r="VDE736" s="423" t="s">
        <v>2795</v>
      </c>
      <c r="VDF736" s="424"/>
      <c r="VDG736" s="424"/>
      <c r="VDH736" s="424"/>
      <c r="VDI736" s="423" t="s">
        <v>2795</v>
      </c>
      <c r="VDJ736" s="424"/>
      <c r="VDK736" s="424"/>
      <c r="VDL736" s="424"/>
      <c r="VDM736" s="423" t="s">
        <v>2795</v>
      </c>
      <c r="VDN736" s="424"/>
      <c r="VDO736" s="424"/>
      <c r="VDP736" s="424"/>
      <c r="VDQ736" s="423" t="s">
        <v>2795</v>
      </c>
      <c r="VDR736" s="424"/>
      <c r="VDS736" s="424"/>
      <c r="VDT736" s="424"/>
      <c r="VDU736" s="423" t="s">
        <v>2795</v>
      </c>
      <c r="VDV736" s="424"/>
      <c r="VDW736" s="424"/>
      <c r="VDX736" s="424"/>
      <c r="VDY736" s="423" t="s">
        <v>2795</v>
      </c>
      <c r="VDZ736" s="424"/>
      <c r="VEA736" s="424"/>
      <c r="VEB736" s="424"/>
      <c r="VEC736" s="423" t="s">
        <v>2795</v>
      </c>
      <c r="VED736" s="424"/>
      <c r="VEE736" s="424"/>
      <c r="VEF736" s="424"/>
      <c r="VEG736" s="423" t="s">
        <v>2795</v>
      </c>
      <c r="VEH736" s="424"/>
      <c r="VEI736" s="424"/>
      <c r="VEJ736" s="424"/>
      <c r="VEK736" s="423" t="s">
        <v>2795</v>
      </c>
      <c r="VEL736" s="424"/>
      <c r="VEM736" s="424"/>
      <c r="VEN736" s="424"/>
      <c r="VEO736" s="423" t="s">
        <v>2795</v>
      </c>
      <c r="VEP736" s="424"/>
      <c r="VEQ736" s="424"/>
      <c r="VER736" s="424"/>
      <c r="VES736" s="423" t="s">
        <v>2795</v>
      </c>
      <c r="VET736" s="424"/>
      <c r="VEU736" s="424"/>
      <c r="VEV736" s="424"/>
      <c r="VEW736" s="423" t="s">
        <v>2795</v>
      </c>
      <c r="VEX736" s="424"/>
      <c r="VEY736" s="424"/>
      <c r="VEZ736" s="424"/>
      <c r="VFA736" s="423" t="s">
        <v>2795</v>
      </c>
      <c r="VFB736" s="424"/>
      <c r="VFC736" s="424"/>
      <c r="VFD736" s="424"/>
      <c r="VFE736" s="423" t="s">
        <v>2795</v>
      </c>
      <c r="VFF736" s="424"/>
      <c r="VFG736" s="424"/>
      <c r="VFH736" s="424"/>
      <c r="VFI736" s="423" t="s">
        <v>2795</v>
      </c>
      <c r="VFJ736" s="424"/>
      <c r="VFK736" s="424"/>
      <c r="VFL736" s="424"/>
      <c r="VFM736" s="423" t="s">
        <v>2795</v>
      </c>
      <c r="VFN736" s="424"/>
      <c r="VFO736" s="424"/>
      <c r="VFP736" s="424"/>
      <c r="VFQ736" s="423" t="s">
        <v>2795</v>
      </c>
      <c r="VFR736" s="424"/>
      <c r="VFS736" s="424"/>
      <c r="VFT736" s="424"/>
      <c r="VFU736" s="423" t="s">
        <v>2795</v>
      </c>
      <c r="VFV736" s="424"/>
      <c r="VFW736" s="424"/>
      <c r="VFX736" s="424"/>
      <c r="VFY736" s="423" t="s">
        <v>2795</v>
      </c>
      <c r="VFZ736" s="424"/>
      <c r="VGA736" s="424"/>
      <c r="VGB736" s="424"/>
      <c r="VGC736" s="423" t="s">
        <v>2795</v>
      </c>
      <c r="VGD736" s="424"/>
      <c r="VGE736" s="424"/>
      <c r="VGF736" s="424"/>
      <c r="VGG736" s="423" t="s">
        <v>2795</v>
      </c>
      <c r="VGH736" s="424"/>
      <c r="VGI736" s="424"/>
      <c r="VGJ736" s="424"/>
      <c r="VGK736" s="423" t="s">
        <v>2795</v>
      </c>
      <c r="VGL736" s="424"/>
      <c r="VGM736" s="424"/>
      <c r="VGN736" s="424"/>
      <c r="VGO736" s="423" t="s">
        <v>2795</v>
      </c>
      <c r="VGP736" s="424"/>
      <c r="VGQ736" s="424"/>
      <c r="VGR736" s="424"/>
      <c r="VGS736" s="423" t="s">
        <v>2795</v>
      </c>
      <c r="VGT736" s="424"/>
      <c r="VGU736" s="424"/>
      <c r="VGV736" s="424"/>
      <c r="VGW736" s="423" t="s">
        <v>2795</v>
      </c>
      <c r="VGX736" s="424"/>
      <c r="VGY736" s="424"/>
      <c r="VGZ736" s="424"/>
      <c r="VHA736" s="423" t="s">
        <v>2795</v>
      </c>
      <c r="VHB736" s="424"/>
      <c r="VHC736" s="424"/>
      <c r="VHD736" s="424"/>
      <c r="VHE736" s="423" t="s">
        <v>2795</v>
      </c>
      <c r="VHF736" s="424"/>
      <c r="VHG736" s="424"/>
      <c r="VHH736" s="424"/>
      <c r="VHI736" s="423" t="s">
        <v>2795</v>
      </c>
      <c r="VHJ736" s="424"/>
      <c r="VHK736" s="424"/>
      <c r="VHL736" s="424"/>
      <c r="VHM736" s="423" t="s">
        <v>2795</v>
      </c>
      <c r="VHN736" s="424"/>
      <c r="VHO736" s="424"/>
      <c r="VHP736" s="424"/>
      <c r="VHQ736" s="423" t="s">
        <v>2795</v>
      </c>
      <c r="VHR736" s="424"/>
      <c r="VHS736" s="424"/>
      <c r="VHT736" s="424"/>
      <c r="VHU736" s="423" t="s">
        <v>2795</v>
      </c>
      <c r="VHV736" s="424"/>
      <c r="VHW736" s="424"/>
      <c r="VHX736" s="424"/>
      <c r="VHY736" s="423" t="s">
        <v>2795</v>
      </c>
      <c r="VHZ736" s="424"/>
      <c r="VIA736" s="424"/>
      <c r="VIB736" s="424"/>
      <c r="VIC736" s="423" t="s">
        <v>2795</v>
      </c>
      <c r="VID736" s="424"/>
      <c r="VIE736" s="424"/>
      <c r="VIF736" s="424"/>
      <c r="VIG736" s="423" t="s">
        <v>2795</v>
      </c>
      <c r="VIH736" s="424"/>
      <c r="VII736" s="424"/>
      <c r="VIJ736" s="424"/>
      <c r="VIK736" s="423" t="s">
        <v>2795</v>
      </c>
      <c r="VIL736" s="424"/>
      <c r="VIM736" s="424"/>
      <c r="VIN736" s="424"/>
      <c r="VIO736" s="423" t="s">
        <v>2795</v>
      </c>
      <c r="VIP736" s="424"/>
      <c r="VIQ736" s="424"/>
      <c r="VIR736" s="424"/>
      <c r="VIS736" s="423" t="s">
        <v>2795</v>
      </c>
      <c r="VIT736" s="424"/>
      <c r="VIU736" s="424"/>
      <c r="VIV736" s="424"/>
      <c r="VIW736" s="423" t="s">
        <v>2795</v>
      </c>
      <c r="VIX736" s="424"/>
      <c r="VIY736" s="424"/>
      <c r="VIZ736" s="424"/>
      <c r="VJA736" s="423" t="s">
        <v>2795</v>
      </c>
      <c r="VJB736" s="424"/>
      <c r="VJC736" s="424"/>
      <c r="VJD736" s="424"/>
      <c r="VJE736" s="423" t="s">
        <v>2795</v>
      </c>
      <c r="VJF736" s="424"/>
      <c r="VJG736" s="424"/>
      <c r="VJH736" s="424"/>
      <c r="VJI736" s="423" t="s">
        <v>2795</v>
      </c>
      <c r="VJJ736" s="424"/>
      <c r="VJK736" s="424"/>
      <c r="VJL736" s="424"/>
      <c r="VJM736" s="423" t="s">
        <v>2795</v>
      </c>
      <c r="VJN736" s="424"/>
      <c r="VJO736" s="424"/>
      <c r="VJP736" s="424"/>
      <c r="VJQ736" s="423" t="s">
        <v>2795</v>
      </c>
      <c r="VJR736" s="424"/>
      <c r="VJS736" s="424"/>
      <c r="VJT736" s="424"/>
      <c r="VJU736" s="423" t="s">
        <v>2795</v>
      </c>
      <c r="VJV736" s="424"/>
      <c r="VJW736" s="424"/>
      <c r="VJX736" s="424"/>
      <c r="VJY736" s="423" t="s">
        <v>2795</v>
      </c>
      <c r="VJZ736" s="424"/>
      <c r="VKA736" s="424"/>
      <c r="VKB736" s="424"/>
      <c r="VKC736" s="423" t="s">
        <v>2795</v>
      </c>
      <c r="VKD736" s="424"/>
      <c r="VKE736" s="424"/>
      <c r="VKF736" s="424"/>
      <c r="VKG736" s="423" t="s">
        <v>2795</v>
      </c>
      <c r="VKH736" s="424"/>
      <c r="VKI736" s="424"/>
      <c r="VKJ736" s="424"/>
      <c r="VKK736" s="423" t="s">
        <v>2795</v>
      </c>
      <c r="VKL736" s="424"/>
      <c r="VKM736" s="424"/>
      <c r="VKN736" s="424"/>
      <c r="VKO736" s="423" t="s">
        <v>2795</v>
      </c>
      <c r="VKP736" s="424"/>
      <c r="VKQ736" s="424"/>
      <c r="VKR736" s="424"/>
      <c r="VKS736" s="423" t="s">
        <v>2795</v>
      </c>
      <c r="VKT736" s="424"/>
      <c r="VKU736" s="424"/>
      <c r="VKV736" s="424"/>
      <c r="VKW736" s="423" t="s">
        <v>2795</v>
      </c>
      <c r="VKX736" s="424"/>
      <c r="VKY736" s="424"/>
      <c r="VKZ736" s="424"/>
      <c r="VLA736" s="423" t="s">
        <v>2795</v>
      </c>
      <c r="VLB736" s="424"/>
      <c r="VLC736" s="424"/>
      <c r="VLD736" s="424"/>
      <c r="VLE736" s="423" t="s">
        <v>2795</v>
      </c>
      <c r="VLF736" s="424"/>
      <c r="VLG736" s="424"/>
      <c r="VLH736" s="424"/>
      <c r="VLI736" s="423" t="s">
        <v>2795</v>
      </c>
      <c r="VLJ736" s="424"/>
      <c r="VLK736" s="424"/>
      <c r="VLL736" s="424"/>
      <c r="VLM736" s="423" t="s">
        <v>2795</v>
      </c>
      <c r="VLN736" s="424"/>
      <c r="VLO736" s="424"/>
      <c r="VLP736" s="424"/>
      <c r="VLQ736" s="423" t="s">
        <v>2795</v>
      </c>
      <c r="VLR736" s="424"/>
      <c r="VLS736" s="424"/>
      <c r="VLT736" s="424"/>
      <c r="VLU736" s="423" t="s">
        <v>2795</v>
      </c>
      <c r="VLV736" s="424"/>
      <c r="VLW736" s="424"/>
      <c r="VLX736" s="424"/>
      <c r="VLY736" s="423" t="s">
        <v>2795</v>
      </c>
      <c r="VLZ736" s="424"/>
      <c r="VMA736" s="424"/>
      <c r="VMB736" s="424"/>
      <c r="VMC736" s="423" t="s">
        <v>2795</v>
      </c>
      <c r="VMD736" s="424"/>
      <c r="VME736" s="424"/>
      <c r="VMF736" s="424"/>
      <c r="VMG736" s="423" t="s">
        <v>2795</v>
      </c>
      <c r="VMH736" s="424"/>
      <c r="VMI736" s="424"/>
      <c r="VMJ736" s="424"/>
      <c r="VMK736" s="423" t="s">
        <v>2795</v>
      </c>
      <c r="VML736" s="424"/>
      <c r="VMM736" s="424"/>
      <c r="VMN736" s="424"/>
      <c r="VMO736" s="423" t="s">
        <v>2795</v>
      </c>
      <c r="VMP736" s="424"/>
      <c r="VMQ736" s="424"/>
      <c r="VMR736" s="424"/>
      <c r="VMS736" s="423" t="s">
        <v>2795</v>
      </c>
      <c r="VMT736" s="424"/>
      <c r="VMU736" s="424"/>
      <c r="VMV736" s="424"/>
      <c r="VMW736" s="423" t="s">
        <v>2795</v>
      </c>
      <c r="VMX736" s="424"/>
      <c r="VMY736" s="424"/>
      <c r="VMZ736" s="424"/>
      <c r="VNA736" s="423" t="s">
        <v>2795</v>
      </c>
      <c r="VNB736" s="424"/>
      <c r="VNC736" s="424"/>
      <c r="VND736" s="424"/>
      <c r="VNE736" s="423" t="s">
        <v>2795</v>
      </c>
      <c r="VNF736" s="424"/>
      <c r="VNG736" s="424"/>
      <c r="VNH736" s="424"/>
      <c r="VNI736" s="423" t="s">
        <v>2795</v>
      </c>
      <c r="VNJ736" s="424"/>
      <c r="VNK736" s="424"/>
      <c r="VNL736" s="424"/>
      <c r="VNM736" s="423" t="s">
        <v>2795</v>
      </c>
      <c r="VNN736" s="424"/>
      <c r="VNO736" s="424"/>
      <c r="VNP736" s="424"/>
      <c r="VNQ736" s="423" t="s">
        <v>2795</v>
      </c>
      <c r="VNR736" s="424"/>
      <c r="VNS736" s="424"/>
      <c r="VNT736" s="424"/>
      <c r="VNU736" s="423" t="s">
        <v>2795</v>
      </c>
      <c r="VNV736" s="424"/>
      <c r="VNW736" s="424"/>
      <c r="VNX736" s="424"/>
      <c r="VNY736" s="423" t="s">
        <v>2795</v>
      </c>
      <c r="VNZ736" s="424"/>
      <c r="VOA736" s="424"/>
      <c r="VOB736" s="424"/>
      <c r="VOC736" s="423" t="s">
        <v>2795</v>
      </c>
      <c r="VOD736" s="424"/>
      <c r="VOE736" s="424"/>
      <c r="VOF736" s="424"/>
      <c r="VOG736" s="423" t="s">
        <v>2795</v>
      </c>
      <c r="VOH736" s="424"/>
      <c r="VOI736" s="424"/>
      <c r="VOJ736" s="424"/>
      <c r="VOK736" s="423" t="s">
        <v>2795</v>
      </c>
      <c r="VOL736" s="424"/>
      <c r="VOM736" s="424"/>
      <c r="VON736" s="424"/>
      <c r="VOO736" s="423" t="s">
        <v>2795</v>
      </c>
      <c r="VOP736" s="424"/>
      <c r="VOQ736" s="424"/>
      <c r="VOR736" s="424"/>
      <c r="VOS736" s="423" t="s">
        <v>2795</v>
      </c>
      <c r="VOT736" s="424"/>
      <c r="VOU736" s="424"/>
      <c r="VOV736" s="424"/>
      <c r="VOW736" s="423" t="s">
        <v>2795</v>
      </c>
      <c r="VOX736" s="424"/>
      <c r="VOY736" s="424"/>
      <c r="VOZ736" s="424"/>
      <c r="VPA736" s="423" t="s">
        <v>2795</v>
      </c>
      <c r="VPB736" s="424"/>
      <c r="VPC736" s="424"/>
      <c r="VPD736" s="424"/>
      <c r="VPE736" s="423" t="s">
        <v>2795</v>
      </c>
      <c r="VPF736" s="424"/>
      <c r="VPG736" s="424"/>
      <c r="VPH736" s="424"/>
      <c r="VPI736" s="423" t="s">
        <v>2795</v>
      </c>
      <c r="VPJ736" s="424"/>
      <c r="VPK736" s="424"/>
      <c r="VPL736" s="424"/>
      <c r="VPM736" s="423" t="s">
        <v>2795</v>
      </c>
      <c r="VPN736" s="424"/>
      <c r="VPO736" s="424"/>
      <c r="VPP736" s="424"/>
      <c r="VPQ736" s="423" t="s">
        <v>2795</v>
      </c>
      <c r="VPR736" s="424"/>
      <c r="VPS736" s="424"/>
      <c r="VPT736" s="424"/>
      <c r="VPU736" s="423" t="s">
        <v>2795</v>
      </c>
      <c r="VPV736" s="424"/>
      <c r="VPW736" s="424"/>
      <c r="VPX736" s="424"/>
      <c r="VPY736" s="423" t="s">
        <v>2795</v>
      </c>
      <c r="VPZ736" s="424"/>
      <c r="VQA736" s="424"/>
      <c r="VQB736" s="424"/>
      <c r="VQC736" s="423" t="s">
        <v>2795</v>
      </c>
      <c r="VQD736" s="424"/>
      <c r="VQE736" s="424"/>
      <c r="VQF736" s="424"/>
      <c r="VQG736" s="423" t="s">
        <v>2795</v>
      </c>
      <c r="VQH736" s="424"/>
      <c r="VQI736" s="424"/>
      <c r="VQJ736" s="424"/>
      <c r="VQK736" s="423" t="s">
        <v>2795</v>
      </c>
      <c r="VQL736" s="424"/>
      <c r="VQM736" s="424"/>
      <c r="VQN736" s="424"/>
      <c r="VQO736" s="423" t="s">
        <v>2795</v>
      </c>
      <c r="VQP736" s="424"/>
      <c r="VQQ736" s="424"/>
      <c r="VQR736" s="424"/>
      <c r="VQS736" s="423" t="s">
        <v>2795</v>
      </c>
      <c r="VQT736" s="424"/>
      <c r="VQU736" s="424"/>
      <c r="VQV736" s="424"/>
      <c r="VQW736" s="423" t="s">
        <v>2795</v>
      </c>
      <c r="VQX736" s="424"/>
      <c r="VQY736" s="424"/>
      <c r="VQZ736" s="424"/>
      <c r="VRA736" s="423" t="s">
        <v>2795</v>
      </c>
      <c r="VRB736" s="424"/>
      <c r="VRC736" s="424"/>
      <c r="VRD736" s="424"/>
      <c r="VRE736" s="423" t="s">
        <v>2795</v>
      </c>
      <c r="VRF736" s="424"/>
      <c r="VRG736" s="424"/>
      <c r="VRH736" s="424"/>
      <c r="VRI736" s="423" t="s">
        <v>2795</v>
      </c>
      <c r="VRJ736" s="424"/>
      <c r="VRK736" s="424"/>
      <c r="VRL736" s="424"/>
      <c r="VRM736" s="423" t="s">
        <v>2795</v>
      </c>
      <c r="VRN736" s="424"/>
      <c r="VRO736" s="424"/>
      <c r="VRP736" s="424"/>
      <c r="VRQ736" s="423" t="s">
        <v>2795</v>
      </c>
      <c r="VRR736" s="424"/>
      <c r="VRS736" s="424"/>
      <c r="VRT736" s="424"/>
      <c r="VRU736" s="423" t="s">
        <v>2795</v>
      </c>
      <c r="VRV736" s="424"/>
      <c r="VRW736" s="424"/>
      <c r="VRX736" s="424"/>
      <c r="VRY736" s="423" t="s">
        <v>2795</v>
      </c>
      <c r="VRZ736" s="424"/>
      <c r="VSA736" s="424"/>
      <c r="VSB736" s="424"/>
      <c r="VSC736" s="423" t="s">
        <v>2795</v>
      </c>
      <c r="VSD736" s="424"/>
      <c r="VSE736" s="424"/>
      <c r="VSF736" s="424"/>
      <c r="VSG736" s="423" t="s">
        <v>2795</v>
      </c>
      <c r="VSH736" s="424"/>
      <c r="VSI736" s="424"/>
      <c r="VSJ736" s="424"/>
      <c r="VSK736" s="423" t="s">
        <v>2795</v>
      </c>
      <c r="VSL736" s="424"/>
      <c r="VSM736" s="424"/>
      <c r="VSN736" s="424"/>
      <c r="VSO736" s="423" t="s">
        <v>2795</v>
      </c>
      <c r="VSP736" s="424"/>
      <c r="VSQ736" s="424"/>
      <c r="VSR736" s="424"/>
      <c r="VSS736" s="423" t="s">
        <v>2795</v>
      </c>
      <c r="VST736" s="424"/>
      <c r="VSU736" s="424"/>
      <c r="VSV736" s="424"/>
      <c r="VSW736" s="423" t="s">
        <v>2795</v>
      </c>
      <c r="VSX736" s="424"/>
      <c r="VSY736" s="424"/>
      <c r="VSZ736" s="424"/>
      <c r="VTA736" s="423" t="s">
        <v>2795</v>
      </c>
      <c r="VTB736" s="424"/>
      <c r="VTC736" s="424"/>
      <c r="VTD736" s="424"/>
      <c r="VTE736" s="423" t="s">
        <v>2795</v>
      </c>
      <c r="VTF736" s="424"/>
      <c r="VTG736" s="424"/>
      <c r="VTH736" s="424"/>
      <c r="VTI736" s="423" t="s">
        <v>2795</v>
      </c>
      <c r="VTJ736" s="424"/>
      <c r="VTK736" s="424"/>
      <c r="VTL736" s="424"/>
      <c r="VTM736" s="423" t="s">
        <v>2795</v>
      </c>
      <c r="VTN736" s="424"/>
      <c r="VTO736" s="424"/>
      <c r="VTP736" s="424"/>
      <c r="VTQ736" s="423" t="s">
        <v>2795</v>
      </c>
      <c r="VTR736" s="424"/>
      <c r="VTS736" s="424"/>
      <c r="VTT736" s="424"/>
      <c r="VTU736" s="423" t="s">
        <v>2795</v>
      </c>
      <c r="VTV736" s="424"/>
      <c r="VTW736" s="424"/>
      <c r="VTX736" s="424"/>
      <c r="VTY736" s="423" t="s">
        <v>2795</v>
      </c>
      <c r="VTZ736" s="424"/>
      <c r="VUA736" s="424"/>
      <c r="VUB736" s="424"/>
      <c r="VUC736" s="423" t="s">
        <v>2795</v>
      </c>
      <c r="VUD736" s="424"/>
      <c r="VUE736" s="424"/>
      <c r="VUF736" s="424"/>
      <c r="VUG736" s="423" t="s">
        <v>2795</v>
      </c>
      <c r="VUH736" s="424"/>
      <c r="VUI736" s="424"/>
      <c r="VUJ736" s="424"/>
      <c r="VUK736" s="423" t="s">
        <v>2795</v>
      </c>
      <c r="VUL736" s="424"/>
      <c r="VUM736" s="424"/>
      <c r="VUN736" s="424"/>
      <c r="VUO736" s="423" t="s">
        <v>2795</v>
      </c>
      <c r="VUP736" s="424"/>
      <c r="VUQ736" s="424"/>
      <c r="VUR736" s="424"/>
      <c r="VUS736" s="423" t="s">
        <v>2795</v>
      </c>
      <c r="VUT736" s="424"/>
      <c r="VUU736" s="424"/>
      <c r="VUV736" s="424"/>
      <c r="VUW736" s="423" t="s">
        <v>2795</v>
      </c>
      <c r="VUX736" s="424"/>
      <c r="VUY736" s="424"/>
      <c r="VUZ736" s="424"/>
      <c r="VVA736" s="423" t="s">
        <v>2795</v>
      </c>
      <c r="VVB736" s="424"/>
      <c r="VVC736" s="424"/>
      <c r="VVD736" s="424"/>
      <c r="VVE736" s="423" t="s">
        <v>2795</v>
      </c>
      <c r="VVF736" s="424"/>
      <c r="VVG736" s="424"/>
      <c r="VVH736" s="424"/>
      <c r="VVI736" s="423" t="s">
        <v>2795</v>
      </c>
      <c r="VVJ736" s="424"/>
      <c r="VVK736" s="424"/>
      <c r="VVL736" s="424"/>
      <c r="VVM736" s="423" t="s">
        <v>2795</v>
      </c>
      <c r="VVN736" s="424"/>
      <c r="VVO736" s="424"/>
      <c r="VVP736" s="424"/>
      <c r="VVQ736" s="423" t="s">
        <v>2795</v>
      </c>
      <c r="VVR736" s="424"/>
      <c r="VVS736" s="424"/>
      <c r="VVT736" s="424"/>
      <c r="VVU736" s="423" t="s">
        <v>2795</v>
      </c>
      <c r="VVV736" s="424"/>
      <c r="VVW736" s="424"/>
      <c r="VVX736" s="424"/>
      <c r="VVY736" s="423" t="s">
        <v>2795</v>
      </c>
      <c r="VVZ736" s="424"/>
      <c r="VWA736" s="424"/>
      <c r="VWB736" s="424"/>
      <c r="VWC736" s="423" t="s">
        <v>2795</v>
      </c>
      <c r="VWD736" s="424"/>
      <c r="VWE736" s="424"/>
      <c r="VWF736" s="424"/>
      <c r="VWG736" s="423" t="s">
        <v>2795</v>
      </c>
      <c r="VWH736" s="424"/>
      <c r="VWI736" s="424"/>
      <c r="VWJ736" s="424"/>
      <c r="VWK736" s="423" t="s">
        <v>2795</v>
      </c>
      <c r="VWL736" s="424"/>
      <c r="VWM736" s="424"/>
      <c r="VWN736" s="424"/>
      <c r="VWO736" s="423" t="s">
        <v>2795</v>
      </c>
      <c r="VWP736" s="424"/>
      <c r="VWQ736" s="424"/>
      <c r="VWR736" s="424"/>
      <c r="VWS736" s="423" t="s">
        <v>2795</v>
      </c>
      <c r="VWT736" s="424"/>
      <c r="VWU736" s="424"/>
      <c r="VWV736" s="424"/>
      <c r="VWW736" s="423" t="s">
        <v>2795</v>
      </c>
      <c r="VWX736" s="424"/>
      <c r="VWY736" s="424"/>
      <c r="VWZ736" s="424"/>
      <c r="VXA736" s="423" t="s">
        <v>2795</v>
      </c>
      <c r="VXB736" s="424"/>
      <c r="VXC736" s="424"/>
      <c r="VXD736" s="424"/>
      <c r="VXE736" s="423" t="s">
        <v>2795</v>
      </c>
      <c r="VXF736" s="424"/>
      <c r="VXG736" s="424"/>
      <c r="VXH736" s="424"/>
      <c r="VXI736" s="423" t="s">
        <v>2795</v>
      </c>
      <c r="VXJ736" s="424"/>
      <c r="VXK736" s="424"/>
      <c r="VXL736" s="424"/>
      <c r="VXM736" s="423" t="s">
        <v>2795</v>
      </c>
      <c r="VXN736" s="424"/>
      <c r="VXO736" s="424"/>
      <c r="VXP736" s="424"/>
      <c r="VXQ736" s="423" t="s">
        <v>2795</v>
      </c>
      <c r="VXR736" s="424"/>
      <c r="VXS736" s="424"/>
      <c r="VXT736" s="424"/>
      <c r="VXU736" s="423" t="s">
        <v>2795</v>
      </c>
      <c r="VXV736" s="424"/>
      <c r="VXW736" s="424"/>
      <c r="VXX736" s="424"/>
      <c r="VXY736" s="423" t="s">
        <v>2795</v>
      </c>
      <c r="VXZ736" s="424"/>
      <c r="VYA736" s="424"/>
      <c r="VYB736" s="424"/>
      <c r="VYC736" s="423" t="s">
        <v>2795</v>
      </c>
      <c r="VYD736" s="424"/>
      <c r="VYE736" s="424"/>
      <c r="VYF736" s="424"/>
      <c r="VYG736" s="423" t="s">
        <v>2795</v>
      </c>
      <c r="VYH736" s="424"/>
      <c r="VYI736" s="424"/>
      <c r="VYJ736" s="424"/>
      <c r="VYK736" s="423" t="s">
        <v>2795</v>
      </c>
      <c r="VYL736" s="424"/>
      <c r="VYM736" s="424"/>
      <c r="VYN736" s="424"/>
      <c r="VYO736" s="423" t="s">
        <v>2795</v>
      </c>
      <c r="VYP736" s="424"/>
      <c r="VYQ736" s="424"/>
      <c r="VYR736" s="424"/>
      <c r="VYS736" s="423" t="s">
        <v>2795</v>
      </c>
      <c r="VYT736" s="424"/>
      <c r="VYU736" s="424"/>
      <c r="VYV736" s="424"/>
      <c r="VYW736" s="423" t="s">
        <v>2795</v>
      </c>
      <c r="VYX736" s="424"/>
      <c r="VYY736" s="424"/>
      <c r="VYZ736" s="424"/>
      <c r="VZA736" s="423" t="s">
        <v>2795</v>
      </c>
      <c r="VZB736" s="424"/>
      <c r="VZC736" s="424"/>
      <c r="VZD736" s="424"/>
      <c r="VZE736" s="423" t="s">
        <v>2795</v>
      </c>
      <c r="VZF736" s="424"/>
      <c r="VZG736" s="424"/>
      <c r="VZH736" s="424"/>
      <c r="VZI736" s="423" t="s">
        <v>2795</v>
      </c>
      <c r="VZJ736" s="424"/>
      <c r="VZK736" s="424"/>
      <c r="VZL736" s="424"/>
      <c r="VZM736" s="423" t="s">
        <v>2795</v>
      </c>
      <c r="VZN736" s="424"/>
      <c r="VZO736" s="424"/>
      <c r="VZP736" s="424"/>
      <c r="VZQ736" s="423" t="s">
        <v>2795</v>
      </c>
      <c r="VZR736" s="424"/>
      <c r="VZS736" s="424"/>
      <c r="VZT736" s="424"/>
      <c r="VZU736" s="423" t="s">
        <v>2795</v>
      </c>
      <c r="VZV736" s="424"/>
      <c r="VZW736" s="424"/>
      <c r="VZX736" s="424"/>
      <c r="VZY736" s="423" t="s">
        <v>2795</v>
      </c>
      <c r="VZZ736" s="424"/>
      <c r="WAA736" s="424"/>
      <c r="WAB736" s="424"/>
      <c r="WAC736" s="423" t="s">
        <v>2795</v>
      </c>
      <c r="WAD736" s="424"/>
      <c r="WAE736" s="424"/>
      <c r="WAF736" s="424"/>
      <c r="WAG736" s="423" t="s">
        <v>2795</v>
      </c>
      <c r="WAH736" s="424"/>
      <c r="WAI736" s="424"/>
      <c r="WAJ736" s="424"/>
      <c r="WAK736" s="423" t="s">
        <v>2795</v>
      </c>
      <c r="WAL736" s="424"/>
      <c r="WAM736" s="424"/>
      <c r="WAN736" s="424"/>
      <c r="WAO736" s="423" t="s">
        <v>2795</v>
      </c>
      <c r="WAP736" s="424"/>
      <c r="WAQ736" s="424"/>
      <c r="WAR736" s="424"/>
      <c r="WAS736" s="423" t="s">
        <v>2795</v>
      </c>
      <c r="WAT736" s="424"/>
      <c r="WAU736" s="424"/>
      <c r="WAV736" s="424"/>
      <c r="WAW736" s="423" t="s">
        <v>2795</v>
      </c>
      <c r="WAX736" s="424"/>
      <c r="WAY736" s="424"/>
      <c r="WAZ736" s="424"/>
      <c r="WBA736" s="423" t="s">
        <v>2795</v>
      </c>
      <c r="WBB736" s="424"/>
      <c r="WBC736" s="424"/>
      <c r="WBD736" s="424"/>
      <c r="WBE736" s="423" t="s">
        <v>2795</v>
      </c>
      <c r="WBF736" s="424"/>
      <c r="WBG736" s="424"/>
      <c r="WBH736" s="424"/>
      <c r="WBI736" s="423" t="s">
        <v>2795</v>
      </c>
      <c r="WBJ736" s="424"/>
      <c r="WBK736" s="424"/>
      <c r="WBL736" s="424"/>
      <c r="WBM736" s="423" t="s">
        <v>2795</v>
      </c>
      <c r="WBN736" s="424"/>
      <c r="WBO736" s="424"/>
      <c r="WBP736" s="424"/>
      <c r="WBQ736" s="423" t="s">
        <v>2795</v>
      </c>
      <c r="WBR736" s="424"/>
      <c r="WBS736" s="424"/>
      <c r="WBT736" s="424"/>
      <c r="WBU736" s="423" t="s">
        <v>2795</v>
      </c>
      <c r="WBV736" s="424"/>
      <c r="WBW736" s="424"/>
      <c r="WBX736" s="424"/>
      <c r="WBY736" s="423" t="s">
        <v>2795</v>
      </c>
      <c r="WBZ736" s="424"/>
      <c r="WCA736" s="424"/>
      <c r="WCB736" s="424"/>
      <c r="WCC736" s="423" t="s">
        <v>2795</v>
      </c>
      <c r="WCD736" s="424"/>
      <c r="WCE736" s="424"/>
      <c r="WCF736" s="424"/>
      <c r="WCG736" s="423" t="s">
        <v>2795</v>
      </c>
      <c r="WCH736" s="424"/>
      <c r="WCI736" s="424"/>
      <c r="WCJ736" s="424"/>
      <c r="WCK736" s="423" t="s">
        <v>2795</v>
      </c>
      <c r="WCL736" s="424"/>
      <c r="WCM736" s="424"/>
      <c r="WCN736" s="424"/>
      <c r="WCO736" s="423" t="s">
        <v>2795</v>
      </c>
      <c r="WCP736" s="424"/>
      <c r="WCQ736" s="424"/>
      <c r="WCR736" s="424"/>
      <c r="WCS736" s="423" t="s">
        <v>2795</v>
      </c>
      <c r="WCT736" s="424"/>
      <c r="WCU736" s="424"/>
      <c r="WCV736" s="424"/>
      <c r="WCW736" s="423" t="s">
        <v>2795</v>
      </c>
      <c r="WCX736" s="424"/>
      <c r="WCY736" s="424"/>
      <c r="WCZ736" s="424"/>
      <c r="WDA736" s="423" t="s">
        <v>2795</v>
      </c>
      <c r="WDB736" s="424"/>
      <c r="WDC736" s="424"/>
      <c r="WDD736" s="424"/>
      <c r="WDE736" s="423" t="s">
        <v>2795</v>
      </c>
      <c r="WDF736" s="424"/>
      <c r="WDG736" s="424"/>
      <c r="WDH736" s="424"/>
      <c r="WDI736" s="423" t="s">
        <v>2795</v>
      </c>
      <c r="WDJ736" s="424"/>
      <c r="WDK736" s="424"/>
      <c r="WDL736" s="424"/>
      <c r="WDM736" s="423" t="s">
        <v>2795</v>
      </c>
      <c r="WDN736" s="424"/>
      <c r="WDO736" s="424"/>
      <c r="WDP736" s="424"/>
      <c r="WDQ736" s="423" t="s">
        <v>2795</v>
      </c>
      <c r="WDR736" s="424"/>
      <c r="WDS736" s="424"/>
      <c r="WDT736" s="424"/>
      <c r="WDU736" s="423" t="s">
        <v>2795</v>
      </c>
      <c r="WDV736" s="424"/>
      <c r="WDW736" s="424"/>
      <c r="WDX736" s="424"/>
      <c r="WDY736" s="423" t="s">
        <v>2795</v>
      </c>
      <c r="WDZ736" s="424"/>
      <c r="WEA736" s="424"/>
      <c r="WEB736" s="424"/>
      <c r="WEC736" s="423" t="s">
        <v>2795</v>
      </c>
      <c r="WED736" s="424"/>
      <c r="WEE736" s="424"/>
      <c r="WEF736" s="424"/>
      <c r="WEG736" s="423" t="s">
        <v>2795</v>
      </c>
      <c r="WEH736" s="424"/>
      <c r="WEI736" s="424"/>
      <c r="WEJ736" s="424"/>
      <c r="WEK736" s="423" t="s">
        <v>2795</v>
      </c>
      <c r="WEL736" s="424"/>
      <c r="WEM736" s="424"/>
      <c r="WEN736" s="424"/>
      <c r="WEO736" s="423" t="s">
        <v>2795</v>
      </c>
      <c r="WEP736" s="424"/>
      <c r="WEQ736" s="424"/>
      <c r="WER736" s="424"/>
      <c r="WES736" s="423" t="s">
        <v>2795</v>
      </c>
      <c r="WET736" s="424"/>
      <c r="WEU736" s="424"/>
      <c r="WEV736" s="424"/>
      <c r="WEW736" s="423" t="s">
        <v>2795</v>
      </c>
      <c r="WEX736" s="424"/>
      <c r="WEY736" s="424"/>
      <c r="WEZ736" s="424"/>
      <c r="WFA736" s="423" t="s">
        <v>2795</v>
      </c>
      <c r="WFB736" s="424"/>
      <c r="WFC736" s="424"/>
      <c r="WFD736" s="424"/>
      <c r="WFE736" s="423" t="s">
        <v>2795</v>
      </c>
      <c r="WFF736" s="424"/>
      <c r="WFG736" s="424"/>
      <c r="WFH736" s="424"/>
      <c r="WFI736" s="423" t="s">
        <v>2795</v>
      </c>
      <c r="WFJ736" s="424"/>
      <c r="WFK736" s="424"/>
      <c r="WFL736" s="424"/>
      <c r="WFM736" s="423" t="s">
        <v>2795</v>
      </c>
      <c r="WFN736" s="424"/>
      <c r="WFO736" s="424"/>
      <c r="WFP736" s="424"/>
      <c r="WFQ736" s="423" t="s">
        <v>2795</v>
      </c>
      <c r="WFR736" s="424"/>
      <c r="WFS736" s="424"/>
      <c r="WFT736" s="424"/>
      <c r="WFU736" s="423" t="s">
        <v>2795</v>
      </c>
      <c r="WFV736" s="424"/>
      <c r="WFW736" s="424"/>
      <c r="WFX736" s="424"/>
      <c r="WFY736" s="423" t="s">
        <v>2795</v>
      </c>
      <c r="WFZ736" s="424"/>
      <c r="WGA736" s="424"/>
      <c r="WGB736" s="424"/>
      <c r="WGC736" s="423" t="s">
        <v>2795</v>
      </c>
      <c r="WGD736" s="424"/>
      <c r="WGE736" s="424"/>
      <c r="WGF736" s="424"/>
      <c r="WGG736" s="423" t="s">
        <v>2795</v>
      </c>
      <c r="WGH736" s="424"/>
      <c r="WGI736" s="424"/>
      <c r="WGJ736" s="424"/>
      <c r="WGK736" s="423" t="s">
        <v>2795</v>
      </c>
      <c r="WGL736" s="424"/>
      <c r="WGM736" s="424"/>
      <c r="WGN736" s="424"/>
      <c r="WGO736" s="423" t="s">
        <v>2795</v>
      </c>
      <c r="WGP736" s="424"/>
      <c r="WGQ736" s="424"/>
      <c r="WGR736" s="424"/>
      <c r="WGS736" s="423" t="s">
        <v>2795</v>
      </c>
      <c r="WGT736" s="424"/>
      <c r="WGU736" s="424"/>
      <c r="WGV736" s="424"/>
      <c r="WGW736" s="423" t="s">
        <v>2795</v>
      </c>
      <c r="WGX736" s="424"/>
      <c r="WGY736" s="424"/>
      <c r="WGZ736" s="424"/>
      <c r="WHA736" s="423" t="s">
        <v>2795</v>
      </c>
      <c r="WHB736" s="424"/>
      <c r="WHC736" s="424"/>
      <c r="WHD736" s="424"/>
      <c r="WHE736" s="423" t="s">
        <v>2795</v>
      </c>
      <c r="WHF736" s="424"/>
      <c r="WHG736" s="424"/>
      <c r="WHH736" s="424"/>
      <c r="WHI736" s="423" t="s">
        <v>2795</v>
      </c>
      <c r="WHJ736" s="424"/>
      <c r="WHK736" s="424"/>
      <c r="WHL736" s="424"/>
      <c r="WHM736" s="423" t="s">
        <v>2795</v>
      </c>
      <c r="WHN736" s="424"/>
      <c r="WHO736" s="424"/>
      <c r="WHP736" s="424"/>
      <c r="WHQ736" s="423" t="s">
        <v>2795</v>
      </c>
      <c r="WHR736" s="424"/>
      <c r="WHS736" s="424"/>
      <c r="WHT736" s="424"/>
      <c r="WHU736" s="423" t="s">
        <v>2795</v>
      </c>
      <c r="WHV736" s="424"/>
      <c r="WHW736" s="424"/>
      <c r="WHX736" s="424"/>
      <c r="WHY736" s="423" t="s">
        <v>2795</v>
      </c>
      <c r="WHZ736" s="424"/>
      <c r="WIA736" s="424"/>
      <c r="WIB736" s="424"/>
      <c r="WIC736" s="423" t="s">
        <v>2795</v>
      </c>
      <c r="WID736" s="424"/>
      <c r="WIE736" s="424"/>
      <c r="WIF736" s="424"/>
      <c r="WIG736" s="423" t="s">
        <v>2795</v>
      </c>
      <c r="WIH736" s="424"/>
      <c r="WII736" s="424"/>
      <c r="WIJ736" s="424"/>
      <c r="WIK736" s="423" t="s">
        <v>2795</v>
      </c>
      <c r="WIL736" s="424"/>
      <c r="WIM736" s="424"/>
      <c r="WIN736" s="424"/>
      <c r="WIO736" s="423" t="s">
        <v>2795</v>
      </c>
      <c r="WIP736" s="424"/>
      <c r="WIQ736" s="424"/>
      <c r="WIR736" s="424"/>
      <c r="WIS736" s="423" t="s">
        <v>2795</v>
      </c>
      <c r="WIT736" s="424"/>
      <c r="WIU736" s="424"/>
      <c r="WIV736" s="424"/>
      <c r="WIW736" s="423" t="s">
        <v>2795</v>
      </c>
      <c r="WIX736" s="424"/>
      <c r="WIY736" s="424"/>
      <c r="WIZ736" s="424"/>
      <c r="WJA736" s="423" t="s">
        <v>2795</v>
      </c>
      <c r="WJB736" s="424"/>
      <c r="WJC736" s="424"/>
      <c r="WJD736" s="424"/>
      <c r="WJE736" s="423" t="s">
        <v>2795</v>
      </c>
      <c r="WJF736" s="424"/>
      <c r="WJG736" s="424"/>
      <c r="WJH736" s="424"/>
      <c r="WJI736" s="423" t="s">
        <v>2795</v>
      </c>
      <c r="WJJ736" s="424"/>
      <c r="WJK736" s="424"/>
      <c r="WJL736" s="424"/>
      <c r="WJM736" s="423" t="s">
        <v>2795</v>
      </c>
      <c r="WJN736" s="424"/>
      <c r="WJO736" s="424"/>
      <c r="WJP736" s="424"/>
      <c r="WJQ736" s="423" t="s">
        <v>2795</v>
      </c>
      <c r="WJR736" s="424"/>
      <c r="WJS736" s="424"/>
      <c r="WJT736" s="424"/>
      <c r="WJU736" s="423" t="s">
        <v>2795</v>
      </c>
      <c r="WJV736" s="424"/>
      <c r="WJW736" s="424"/>
      <c r="WJX736" s="424"/>
      <c r="WJY736" s="423" t="s">
        <v>2795</v>
      </c>
      <c r="WJZ736" s="424"/>
      <c r="WKA736" s="424"/>
      <c r="WKB736" s="424"/>
      <c r="WKC736" s="423" t="s">
        <v>2795</v>
      </c>
      <c r="WKD736" s="424"/>
      <c r="WKE736" s="424"/>
      <c r="WKF736" s="424"/>
      <c r="WKG736" s="423" t="s">
        <v>2795</v>
      </c>
      <c r="WKH736" s="424"/>
      <c r="WKI736" s="424"/>
      <c r="WKJ736" s="424"/>
      <c r="WKK736" s="423" t="s">
        <v>2795</v>
      </c>
      <c r="WKL736" s="424"/>
      <c r="WKM736" s="424"/>
      <c r="WKN736" s="424"/>
      <c r="WKO736" s="423" t="s">
        <v>2795</v>
      </c>
      <c r="WKP736" s="424"/>
      <c r="WKQ736" s="424"/>
      <c r="WKR736" s="424"/>
      <c r="WKS736" s="423" t="s">
        <v>2795</v>
      </c>
      <c r="WKT736" s="424"/>
      <c r="WKU736" s="424"/>
      <c r="WKV736" s="424"/>
      <c r="WKW736" s="423" t="s">
        <v>2795</v>
      </c>
      <c r="WKX736" s="424"/>
      <c r="WKY736" s="424"/>
      <c r="WKZ736" s="424"/>
      <c r="WLA736" s="423" t="s">
        <v>2795</v>
      </c>
      <c r="WLB736" s="424"/>
      <c r="WLC736" s="424"/>
      <c r="WLD736" s="424"/>
      <c r="WLE736" s="423" t="s">
        <v>2795</v>
      </c>
      <c r="WLF736" s="424"/>
      <c r="WLG736" s="424"/>
      <c r="WLH736" s="424"/>
      <c r="WLI736" s="423" t="s">
        <v>2795</v>
      </c>
      <c r="WLJ736" s="424"/>
      <c r="WLK736" s="424"/>
      <c r="WLL736" s="424"/>
      <c r="WLM736" s="423" t="s">
        <v>2795</v>
      </c>
      <c r="WLN736" s="424"/>
      <c r="WLO736" s="424"/>
      <c r="WLP736" s="424"/>
      <c r="WLQ736" s="423" t="s">
        <v>2795</v>
      </c>
      <c r="WLR736" s="424"/>
      <c r="WLS736" s="424"/>
      <c r="WLT736" s="424"/>
      <c r="WLU736" s="423" t="s">
        <v>2795</v>
      </c>
      <c r="WLV736" s="424"/>
      <c r="WLW736" s="424"/>
      <c r="WLX736" s="424"/>
      <c r="WLY736" s="423" t="s">
        <v>2795</v>
      </c>
      <c r="WLZ736" s="424"/>
      <c r="WMA736" s="424"/>
      <c r="WMB736" s="424"/>
      <c r="WMC736" s="423" t="s">
        <v>2795</v>
      </c>
      <c r="WMD736" s="424"/>
      <c r="WME736" s="424"/>
      <c r="WMF736" s="424"/>
      <c r="WMG736" s="423" t="s">
        <v>2795</v>
      </c>
      <c r="WMH736" s="424"/>
      <c r="WMI736" s="424"/>
      <c r="WMJ736" s="424"/>
      <c r="WMK736" s="423" t="s">
        <v>2795</v>
      </c>
      <c r="WML736" s="424"/>
      <c r="WMM736" s="424"/>
      <c r="WMN736" s="424"/>
      <c r="WMO736" s="423" t="s">
        <v>2795</v>
      </c>
      <c r="WMP736" s="424"/>
      <c r="WMQ736" s="424"/>
      <c r="WMR736" s="424"/>
      <c r="WMS736" s="423" t="s">
        <v>2795</v>
      </c>
      <c r="WMT736" s="424"/>
      <c r="WMU736" s="424"/>
      <c r="WMV736" s="424"/>
      <c r="WMW736" s="423" t="s">
        <v>2795</v>
      </c>
      <c r="WMX736" s="424"/>
      <c r="WMY736" s="424"/>
      <c r="WMZ736" s="424"/>
      <c r="WNA736" s="423" t="s">
        <v>2795</v>
      </c>
      <c r="WNB736" s="424"/>
      <c r="WNC736" s="424"/>
      <c r="WND736" s="424"/>
      <c r="WNE736" s="423" t="s">
        <v>2795</v>
      </c>
      <c r="WNF736" s="424"/>
      <c r="WNG736" s="424"/>
      <c r="WNH736" s="424"/>
      <c r="WNI736" s="423" t="s">
        <v>2795</v>
      </c>
      <c r="WNJ736" s="424"/>
      <c r="WNK736" s="424"/>
      <c r="WNL736" s="424"/>
      <c r="WNM736" s="423" t="s">
        <v>2795</v>
      </c>
      <c r="WNN736" s="424"/>
      <c r="WNO736" s="424"/>
      <c r="WNP736" s="424"/>
      <c r="WNQ736" s="423" t="s">
        <v>2795</v>
      </c>
      <c r="WNR736" s="424"/>
      <c r="WNS736" s="424"/>
      <c r="WNT736" s="424"/>
      <c r="WNU736" s="423" t="s">
        <v>2795</v>
      </c>
      <c r="WNV736" s="424"/>
      <c r="WNW736" s="424"/>
      <c r="WNX736" s="424"/>
      <c r="WNY736" s="423" t="s">
        <v>2795</v>
      </c>
      <c r="WNZ736" s="424"/>
      <c r="WOA736" s="424"/>
      <c r="WOB736" s="424"/>
      <c r="WOC736" s="423" t="s">
        <v>2795</v>
      </c>
      <c r="WOD736" s="424"/>
      <c r="WOE736" s="424"/>
      <c r="WOF736" s="424"/>
      <c r="WOG736" s="423" t="s">
        <v>2795</v>
      </c>
      <c r="WOH736" s="424"/>
      <c r="WOI736" s="424"/>
      <c r="WOJ736" s="424"/>
      <c r="WOK736" s="423" t="s">
        <v>2795</v>
      </c>
      <c r="WOL736" s="424"/>
      <c r="WOM736" s="424"/>
      <c r="WON736" s="424"/>
      <c r="WOO736" s="423" t="s">
        <v>2795</v>
      </c>
      <c r="WOP736" s="424"/>
      <c r="WOQ736" s="424"/>
      <c r="WOR736" s="424"/>
      <c r="WOS736" s="423" t="s">
        <v>2795</v>
      </c>
      <c r="WOT736" s="424"/>
      <c r="WOU736" s="424"/>
      <c r="WOV736" s="424"/>
      <c r="WOW736" s="423" t="s">
        <v>2795</v>
      </c>
      <c r="WOX736" s="424"/>
      <c r="WOY736" s="424"/>
      <c r="WOZ736" s="424"/>
      <c r="WPA736" s="423" t="s">
        <v>2795</v>
      </c>
      <c r="WPB736" s="424"/>
      <c r="WPC736" s="424"/>
      <c r="WPD736" s="424"/>
      <c r="WPE736" s="423" t="s">
        <v>2795</v>
      </c>
      <c r="WPF736" s="424"/>
      <c r="WPG736" s="424"/>
      <c r="WPH736" s="424"/>
      <c r="WPI736" s="423" t="s">
        <v>2795</v>
      </c>
      <c r="WPJ736" s="424"/>
      <c r="WPK736" s="424"/>
      <c r="WPL736" s="424"/>
      <c r="WPM736" s="423" t="s">
        <v>2795</v>
      </c>
      <c r="WPN736" s="424"/>
      <c r="WPO736" s="424"/>
      <c r="WPP736" s="424"/>
      <c r="WPQ736" s="423" t="s">
        <v>2795</v>
      </c>
      <c r="WPR736" s="424"/>
      <c r="WPS736" s="424"/>
      <c r="WPT736" s="424"/>
      <c r="WPU736" s="423" t="s">
        <v>2795</v>
      </c>
      <c r="WPV736" s="424"/>
      <c r="WPW736" s="424"/>
      <c r="WPX736" s="424"/>
      <c r="WPY736" s="423" t="s">
        <v>2795</v>
      </c>
      <c r="WPZ736" s="424"/>
      <c r="WQA736" s="424"/>
      <c r="WQB736" s="424"/>
      <c r="WQC736" s="423" t="s">
        <v>2795</v>
      </c>
      <c r="WQD736" s="424"/>
      <c r="WQE736" s="424"/>
      <c r="WQF736" s="424"/>
      <c r="WQG736" s="423" t="s">
        <v>2795</v>
      </c>
      <c r="WQH736" s="424"/>
      <c r="WQI736" s="424"/>
      <c r="WQJ736" s="424"/>
      <c r="WQK736" s="423" t="s">
        <v>2795</v>
      </c>
      <c r="WQL736" s="424"/>
      <c r="WQM736" s="424"/>
      <c r="WQN736" s="424"/>
      <c r="WQO736" s="423" t="s">
        <v>2795</v>
      </c>
      <c r="WQP736" s="424"/>
      <c r="WQQ736" s="424"/>
      <c r="WQR736" s="424"/>
      <c r="WQS736" s="423" t="s">
        <v>2795</v>
      </c>
      <c r="WQT736" s="424"/>
      <c r="WQU736" s="424"/>
      <c r="WQV736" s="424"/>
      <c r="WQW736" s="423" t="s">
        <v>2795</v>
      </c>
      <c r="WQX736" s="424"/>
      <c r="WQY736" s="424"/>
      <c r="WQZ736" s="424"/>
      <c r="WRA736" s="423" t="s">
        <v>2795</v>
      </c>
      <c r="WRB736" s="424"/>
      <c r="WRC736" s="424"/>
      <c r="WRD736" s="424"/>
      <c r="WRE736" s="423" t="s">
        <v>2795</v>
      </c>
      <c r="WRF736" s="424"/>
      <c r="WRG736" s="424"/>
      <c r="WRH736" s="424"/>
      <c r="WRI736" s="423" t="s">
        <v>2795</v>
      </c>
      <c r="WRJ736" s="424"/>
      <c r="WRK736" s="424"/>
      <c r="WRL736" s="424"/>
      <c r="WRM736" s="423" t="s">
        <v>2795</v>
      </c>
      <c r="WRN736" s="424"/>
      <c r="WRO736" s="424"/>
      <c r="WRP736" s="424"/>
      <c r="WRQ736" s="423" t="s">
        <v>2795</v>
      </c>
      <c r="WRR736" s="424"/>
      <c r="WRS736" s="424"/>
      <c r="WRT736" s="424"/>
      <c r="WRU736" s="423" t="s">
        <v>2795</v>
      </c>
      <c r="WRV736" s="424"/>
      <c r="WRW736" s="424"/>
      <c r="WRX736" s="424"/>
      <c r="WRY736" s="423" t="s">
        <v>2795</v>
      </c>
      <c r="WRZ736" s="424"/>
      <c r="WSA736" s="424"/>
      <c r="WSB736" s="424"/>
      <c r="WSC736" s="423" t="s">
        <v>2795</v>
      </c>
      <c r="WSD736" s="424"/>
      <c r="WSE736" s="424"/>
      <c r="WSF736" s="424"/>
      <c r="WSG736" s="423" t="s">
        <v>2795</v>
      </c>
      <c r="WSH736" s="424"/>
      <c r="WSI736" s="424"/>
      <c r="WSJ736" s="424"/>
      <c r="WSK736" s="423" t="s">
        <v>2795</v>
      </c>
      <c r="WSL736" s="424"/>
      <c r="WSM736" s="424"/>
      <c r="WSN736" s="424"/>
      <c r="WSO736" s="423" t="s">
        <v>2795</v>
      </c>
      <c r="WSP736" s="424"/>
      <c r="WSQ736" s="424"/>
      <c r="WSR736" s="424"/>
      <c r="WSS736" s="423" t="s">
        <v>2795</v>
      </c>
      <c r="WST736" s="424"/>
      <c r="WSU736" s="424"/>
      <c r="WSV736" s="424"/>
      <c r="WSW736" s="423" t="s">
        <v>2795</v>
      </c>
      <c r="WSX736" s="424"/>
      <c r="WSY736" s="424"/>
      <c r="WSZ736" s="424"/>
      <c r="WTA736" s="423" t="s">
        <v>2795</v>
      </c>
      <c r="WTB736" s="424"/>
      <c r="WTC736" s="424"/>
      <c r="WTD736" s="424"/>
      <c r="WTE736" s="423" t="s">
        <v>2795</v>
      </c>
      <c r="WTF736" s="424"/>
      <c r="WTG736" s="424"/>
      <c r="WTH736" s="424"/>
      <c r="WTI736" s="423" t="s">
        <v>2795</v>
      </c>
      <c r="WTJ736" s="424"/>
      <c r="WTK736" s="424"/>
      <c r="WTL736" s="424"/>
      <c r="WTM736" s="423" t="s">
        <v>2795</v>
      </c>
      <c r="WTN736" s="424"/>
      <c r="WTO736" s="424"/>
      <c r="WTP736" s="424"/>
      <c r="WTQ736" s="423" t="s">
        <v>2795</v>
      </c>
      <c r="WTR736" s="424"/>
      <c r="WTS736" s="424"/>
      <c r="WTT736" s="424"/>
      <c r="WTU736" s="423" t="s">
        <v>2795</v>
      </c>
      <c r="WTV736" s="424"/>
      <c r="WTW736" s="424"/>
      <c r="WTX736" s="424"/>
      <c r="WTY736" s="423" t="s">
        <v>2795</v>
      </c>
      <c r="WTZ736" s="424"/>
      <c r="WUA736" s="424"/>
      <c r="WUB736" s="424"/>
      <c r="WUC736" s="423" t="s">
        <v>2795</v>
      </c>
      <c r="WUD736" s="424"/>
      <c r="WUE736" s="424"/>
      <c r="WUF736" s="424"/>
      <c r="WUG736" s="423" t="s">
        <v>2795</v>
      </c>
      <c r="WUH736" s="424"/>
      <c r="WUI736" s="424"/>
      <c r="WUJ736" s="424"/>
      <c r="WUK736" s="423" t="s">
        <v>2795</v>
      </c>
      <c r="WUL736" s="424"/>
      <c r="WUM736" s="424"/>
      <c r="WUN736" s="424"/>
      <c r="WUO736" s="423" t="s">
        <v>2795</v>
      </c>
      <c r="WUP736" s="424"/>
      <c r="WUQ736" s="424"/>
      <c r="WUR736" s="424"/>
      <c r="WUS736" s="423" t="s">
        <v>2795</v>
      </c>
      <c r="WUT736" s="424"/>
      <c r="WUU736" s="424"/>
      <c r="WUV736" s="424"/>
      <c r="WUW736" s="423" t="s">
        <v>2795</v>
      </c>
      <c r="WUX736" s="424"/>
      <c r="WUY736" s="424"/>
      <c r="WUZ736" s="424"/>
      <c r="WVA736" s="423" t="s">
        <v>2795</v>
      </c>
      <c r="WVB736" s="424"/>
      <c r="WVC736" s="424"/>
      <c r="WVD736" s="424"/>
      <c r="WVE736" s="423" t="s">
        <v>2795</v>
      </c>
      <c r="WVF736" s="424"/>
      <c r="WVG736" s="424"/>
      <c r="WVH736" s="424"/>
      <c r="WVI736" s="423" t="s">
        <v>2795</v>
      </c>
      <c r="WVJ736" s="424"/>
      <c r="WVK736" s="424"/>
      <c r="WVL736" s="424"/>
      <c r="WVM736" s="423" t="s">
        <v>2795</v>
      </c>
      <c r="WVN736" s="424"/>
      <c r="WVO736" s="424"/>
      <c r="WVP736" s="424"/>
      <c r="WVQ736" s="423" t="s">
        <v>2795</v>
      </c>
      <c r="WVR736" s="424"/>
      <c r="WVS736" s="424"/>
      <c r="WVT736" s="424"/>
      <c r="WVU736" s="423" t="s">
        <v>2795</v>
      </c>
      <c r="WVV736" s="424"/>
      <c r="WVW736" s="424"/>
      <c r="WVX736" s="424"/>
      <c r="WVY736" s="423" t="s">
        <v>2795</v>
      </c>
      <c r="WVZ736" s="424"/>
      <c r="WWA736" s="424"/>
      <c r="WWB736" s="424"/>
      <c r="WWC736" s="423" t="s">
        <v>2795</v>
      </c>
      <c r="WWD736" s="424"/>
      <c r="WWE736" s="424"/>
      <c r="WWF736" s="424"/>
      <c r="WWG736" s="423" t="s">
        <v>2795</v>
      </c>
      <c r="WWH736" s="424"/>
      <c r="WWI736" s="424"/>
      <c r="WWJ736" s="424"/>
      <c r="WWK736" s="423" t="s">
        <v>2795</v>
      </c>
      <c r="WWL736" s="424"/>
      <c r="WWM736" s="424"/>
      <c r="WWN736" s="424"/>
      <c r="WWO736" s="423" t="s">
        <v>2795</v>
      </c>
      <c r="WWP736" s="424"/>
      <c r="WWQ736" s="424"/>
      <c r="WWR736" s="424"/>
      <c r="WWS736" s="423" t="s">
        <v>2795</v>
      </c>
      <c r="WWT736" s="424"/>
      <c r="WWU736" s="424"/>
      <c r="WWV736" s="424"/>
      <c r="WWW736" s="423" t="s">
        <v>2795</v>
      </c>
      <c r="WWX736" s="424"/>
      <c r="WWY736" s="424"/>
      <c r="WWZ736" s="424"/>
      <c r="WXA736" s="423" t="s">
        <v>2795</v>
      </c>
      <c r="WXB736" s="424"/>
      <c r="WXC736" s="424"/>
      <c r="WXD736" s="424"/>
      <c r="WXE736" s="423" t="s">
        <v>2795</v>
      </c>
      <c r="WXF736" s="424"/>
      <c r="WXG736" s="424"/>
      <c r="WXH736" s="424"/>
      <c r="WXI736" s="423" t="s">
        <v>2795</v>
      </c>
      <c r="WXJ736" s="424"/>
      <c r="WXK736" s="424"/>
      <c r="WXL736" s="424"/>
      <c r="WXM736" s="423" t="s">
        <v>2795</v>
      </c>
      <c r="WXN736" s="424"/>
      <c r="WXO736" s="424"/>
      <c r="WXP736" s="424"/>
      <c r="WXQ736" s="423" t="s">
        <v>2795</v>
      </c>
      <c r="WXR736" s="424"/>
      <c r="WXS736" s="424"/>
      <c r="WXT736" s="424"/>
      <c r="WXU736" s="423" t="s">
        <v>2795</v>
      </c>
      <c r="WXV736" s="424"/>
      <c r="WXW736" s="424"/>
      <c r="WXX736" s="424"/>
      <c r="WXY736" s="423" t="s">
        <v>2795</v>
      </c>
      <c r="WXZ736" s="424"/>
      <c r="WYA736" s="424"/>
      <c r="WYB736" s="424"/>
      <c r="WYC736" s="423" t="s">
        <v>2795</v>
      </c>
      <c r="WYD736" s="424"/>
      <c r="WYE736" s="424"/>
      <c r="WYF736" s="424"/>
      <c r="WYG736" s="423" t="s">
        <v>2795</v>
      </c>
      <c r="WYH736" s="424"/>
      <c r="WYI736" s="424"/>
      <c r="WYJ736" s="424"/>
      <c r="WYK736" s="423" t="s">
        <v>2795</v>
      </c>
      <c r="WYL736" s="424"/>
      <c r="WYM736" s="424"/>
      <c r="WYN736" s="424"/>
      <c r="WYO736" s="423" t="s">
        <v>2795</v>
      </c>
      <c r="WYP736" s="424"/>
      <c r="WYQ736" s="424"/>
      <c r="WYR736" s="424"/>
      <c r="WYS736" s="423" t="s">
        <v>2795</v>
      </c>
      <c r="WYT736" s="424"/>
      <c r="WYU736" s="424"/>
      <c r="WYV736" s="424"/>
      <c r="WYW736" s="423" t="s">
        <v>2795</v>
      </c>
      <c r="WYX736" s="424"/>
      <c r="WYY736" s="424"/>
      <c r="WYZ736" s="424"/>
      <c r="WZA736" s="423" t="s">
        <v>2795</v>
      </c>
      <c r="WZB736" s="424"/>
      <c r="WZC736" s="424"/>
      <c r="WZD736" s="424"/>
      <c r="WZE736" s="423" t="s">
        <v>2795</v>
      </c>
      <c r="WZF736" s="424"/>
      <c r="WZG736" s="424"/>
      <c r="WZH736" s="424"/>
      <c r="WZI736" s="423" t="s">
        <v>2795</v>
      </c>
      <c r="WZJ736" s="424"/>
      <c r="WZK736" s="424"/>
      <c r="WZL736" s="424"/>
      <c r="WZM736" s="423" t="s">
        <v>2795</v>
      </c>
      <c r="WZN736" s="424"/>
      <c r="WZO736" s="424"/>
      <c r="WZP736" s="424"/>
      <c r="WZQ736" s="423" t="s">
        <v>2795</v>
      </c>
      <c r="WZR736" s="424"/>
      <c r="WZS736" s="424"/>
      <c r="WZT736" s="424"/>
      <c r="WZU736" s="423" t="s">
        <v>2795</v>
      </c>
      <c r="WZV736" s="424"/>
      <c r="WZW736" s="424"/>
      <c r="WZX736" s="424"/>
      <c r="WZY736" s="423" t="s">
        <v>2795</v>
      </c>
      <c r="WZZ736" s="424"/>
      <c r="XAA736" s="424"/>
      <c r="XAB736" s="424"/>
      <c r="XAC736" s="423" t="s">
        <v>2795</v>
      </c>
      <c r="XAD736" s="424"/>
      <c r="XAE736" s="424"/>
      <c r="XAF736" s="424"/>
      <c r="XAG736" s="423" t="s">
        <v>2795</v>
      </c>
      <c r="XAH736" s="424"/>
      <c r="XAI736" s="424"/>
      <c r="XAJ736" s="424"/>
      <c r="XAK736" s="423" t="s">
        <v>2795</v>
      </c>
      <c r="XAL736" s="424"/>
      <c r="XAM736" s="424"/>
      <c r="XAN736" s="424"/>
      <c r="XAO736" s="423" t="s">
        <v>2795</v>
      </c>
      <c r="XAP736" s="424"/>
      <c r="XAQ736" s="424"/>
      <c r="XAR736" s="424"/>
      <c r="XAS736" s="423" t="s">
        <v>2795</v>
      </c>
      <c r="XAT736" s="424"/>
      <c r="XAU736" s="424"/>
      <c r="XAV736" s="424"/>
      <c r="XAW736" s="423" t="s">
        <v>2795</v>
      </c>
      <c r="XAX736" s="424"/>
      <c r="XAY736" s="424"/>
      <c r="XAZ736" s="424"/>
      <c r="XBA736" s="423" t="s">
        <v>2795</v>
      </c>
      <c r="XBB736" s="424"/>
      <c r="XBC736" s="424"/>
      <c r="XBD736" s="424"/>
      <c r="XBE736" s="423" t="s">
        <v>2795</v>
      </c>
      <c r="XBF736" s="424"/>
      <c r="XBG736" s="424"/>
      <c r="XBH736" s="424"/>
      <c r="XBI736" s="423" t="s">
        <v>2795</v>
      </c>
      <c r="XBJ736" s="424"/>
      <c r="XBK736" s="424"/>
      <c r="XBL736" s="424"/>
      <c r="XBM736" s="423" t="s">
        <v>2795</v>
      </c>
      <c r="XBN736" s="424"/>
      <c r="XBO736" s="424"/>
      <c r="XBP736" s="424"/>
      <c r="XBQ736" s="423" t="s">
        <v>2795</v>
      </c>
      <c r="XBR736" s="424"/>
      <c r="XBS736" s="424"/>
      <c r="XBT736" s="424"/>
      <c r="XBU736" s="423" t="s">
        <v>2795</v>
      </c>
      <c r="XBV736" s="424"/>
      <c r="XBW736" s="424"/>
      <c r="XBX736" s="424"/>
      <c r="XBY736" s="423" t="s">
        <v>2795</v>
      </c>
      <c r="XBZ736" s="424"/>
      <c r="XCA736" s="424"/>
      <c r="XCB736" s="424"/>
      <c r="XCC736" s="423" t="s">
        <v>2795</v>
      </c>
      <c r="XCD736" s="424"/>
      <c r="XCE736" s="424"/>
      <c r="XCF736" s="424"/>
      <c r="XCG736" s="423" t="s">
        <v>2795</v>
      </c>
      <c r="XCH736" s="424"/>
      <c r="XCI736" s="424"/>
      <c r="XCJ736" s="424"/>
      <c r="XCK736" s="423" t="s">
        <v>2795</v>
      </c>
      <c r="XCL736" s="424"/>
      <c r="XCM736" s="424"/>
      <c r="XCN736" s="424"/>
      <c r="XCO736" s="423" t="s">
        <v>2795</v>
      </c>
      <c r="XCP736" s="424"/>
      <c r="XCQ736" s="424"/>
      <c r="XCR736" s="424"/>
      <c r="XCS736" s="423" t="s">
        <v>2795</v>
      </c>
      <c r="XCT736" s="424"/>
      <c r="XCU736" s="424"/>
      <c r="XCV736" s="424"/>
      <c r="XCW736" s="423" t="s">
        <v>2795</v>
      </c>
      <c r="XCX736" s="424"/>
      <c r="XCY736" s="424"/>
      <c r="XCZ736" s="424"/>
      <c r="XDA736" s="423" t="s">
        <v>2795</v>
      </c>
      <c r="XDB736" s="424"/>
      <c r="XDC736" s="424"/>
      <c r="XDD736" s="424"/>
      <c r="XDE736" s="423" t="s">
        <v>2795</v>
      </c>
      <c r="XDF736" s="424"/>
      <c r="XDG736" s="424"/>
      <c r="XDH736" s="424"/>
      <c r="XDI736" s="423" t="s">
        <v>2795</v>
      </c>
      <c r="XDJ736" s="424"/>
      <c r="XDK736" s="424"/>
      <c r="XDL736" s="424"/>
      <c r="XDM736" s="423" t="s">
        <v>2795</v>
      </c>
      <c r="XDN736" s="424"/>
      <c r="XDO736" s="424"/>
      <c r="XDP736" s="424"/>
      <c r="XDQ736" s="423" t="s">
        <v>2795</v>
      </c>
      <c r="XDR736" s="424"/>
      <c r="XDS736" s="424"/>
      <c r="XDT736" s="424"/>
      <c r="XDU736" s="423" t="s">
        <v>2795</v>
      </c>
      <c r="XDV736" s="424"/>
      <c r="XDW736" s="424"/>
      <c r="XDX736" s="424"/>
      <c r="XDY736" s="423" t="s">
        <v>2795</v>
      </c>
      <c r="XDZ736" s="424"/>
      <c r="XEA736" s="424"/>
      <c r="XEB736" s="424"/>
      <c r="XEC736" s="423" t="s">
        <v>2795</v>
      </c>
      <c r="XED736" s="424"/>
      <c r="XEE736" s="424"/>
      <c r="XEF736" s="424"/>
      <c r="XEG736" s="423" t="s">
        <v>2795</v>
      </c>
      <c r="XEH736" s="424"/>
      <c r="XEI736" s="424"/>
      <c r="XEJ736" s="424"/>
      <c r="XEK736" s="423" t="s">
        <v>2795</v>
      </c>
      <c r="XEL736" s="424"/>
      <c r="XEM736" s="424"/>
      <c r="XEN736" s="424"/>
      <c r="XEO736" s="423" t="s">
        <v>2795</v>
      </c>
      <c r="XEP736" s="424"/>
      <c r="XEQ736" s="424"/>
      <c r="XER736" s="424"/>
      <c r="XES736" s="423" t="s">
        <v>2795</v>
      </c>
      <c r="XET736" s="424"/>
      <c r="XEU736" s="424"/>
      <c r="XEV736" s="424"/>
      <c r="XEW736" s="423" t="s">
        <v>2795</v>
      </c>
      <c r="XEX736" s="424"/>
      <c r="XEY736" s="424"/>
      <c r="XEZ736" s="424"/>
      <c r="XFA736" s="423" t="s">
        <v>2795</v>
      </c>
      <c r="XFB736" s="424"/>
      <c r="XFC736" s="424"/>
      <c r="XFD736" s="424"/>
    </row>
    <row r="737" spans="1:16384" s="271" customFormat="1" ht="20" hidden="1">
      <c r="A737" s="423" t="s">
        <v>2795</v>
      </c>
      <c r="B737" s="424"/>
      <c r="C737" s="424"/>
      <c r="D737" s="424"/>
      <c r="E737" s="423" t="s">
        <v>2795</v>
      </c>
      <c r="F737" s="424"/>
      <c r="G737" s="424"/>
      <c r="H737" s="424"/>
      <c r="I737" s="423" t="s">
        <v>2795</v>
      </c>
      <c r="J737" s="424"/>
      <c r="K737" s="424"/>
      <c r="L737" s="424"/>
      <c r="M737" s="423" t="s">
        <v>2795</v>
      </c>
      <c r="N737" s="424"/>
      <c r="O737" s="424"/>
      <c r="P737" s="424"/>
      <c r="Q737" s="426" t="s">
        <v>2795</v>
      </c>
      <c r="R737" s="427"/>
      <c r="S737" s="427"/>
      <c r="T737" s="427"/>
      <c r="U737" s="423" t="s">
        <v>2795</v>
      </c>
      <c r="V737" s="424"/>
      <c r="W737" s="424"/>
      <c r="X737" s="424"/>
      <c r="Y737" s="423" t="s">
        <v>2795</v>
      </c>
      <c r="Z737" s="424"/>
      <c r="AA737" s="424"/>
      <c r="AB737" s="424"/>
      <c r="AC737" s="423" t="s">
        <v>2795</v>
      </c>
      <c r="AD737" s="424"/>
      <c r="AE737" s="424"/>
      <c r="AF737" s="424"/>
      <c r="AG737" s="423" t="s">
        <v>2795</v>
      </c>
      <c r="AH737" s="424"/>
      <c r="AI737" s="424"/>
      <c r="AJ737" s="424"/>
      <c r="AK737" s="423" t="s">
        <v>2795</v>
      </c>
      <c r="AL737" s="424"/>
      <c r="AM737" s="424"/>
      <c r="AN737" s="424"/>
      <c r="AO737" s="423" t="s">
        <v>2795</v>
      </c>
      <c r="AP737" s="424"/>
      <c r="AQ737" s="424"/>
      <c r="AR737" s="424"/>
      <c r="AS737" s="423" t="s">
        <v>2795</v>
      </c>
      <c r="AT737" s="424"/>
      <c r="AU737" s="424"/>
      <c r="AV737" s="424"/>
      <c r="AW737" s="423" t="s">
        <v>2795</v>
      </c>
      <c r="AX737" s="424"/>
      <c r="AY737" s="424"/>
      <c r="AZ737" s="424"/>
      <c r="BA737" s="423" t="s">
        <v>2795</v>
      </c>
      <c r="BB737" s="424"/>
      <c r="BC737" s="424"/>
      <c r="BD737" s="424"/>
      <c r="BE737" s="423" t="s">
        <v>2795</v>
      </c>
      <c r="BF737" s="424"/>
      <c r="BG737" s="424"/>
      <c r="BH737" s="424"/>
      <c r="BI737" s="423" t="s">
        <v>2795</v>
      </c>
      <c r="BJ737" s="424"/>
      <c r="BK737" s="424"/>
      <c r="BL737" s="424"/>
      <c r="BM737" s="423" t="s">
        <v>2795</v>
      </c>
      <c r="BN737" s="424"/>
      <c r="BO737" s="424"/>
      <c r="BP737" s="424"/>
      <c r="BQ737" s="423" t="s">
        <v>2795</v>
      </c>
      <c r="BR737" s="424"/>
      <c r="BS737" s="424"/>
      <c r="BT737" s="424"/>
      <c r="BU737" s="423" t="s">
        <v>2795</v>
      </c>
      <c r="BV737" s="424"/>
      <c r="BW737" s="424"/>
      <c r="BX737" s="424"/>
      <c r="BY737" s="423" t="s">
        <v>2795</v>
      </c>
      <c r="BZ737" s="424"/>
      <c r="CA737" s="424"/>
      <c r="CB737" s="424"/>
      <c r="CC737" s="423" t="s">
        <v>2795</v>
      </c>
      <c r="CD737" s="424"/>
      <c r="CE737" s="424"/>
      <c r="CF737" s="424"/>
      <c r="CG737" s="423" t="s">
        <v>2795</v>
      </c>
      <c r="CH737" s="424"/>
      <c r="CI737" s="424"/>
      <c r="CJ737" s="424"/>
      <c r="CK737" s="423" t="s">
        <v>2795</v>
      </c>
      <c r="CL737" s="424"/>
      <c r="CM737" s="424"/>
      <c r="CN737" s="424"/>
      <c r="CO737" s="423" t="s">
        <v>2795</v>
      </c>
      <c r="CP737" s="424"/>
      <c r="CQ737" s="424"/>
      <c r="CR737" s="424"/>
      <c r="CS737" s="423" t="s">
        <v>2795</v>
      </c>
      <c r="CT737" s="424"/>
      <c r="CU737" s="424"/>
      <c r="CV737" s="424"/>
      <c r="CW737" s="423" t="s">
        <v>2795</v>
      </c>
      <c r="CX737" s="424"/>
      <c r="CY737" s="424"/>
      <c r="CZ737" s="424"/>
      <c r="DA737" s="423" t="s">
        <v>2795</v>
      </c>
      <c r="DB737" s="424"/>
      <c r="DC737" s="424"/>
      <c r="DD737" s="424"/>
      <c r="DE737" s="423" t="s">
        <v>2795</v>
      </c>
      <c r="DF737" s="424"/>
      <c r="DG737" s="424"/>
      <c r="DH737" s="424"/>
      <c r="DI737" s="423" t="s">
        <v>2795</v>
      </c>
      <c r="DJ737" s="424"/>
      <c r="DK737" s="424"/>
      <c r="DL737" s="424"/>
      <c r="DM737" s="423" t="s">
        <v>2795</v>
      </c>
      <c r="DN737" s="424"/>
      <c r="DO737" s="424"/>
      <c r="DP737" s="424"/>
      <c r="DQ737" s="423" t="s">
        <v>2795</v>
      </c>
      <c r="DR737" s="424"/>
      <c r="DS737" s="424"/>
      <c r="DT737" s="424"/>
      <c r="DU737" s="423" t="s">
        <v>2795</v>
      </c>
      <c r="DV737" s="424"/>
      <c r="DW737" s="424"/>
      <c r="DX737" s="424"/>
      <c r="DY737" s="423" t="s">
        <v>2795</v>
      </c>
      <c r="DZ737" s="424"/>
      <c r="EA737" s="424"/>
      <c r="EB737" s="424"/>
      <c r="EC737" s="423" t="s">
        <v>2795</v>
      </c>
      <c r="ED737" s="424"/>
      <c r="EE737" s="424"/>
      <c r="EF737" s="424"/>
      <c r="EG737" s="423" t="s">
        <v>2795</v>
      </c>
      <c r="EH737" s="424"/>
      <c r="EI737" s="424"/>
      <c r="EJ737" s="424"/>
      <c r="EK737" s="423" t="s">
        <v>2795</v>
      </c>
      <c r="EL737" s="424"/>
      <c r="EM737" s="424"/>
      <c r="EN737" s="424"/>
      <c r="EO737" s="423" t="s">
        <v>2795</v>
      </c>
      <c r="EP737" s="424"/>
      <c r="EQ737" s="424"/>
      <c r="ER737" s="424"/>
      <c r="ES737" s="423" t="s">
        <v>2795</v>
      </c>
      <c r="ET737" s="424"/>
      <c r="EU737" s="424"/>
      <c r="EV737" s="424"/>
      <c r="EW737" s="423" t="s">
        <v>2795</v>
      </c>
      <c r="EX737" s="424"/>
      <c r="EY737" s="424"/>
      <c r="EZ737" s="424"/>
      <c r="FA737" s="423" t="s">
        <v>2795</v>
      </c>
      <c r="FB737" s="424"/>
      <c r="FC737" s="424"/>
      <c r="FD737" s="424"/>
      <c r="FE737" s="423" t="s">
        <v>2795</v>
      </c>
      <c r="FF737" s="424"/>
      <c r="FG737" s="424"/>
      <c r="FH737" s="424"/>
      <c r="FI737" s="423" t="s">
        <v>2795</v>
      </c>
      <c r="FJ737" s="424"/>
      <c r="FK737" s="424"/>
      <c r="FL737" s="424"/>
      <c r="FM737" s="423" t="s">
        <v>2795</v>
      </c>
      <c r="FN737" s="424"/>
      <c r="FO737" s="424"/>
      <c r="FP737" s="424"/>
      <c r="FQ737" s="423" t="s">
        <v>2795</v>
      </c>
      <c r="FR737" s="424"/>
      <c r="FS737" s="424"/>
      <c r="FT737" s="424"/>
      <c r="FU737" s="423" t="s">
        <v>2795</v>
      </c>
      <c r="FV737" s="424"/>
      <c r="FW737" s="424"/>
      <c r="FX737" s="424"/>
      <c r="FY737" s="423" t="s">
        <v>2795</v>
      </c>
      <c r="FZ737" s="424"/>
      <c r="GA737" s="424"/>
      <c r="GB737" s="424"/>
      <c r="GC737" s="423" t="s">
        <v>2795</v>
      </c>
      <c r="GD737" s="424"/>
      <c r="GE737" s="424"/>
      <c r="GF737" s="424"/>
      <c r="GG737" s="423" t="s">
        <v>2795</v>
      </c>
      <c r="GH737" s="424"/>
      <c r="GI737" s="424"/>
      <c r="GJ737" s="424"/>
      <c r="GK737" s="423" t="s">
        <v>2795</v>
      </c>
      <c r="GL737" s="424"/>
      <c r="GM737" s="424"/>
      <c r="GN737" s="424"/>
      <c r="GO737" s="423" t="s">
        <v>2795</v>
      </c>
      <c r="GP737" s="424"/>
      <c r="GQ737" s="424"/>
      <c r="GR737" s="424"/>
      <c r="GS737" s="423" t="s">
        <v>2795</v>
      </c>
      <c r="GT737" s="424"/>
      <c r="GU737" s="424"/>
      <c r="GV737" s="424"/>
      <c r="GW737" s="423" t="s">
        <v>2795</v>
      </c>
      <c r="GX737" s="424"/>
      <c r="GY737" s="424"/>
      <c r="GZ737" s="424"/>
      <c r="HA737" s="423" t="s">
        <v>2795</v>
      </c>
      <c r="HB737" s="424"/>
      <c r="HC737" s="424"/>
      <c r="HD737" s="424"/>
      <c r="HE737" s="423" t="s">
        <v>2795</v>
      </c>
      <c r="HF737" s="424"/>
      <c r="HG737" s="424"/>
      <c r="HH737" s="424"/>
      <c r="HI737" s="423" t="s">
        <v>2795</v>
      </c>
      <c r="HJ737" s="424"/>
      <c r="HK737" s="424"/>
      <c r="HL737" s="424"/>
      <c r="HM737" s="423" t="s">
        <v>2795</v>
      </c>
      <c r="HN737" s="424"/>
      <c r="HO737" s="424"/>
      <c r="HP737" s="424"/>
      <c r="HQ737" s="423" t="s">
        <v>2795</v>
      </c>
      <c r="HR737" s="424"/>
      <c r="HS737" s="424"/>
      <c r="HT737" s="424"/>
      <c r="HU737" s="423" t="s">
        <v>2795</v>
      </c>
      <c r="HV737" s="424"/>
      <c r="HW737" s="424"/>
      <c r="HX737" s="424"/>
      <c r="HY737" s="423" t="s">
        <v>2795</v>
      </c>
      <c r="HZ737" s="424"/>
      <c r="IA737" s="424"/>
      <c r="IB737" s="424"/>
      <c r="IC737" s="423" t="s">
        <v>2795</v>
      </c>
      <c r="ID737" s="424"/>
      <c r="IE737" s="424"/>
      <c r="IF737" s="424"/>
      <c r="IG737" s="423" t="s">
        <v>2795</v>
      </c>
      <c r="IH737" s="424"/>
      <c r="II737" s="424"/>
      <c r="IJ737" s="424"/>
      <c r="IK737" s="423" t="s">
        <v>2795</v>
      </c>
      <c r="IL737" s="424"/>
      <c r="IM737" s="424"/>
      <c r="IN737" s="424"/>
      <c r="IO737" s="423" t="s">
        <v>2795</v>
      </c>
      <c r="IP737" s="424"/>
      <c r="IQ737" s="424"/>
      <c r="IR737" s="424"/>
      <c r="IS737" s="423" t="s">
        <v>2795</v>
      </c>
      <c r="IT737" s="424"/>
      <c r="IU737" s="424"/>
      <c r="IV737" s="424"/>
      <c r="IW737" s="423" t="s">
        <v>2795</v>
      </c>
      <c r="IX737" s="424"/>
      <c r="IY737" s="424"/>
      <c r="IZ737" s="424"/>
      <c r="JA737" s="423" t="s">
        <v>2795</v>
      </c>
      <c r="JB737" s="424"/>
      <c r="JC737" s="424"/>
      <c r="JD737" s="424"/>
      <c r="JE737" s="423" t="s">
        <v>2795</v>
      </c>
      <c r="JF737" s="424"/>
      <c r="JG737" s="424"/>
      <c r="JH737" s="424"/>
      <c r="JI737" s="423" t="s">
        <v>2795</v>
      </c>
      <c r="JJ737" s="424"/>
      <c r="JK737" s="424"/>
      <c r="JL737" s="424"/>
      <c r="JM737" s="423" t="s">
        <v>2795</v>
      </c>
      <c r="JN737" s="424"/>
      <c r="JO737" s="424"/>
      <c r="JP737" s="424"/>
      <c r="JQ737" s="423" t="s">
        <v>2795</v>
      </c>
      <c r="JR737" s="424"/>
      <c r="JS737" s="424"/>
      <c r="JT737" s="424"/>
      <c r="JU737" s="423" t="s">
        <v>2795</v>
      </c>
      <c r="JV737" s="424"/>
      <c r="JW737" s="424"/>
      <c r="JX737" s="424"/>
      <c r="JY737" s="423" t="s">
        <v>2795</v>
      </c>
      <c r="JZ737" s="424"/>
      <c r="KA737" s="424"/>
      <c r="KB737" s="424"/>
      <c r="KC737" s="423" t="s">
        <v>2795</v>
      </c>
      <c r="KD737" s="424"/>
      <c r="KE737" s="424"/>
      <c r="KF737" s="424"/>
      <c r="KG737" s="423" t="s">
        <v>2795</v>
      </c>
      <c r="KH737" s="424"/>
      <c r="KI737" s="424"/>
      <c r="KJ737" s="424"/>
      <c r="KK737" s="423" t="s">
        <v>2795</v>
      </c>
      <c r="KL737" s="424"/>
      <c r="KM737" s="424"/>
      <c r="KN737" s="424"/>
      <c r="KO737" s="423" t="s">
        <v>2795</v>
      </c>
      <c r="KP737" s="424"/>
      <c r="KQ737" s="424"/>
      <c r="KR737" s="424"/>
      <c r="KS737" s="423" t="s">
        <v>2795</v>
      </c>
      <c r="KT737" s="424"/>
      <c r="KU737" s="424"/>
      <c r="KV737" s="424"/>
      <c r="KW737" s="423" t="s">
        <v>2795</v>
      </c>
      <c r="KX737" s="424"/>
      <c r="KY737" s="424"/>
      <c r="KZ737" s="424"/>
      <c r="LA737" s="423" t="s">
        <v>2795</v>
      </c>
      <c r="LB737" s="424"/>
      <c r="LC737" s="424"/>
      <c r="LD737" s="424"/>
      <c r="LE737" s="423" t="s">
        <v>2795</v>
      </c>
      <c r="LF737" s="424"/>
      <c r="LG737" s="424"/>
      <c r="LH737" s="424"/>
      <c r="LI737" s="423" t="s">
        <v>2795</v>
      </c>
      <c r="LJ737" s="424"/>
      <c r="LK737" s="424"/>
      <c r="LL737" s="424"/>
      <c r="LM737" s="423" t="s">
        <v>2795</v>
      </c>
      <c r="LN737" s="424"/>
      <c r="LO737" s="424"/>
      <c r="LP737" s="424"/>
      <c r="LQ737" s="423" t="s">
        <v>2795</v>
      </c>
      <c r="LR737" s="424"/>
      <c r="LS737" s="424"/>
      <c r="LT737" s="424"/>
      <c r="LU737" s="423" t="s">
        <v>2795</v>
      </c>
      <c r="LV737" s="424"/>
      <c r="LW737" s="424"/>
      <c r="LX737" s="424"/>
      <c r="LY737" s="423" t="s">
        <v>2795</v>
      </c>
      <c r="LZ737" s="424"/>
      <c r="MA737" s="424"/>
      <c r="MB737" s="424"/>
      <c r="MC737" s="423" t="s">
        <v>2795</v>
      </c>
      <c r="MD737" s="424"/>
      <c r="ME737" s="424"/>
      <c r="MF737" s="424"/>
      <c r="MG737" s="423" t="s">
        <v>2795</v>
      </c>
      <c r="MH737" s="424"/>
      <c r="MI737" s="424"/>
      <c r="MJ737" s="424"/>
      <c r="MK737" s="423" t="s">
        <v>2795</v>
      </c>
      <c r="ML737" s="424"/>
      <c r="MM737" s="424"/>
      <c r="MN737" s="424"/>
      <c r="MO737" s="423" t="s">
        <v>2795</v>
      </c>
      <c r="MP737" s="424"/>
      <c r="MQ737" s="424"/>
      <c r="MR737" s="424"/>
      <c r="MS737" s="423" t="s">
        <v>2795</v>
      </c>
      <c r="MT737" s="424"/>
      <c r="MU737" s="424"/>
      <c r="MV737" s="424"/>
      <c r="MW737" s="423" t="s">
        <v>2795</v>
      </c>
      <c r="MX737" s="424"/>
      <c r="MY737" s="424"/>
      <c r="MZ737" s="424"/>
      <c r="NA737" s="423" t="s">
        <v>2795</v>
      </c>
      <c r="NB737" s="424"/>
      <c r="NC737" s="424"/>
      <c r="ND737" s="424"/>
      <c r="NE737" s="423" t="s">
        <v>2795</v>
      </c>
      <c r="NF737" s="424"/>
      <c r="NG737" s="424"/>
      <c r="NH737" s="424"/>
      <c r="NI737" s="423" t="s">
        <v>2795</v>
      </c>
      <c r="NJ737" s="424"/>
      <c r="NK737" s="424"/>
      <c r="NL737" s="424"/>
      <c r="NM737" s="423" t="s">
        <v>2795</v>
      </c>
      <c r="NN737" s="424"/>
      <c r="NO737" s="424"/>
      <c r="NP737" s="424"/>
      <c r="NQ737" s="423" t="s">
        <v>2795</v>
      </c>
      <c r="NR737" s="424"/>
      <c r="NS737" s="424"/>
      <c r="NT737" s="424"/>
      <c r="NU737" s="423" t="s">
        <v>2795</v>
      </c>
      <c r="NV737" s="424"/>
      <c r="NW737" s="424"/>
      <c r="NX737" s="424"/>
      <c r="NY737" s="423" t="s">
        <v>2795</v>
      </c>
      <c r="NZ737" s="424"/>
      <c r="OA737" s="424"/>
      <c r="OB737" s="424"/>
      <c r="OC737" s="423" t="s">
        <v>2795</v>
      </c>
      <c r="OD737" s="424"/>
      <c r="OE737" s="424"/>
      <c r="OF737" s="424"/>
      <c r="OG737" s="423" t="s">
        <v>2795</v>
      </c>
      <c r="OH737" s="424"/>
      <c r="OI737" s="424"/>
      <c r="OJ737" s="424"/>
      <c r="OK737" s="423" t="s">
        <v>2795</v>
      </c>
      <c r="OL737" s="424"/>
      <c r="OM737" s="424"/>
      <c r="ON737" s="424"/>
      <c r="OO737" s="423" t="s">
        <v>2795</v>
      </c>
      <c r="OP737" s="424"/>
      <c r="OQ737" s="424"/>
      <c r="OR737" s="424"/>
      <c r="OS737" s="423" t="s">
        <v>2795</v>
      </c>
      <c r="OT737" s="424"/>
      <c r="OU737" s="424"/>
      <c r="OV737" s="424"/>
      <c r="OW737" s="423" t="s">
        <v>2795</v>
      </c>
      <c r="OX737" s="424"/>
      <c r="OY737" s="424"/>
      <c r="OZ737" s="424"/>
      <c r="PA737" s="423" t="s">
        <v>2795</v>
      </c>
      <c r="PB737" s="424"/>
      <c r="PC737" s="424"/>
      <c r="PD737" s="424"/>
      <c r="PE737" s="423" t="s">
        <v>2795</v>
      </c>
      <c r="PF737" s="424"/>
      <c r="PG737" s="424"/>
      <c r="PH737" s="424"/>
      <c r="PI737" s="423" t="s">
        <v>2795</v>
      </c>
      <c r="PJ737" s="424"/>
      <c r="PK737" s="424"/>
      <c r="PL737" s="424"/>
      <c r="PM737" s="423" t="s">
        <v>2795</v>
      </c>
      <c r="PN737" s="424"/>
      <c r="PO737" s="424"/>
      <c r="PP737" s="424"/>
      <c r="PQ737" s="423" t="s">
        <v>2795</v>
      </c>
      <c r="PR737" s="424"/>
      <c r="PS737" s="424"/>
      <c r="PT737" s="424"/>
      <c r="PU737" s="423" t="s">
        <v>2795</v>
      </c>
      <c r="PV737" s="424"/>
      <c r="PW737" s="424"/>
      <c r="PX737" s="424"/>
      <c r="PY737" s="423" t="s">
        <v>2795</v>
      </c>
      <c r="PZ737" s="424"/>
      <c r="QA737" s="424"/>
      <c r="QB737" s="424"/>
      <c r="QC737" s="423" t="s">
        <v>2795</v>
      </c>
      <c r="QD737" s="424"/>
      <c r="QE737" s="424"/>
      <c r="QF737" s="424"/>
      <c r="QG737" s="423" t="s">
        <v>2795</v>
      </c>
      <c r="QH737" s="424"/>
      <c r="QI737" s="424"/>
      <c r="QJ737" s="424"/>
      <c r="QK737" s="423" t="s">
        <v>2795</v>
      </c>
      <c r="QL737" s="424"/>
      <c r="QM737" s="424"/>
      <c r="QN737" s="424"/>
      <c r="QO737" s="423" t="s">
        <v>2795</v>
      </c>
      <c r="QP737" s="424"/>
      <c r="QQ737" s="424"/>
      <c r="QR737" s="424"/>
      <c r="QS737" s="423" t="s">
        <v>2795</v>
      </c>
      <c r="QT737" s="424"/>
      <c r="QU737" s="424"/>
      <c r="QV737" s="424"/>
      <c r="QW737" s="423" t="s">
        <v>2795</v>
      </c>
      <c r="QX737" s="424"/>
      <c r="QY737" s="424"/>
      <c r="QZ737" s="424"/>
      <c r="RA737" s="423" t="s">
        <v>2795</v>
      </c>
      <c r="RB737" s="424"/>
      <c r="RC737" s="424"/>
      <c r="RD737" s="424"/>
      <c r="RE737" s="423" t="s">
        <v>2795</v>
      </c>
      <c r="RF737" s="424"/>
      <c r="RG737" s="424"/>
      <c r="RH737" s="424"/>
      <c r="RI737" s="423" t="s">
        <v>2795</v>
      </c>
      <c r="RJ737" s="424"/>
      <c r="RK737" s="424"/>
      <c r="RL737" s="424"/>
      <c r="RM737" s="423" t="s">
        <v>2795</v>
      </c>
      <c r="RN737" s="424"/>
      <c r="RO737" s="424"/>
      <c r="RP737" s="424"/>
      <c r="RQ737" s="423" t="s">
        <v>2795</v>
      </c>
      <c r="RR737" s="424"/>
      <c r="RS737" s="424"/>
      <c r="RT737" s="424"/>
      <c r="RU737" s="423" t="s">
        <v>2795</v>
      </c>
      <c r="RV737" s="424"/>
      <c r="RW737" s="424"/>
      <c r="RX737" s="424"/>
      <c r="RY737" s="423" t="s">
        <v>2795</v>
      </c>
      <c r="RZ737" s="424"/>
      <c r="SA737" s="424"/>
      <c r="SB737" s="424"/>
      <c r="SC737" s="423" t="s">
        <v>2795</v>
      </c>
      <c r="SD737" s="424"/>
      <c r="SE737" s="424"/>
      <c r="SF737" s="424"/>
      <c r="SG737" s="423" t="s">
        <v>2795</v>
      </c>
      <c r="SH737" s="424"/>
      <c r="SI737" s="424"/>
      <c r="SJ737" s="424"/>
      <c r="SK737" s="423" t="s">
        <v>2795</v>
      </c>
      <c r="SL737" s="424"/>
      <c r="SM737" s="424"/>
      <c r="SN737" s="424"/>
      <c r="SO737" s="423" t="s">
        <v>2795</v>
      </c>
      <c r="SP737" s="424"/>
      <c r="SQ737" s="424"/>
      <c r="SR737" s="424"/>
      <c r="SS737" s="423" t="s">
        <v>2795</v>
      </c>
      <c r="ST737" s="424"/>
      <c r="SU737" s="424"/>
      <c r="SV737" s="424"/>
      <c r="SW737" s="423" t="s">
        <v>2795</v>
      </c>
      <c r="SX737" s="424"/>
      <c r="SY737" s="424"/>
      <c r="SZ737" s="424"/>
      <c r="TA737" s="423" t="s">
        <v>2795</v>
      </c>
      <c r="TB737" s="424"/>
      <c r="TC737" s="424"/>
      <c r="TD737" s="424"/>
      <c r="TE737" s="423" t="s">
        <v>2795</v>
      </c>
      <c r="TF737" s="424"/>
      <c r="TG737" s="424"/>
      <c r="TH737" s="424"/>
      <c r="TI737" s="423" t="s">
        <v>2795</v>
      </c>
      <c r="TJ737" s="424"/>
      <c r="TK737" s="424"/>
      <c r="TL737" s="424"/>
      <c r="TM737" s="423" t="s">
        <v>2795</v>
      </c>
      <c r="TN737" s="424"/>
      <c r="TO737" s="424"/>
      <c r="TP737" s="424"/>
      <c r="TQ737" s="423" t="s">
        <v>2795</v>
      </c>
      <c r="TR737" s="424"/>
      <c r="TS737" s="424"/>
      <c r="TT737" s="424"/>
      <c r="TU737" s="423" t="s">
        <v>2795</v>
      </c>
      <c r="TV737" s="424"/>
      <c r="TW737" s="424"/>
      <c r="TX737" s="424"/>
      <c r="TY737" s="423" t="s">
        <v>2795</v>
      </c>
      <c r="TZ737" s="424"/>
      <c r="UA737" s="424"/>
      <c r="UB737" s="424"/>
      <c r="UC737" s="423" t="s">
        <v>2795</v>
      </c>
      <c r="UD737" s="424"/>
      <c r="UE737" s="424"/>
      <c r="UF737" s="424"/>
      <c r="UG737" s="423" t="s">
        <v>2795</v>
      </c>
      <c r="UH737" s="424"/>
      <c r="UI737" s="424"/>
      <c r="UJ737" s="424"/>
      <c r="UK737" s="423" t="s">
        <v>2795</v>
      </c>
      <c r="UL737" s="424"/>
      <c r="UM737" s="424"/>
      <c r="UN737" s="424"/>
      <c r="UO737" s="423" t="s">
        <v>2795</v>
      </c>
      <c r="UP737" s="424"/>
      <c r="UQ737" s="424"/>
      <c r="UR737" s="424"/>
      <c r="US737" s="423" t="s">
        <v>2795</v>
      </c>
      <c r="UT737" s="424"/>
      <c r="UU737" s="424"/>
      <c r="UV737" s="424"/>
      <c r="UW737" s="423" t="s">
        <v>2795</v>
      </c>
      <c r="UX737" s="424"/>
      <c r="UY737" s="424"/>
      <c r="UZ737" s="424"/>
      <c r="VA737" s="423" t="s">
        <v>2795</v>
      </c>
      <c r="VB737" s="424"/>
      <c r="VC737" s="424"/>
      <c r="VD737" s="424"/>
      <c r="VE737" s="423" t="s">
        <v>2795</v>
      </c>
      <c r="VF737" s="424"/>
      <c r="VG737" s="424"/>
      <c r="VH737" s="424"/>
      <c r="VI737" s="423" t="s">
        <v>2795</v>
      </c>
      <c r="VJ737" s="424"/>
      <c r="VK737" s="424"/>
      <c r="VL737" s="424"/>
      <c r="VM737" s="423" t="s">
        <v>2795</v>
      </c>
      <c r="VN737" s="424"/>
      <c r="VO737" s="424"/>
      <c r="VP737" s="424"/>
      <c r="VQ737" s="423" t="s">
        <v>2795</v>
      </c>
      <c r="VR737" s="424"/>
      <c r="VS737" s="424"/>
      <c r="VT737" s="424"/>
      <c r="VU737" s="423" t="s">
        <v>2795</v>
      </c>
      <c r="VV737" s="424"/>
      <c r="VW737" s="424"/>
      <c r="VX737" s="424"/>
      <c r="VY737" s="423" t="s">
        <v>2795</v>
      </c>
      <c r="VZ737" s="424"/>
      <c r="WA737" s="424"/>
      <c r="WB737" s="424"/>
      <c r="WC737" s="423" t="s">
        <v>2795</v>
      </c>
      <c r="WD737" s="424"/>
      <c r="WE737" s="424"/>
      <c r="WF737" s="424"/>
      <c r="WG737" s="423" t="s">
        <v>2795</v>
      </c>
      <c r="WH737" s="424"/>
      <c r="WI737" s="424"/>
      <c r="WJ737" s="424"/>
      <c r="WK737" s="423" t="s">
        <v>2795</v>
      </c>
      <c r="WL737" s="424"/>
      <c r="WM737" s="424"/>
      <c r="WN737" s="424"/>
      <c r="WO737" s="423" t="s">
        <v>2795</v>
      </c>
      <c r="WP737" s="424"/>
      <c r="WQ737" s="424"/>
      <c r="WR737" s="424"/>
      <c r="WS737" s="423" t="s">
        <v>2795</v>
      </c>
      <c r="WT737" s="424"/>
      <c r="WU737" s="424"/>
      <c r="WV737" s="424"/>
      <c r="WW737" s="423" t="s">
        <v>2795</v>
      </c>
      <c r="WX737" s="424"/>
      <c r="WY737" s="424"/>
      <c r="WZ737" s="424"/>
      <c r="XA737" s="423" t="s">
        <v>2795</v>
      </c>
      <c r="XB737" s="424"/>
      <c r="XC737" s="424"/>
      <c r="XD737" s="424"/>
      <c r="XE737" s="423" t="s">
        <v>2795</v>
      </c>
      <c r="XF737" s="424"/>
      <c r="XG737" s="424"/>
      <c r="XH737" s="424"/>
      <c r="XI737" s="423" t="s">
        <v>2795</v>
      </c>
      <c r="XJ737" s="424"/>
      <c r="XK737" s="424"/>
      <c r="XL737" s="424"/>
      <c r="XM737" s="423" t="s">
        <v>2795</v>
      </c>
      <c r="XN737" s="424"/>
      <c r="XO737" s="424"/>
      <c r="XP737" s="424"/>
      <c r="XQ737" s="423" t="s">
        <v>2795</v>
      </c>
      <c r="XR737" s="424"/>
      <c r="XS737" s="424"/>
      <c r="XT737" s="424"/>
      <c r="XU737" s="423" t="s">
        <v>2795</v>
      </c>
      <c r="XV737" s="424"/>
      <c r="XW737" s="424"/>
      <c r="XX737" s="424"/>
      <c r="XY737" s="423" t="s">
        <v>2795</v>
      </c>
      <c r="XZ737" s="424"/>
      <c r="YA737" s="424"/>
      <c r="YB737" s="424"/>
      <c r="YC737" s="423" t="s">
        <v>2795</v>
      </c>
      <c r="YD737" s="424"/>
      <c r="YE737" s="424"/>
      <c r="YF737" s="424"/>
      <c r="YG737" s="423" t="s">
        <v>2795</v>
      </c>
      <c r="YH737" s="424"/>
      <c r="YI737" s="424"/>
      <c r="YJ737" s="424"/>
      <c r="YK737" s="423" t="s">
        <v>2795</v>
      </c>
      <c r="YL737" s="424"/>
      <c r="YM737" s="424"/>
      <c r="YN737" s="424"/>
      <c r="YO737" s="423" t="s">
        <v>2795</v>
      </c>
      <c r="YP737" s="424"/>
      <c r="YQ737" s="424"/>
      <c r="YR737" s="424"/>
      <c r="YS737" s="423" t="s">
        <v>2795</v>
      </c>
      <c r="YT737" s="424"/>
      <c r="YU737" s="424"/>
      <c r="YV737" s="424"/>
      <c r="YW737" s="423" t="s">
        <v>2795</v>
      </c>
      <c r="YX737" s="424"/>
      <c r="YY737" s="424"/>
      <c r="YZ737" s="424"/>
      <c r="ZA737" s="423" t="s">
        <v>2795</v>
      </c>
      <c r="ZB737" s="424"/>
      <c r="ZC737" s="424"/>
      <c r="ZD737" s="424"/>
      <c r="ZE737" s="423" t="s">
        <v>2795</v>
      </c>
      <c r="ZF737" s="424"/>
      <c r="ZG737" s="424"/>
      <c r="ZH737" s="424"/>
      <c r="ZI737" s="423" t="s">
        <v>2795</v>
      </c>
      <c r="ZJ737" s="424"/>
      <c r="ZK737" s="424"/>
      <c r="ZL737" s="424"/>
      <c r="ZM737" s="423" t="s">
        <v>2795</v>
      </c>
      <c r="ZN737" s="424"/>
      <c r="ZO737" s="424"/>
      <c r="ZP737" s="424"/>
      <c r="ZQ737" s="423" t="s">
        <v>2795</v>
      </c>
      <c r="ZR737" s="424"/>
      <c r="ZS737" s="424"/>
      <c r="ZT737" s="424"/>
      <c r="ZU737" s="423" t="s">
        <v>2795</v>
      </c>
      <c r="ZV737" s="424"/>
      <c r="ZW737" s="424"/>
      <c r="ZX737" s="424"/>
      <c r="ZY737" s="423" t="s">
        <v>2795</v>
      </c>
      <c r="ZZ737" s="424"/>
      <c r="AAA737" s="424"/>
      <c r="AAB737" s="424"/>
      <c r="AAC737" s="423" t="s">
        <v>2795</v>
      </c>
      <c r="AAD737" s="424"/>
      <c r="AAE737" s="424"/>
      <c r="AAF737" s="424"/>
      <c r="AAG737" s="423" t="s">
        <v>2795</v>
      </c>
      <c r="AAH737" s="424"/>
      <c r="AAI737" s="424"/>
      <c r="AAJ737" s="424"/>
      <c r="AAK737" s="423" t="s">
        <v>2795</v>
      </c>
      <c r="AAL737" s="424"/>
      <c r="AAM737" s="424"/>
      <c r="AAN737" s="424"/>
      <c r="AAO737" s="423" t="s">
        <v>2795</v>
      </c>
      <c r="AAP737" s="424"/>
      <c r="AAQ737" s="424"/>
      <c r="AAR737" s="424"/>
      <c r="AAS737" s="423" t="s">
        <v>2795</v>
      </c>
      <c r="AAT737" s="424"/>
      <c r="AAU737" s="424"/>
      <c r="AAV737" s="424"/>
      <c r="AAW737" s="423" t="s">
        <v>2795</v>
      </c>
      <c r="AAX737" s="424"/>
      <c r="AAY737" s="424"/>
      <c r="AAZ737" s="424"/>
      <c r="ABA737" s="423" t="s">
        <v>2795</v>
      </c>
      <c r="ABB737" s="424"/>
      <c r="ABC737" s="424"/>
      <c r="ABD737" s="424"/>
      <c r="ABE737" s="423" t="s">
        <v>2795</v>
      </c>
      <c r="ABF737" s="424"/>
      <c r="ABG737" s="424"/>
      <c r="ABH737" s="424"/>
      <c r="ABI737" s="423" t="s">
        <v>2795</v>
      </c>
      <c r="ABJ737" s="424"/>
      <c r="ABK737" s="424"/>
      <c r="ABL737" s="424"/>
      <c r="ABM737" s="423" t="s">
        <v>2795</v>
      </c>
      <c r="ABN737" s="424"/>
      <c r="ABO737" s="424"/>
      <c r="ABP737" s="424"/>
      <c r="ABQ737" s="423" t="s">
        <v>2795</v>
      </c>
      <c r="ABR737" s="424"/>
      <c r="ABS737" s="424"/>
      <c r="ABT737" s="424"/>
      <c r="ABU737" s="423" t="s">
        <v>2795</v>
      </c>
      <c r="ABV737" s="424"/>
      <c r="ABW737" s="424"/>
      <c r="ABX737" s="424"/>
      <c r="ABY737" s="423" t="s">
        <v>2795</v>
      </c>
      <c r="ABZ737" s="424"/>
      <c r="ACA737" s="424"/>
      <c r="ACB737" s="424"/>
      <c r="ACC737" s="423" t="s">
        <v>2795</v>
      </c>
      <c r="ACD737" s="424"/>
      <c r="ACE737" s="424"/>
      <c r="ACF737" s="424"/>
      <c r="ACG737" s="423" t="s">
        <v>2795</v>
      </c>
      <c r="ACH737" s="424"/>
      <c r="ACI737" s="424"/>
      <c r="ACJ737" s="424"/>
      <c r="ACK737" s="423" t="s">
        <v>2795</v>
      </c>
      <c r="ACL737" s="424"/>
      <c r="ACM737" s="424"/>
      <c r="ACN737" s="424"/>
      <c r="ACO737" s="423" t="s">
        <v>2795</v>
      </c>
      <c r="ACP737" s="424"/>
      <c r="ACQ737" s="424"/>
      <c r="ACR737" s="424"/>
      <c r="ACS737" s="423" t="s">
        <v>2795</v>
      </c>
      <c r="ACT737" s="424"/>
      <c r="ACU737" s="424"/>
      <c r="ACV737" s="424"/>
      <c r="ACW737" s="423" t="s">
        <v>2795</v>
      </c>
      <c r="ACX737" s="424"/>
      <c r="ACY737" s="424"/>
      <c r="ACZ737" s="424"/>
      <c r="ADA737" s="423" t="s">
        <v>2795</v>
      </c>
      <c r="ADB737" s="424"/>
      <c r="ADC737" s="424"/>
      <c r="ADD737" s="424"/>
      <c r="ADE737" s="423" t="s">
        <v>2795</v>
      </c>
      <c r="ADF737" s="424"/>
      <c r="ADG737" s="424"/>
      <c r="ADH737" s="424"/>
      <c r="ADI737" s="423" t="s">
        <v>2795</v>
      </c>
      <c r="ADJ737" s="424"/>
      <c r="ADK737" s="424"/>
      <c r="ADL737" s="424"/>
      <c r="ADM737" s="423" t="s">
        <v>2795</v>
      </c>
      <c r="ADN737" s="424"/>
      <c r="ADO737" s="424"/>
      <c r="ADP737" s="424"/>
      <c r="ADQ737" s="423" t="s">
        <v>2795</v>
      </c>
      <c r="ADR737" s="424"/>
      <c r="ADS737" s="424"/>
      <c r="ADT737" s="424"/>
      <c r="ADU737" s="423" t="s">
        <v>2795</v>
      </c>
      <c r="ADV737" s="424"/>
      <c r="ADW737" s="424"/>
      <c r="ADX737" s="424"/>
      <c r="ADY737" s="423" t="s">
        <v>2795</v>
      </c>
      <c r="ADZ737" s="424"/>
      <c r="AEA737" s="424"/>
      <c r="AEB737" s="424"/>
      <c r="AEC737" s="423" t="s">
        <v>2795</v>
      </c>
      <c r="AED737" s="424"/>
      <c r="AEE737" s="424"/>
      <c r="AEF737" s="424"/>
      <c r="AEG737" s="423" t="s">
        <v>2795</v>
      </c>
      <c r="AEH737" s="424"/>
      <c r="AEI737" s="424"/>
      <c r="AEJ737" s="424"/>
      <c r="AEK737" s="423" t="s">
        <v>2795</v>
      </c>
      <c r="AEL737" s="424"/>
      <c r="AEM737" s="424"/>
      <c r="AEN737" s="424"/>
      <c r="AEO737" s="423" t="s">
        <v>2795</v>
      </c>
      <c r="AEP737" s="424"/>
      <c r="AEQ737" s="424"/>
      <c r="AER737" s="424"/>
      <c r="AES737" s="423" t="s">
        <v>2795</v>
      </c>
      <c r="AET737" s="424"/>
      <c r="AEU737" s="424"/>
      <c r="AEV737" s="424"/>
      <c r="AEW737" s="423" t="s">
        <v>2795</v>
      </c>
      <c r="AEX737" s="424"/>
      <c r="AEY737" s="424"/>
      <c r="AEZ737" s="424"/>
      <c r="AFA737" s="423" t="s">
        <v>2795</v>
      </c>
      <c r="AFB737" s="424"/>
      <c r="AFC737" s="424"/>
      <c r="AFD737" s="424"/>
      <c r="AFE737" s="423" t="s">
        <v>2795</v>
      </c>
      <c r="AFF737" s="424"/>
      <c r="AFG737" s="424"/>
      <c r="AFH737" s="424"/>
      <c r="AFI737" s="423" t="s">
        <v>2795</v>
      </c>
      <c r="AFJ737" s="424"/>
      <c r="AFK737" s="424"/>
      <c r="AFL737" s="424"/>
      <c r="AFM737" s="423" t="s">
        <v>2795</v>
      </c>
      <c r="AFN737" s="424"/>
      <c r="AFO737" s="424"/>
      <c r="AFP737" s="424"/>
      <c r="AFQ737" s="423" t="s">
        <v>2795</v>
      </c>
      <c r="AFR737" s="424"/>
      <c r="AFS737" s="424"/>
      <c r="AFT737" s="424"/>
      <c r="AFU737" s="423" t="s">
        <v>2795</v>
      </c>
      <c r="AFV737" s="424"/>
      <c r="AFW737" s="424"/>
      <c r="AFX737" s="424"/>
      <c r="AFY737" s="423" t="s">
        <v>2795</v>
      </c>
      <c r="AFZ737" s="424"/>
      <c r="AGA737" s="424"/>
      <c r="AGB737" s="424"/>
      <c r="AGC737" s="423" t="s">
        <v>2795</v>
      </c>
      <c r="AGD737" s="424"/>
      <c r="AGE737" s="424"/>
      <c r="AGF737" s="424"/>
      <c r="AGG737" s="423" t="s">
        <v>2795</v>
      </c>
      <c r="AGH737" s="424"/>
      <c r="AGI737" s="424"/>
      <c r="AGJ737" s="424"/>
      <c r="AGK737" s="423" t="s">
        <v>2795</v>
      </c>
      <c r="AGL737" s="424"/>
      <c r="AGM737" s="424"/>
      <c r="AGN737" s="424"/>
      <c r="AGO737" s="423" t="s">
        <v>2795</v>
      </c>
      <c r="AGP737" s="424"/>
      <c r="AGQ737" s="424"/>
      <c r="AGR737" s="424"/>
      <c r="AGS737" s="423" t="s">
        <v>2795</v>
      </c>
      <c r="AGT737" s="424"/>
      <c r="AGU737" s="424"/>
      <c r="AGV737" s="424"/>
      <c r="AGW737" s="423" t="s">
        <v>2795</v>
      </c>
      <c r="AGX737" s="424"/>
      <c r="AGY737" s="424"/>
      <c r="AGZ737" s="424"/>
      <c r="AHA737" s="423" t="s">
        <v>2795</v>
      </c>
      <c r="AHB737" s="424"/>
      <c r="AHC737" s="424"/>
      <c r="AHD737" s="424"/>
      <c r="AHE737" s="423" t="s">
        <v>2795</v>
      </c>
      <c r="AHF737" s="424"/>
      <c r="AHG737" s="424"/>
      <c r="AHH737" s="424"/>
      <c r="AHI737" s="423" t="s">
        <v>2795</v>
      </c>
      <c r="AHJ737" s="424"/>
      <c r="AHK737" s="424"/>
      <c r="AHL737" s="424"/>
      <c r="AHM737" s="423" t="s">
        <v>2795</v>
      </c>
      <c r="AHN737" s="424"/>
      <c r="AHO737" s="424"/>
      <c r="AHP737" s="424"/>
      <c r="AHQ737" s="423" t="s">
        <v>2795</v>
      </c>
      <c r="AHR737" s="424"/>
      <c r="AHS737" s="424"/>
      <c r="AHT737" s="424"/>
      <c r="AHU737" s="423" t="s">
        <v>2795</v>
      </c>
      <c r="AHV737" s="424"/>
      <c r="AHW737" s="424"/>
      <c r="AHX737" s="424"/>
      <c r="AHY737" s="423" t="s">
        <v>2795</v>
      </c>
      <c r="AHZ737" s="424"/>
      <c r="AIA737" s="424"/>
      <c r="AIB737" s="424"/>
      <c r="AIC737" s="423" t="s">
        <v>2795</v>
      </c>
      <c r="AID737" s="424"/>
      <c r="AIE737" s="424"/>
      <c r="AIF737" s="424"/>
      <c r="AIG737" s="423" t="s">
        <v>2795</v>
      </c>
      <c r="AIH737" s="424"/>
      <c r="AII737" s="424"/>
      <c r="AIJ737" s="424"/>
      <c r="AIK737" s="423" t="s">
        <v>2795</v>
      </c>
      <c r="AIL737" s="424"/>
      <c r="AIM737" s="424"/>
      <c r="AIN737" s="424"/>
      <c r="AIO737" s="423" t="s">
        <v>2795</v>
      </c>
      <c r="AIP737" s="424"/>
      <c r="AIQ737" s="424"/>
      <c r="AIR737" s="424"/>
      <c r="AIS737" s="423" t="s">
        <v>2795</v>
      </c>
      <c r="AIT737" s="424"/>
      <c r="AIU737" s="424"/>
      <c r="AIV737" s="424"/>
      <c r="AIW737" s="423" t="s">
        <v>2795</v>
      </c>
      <c r="AIX737" s="424"/>
      <c r="AIY737" s="424"/>
      <c r="AIZ737" s="424"/>
      <c r="AJA737" s="423" t="s">
        <v>2795</v>
      </c>
      <c r="AJB737" s="424"/>
      <c r="AJC737" s="424"/>
      <c r="AJD737" s="424"/>
      <c r="AJE737" s="423" t="s">
        <v>2795</v>
      </c>
      <c r="AJF737" s="424"/>
      <c r="AJG737" s="424"/>
      <c r="AJH737" s="424"/>
      <c r="AJI737" s="423" t="s">
        <v>2795</v>
      </c>
      <c r="AJJ737" s="424"/>
      <c r="AJK737" s="424"/>
      <c r="AJL737" s="424"/>
      <c r="AJM737" s="423" t="s">
        <v>2795</v>
      </c>
      <c r="AJN737" s="424"/>
      <c r="AJO737" s="424"/>
      <c r="AJP737" s="424"/>
      <c r="AJQ737" s="423" t="s">
        <v>2795</v>
      </c>
      <c r="AJR737" s="424"/>
      <c r="AJS737" s="424"/>
      <c r="AJT737" s="424"/>
      <c r="AJU737" s="423" t="s">
        <v>2795</v>
      </c>
      <c r="AJV737" s="424"/>
      <c r="AJW737" s="424"/>
      <c r="AJX737" s="424"/>
      <c r="AJY737" s="423" t="s">
        <v>2795</v>
      </c>
      <c r="AJZ737" s="424"/>
      <c r="AKA737" s="424"/>
      <c r="AKB737" s="424"/>
      <c r="AKC737" s="423" t="s">
        <v>2795</v>
      </c>
      <c r="AKD737" s="424"/>
      <c r="AKE737" s="424"/>
      <c r="AKF737" s="424"/>
      <c r="AKG737" s="423" t="s">
        <v>2795</v>
      </c>
      <c r="AKH737" s="424"/>
      <c r="AKI737" s="424"/>
      <c r="AKJ737" s="424"/>
      <c r="AKK737" s="423" t="s">
        <v>2795</v>
      </c>
      <c r="AKL737" s="424"/>
      <c r="AKM737" s="424"/>
      <c r="AKN737" s="424"/>
      <c r="AKO737" s="423" t="s">
        <v>2795</v>
      </c>
      <c r="AKP737" s="424"/>
      <c r="AKQ737" s="424"/>
      <c r="AKR737" s="424"/>
      <c r="AKS737" s="423" t="s">
        <v>2795</v>
      </c>
      <c r="AKT737" s="424"/>
      <c r="AKU737" s="424"/>
      <c r="AKV737" s="424"/>
      <c r="AKW737" s="423" t="s">
        <v>2795</v>
      </c>
      <c r="AKX737" s="424"/>
      <c r="AKY737" s="424"/>
      <c r="AKZ737" s="424"/>
      <c r="ALA737" s="423" t="s">
        <v>2795</v>
      </c>
      <c r="ALB737" s="424"/>
      <c r="ALC737" s="424"/>
      <c r="ALD737" s="424"/>
      <c r="ALE737" s="423" t="s">
        <v>2795</v>
      </c>
      <c r="ALF737" s="424"/>
      <c r="ALG737" s="424"/>
      <c r="ALH737" s="424"/>
      <c r="ALI737" s="423" t="s">
        <v>2795</v>
      </c>
      <c r="ALJ737" s="424"/>
      <c r="ALK737" s="424"/>
      <c r="ALL737" s="424"/>
      <c r="ALM737" s="423" t="s">
        <v>2795</v>
      </c>
      <c r="ALN737" s="424"/>
      <c r="ALO737" s="424"/>
      <c r="ALP737" s="424"/>
      <c r="ALQ737" s="423" t="s">
        <v>2795</v>
      </c>
      <c r="ALR737" s="424"/>
      <c r="ALS737" s="424"/>
      <c r="ALT737" s="424"/>
      <c r="ALU737" s="423" t="s">
        <v>2795</v>
      </c>
      <c r="ALV737" s="424"/>
      <c r="ALW737" s="424"/>
      <c r="ALX737" s="424"/>
      <c r="ALY737" s="423" t="s">
        <v>2795</v>
      </c>
      <c r="ALZ737" s="424"/>
      <c r="AMA737" s="424"/>
      <c r="AMB737" s="424"/>
      <c r="AMC737" s="423" t="s">
        <v>2795</v>
      </c>
      <c r="AMD737" s="424"/>
      <c r="AME737" s="424"/>
      <c r="AMF737" s="424"/>
      <c r="AMG737" s="423" t="s">
        <v>2795</v>
      </c>
      <c r="AMH737" s="424"/>
      <c r="AMI737" s="424"/>
      <c r="AMJ737" s="424"/>
      <c r="AMK737" s="423" t="s">
        <v>2795</v>
      </c>
      <c r="AML737" s="424"/>
      <c r="AMM737" s="424"/>
      <c r="AMN737" s="424"/>
      <c r="AMO737" s="423" t="s">
        <v>2795</v>
      </c>
      <c r="AMP737" s="424"/>
      <c r="AMQ737" s="424"/>
      <c r="AMR737" s="424"/>
      <c r="AMS737" s="423" t="s">
        <v>2795</v>
      </c>
      <c r="AMT737" s="424"/>
      <c r="AMU737" s="424"/>
      <c r="AMV737" s="424"/>
      <c r="AMW737" s="423" t="s">
        <v>2795</v>
      </c>
      <c r="AMX737" s="424"/>
      <c r="AMY737" s="424"/>
      <c r="AMZ737" s="424"/>
      <c r="ANA737" s="423" t="s">
        <v>2795</v>
      </c>
      <c r="ANB737" s="424"/>
      <c r="ANC737" s="424"/>
      <c r="AND737" s="424"/>
      <c r="ANE737" s="423" t="s">
        <v>2795</v>
      </c>
      <c r="ANF737" s="424"/>
      <c r="ANG737" s="424"/>
      <c r="ANH737" s="424"/>
      <c r="ANI737" s="423" t="s">
        <v>2795</v>
      </c>
      <c r="ANJ737" s="424"/>
      <c r="ANK737" s="424"/>
      <c r="ANL737" s="424"/>
      <c r="ANM737" s="423" t="s">
        <v>2795</v>
      </c>
      <c r="ANN737" s="424"/>
      <c r="ANO737" s="424"/>
      <c r="ANP737" s="424"/>
      <c r="ANQ737" s="423" t="s">
        <v>2795</v>
      </c>
      <c r="ANR737" s="424"/>
      <c r="ANS737" s="424"/>
      <c r="ANT737" s="424"/>
      <c r="ANU737" s="423" t="s">
        <v>2795</v>
      </c>
      <c r="ANV737" s="424"/>
      <c r="ANW737" s="424"/>
      <c r="ANX737" s="424"/>
      <c r="ANY737" s="423" t="s">
        <v>2795</v>
      </c>
      <c r="ANZ737" s="424"/>
      <c r="AOA737" s="424"/>
      <c r="AOB737" s="424"/>
      <c r="AOC737" s="423" t="s">
        <v>2795</v>
      </c>
      <c r="AOD737" s="424"/>
      <c r="AOE737" s="424"/>
      <c r="AOF737" s="424"/>
      <c r="AOG737" s="423" t="s">
        <v>2795</v>
      </c>
      <c r="AOH737" s="424"/>
      <c r="AOI737" s="424"/>
      <c r="AOJ737" s="424"/>
      <c r="AOK737" s="423" t="s">
        <v>2795</v>
      </c>
      <c r="AOL737" s="424"/>
      <c r="AOM737" s="424"/>
      <c r="AON737" s="424"/>
      <c r="AOO737" s="423" t="s">
        <v>2795</v>
      </c>
      <c r="AOP737" s="424"/>
      <c r="AOQ737" s="424"/>
      <c r="AOR737" s="424"/>
      <c r="AOS737" s="423" t="s">
        <v>2795</v>
      </c>
      <c r="AOT737" s="424"/>
      <c r="AOU737" s="424"/>
      <c r="AOV737" s="424"/>
      <c r="AOW737" s="423" t="s">
        <v>2795</v>
      </c>
      <c r="AOX737" s="424"/>
      <c r="AOY737" s="424"/>
      <c r="AOZ737" s="424"/>
      <c r="APA737" s="423" t="s">
        <v>2795</v>
      </c>
      <c r="APB737" s="424"/>
      <c r="APC737" s="424"/>
      <c r="APD737" s="424"/>
      <c r="APE737" s="423" t="s">
        <v>2795</v>
      </c>
      <c r="APF737" s="424"/>
      <c r="APG737" s="424"/>
      <c r="APH737" s="424"/>
      <c r="API737" s="423" t="s">
        <v>2795</v>
      </c>
      <c r="APJ737" s="424"/>
      <c r="APK737" s="424"/>
      <c r="APL737" s="424"/>
      <c r="APM737" s="423" t="s">
        <v>2795</v>
      </c>
      <c r="APN737" s="424"/>
      <c r="APO737" s="424"/>
      <c r="APP737" s="424"/>
      <c r="APQ737" s="423" t="s">
        <v>2795</v>
      </c>
      <c r="APR737" s="424"/>
      <c r="APS737" s="424"/>
      <c r="APT737" s="424"/>
      <c r="APU737" s="423" t="s">
        <v>2795</v>
      </c>
      <c r="APV737" s="424"/>
      <c r="APW737" s="424"/>
      <c r="APX737" s="424"/>
      <c r="APY737" s="423" t="s">
        <v>2795</v>
      </c>
      <c r="APZ737" s="424"/>
      <c r="AQA737" s="424"/>
      <c r="AQB737" s="424"/>
      <c r="AQC737" s="423" t="s">
        <v>2795</v>
      </c>
      <c r="AQD737" s="424"/>
      <c r="AQE737" s="424"/>
      <c r="AQF737" s="424"/>
      <c r="AQG737" s="423" t="s">
        <v>2795</v>
      </c>
      <c r="AQH737" s="424"/>
      <c r="AQI737" s="424"/>
      <c r="AQJ737" s="424"/>
      <c r="AQK737" s="423" t="s">
        <v>2795</v>
      </c>
      <c r="AQL737" s="424"/>
      <c r="AQM737" s="424"/>
      <c r="AQN737" s="424"/>
      <c r="AQO737" s="423" t="s">
        <v>2795</v>
      </c>
      <c r="AQP737" s="424"/>
      <c r="AQQ737" s="424"/>
      <c r="AQR737" s="424"/>
      <c r="AQS737" s="423" t="s">
        <v>2795</v>
      </c>
      <c r="AQT737" s="424"/>
      <c r="AQU737" s="424"/>
      <c r="AQV737" s="424"/>
      <c r="AQW737" s="423" t="s">
        <v>2795</v>
      </c>
      <c r="AQX737" s="424"/>
      <c r="AQY737" s="424"/>
      <c r="AQZ737" s="424"/>
      <c r="ARA737" s="423" t="s">
        <v>2795</v>
      </c>
      <c r="ARB737" s="424"/>
      <c r="ARC737" s="424"/>
      <c r="ARD737" s="424"/>
      <c r="ARE737" s="423" t="s">
        <v>2795</v>
      </c>
      <c r="ARF737" s="424"/>
      <c r="ARG737" s="424"/>
      <c r="ARH737" s="424"/>
      <c r="ARI737" s="423" t="s">
        <v>2795</v>
      </c>
      <c r="ARJ737" s="424"/>
      <c r="ARK737" s="424"/>
      <c r="ARL737" s="424"/>
      <c r="ARM737" s="423" t="s">
        <v>2795</v>
      </c>
      <c r="ARN737" s="424"/>
      <c r="ARO737" s="424"/>
      <c r="ARP737" s="424"/>
      <c r="ARQ737" s="423" t="s">
        <v>2795</v>
      </c>
      <c r="ARR737" s="424"/>
      <c r="ARS737" s="424"/>
      <c r="ART737" s="424"/>
      <c r="ARU737" s="423" t="s">
        <v>2795</v>
      </c>
      <c r="ARV737" s="424"/>
      <c r="ARW737" s="424"/>
      <c r="ARX737" s="424"/>
      <c r="ARY737" s="423" t="s">
        <v>2795</v>
      </c>
      <c r="ARZ737" s="424"/>
      <c r="ASA737" s="424"/>
      <c r="ASB737" s="424"/>
      <c r="ASC737" s="423" t="s">
        <v>2795</v>
      </c>
      <c r="ASD737" s="424"/>
      <c r="ASE737" s="424"/>
      <c r="ASF737" s="424"/>
      <c r="ASG737" s="423" t="s">
        <v>2795</v>
      </c>
      <c r="ASH737" s="424"/>
      <c r="ASI737" s="424"/>
      <c r="ASJ737" s="424"/>
      <c r="ASK737" s="423" t="s">
        <v>2795</v>
      </c>
      <c r="ASL737" s="424"/>
      <c r="ASM737" s="424"/>
      <c r="ASN737" s="424"/>
      <c r="ASO737" s="423" t="s">
        <v>2795</v>
      </c>
      <c r="ASP737" s="424"/>
      <c r="ASQ737" s="424"/>
      <c r="ASR737" s="424"/>
      <c r="ASS737" s="423" t="s">
        <v>2795</v>
      </c>
      <c r="AST737" s="424"/>
      <c r="ASU737" s="424"/>
      <c r="ASV737" s="424"/>
      <c r="ASW737" s="423" t="s">
        <v>2795</v>
      </c>
      <c r="ASX737" s="424"/>
      <c r="ASY737" s="424"/>
      <c r="ASZ737" s="424"/>
      <c r="ATA737" s="423" t="s">
        <v>2795</v>
      </c>
      <c r="ATB737" s="424"/>
      <c r="ATC737" s="424"/>
      <c r="ATD737" s="424"/>
      <c r="ATE737" s="423" t="s">
        <v>2795</v>
      </c>
      <c r="ATF737" s="424"/>
      <c r="ATG737" s="424"/>
      <c r="ATH737" s="424"/>
      <c r="ATI737" s="423" t="s">
        <v>2795</v>
      </c>
      <c r="ATJ737" s="424"/>
      <c r="ATK737" s="424"/>
      <c r="ATL737" s="424"/>
      <c r="ATM737" s="423" t="s">
        <v>2795</v>
      </c>
      <c r="ATN737" s="424"/>
      <c r="ATO737" s="424"/>
      <c r="ATP737" s="424"/>
      <c r="ATQ737" s="423" t="s">
        <v>2795</v>
      </c>
      <c r="ATR737" s="424"/>
      <c r="ATS737" s="424"/>
      <c r="ATT737" s="424"/>
      <c r="ATU737" s="423" t="s">
        <v>2795</v>
      </c>
      <c r="ATV737" s="424"/>
      <c r="ATW737" s="424"/>
      <c r="ATX737" s="424"/>
      <c r="ATY737" s="423" t="s">
        <v>2795</v>
      </c>
      <c r="ATZ737" s="424"/>
      <c r="AUA737" s="424"/>
      <c r="AUB737" s="424"/>
      <c r="AUC737" s="423" t="s">
        <v>2795</v>
      </c>
      <c r="AUD737" s="424"/>
      <c r="AUE737" s="424"/>
      <c r="AUF737" s="424"/>
      <c r="AUG737" s="423" t="s">
        <v>2795</v>
      </c>
      <c r="AUH737" s="424"/>
      <c r="AUI737" s="424"/>
      <c r="AUJ737" s="424"/>
      <c r="AUK737" s="423" t="s">
        <v>2795</v>
      </c>
      <c r="AUL737" s="424"/>
      <c r="AUM737" s="424"/>
      <c r="AUN737" s="424"/>
      <c r="AUO737" s="423" t="s">
        <v>2795</v>
      </c>
      <c r="AUP737" s="424"/>
      <c r="AUQ737" s="424"/>
      <c r="AUR737" s="424"/>
      <c r="AUS737" s="423" t="s">
        <v>2795</v>
      </c>
      <c r="AUT737" s="424"/>
      <c r="AUU737" s="424"/>
      <c r="AUV737" s="424"/>
      <c r="AUW737" s="423" t="s">
        <v>2795</v>
      </c>
      <c r="AUX737" s="424"/>
      <c r="AUY737" s="424"/>
      <c r="AUZ737" s="424"/>
      <c r="AVA737" s="423" t="s">
        <v>2795</v>
      </c>
      <c r="AVB737" s="424"/>
      <c r="AVC737" s="424"/>
      <c r="AVD737" s="424"/>
      <c r="AVE737" s="423" t="s">
        <v>2795</v>
      </c>
      <c r="AVF737" s="424"/>
      <c r="AVG737" s="424"/>
      <c r="AVH737" s="424"/>
      <c r="AVI737" s="423" t="s">
        <v>2795</v>
      </c>
      <c r="AVJ737" s="424"/>
      <c r="AVK737" s="424"/>
      <c r="AVL737" s="424"/>
      <c r="AVM737" s="423" t="s">
        <v>2795</v>
      </c>
      <c r="AVN737" s="424"/>
      <c r="AVO737" s="424"/>
      <c r="AVP737" s="424"/>
      <c r="AVQ737" s="423" t="s">
        <v>2795</v>
      </c>
      <c r="AVR737" s="424"/>
      <c r="AVS737" s="424"/>
      <c r="AVT737" s="424"/>
      <c r="AVU737" s="423" t="s">
        <v>2795</v>
      </c>
      <c r="AVV737" s="424"/>
      <c r="AVW737" s="424"/>
      <c r="AVX737" s="424"/>
      <c r="AVY737" s="423" t="s">
        <v>2795</v>
      </c>
      <c r="AVZ737" s="424"/>
      <c r="AWA737" s="424"/>
      <c r="AWB737" s="424"/>
      <c r="AWC737" s="423" t="s">
        <v>2795</v>
      </c>
      <c r="AWD737" s="424"/>
      <c r="AWE737" s="424"/>
      <c r="AWF737" s="424"/>
      <c r="AWG737" s="423" t="s">
        <v>2795</v>
      </c>
      <c r="AWH737" s="424"/>
      <c r="AWI737" s="424"/>
      <c r="AWJ737" s="424"/>
      <c r="AWK737" s="423" t="s">
        <v>2795</v>
      </c>
      <c r="AWL737" s="424"/>
      <c r="AWM737" s="424"/>
      <c r="AWN737" s="424"/>
      <c r="AWO737" s="423" t="s">
        <v>2795</v>
      </c>
      <c r="AWP737" s="424"/>
      <c r="AWQ737" s="424"/>
      <c r="AWR737" s="424"/>
      <c r="AWS737" s="423" t="s">
        <v>2795</v>
      </c>
      <c r="AWT737" s="424"/>
      <c r="AWU737" s="424"/>
      <c r="AWV737" s="424"/>
      <c r="AWW737" s="423" t="s">
        <v>2795</v>
      </c>
      <c r="AWX737" s="424"/>
      <c r="AWY737" s="424"/>
      <c r="AWZ737" s="424"/>
      <c r="AXA737" s="423" t="s">
        <v>2795</v>
      </c>
      <c r="AXB737" s="424"/>
      <c r="AXC737" s="424"/>
      <c r="AXD737" s="424"/>
      <c r="AXE737" s="423" t="s">
        <v>2795</v>
      </c>
      <c r="AXF737" s="424"/>
      <c r="AXG737" s="424"/>
      <c r="AXH737" s="424"/>
      <c r="AXI737" s="423" t="s">
        <v>2795</v>
      </c>
      <c r="AXJ737" s="424"/>
      <c r="AXK737" s="424"/>
      <c r="AXL737" s="424"/>
      <c r="AXM737" s="423" t="s">
        <v>2795</v>
      </c>
      <c r="AXN737" s="424"/>
      <c r="AXO737" s="424"/>
      <c r="AXP737" s="424"/>
      <c r="AXQ737" s="423" t="s">
        <v>2795</v>
      </c>
      <c r="AXR737" s="424"/>
      <c r="AXS737" s="424"/>
      <c r="AXT737" s="424"/>
      <c r="AXU737" s="423" t="s">
        <v>2795</v>
      </c>
      <c r="AXV737" s="424"/>
      <c r="AXW737" s="424"/>
      <c r="AXX737" s="424"/>
      <c r="AXY737" s="423" t="s">
        <v>2795</v>
      </c>
      <c r="AXZ737" s="424"/>
      <c r="AYA737" s="424"/>
      <c r="AYB737" s="424"/>
      <c r="AYC737" s="423" t="s">
        <v>2795</v>
      </c>
      <c r="AYD737" s="424"/>
      <c r="AYE737" s="424"/>
      <c r="AYF737" s="424"/>
      <c r="AYG737" s="423" t="s">
        <v>2795</v>
      </c>
      <c r="AYH737" s="424"/>
      <c r="AYI737" s="424"/>
      <c r="AYJ737" s="424"/>
      <c r="AYK737" s="423" t="s">
        <v>2795</v>
      </c>
      <c r="AYL737" s="424"/>
      <c r="AYM737" s="424"/>
      <c r="AYN737" s="424"/>
      <c r="AYO737" s="423" t="s">
        <v>2795</v>
      </c>
      <c r="AYP737" s="424"/>
      <c r="AYQ737" s="424"/>
      <c r="AYR737" s="424"/>
      <c r="AYS737" s="423" t="s">
        <v>2795</v>
      </c>
      <c r="AYT737" s="424"/>
      <c r="AYU737" s="424"/>
      <c r="AYV737" s="424"/>
      <c r="AYW737" s="423" t="s">
        <v>2795</v>
      </c>
      <c r="AYX737" s="424"/>
      <c r="AYY737" s="424"/>
      <c r="AYZ737" s="424"/>
      <c r="AZA737" s="423" t="s">
        <v>2795</v>
      </c>
      <c r="AZB737" s="424"/>
      <c r="AZC737" s="424"/>
      <c r="AZD737" s="424"/>
      <c r="AZE737" s="423" t="s">
        <v>2795</v>
      </c>
      <c r="AZF737" s="424"/>
      <c r="AZG737" s="424"/>
      <c r="AZH737" s="424"/>
      <c r="AZI737" s="423" t="s">
        <v>2795</v>
      </c>
      <c r="AZJ737" s="424"/>
      <c r="AZK737" s="424"/>
      <c r="AZL737" s="424"/>
      <c r="AZM737" s="423" t="s">
        <v>2795</v>
      </c>
      <c r="AZN737" s="424"/>
      <c r="AZO737" s="424"/>
      <c r="AZP737" s="424"/>
      <c r="AZQ737" s="423" t="s">
        <v>2795</v>
      </c>
      <c r="AZR737" s="424"/>
      <c r="AZS737" s="424"/>
      <c r="AZT737" s="424"/>
      <c r="AZU737" s="423" t="s">
        <v>2795</v>
      </c>
      <c r="AZV737" s="424"/>
      <c r="AZW737" s="424"/>
      <c r="AZX737" s="424"/>
      <c r="AZY737" s="423" t="s">
        <v>2795</v>
      </c>
      <c r="AZZ737" s="424"/>
      <c r="BAA737" s="424"/>
      <c r="BAB737" s="424"/>
      <c r="BAC737" s="423" t="s">
        <v>2795</v>
      </c>
      <c r="BAD737" s="424"/>
      <c r="BAE737" s="424"/>
      <c r="BAF737" s="424"/>
      <c r="BAG737" s="423" t="s">
        <v>2795</v>
      </c>
      <c r="BAH737" s="424"/>
      <c r="BAI737" s="424"/>
      <c r="BAJ737" s="424"/>
      <c r="BAK737" s="423" t="s">
        <v>2795</v>
      </c>
      <c r="BAL737" s="424"/>
      <c r="BAM737" s="424"/>
      <c r="BAN737" s="424"/>
      <c r="BAO737" s="423" t="s">
        <v>2795</v>
      </c>
      <c r="BAP737" s="424"/>
      <c r="BAQ737" s="424"/>
      <c r="BAR737" s="424"/>
      <c r="BAS737" s="423" t="s">
        <v>2795</v>
      </c>
      <c r="BAT737" s="424"/>
      <c r="BAU737" s="424"/>
      <c r="BAV737" s="424"/>
      <c r="BAW737" s="423" t="s">
        <v>2795</v>
      </c>
      <c r="BAX737" s="424"/>
      <c r="BAY737" s="424"/>
      <c r="BAZ737" s="424"/>
      <c r="BBA737" s="423" t="s">
        <v>2795</v>
      </c>
      <c r="BBB737" s="424"/>
      <c r="BBC737" s="424"/>
      <c r="BBD737" s="424"/>
      <c r="BBE737" s="423" t="s">
        <v>2795</v>
      </c>
      <c r="BBF737" s="424"/>
      <c r="BBG737" s="424"/>
      <c r="BBH737" s="424"/>
      <c r="BBI737" s="423" t="s">
        <v>2795</v>
      </c>
      <c r="BBJ737" s="424"/>
      <c r="BBK737" s="424"/>
      <c r="BBL737" s="424"/>
      <c r="BBM737" s="423" t="s">
        <v>2795</v>
      </c>
      <c r="BBN737" s="424"/>
      <c r="BBO737" s="424"/>
      <c r="BBP737" s="424"/>
      <c r="BBQ737" s="423" t="s">
        <v>2795</v>
      </c>
      <c r="BBR737" s="424"/>
      <c r="BBS737" s="424"/>
      <c r="BBT737" s="424"/>
      <c r="BBU737" s="423" t="s">
        <v>2795</v>
      </c>
      <c r="BBV737" s="424"/>
      <c r="BBW737" s="424"/>
      <c r="BBX737" s="424"/>
      <c r="BBY737" s="423" t="s">
        <v>2795</v>
      </c>
      <c r="BBZ737" s="424"/>
      <c r="BCA737" s="424"/>
      <c r="BCB737" s="424"/>
      <c r="BCC737" s="423" t="s">
        <v>2795</v>
      </c>
      <c r="BCD737" s="424"/>
      <c r="BCE737" s="424"/>
      <c r="BCF737" s="424"/>
      <c r="BCG737" s="423" t="s">
        <v>2795</v>
      </c>
      <c r="BCH737" s="424"/>
      <c r="BCI737" s="424"/>
      <c r="BCJ737" s="424"/>
      <c r="BCK737" s="423" t="s">
        <v>2795</v>
      </c>
      <c r="BCL737" s="424"/>
      <c r="BCM737" s="424"/>
      <c r="BCN737" s="424"/>
      <c r="BCO737" s="423" t="s">
        <v>2795</v>
      </c>
      <c r="BCP737" s="424"/>
      <c r="BCQ737" s="424"/>
      <c r="BCR737" s="424"/>
      <c r="BCS737" s="423" t="s">
        <v>2795</v>
      </c>
      <c r="BCT737" s="424"/>
      <c r="BCU737" s="424"/>
      <c r="BCV737" s="424"/>
      <c r="BCW737" s="423" t="s">
        <v>2795</v>
      </c>
      <c r="BCX737" s="424"/>
      <c r="BCY737" s="424"/>
      <c r="BCZ737" s="424"/>
      <c r="BDA737" s="423" t="s">
        <v>2795</v>
      </c>
      <c r="BDB737" s="424"/>
      <c r="BDC737" s="424"/>
      <c r="BDD737" s="424"/>
      <c r="BDE737" s="423" t="s">
        <v>2795</v>
      </c>
      <c r="BDF737" s="424"/>
      <c r="BDG737" s="424"/>
      <c r="BDH737" s="424"/>
      <c r="BDI737" s="423" t="s">
        <v>2795</v>
      </c>
      <c r="BDJ737" s="424"/>
      <c r="BDK737" s="424"/>
      <c r="BDL737" s="424"/>
      <c r="BDM737" s="423" t="s">
        <v>2795</v>
      </c>
      <c r="BDN737" s="424"/>
      <c r="BDO737" s="424"/>
      <c r="BDP737" s="424"/>
      <c r="BDQ737" s="423" t="s">
        <v>2795</v>
      </c>
      <c r="BDR737" s="424"/>
      <c r="BDS737" s="424"/>
      <c r="BDT737" s="424"/>
      <c r="BDU737" s="423" t="s">
        <v>2795</v>
      </c>
      <c r="BDV737" s="424"/>
      <c r="BDW737" s="424"/>
      <c r="BDX737" s="424"/>
      <c r="BDY737" s="423" t="s">
        <v>2795</v>
      </c>
      <c r="BDZ737" s="424"/>
      <c r="BEA737" s="424"/>
      <c r="BEB737" s="424"/>
      <c r="BEC737" s="423" t="s">
        <v>2795</v>
      </c>
      <c r="BED737" s="424"/>
      <c r="BEE737" s="424"/>
      <c r="BEF737" s="424"/>
      <c r="BEG737" s="423" t="s">
        <v>2795</v>
      </c>
      <c r="BEH737" s="424"/>
      <c r="BEI737" s="424"/>
      <c r="BEJ737" s="424"/>
      <c r="BEK737" s="423" t="s">
        <v>2795</v>
      </c>
      <c r="BEL737" s="424"/>
      <c r="BEM737" s="424"/>
      <c r="BEN737" s="424"/>
      <c r="BEO737" s="423" t="s">
        <v>2795</v>
      </c>
      <c r="BEP737" s="424"/>
      <c r="BEQ737" s="424"/>
      <c r="BER737" s="424"/>
      <c r="BES737" s="423" t="s">
        <v>2795</v>
      </c>
      <c r="BET737" s="424"/>
      <c r="BEU737" s="424"/>
      <c r="BEV737" s="424"/>
      <c r="BEW737" s="423" t="s">
        <v>2795</v>
      </c>
      <c r="BEX737" s="424"/>
      <c r="BEY737" s="424"/>
      <c r="BEZ737" s="424"/>
      <c r="BFA737" s="423" t="s">
        <v>2795</v>
      </c>
      <c r="BFB737" s="424"/>
      <c r="BFC737" s="424"/>
      <c r="BFD737" s="424"/>
      <c r="BFE737" s="423" t="s">
        <v>2795</v>
      </c>
      <c r="BFF737" s="424"/>
      <c r="BFG737" s="424"/>
      <c r="BFH737" s="424"/>
      <c r="BFI737" s="423" t="s">
        <v>2795</v>
      </c>
      <c r="BFJ737" s="424"/>
      <c r="BFK737" s="424"/>
      <c r="BFL737" s="424"/>
      <c r="BFM737" s="423" t="s">
        <v>2795</v>
      </c>
      <c r="BFN737" s="424"/>
      <c r="BFO737" s="424"/>
      <c r="BFP737" s="424"/>
      <c r="BFQ737" s="423" t="s">
        <v>2795</v>
      </c>
      <c r="BFR737" s="424"/>
      <c r="BFS737" s="424"/>
      <c r="BFT737" s="424"/>
      <c r="BFU737" s="423" t="s">
        <v>2795</v>
      </c>
      <c r="BFV737" s="424"/>
      <c r="BFW737" s="424"/>
      <c r="BFX737" s="424"/>
      <c r="BFY737" s="423" t="s">
        <v>2795</v>
      </c>
      <c r="BFZ737" s="424"/>
      <c r="BGA737" s="424"/>
      <c r="BGB737" s="424"/>
      <c r="BGC737" s="423" t="s">
        <v>2795</v>
      </c>
      <c r="BGD737" s="424"/>
      <c r="BGE737" s="424"/>
      <c r="BGF737" s="424"/>
      <c r="BGG737" s="423" t="s">
        <v>2795</v>
      </c>
      <c r="BGH737" s="424"/>
      <c r="BGI737" s="424"/>
      <c r="BGJ737" s="424"/>
      <c r="BGK737" s="423" t="s">
        <v>2795</v>
      </c>
      <c r="BGL737" s="424"/>
      <c r="BGM737" s="424"/>
      <c r="BGN737" s="424"/>
      <c r="BGO737" s="423" t="s">
        <v>2795</v>
      </c>
      <c r="BGP737" s="424"/>
      <c r="BGQ737" s="424"/>
      <c r="BGR737" s="424"/>
      <c r="BGS737" s="423" t="s">
        <v>2795</v>
      </c>
      <c r="BGT737" s="424"/>
      <c r="BGU737" s="424"/>
      <c r="BGV737" s="424"/>
      <c r="BGW737" s="423" t="s">
        <v>2795</v>
      </c>
      <c r="BGX737" s="424"/>
      <c r="BGY737" s="424"/>
      <c r="BGZ737" s="424"/>
      <c r="BHA737" s="423" t="s">
        <v>2795</v>
      </c>
      <c r="BHB737" s="424"/>
      <c r="BHC737" s="424"/>
      <c r="BHD737" s="424"/>
      <c r="BHE737" s="423" t="s">
        <v>2795</v>
      </c>
      <c r="BHF737" s="424"/>
      <c r="BHG737" s="424"/>
      <c r="BHH737" s="424"/>
      <c r="BHI737" s="423" t="s">
        <v>2795</v>
      </c>
      <c r="BHJ737" s="424"/>
      <c r="BHK737" s="424"/>
      <c r="BHL737" s="424"/>
      <c r="BHM737" s="423" t="s">
        <v>2795</v>
      </c>
      <c r="BHN737" s="424"/>
      <c r="BHO737" s="424"/>
      <c r="BHP737" s="424"/>
      <c r="BHQ737" s="423" t="s">
        <v>2795</v>
      </c>
      <c r="BHR737" s="424"/>
      <c r="BHS737" s="424"/>
      <c r="BHT737" s="424"/>
      <c r="BHU737" s="423" t="s">
        <v>2795</v>
      </c>
      <c r="BHV737" s="424"/>
      <c r="BHW737" s="424"/>
      <c r="BHX737" s="424"/>
      <c r="BHY737" s="423" t="s">
        <v>2795</v>
      </c>
      <c r="BHZ737" s="424"/>
      <c r="BIA737" s="424"/>
      <c r="BIB737" s="424"/>
      <c r="BIC737" s="423" t="s">
        <v>2795</v>
      </c>
      <c r="BID737" s="424"/>
      <c r="BIE737" s="424"/>
      <c r="BIF737" s="424"/>
      <c r="BIG737" s="423" t="s">
        <v>2795</v>
      </c>
      <c r="BIH737" s="424"/>
      <c r="BII737" s="424"/>
      <c r="BIJ737" s="424"/>
      <c r="BIK737" s="423" t="s">
        <v>2795</v>
      </c>
      <c r="BIL737" s="424"/>
      <c r="BIM737" s="424"/>
      <c r="BIN737" s="424"/>
      <c r="BIO737" s="423" t="s">
        <v>2795</v>
      </c>
      <c r="BIP737" s="424"/>
      <c r="BIQ737" s="424"/>
      <c r="BIR737" s="424"/>
      <c r="BIS737" s="423" t="s">
        <v>2795</v>
      </c>
      <c r="BIT737" s="424"/>
      <c r="BIU737" s="424"/>
      <c r="BIV737" s="424"/>
      <c r="BIW737" s="423" t="s">
        <v>2795</v>
      </c>
      <c r="BIX737" s="424"/>
      <c r="BIY737" s="424"/>
      <c r="BIZ737" s="424"/>
      <c r="BJA737" s="423" t="s">
        <v>2795</v>
      </c>
      <c r="BJB737" s="424"/>
      <c r="BJC737" s="424"/>
      <c r="BJD737" s="424"/>
      <c r="BJE737" s="423" t="s">
        <v>2795</v>
      </c>
      <c r="BJF737" s="424"/>
      <c r="BJG737" s="424"/>
      <c r="BJH737" s="424"/>
      <c r="BJI737" s="423" t="s">
        <v>2795</v>
      </c>
      <c r="BJJ737" s="424"/>
      <c r="BJK737" s="424"/>
      <c r="BJL737" s="424"/>
      <c r="BJM737" s="423" t="s">
        <v>2795</v>
      </c>
      <c r="BJN737" s="424"/>
      <c r="BJO737" s="424"/>
      <c r="BJP737" s="424"/>
      <c r="BJQ737" s="423" t="s">
        <v>2795</v>
      </c>
      <c r="BJR737" s="424"/>
      <c r="BJS737" s="424"/>
      <c r="BJT737" s="424"/>
      <c r="BJU737" s="423" t="s">
        <v>2795</v>
      </c>
      <c r="BJV737" s="424"/>
      <c r="BJW737" s="424"/>
      <c r="BJX737" s="424"/>
      <c r="BJY737" s="423" t="s">
        <v>2795</v>
      </c>
      <c r="BJZ737" s="424"/>
      <c r="BKA737" s="424"/>
      <c r="BKB737" s="424"/>
      <c r="BKC737" s="423" t="s">
        <v>2795</v>
      </c>
      <c r="BKD737" s="424"/>
      <c r="BKE737" s="424"/>
      <c r="BKF737" s="424"/>
      <c r="BKG737" s="423" t="s">
        <v>2795</v>
      </c>
      <c r="BKH737" s="424"/>
      <c r="BKI737" s="424"/>
      <c r="BKJ737" s="424"/>
      <c r="BKK737" s="423" t="s">
        <v>2795</v>
      </c>
      <c r="BKL737" s="424"/>
      <c r="BKM737" s="424"/>
      <c r="BKN737" s="424"/>
      <c r="BKO737" s="423" t="s">
        <v>2795</v>
      </c>
      <c r="BKP737" s="424"/>
      <c r="BKQ737" s="424"/>
      <c r="BKR737" s="424"/>
      <c r="BKS737" s="423" t="s">
        <v>2795</v>
      </c>
      <c r="BKT737" s="424"/>
      <c r="BKU737" s="424"/>
      <c r="BKV737" s="424"/>
      <c r="BKW737" s="423" t="s">
        <v>2795</v>
      </c>
      <c r="BKX737" s="424"/>
      <c r="BKY737" s="424"/>
      <c r="BKZ737" s="424"/>
      <c r="BLA737" s="423" t="s">
        <v>2795</v>
      </c>
      <c r="BLB737" s="424"/>
      <c r="BLC737" s="424"/>
      <c r="BLD737" s="424"/>
      <c r="BLE737" s="423" t="s">
        <v>2795</v>
      </c>
      <c r="BLF737" s="424"/>
      <c r="BLG737" s="424"/>
      <c r="BLH737" s="424"/>
      <c r="BLI737" s="423" t="s">
        <v>2795</v>
      </c>
      <c r="BLJ737" s="424"/>
      <c r="BLK737" s="424"/>
      <c r="BLL737" s="424"/>
      <c r="BLM737" s="423" t="s">
        <v>2795</v>
      </c>
      <c r="BLN737" s="424"/>
      <c r="BLO737" s="424"/>
      <c r="BLP737" s="424"/>
      <c r="BLQ737" s="423" t="s">
        <v>2795</v>
      </c>
      <c r="BLR737" s="424"/>
      <c r="BLS737" s="424"/>
      <c r="BLT737" s="424"/>
      <c r="BLU737" s="423" t="s">
        <v>2795</v>
      </c>
      <c r="BLV737" s="424"/>
      <c r="BLW737" s="424"/>
      <c r="BLX737" s="424"/>
      <c r="BLY737" s="423" t="s">
        <v>2795</v>
      </c>
      <c r="BLZ737" s="424"/>
      <c r="BMA737" s="424"/>
      <c r="BMB737" s="424"/>
      <c r="BMC737" s="423" t="s">
        <v>2795</v>
      </c>
      <c r="BMD737" s="424"/>
      <c r="BME737" s="424"/>
      <c r="BMF737" s="424"/>
      <c r="BMG737" s="423" t="s">
        <v>2795</v>
      </c>
      <c r="BMH737" s="424"/>
      <c r="BMI737" s="424"/>
      <c r="BMJ737" s="424"/>
      <c r="BMK737" s="423" t="s">
        <v>2795</v>
      </c>
      <c r="BML737" s="424"/>
      <c r="BMM737" s="424"/>
      <c r="BMN737" s="424"/>
      <c r="BMO737" s="423" t="s">
        <v>2795</v>
      </c>
      <c r="BMP737" s="424"/>
      <c r="BMQ737" s="424"/>
      <c r="BMR737" s="424"/>
      <c r="BMS737" s="423" t="s">
        <v>2795</v>
      </c>
      <c r="BMT737" s="424"/>
      <c r="BMU737" s="424"/>
      <c r="BMV737" s="424"/>
      <c r="BMW737" s="423" t="s">
        <v>2795</v>
      </c>
      <c r="BMX737" s="424"/>
      <c r="BMY737" s="424"/>
      <c r="BMZ737" s="424"/>
      <c r="BNA737" s="423" t="s">
        <v>2795</v>
      </c>
      <c r="BNB737" s="424"/>
      <c r="BNC737" s="424"/>
      <c r="BND737" s="424"/>
      <c r="BNE737" s="423" t="s">
        <v>2795</v>
      </c>
      <c r="BNF737" s="424"/>
      <c r="BNG737" s="424"/>
      <c r="BNH737" s="424"/>
      <c r="BNI737" s="423" t="s">
        <v>2795</v>
      </c>
      <c r="BNJ737" s="424"/>
      <c r="BNK737" s="424"/>
      <c r="BNL737" s="424"/>
      <c r="BNM737" s="423" t="s">
        <v>2795</v>
      </c>
      <c r="BNN737" s="424"/>
      <c r="BNO737" s="424"/>
      <c r="BNP737" s="424"/>
      <c r="BNQ737" s="423" t="s">
        <v>2795</v>
      </c>
      <c r="BNR737" s="424"/>
      <c r="BNS737" s="424"/>
      <c r="BNT737" s="424"/>
      <c r="BNU737" s="423" t="s">
        <v>2795</v>
      </c>
      <c r="BNV737" s="424"/>
      <c r="BNW737" s="424"/>
      <c r="BNX737" s="424"/>
      <c r="BNY737" s="423" t="s">
        <v>2795</v>
      </c>
      <c r="BNZ737" s="424"/>
      <c r="BOA737" s="424"/>
      <c r="BOB737" s="424"/>
      <c r="BOC737" s="423" t="s">
        <v>2795</v>
      </c>
      <c r="BOD737" s="424"/>
      <c r="BOE737" s="424"/>
      <c r="BOF737" s="424"/>
      <c r="BOG737" s="423" t="s">
        <v>2795</v>
      </c>
      <c r="BOH737" s="424"/>
      <c r="BOI737" s="424"/>
      <c r="BOJ737" s="424"/>
      <c r="BOK737" s="423" t="s">
        <v>2795</v>
      </c>
      <c r="BOL737" s="424"/>
      <c r="BOM737" s="424"/>
      <c r="BON737" s="424"/>
      <c r="BOO737" s="423" t="s">
        <v>2795</v>
      </c>
      <c r="BOP737" s="424"/>
      <c r="BOQ737" s="424"/>
      <c r="BOR737" s="424"/>
      <c r="BOS737" s="423" t="s">
        <v>2795</v>
      </c>
      <c r="BOT737" s="424"/>
      <c r="BOU737" s="424"/>
      <c r="BOV737" s="424"/>
      <c r="BOW737" s="423" t="s">
        <v>2795</v>
      </c>
      <c r="BOX737" s="424"/>
      <c r="BOY737" s="424"/>
      <c r="BOZ737" s="424"/>
      <c r="BPA737" s="423" t="s">
        <v>2795</v>
      </c>
      <c r="BPB737" s="424"/>
      <c r="BPC737" s="424"/>
      <c r="BPD737" s="424"/>
      <c r="BPE737" s="423" t="s">
        <v>2795</v>
      </c>
      <c r="BPF737" s="424"/>
      <c r="BPG737" s="424"/>
      <c r="BPH737" s="424"/>
      <c r="BPI737" s="423" t="s">
        <v>2795</v>
      </c>
      <c r="BPJ737" s="424"/>
      <c r="BPK737" s="424"/>
      <c r="BPL737" s="424"/>
      <c r="BPM737" s="423" t="s">
        <v>2795</v>
      </c>
      <c r="BPN737" s="424"/>
      <c r="BPO737" s="424"/>
      <c r="BPP737" s="424"/>
      <c r="BPQ737" s="423" t="s">
        <v>2795</v>
      </c>
      <c r="BPR737" s="424"/>
      <c r="BPS737" s="424"/>
      <c r="BPT737" s="424"/>
      <c r="BPU737" s="423" t="s">
        <v>2795</v>
      </c>
      <c r="BPV737" s="424"/>
      <c r="BPW737" s="424"/>
      <c r="BPX737" s="424"/>
      <c r="BPY737" s="423" t="s">
        <v>2795</v>
      </c>
      <c r="BPZ737" s="424"/>
      <c r="BQA737" s="424"/>
      <c r="BQB737" s="424"/>
      <c r="BQC737" s="423" t="s">
        <v>2795</v>
      </c>
      <c r="BQD737" s="424"/>
      <c r="BQE737" s="424"/>
      <c r="BQF737" s="424"/>
      <c r="BQG737" s="423" t="s">
        <v>2795</v>
      </c>
      <c r="BQH737" s="424"/>
      <c r="BQI737" s="424"/>
      <c r="BQJ737" s="424"/>
      <c r="BQK737" s="423" t="s">
        <v>2795</v>
      </c>
      <c r="BQL737" s="424"/>
      <c r="BQM737" s="424"/>
      <c r="BQN737" s="424"/>
      <c r="BQO737" s="423" t="s">
        <v>2795</v>
      </c>
      <c r="BQP737" s="424"/>
      <c r="BQQ737" s="424"/>
      <c r="BQR737" s="424"/>
      <c r="BQS737" s="423" t="s">
        <v>2795</v>
      </c>
      <c r="BQT737" s="424"/>
      <c r="BQU737" s="424"/>
      <c r="BQV737" s="424"/>
      <c r="BQW737" s="423" t="s">
        <v>2795</v>
      </c>
      <c r="BQX737" s="424"/>
      <c r="BQY737" s="424"/>
      <c r="BQZ737" s="424"/>
      <c r="BRA737" s="423" t="s">
        <v>2795</v>
      </c>
      <c r="BRB737" s="424"/>
      <c r="BRC737" s="424"/>
      <c r="BRD737" s="424"/>
      <c r="BRE737" s="423" t="s">
        <v>2795</v>
      </c>
      <c r="BRF737" s="424"/>
      <c r="BRG737" s="424"/>
      <c r="BRH737" s="424"/>
      <c r="BRI737" s="423" t="s">
        <v>2795</v>
      </c>
      <c r="BRJ737" s="424"/>
      <c r="BRK737" s="424"/>
      <c r="BRL737" s="424"/>
      <c r="BRM737" s="423" t="s">
        <v>2795</v>
      </c>
      <c r="BRN737" s="424"/>
      <c r="BRO737" s="424"/>
      <c r="BRP737" s="424"/>
      <c r="BRQ737" s="423" t="s">
        <v>2795</v>
      </c>
      <c r="BRR737" s="424"/>
      <c r="BRS737" s="424"/>
      <c r="BRT737" s="424"/>
      <c r="BRU737" s="423" t="s">
        <v>2795</v>
      </c>
      <c r="BRV737" s="424"/>
      <c r="BRW737" s="424"/>
      <c r="BRX737" s="424"/>
      <c r="BRY737" s="423" t="s">
        <v>2795</v>
      </c>
      <c r="BRZ737" s="424"/>
      <c r="BSA737" s="424"/>
      <c r="BSB737" s="424"/>
      <c r="BSC737" s="423" t="s">
        <v>2795</v>
      </c>
      <c r="BSD737" s="424"/>
      <c r="BSE737" s="424"/>
      <c r="BSF737" s="424"/>
      <c r="BSG737" s="423" t="s">
        <v>2795</v>
      </c>
      <c r="BSH737" s="424"/>
      <c r="BSI737" s="424"/>
      <c r="BSJ737" s="424"/>
      <c r="BSK737" s="423" t="s">
        <v>2795</v>
      </c>
      <c r="BSL737" s="424"/>
      <c r="BSM737" s="424"/>
      <c r="BSN737" s="424"/>
      <c r="BSO737" s="423" t="s">
        <v>2795</v>
      </c>
      <c r="BSP737" s="424"/>
      <c r="BSQ737" s="424"/>
      <c r="BSR737" s="424"/>
      <c r="BSS737" s="423" t="s">
        <v>2795</v>
      </c>
      <c r="BST737" s="424"/>
      <c r="BSU737" s="424"/>
      <c r="BSV737" s="424"/>
      <c r="BSW737" s="423" t="s">
        <v>2795</v>
      </c>
      <c r="BSX737" s="424"/>
      <c r="BSY737" s="424"/>
      <c r="BSZ737" s="424"/>
      <c r="BTA737" s="423" t="s">
        <v>2795</v>
      </c>
      <c r="BTB737" s="424"/>
      <c r="BTC737" s="424"/>
      <c r="BTD737" s="424"/>
      <c r="BTE737" s="423" t="s">
        <v>2795</v>
      </c>
      <c r="BTF737" s="424"/>
      <c r="BTG737" s="424"/>
      <c r="BTH737" s="424"/>
      <c r="BTI737" s="423" t="s">
        <v>2795</v>
      </c>
      <c r="BTJ737" s="424"/>
      <c r="BTK737" s="424"/>
      <c r="BTL737" s="424"/>
      <c r="BTM737" s="423" t="s">
        <v>2795</v>
      </c>
      <c r="BTN737" s="424"/>
      <c r="BTO737" s="424"/>
      <c r="BTP737" s="424"/>
      <c r="BTQ737" s="423" t="s">
        <v>2795</v>
      </c>
      <c r="BTR737" s="424"/>
      <c r="BTS737" s="424"/>
      <c r="BTT737" s="424"/>
      <c r="BTU737" s="423" t="s">
        <v>2795</v>
      </c>
      <c r="BTV737" s="424"/>
      <c r="BTW737" s="424"/>
      <c r="BTX737" s="424"/>
      <c r="BTY737" s="423" t="s">
        <v>2795</v>
      </c>
      <c r="BTZ737" s="424"/>
      <c r="BUA737" s="424"/>
      <c r="BUB737" s="424"/>
      <c r="BUC737" s="423" t="s">
        <v>2795</v>
      </c>
      <c r="BUD737" s="424"/>
      <c r="BUE737" s="424"/>
      <c r="BUF737" s="424"/>
      <c r="BUG737" s="423" t="s">
        <v>2795</v>
      </c>
      <c r="BUH737" s="424"/>
      <c r="BUI737" s="424"/>
      <c r="BUJ737" s="424"/>
      <c r="BUK737" s="423" t="s">
        <v>2795</v>
      </c>
      <c r="BUL737" s="424"/>
      <c r="BUM737" s="424"/>
      <c r="BUN737" s="424"/>
      <c r="BUO737" s="423" t="s">
        <v>2795</v>
      </c>
      <c r="BUP737" s="424"/>
      <c r="BUQ737" s="424"/>
      <c r="BUR737" s="424"/>
      <c r="BUS737" s="423" t="s">
        <v>2795</v>
      </c>
      <c r="BUT737" s="424"/>
      <c r="BUU737" s="424"/>
      <c r="BUV737" s="424"/>
      <c r="BUW737" s="423" t="s">
        <v>2795</v>
      </c>
      <c r="BUX737" s="424"/>
      <c r="BUY737" s="424"/>
      <c r="BUZ737" s="424"/>
      <c r="BVA737" s="423" t="s">
        <v>2795</v>
      </c>
      <c r="BVB737" s="424"/>
      <c r="BVC737" s="424"/>
      <c r="BVD737" s="424"/>
      <c r="BVE737" s="423" t="s">
        <v>2795</v>
      </c>
      <c r="BVF737" s="424"/>
      <c r="BVG737" s="424"/>
      <c r="BVH737" s="424"/>
      <c r="BVI737" s="423" t="s">
        <v>2795</v>
      </c>
      <c r="BVJ737" s="424"/>
      <c r="BVK737" s="424"/>
      <c r="BVL737" s="424"/>
      <c r="BVM737" s="423" t="s">
        <v>2795</v>
      </c>
      <c r="BVN737" s="424"/>
      <c r="BVO737" s="424"/>
      <c r="BVP737" s="424"/>
      <c r="BVQ737" s="423" t="s">
        <v>2795</v>
      </c>
      <c r="BVR737" s="424"/>
      <c r="BVS737" s="424"/>
      <c r="BVT737" s="424"/>
      <c r="BVU737" s="423" t="s">
        <v>2795</v>
      </c>
      <c r="BVV737" s="424"/>
      <c r="BVW737" s="424"/>
      <c r="BVX737" s="424"/>
      <c r="BVY737" s="423" t="s">
        <v>2795</v>
      </c>
      <c r="BVZ737" s="424"/>
      <c r="BWA737" s="424"/>
      <c r="BWB737" s="424"/>
      <c r="BWC737" s="423" t="s">
        <v>2795</v>
      </c>
      <c r="BWD737" s="424"/>
      <c r="BWE737" s="424"/>
      <c r="BWF737" s="424"/>
      <c r="BWG737" s="423" t="s">
        <v>2795</v>
      </c>
      <c r="BWH737" s="424"/>
      <c r="BWI737" s="424"/>
      <c r="BWJ737" s="424"/>
      <c r="BWK737" s="423" t="s">
        <v>2795</v>
      </c>
      <c r="BWL737" s="424"/>
      <c r="BWM737" s="424"/>
      <c r="BWN737" s="424"/>
      <c r="BWO737" s="423" t="s">
        <v>2795</v>
      </c>
      <c r="BWP737" s="424"/>
      <c r="BWQ737" s="424"/>
      <c r="BWR737" s="424"/>
      <c r="BWS737" s="423" t="s">
        <v>2795</v>
      </c>
      <c r="BWT737" s="424"/>
      <c r="BWU737" s="424"/>
      <c r="BWV737" s="424"/>
      <c r="BWW737" s="423" t="s">
        <v>2795</v>
      </c>
      <c r="BWX737" s="424"/>
      <c r="BWY737" s="424"/>
      <c r="BWZ737" s="424"/>
      <c r="BXA737" s="423" t="s">
        <v>2795</v>
      </c>
      <c r="BXB737" s="424"/>
      <c r="BXC737" s="424"/>
      <c r="BXD737" s="424"/>
      <c r="BXE737" s="423" t="s">
        <v>2795</v>
      </c>
      <c r="BXF737" s="424"/>
      <c r="BXG737" s="424"/>
      <c r="BXH737" s="424"/>
      <c r="BXI737" s="423" t="s">
        <v>2795</v>
      </c>
      <c r="BXJ737" s="424"/>
      <c r="BXK737" s="424"/>
      <c r="BXL737" s="424"/>
      <c r="BXM737" s="423" t="s">
        <v>2795</v>
      </c>
      <c r="BXN737" s="424"/>
      <c r="BXO737" s="424"/>
      <c r="BXP737" s="424"/>
      <c r="BXQ737" s="423" t="s">
        <v>2795</v>
      </c>
      <c r="BXR737" s="424"/>
      <c r="BXS737" s="424"/>
      <c r="BXT737" s="424"/>
      <c r="BXU737" s="423" t="s">
        <v>2795</v>
      </c>
      <c r="BXV737" s="424"/>
      <c r="BXW737" s="424"/>
      <c r="BXX737" s="424"/>
      <c r="BXY737" s="423" t="s">
        <v>2795</v>
      </c>
      <c r="BXZ737" s="424"/>
      <c r="BYA737" s="424"/>
      <c r="BYB737" s="424"/>
      <c r="BYC737" s="423" t="s">
        <v>2795</v>
      </c>
      <c r="BYD737" s="424"/>
      <c r="BYE737" s="424"/>
      <c r="BYF737" s="424"/>
      <c r="BYG737" s="423" t="s">
        <v>2795</v>
      </c>
      <c r="BYH737" s="424"/>
      <c r="BYI737" s="424"/>
      <c r="BYJ737" s="424"/>
      <c r="BYK737" s="423" t="s">
        <v>2795</v>
      </c>
      <c r="BYL737" s="424"/>
      <c r="BYM737" s="424"/>
      <c r="BYN737" s="424"/>
      <c r="BYO737" s="423" t="s">
        <v>2795</v>
      </c>
      <c r="BYP737" s="424"/>
      <c r="BYQ737" s="424"/>
      <c r="BYR737" s="424"/>
      <c r="BYS737" s="423" t="s">
        <v>2795</v>
      </c>
      <c r="BYT737" s="424"/>
      <c r="BYU737" s="424"/>
      <c r="BYV737" s="424"/>
      <c r="BYW737" s="423" t="s">
        <v>2795</v>
      </c>
      <c r="BYX737" s="424"/>
      <c r="BYY737" s="424"/>
      <c r="BYZ737" s="424"/>
      <c r="BZA737" s="423" t="s">
        <v>2795</v>
      </c>
      <c r="BZB737" s="424"/>
      <c r="BZC737" s="424"/>
      <c r="BZD737" s="424"/>
      <c r="BZE737" s="423" t="s">
        <v>2795</v>
      </c>
      <c r="BZF737" s="424"/>
      <c r="BZG737" s="424"/>
      <c r="BZH737" s="424"/>
      <c r="BZI737" s="423" t="s">
        <v>2795</v>
      </c>
      <c r="BZJ737" s="424"/>
      <c r="BZK737" s="424"/>
      <c r="BZL737" s="424"/>
      <c r="BZM737" s="423" t="s">
        <v>2795</v>
      </c>
      <c r="BZN737" s="424"/>
      <c r="BZO737" s="424"/>
      <c r="BZP737" s="424"/>
      <c r="BZQ737" s="423" t="s">
        <v>2795</v>
      </c>
      <c r="BZR737" s="424"/>
      <c r="BZS737" s="424"/>
      <c r="BZT737" s="424"/>
      <c r="BZU737" s="423" t="s">
        <v>2795</v>
      </c>
      <c r="BZV737" s="424"/>
      <c r="BZW737" s="424"/>
      <c r="BZX737" s="424"/>
      <c r="BZY737" s="423" t="s">
        <v>2795</v>
      </c>
      <c r="BZZ737" s="424"/>
      <c r="CAA737" s="424"/>
      <c r="CAB737" s="424"/>
      <c r="CAC737" s="423" t="s">
        <v>2795</v>
      </c>
      <c r="CAD737" s="424"/>
      <c r="CAE737" s="424"/>
      <c r="CAF737" s="424"/>
      <c r="CAG737" s="423" t="s">
        <v>2795</v>
      </c>
      <c r="CAH737" s="424"/>
      <c r="CAI737" s="424"/>
      <c r="CAJ737" s="424"/>
      <c r="CAK737" s="423" t="s">
        <v>2795</v>
      </c>
      <c r="CAL737" s="424"/>
      <c r="CAM737" s="424"/>
      <c r="CAN737" s="424"/>
      <c r="CAO737" s="423" t="s">
        <v>2795</v>
      </c>
      <c r="CAP737" s="424"/>
      <c r="CAQ737" s="424"/>
      <c r="CAR737" s="424"/>
      <c r="CAS737" s="423" t="s">
        <v>2795</v>
      </c>
      <c r="CAT737" s="424"/>
      <c r="CAU737" s="424"/>
      <c r="CAV737" s="424"/>
      <c r="CAW737" s="423" t="s">
        <v>2795</v>
      </c>
      <c r="CAX737" s="424"/>
      <c r="CAY737" s="424"/>
      <c r="CAZ737" s="424"/>
      <c r="CBA737" s="423" t="s">
        <v>2795</v>
      </c>
      <c r="CBB737" s="424"/>
      <c r="CBC737" s="424"/>
      <c r="CBD737" s="424"/>
      <c r="CBE737" s="423" t="s">
        <v>2795</v>
      </c>
      <c r="CBF737" s="424"/>
      <c r="CBG737" s="424"/>
      <c r="CBH737" s="424"/>
      <c r="CBI737" s="423" t="s">
        <v>2795</v>
      </c>
      <c r="CBJ737" s="424"/>
      <c r="CBK737" s="424"/>
      <c r="CBL737" s="424"/>
      <c r="CBM737" s="423" t="s">
        <v>2795</v>
      </c>
      <c r="CBN737" s="424"/>
      <c r="CBO737" s="424"/>
      <c r="CBP737" s="424"/>
      <c r="CBQ737" s="423" t="s">
        <v>2795</v>
      </c>
      <c r="CBR737" s="424"/>
      <c r="CBS737" s="424"/>
      <c r="CBT737" s="424"/>
      <c r="CBU737" s="423" t="s">
        <v>2795</v>
      </c>
      <c r="CBV737" s="424"/>
      <c r="CBW737" s="424"/>
      <c r="CBX737" s="424"/>
      <c r="CBY737" s="423" t="s">
        <v>2795</v>
      </c>
      <c r="CBZ737" s="424"/>
      <c r="CCA737" s="424"/>
      <c r="CCB737" s="424"/>
      <c r="CCC737" s="423" t="s">
        <v>2795</v>
      </c>
      <c r="CCD737" s="424"/>
      <c r="CCE737" s="424"/>
      <c r="CCF737" s="424"/>
      <c r="CCG737" s="423" t="s">
        <v>2795</v>
      </c>
      <c r="CCH737" s="424"/>
      <c r="CCI737" s="424"/>
      <c r="CCJ737" s="424"/>
      <c r="CCK737" s="423" t="s">
        <v>2795</v>
      </c>
      <c r="CCL737" s="424"/>
      <c r="CCM737" s="424"/>
      <c r="CCN737" s="424"/>
      <c r="CCO737" s="423" t="s">
        <v>2795</v>
      </c>
      <c r="CCP737" s="424"/>
      <c r="CCQ737" s="424"/>
      <c r="CCR737" s="424"/>
      <c r="CCS737" s="423" t="s">
        <v>2795</v>
      </c>
      <c r="CCT737" s="424"/>
      <c r="CCU737" s="424"/>
      <c r="CCV737" s="424"/>
      <c r="CCW737" s="423" t="s">
        <v>2795</v>
      </c>
      <c r="CCX737" s="424"/>
      <c r="CCY737" s="424"/>
      <c r="CCZ737" s="424"/>
      <c r="CDA737" s="423" t="s">
        <v>2795</v>
      </c>
      <c r="CDB737" s="424"/>
      <c r="CDC737" s="424"/>
      <c r="CDD737" s="424"/>
      <c r="CDE737" s="423" t="s">
        <v>2795</v>
      </c>
      <c r="CDF737" s="424"/>
      <c r="CDG737" s="424"/>
      <c r="CDH737" s="424"/>
      <c r="CDI737" s="423" t="s">
        <v>2795</v>
      </c>
      <c r="CDJ737" s="424"/>
      <c r="CDK737" s="424"/>
      <c r="CDL737" s="424"/>
      <c r="CDM737" s="423" t="s">
        <v>2795</v>
      </c>
      <c r="CDN737" s="424"/>
      <c r="CDO737" s="424"/>
      <c r="CDP737" s="424"/>
      <c r="CDQ737" s="423" t="s">
        <v>2795</v>
      </c>
      <c r="CDR737" s="424"/>
      <c r="CDS737" s="424"/>
      <c r="CDT737" s="424"/>
      <c r="CDU737" s="423" t="s">
        <v>2795</v>
      </c>
      <c r="CDV737" s="424"/>
      <c r="CDW737" s="424"/>
      <c r="CDX737" s="424"/>
      <c r="CDY737" s="423" t="s">
        <v>2795</v>
      </c>
      <c r="CDZ737" s="424"/>
      <c r="CEA737" s="424"/>
      <c r="CEB737" s="424"/>
      <c r="CEC737" s="423" t="s">
        <v>2795</v>
      </c>
      <c r="CED737" s="424"/>
      <c r="CEE737" s="424"/>
      <c r="CEF737" s="424"/>
      <c r="CEG737" s="423" t="s">
        <v>2795</v>
      </c>
      <c r="CEH737" s="424"/>
      <c r="CEI737" s="424"/>
      <c r="CEJ737" s="424"/>
      <c r="CEK737" s="423" t="s">
        <v>2795</v>
      </c>
      <c r="CEL737" s="424"/>
      <c r="CEM737" s="424"/>
      <c r="CEN737" s="424"/>
      <c r="CEO737" s="423" t="s">
        <v>2795</v>
      </c>
      <c r="CEP737" s="424"/>
      <c r="CEQ737" s="424"/>
      <c r="CER737" s="424"/>
      <c r="CES737" s="423" t="s">
        <v>2795</v>
      </c>
      <c r="CET737" s="424"/>
      <c r="CEU737" s="424"/>
      <c r="CEV737" s="424"/>
      <c r="CEW737" s="423" t="s">
        <v>2795</v>
      </c>
      <c r="CEX737" s="424"/>
      <c r="CEY737" s="424"/>
      <c r="CEZ737" s="424"/>
      <c r="CFA737" s="423" t="s">
        <v>2795</v>
      </c>
      <c r="CFB737" s="424"/>
      <c r="CFC737" s="424"/>
      <c r="CFD737" s="424"/>
      <c r="CFE737" s="423" t="s">
        <v>2795</v>
      </c>
      <c r="CFF737" s="424"/>
      <c r="CFG737" s="424"/>
      <c r="CFH737" s="424"/>
      <c r="CFI737" s="423" t="s">
        <v>2795</v>
      </c>
      <c r="CFJ737" s="424"/>
      <c r="CFK737" s="424"/>
      <c r="CFL737" s="424"/>
      <c r="CFM737" s="423" t="s">
        <v>2795</v>
      </c>
      <c r="CFN737" s="424"/>
      <c r="CFO737" s="424"/>
      <c r="CFP737" s="424"/>
      <c r="CFQ737" s="423" t="s">
        <v>2795</v>
      </c>
      <c r="CFR737" s="424"/>
      <c r="CFS737" s="424"/>
      <c r="CFT737" s="424"/>
      <c r="CFU737" s="423" t="s">
        <v>2795</v>
      </c>
      <c r="CFV737" s="424"/>
      <c r="CFW737" s="424"/>
      <c r="CFX737" s="424"/>
      <c r="CFY737" s="423" t="s">
        <v>2795</v>
      </c>
      <c r="CFZ737" s="424"/>
      <c r="CGA737" s="424"/>
      <c r="CGB737" s="424"/>
      <c r="CGC737" s="423" t="s">
        <v>2795</v>
      </c>
      <c r="CGD737" s="424"/>
      <c r="CGE737" s="424"/>
      <c r="CGF737" s="424"/>
      <c r="CGG737" s="423" t="s">
        <v>2795</v>
      </c>
      <c r="CGH737" s="424"/>
      <c r="CGI737" s="424"/>
      <c r="CGJ737" s="424"/>
      <c r="CGK737" s="423" t="s">
        <v>2795</v>
      </c>
      <c r="CGL737" s="424"/>
      <c r="CGM737" s="424"/>
      <c r="CGN737" s="424"/>
      <c r="CGO737" s="423" t="s">
        <v>2795</v>
      </c>
      <c r="CGP737" s="424"/>
      <c r="CGQ737" s="424"/>
      <c r="CGR737" s="424"/>
      <c r="CGS737" s="423" t="s">
        <v>2795</v>
      </c>
      <c r="CGT737" s="424"/>
      <c r="CGU737" s="424"/>
      <c r="CGV737" s="424"/>
      <c r="CGW737" s="423" t="s">
        <v>2795</v>
      </c>
      <c r="CGX737" s="424"/>
      <c r="CGY737" s="424"/>
      <c r="CGZ737" s="424"/>
      <c r="CHA737" s="423" t="s">
        <v>2795</v>
      </c>
      <c r="CHB737" s="424"/>
      <c r="CHC737" s="424"/>
      <c r="CHD737" s="424"/>
      <c r="CHE737" s="423" t="s">
        <v>2795</v>
      </c>
      <c r="CHF737" s="424"/>
      <c r="CHG737" s="424"/>
      <c r="CHH737" s="424"/>
      <c r="CHI737" s="423" t="s">
        <v>2795</v>
      </c>
      <c r="CHJ737" s="424"/>
      <c r="CHK737" s="424"/>
      <c r="CHL737" s="424"/>
      <c r="CHM737" s="423" t="s">
        <v>2795</v>
      </c>
      <c r="CHN737" s="424"/>
      <c r="CHO737" s="424"/>
      <c r="CHP737" s="424"/>
      <c r="CHQ737" s="423" t="s">
        <v>2795</v>
      </c>
      <c r="CHR737" s="424"/>
      <c r="CHS737" s="424"/>
      <c r="CHT737" s="424"/>
      <c r="CHU737" s="423" t="s">
        <v>2795</v>
      </c>
      <c r="CHV737" s="424"/>
      <c r="CHW737" s="424"/>
      <c r="CHX737" s="424"/>
      <c r="CHY737" s="423" t="s">
        <v>2795</v>
      </c>
      <c r="CHZ737" s="424"/>
      <c r="CIA737" s="424"/>
      <c r="CIB737" s="424"/>
      <c r="CIC737" s="423" t="s">
        <v>2795</v>
      </c>
      <c r="CID737" s="424"/>
      <c r="CIE737" s="424"/>
      <c r="CIF737" s="424"/>
      <c r="CIG737" s="423" t="s">
        <v>2795</v>
      </c>
      <c r="CIH737" s="424"/>
      <c r="CII737" s="424"/>
      <c r="CIJ737" s="424"/>
      <c r="CIK737" s="423" t="s">
        <v>2795</v>
      </c>
      <c r="CIL737" s="424"/>
      <c r="CIM737" s="424"/>
      <c r="CIN737" s="424"/>
      <c r="CIO737" s="423" t="s">
        <v>2795</v>
      </c>
      <c r="CIP737" s="424"/>
      <c r="CIQ737" s="424"/>
      <c r="CIR737" s="424"/>
      <c r="CIS737" s="423" t="s">
        <v>2795</v>
      </c>
      <c r="CIT737" s="424"/>
      <c r="CIU737" s="424"/>
      <c r="CIV737" s="424"/>
      <c r="CIW737" s="423" t="s">
        <v>2795</v>
      </c>
      <c r="CIX737" s="424"/>
      <c r="CIY737" s="424"/>
      <c r="CIZ737" s="424"/>
      <c r="CJA737" s="423" t="s">
        <v>2795</v>
      </c>
      <c r="CJB737" s="424"/>
      <c r="CJC737" s="424"/>
      <c r="CJD737" s="424"/>
      <c r="CJE737" s="423" t="s">
        <v>2795</v>
      </c>
      <c r="CJF737" s="424"/>
      <c r="CJG737" s="424"/>
      <c r="CJH737" s="424"/>
      <c r="CJI737" s="423" t="s">
        <v>2795</v>
      </c>
      <c r="CJJ737" s="424"/>
      <c r="CJK737" s="424"/>
      <c r="CJL737" s="424"/>
      <c r="CJM737" s="423" t="s">
        <v>2795</v>
      </c>
      <c r="CJN737" s="424"/>
      <c r="CJO737" s="424"/>
      <c r="CJP737" s="424"/>
      <c r="CJQ737" s="423" t="s">
        <v>2795</v>
      </c>
      <c r="CJR737" s="424"/>
      <c r="CJS737" s="424"/>
      <c r="CJT737" s="424"/>
      <c r="CJU737" s="423" t="s">
        <v>2795</v>
      </c>
      <c r="CJV737" s="424"/>
      <c r="CJW737" s="424"/>
      <c r="CJX737" s="424"/>
      <c r="CJY737" s="423" t="s">
        <v>2795</v>
      </c>
      <c r="CJZ737" s="424"/>
      <c r="CKA737" s="424"/>
      <c r="CKB737" s="424"/>
      <c r="CKC737" s="423" t="s">
        <v>2795</v>
      </c>
      <c r="CKD737" s="424"/>
      <c r="CKE737" s="424"/>
      <c r="CKF737" s="424"/>
      <c r="CKG737" s="423" t="s">
        <v>2795</v>
      </c>
      <c r="CKH737" s="424"/>
      <c r="CKI737" s="424"/>
      <c r="CKJ737" s="424"/>
      <c r="CKK737" s="423" t="s">
        <v>2795</v>
      </c>
      <c r="CKL737" s="424"/>
      <c r="CKM737" s="424"/>
      <c r="CKN737" s="424"/>
      <c r="CKO737" s="423" t="s">
        <v>2795</v>
      </c>
      <c r="CKP737" s="424"/>
      <c r="CKQ737" s="424"/>
      <c r="CKR737" s="424"/>
      <c r="CKS737" s="423" t="s">
        <v>2795</v>
      </c>
      <c r="CKT737" s="424"/>
      <c r="CKU737" s="424"/>
      <c r="CKV737" s="424"/>
      <c r="CKW737" s="423" t="s">
        <v>2795</v>
      </c>
      <c r="CKX737" s="424"/>
      <c r="CKY737" s="424"/>
      <c r="CKZ737" s="424"/>
      <c r="CLA737" s="423" t="s">
        <v>2795</v>
      </c>
      <c r="CLB737" s="424"/>
      <c r="CLC737" s="424"/>
      <c r="CLD737" s="424"/>
      <c r="CLE737" s="423" t="s">
        <v>2795</v>
      </c>
      <c r="CLF737" s="424"/>
      <c r="CLG737" s="424"/>
      <c r="CLH737" s="424"/>
      <c r="CLI737" s="423" t="s">
        <v>2795</v>
      </c>
      <c r="CLJ737" s="424"/>
      <c r="CLK737" s="424"/>
      <c r="CLL737" s="424"/>
      <c r="CLM737" s="423" t="s">
        <v>2795</v>
      </c>
      <c r="CLN737" s="424"/>
      <c r="CLO737" s="424"/>
      <c r="CLP737" s="424"/>
      <c r="CLQ737" s="423" t="s">
        <v>2795</v>
      </c>
      <c r="CLR737" s="424"/>
      <c r="CLS737" s="424"/>
      <c r="CLT737" s="424"/>
      <c r="CLU737" s="423" t="s">
        <v>2795</v>
      </c>
      <c r="CLV737" s="424"/>
      <c r="CLW737" s="424"/>
      <c r="CLX737" s="424"/>
      <c r="CLY737" s="423" t="s">
        <v>2795</v>
      </c>
      <c r="CLZ737" s="424"/>
      <c r="CMA737" s="424"/>
      <c r="CMB737" s="424"/>
      <c r="CMC737" s="423" t="s">
        <v>2795</v>
      </c>
      <c r="CMD737" s="424"/>
      <c r="CME737" s="424"/>
      <c r="CMF737" s="424"/>
      <c r="CMG737" s="423" t="s">
        <v>2795</v>
      </c>
      <c r="CMH737" s="424"/>
      <c r="CMI737" s="424"/>
      <c r="CMJ737" s="424"/>
      <c r="CMK737" s="423" t="s">
        <v>2795</v>
      </c>
      <c r="CML737" s="424"/>
      <c r="CMM737" s="424"/>
      <c r="CMN737" s="424"/>
      <c r="CMO737" s="423" t="s">
        <v>2795</v>
      </c>
      <c r="CMP737" s="424"/>
      <c r="CMQ737" s="424"/>
      <c r="CMR737" s="424"/>
      <c r="CMS737" s="423" t="s">
        <v>2795</v>
      </c>
      <c r="CMT737" s="424"/>
      <c r="CMU737" s="424"/>
      <c r="CMV737" s="424"/>
      <c r="CMW737" s="423" t="s">
        <v>2795</v>
      </c>
      <c r="CMX737" s="424"/>
      <c r="CMY737" s="424"/>
      <c r="CMZ737" s="424"/>
      <c r="CNA737" s="423" t="s">
        <v>2795</v>
      </c>
      <c r="CNB737" s="424"/>
      <c r="CNC737" s="424"/>
      <c r="CND737" s="424"/>
      <c r="CNE737" s="423" t="s">
        <v>2795</v>
      </c>
      <c r="CNF737" s="424"/>
      <c r="CNG737" s="424"/>
      <c r="CNH737" s="424"/>
      <c r="CNI737" s="423" t="s">
        <v>2795</v>
      </c>
      <c r="CNJ737" s="424"/>
      <c r="CNK737" s="424"/>
      <c r="CNL737" s="424"/>
      <c r="CNM737" s="423" t="s">
        <v>2795</v>
      </c>
      <c r="CNN737" s="424"/>
      <c r="CNO737" s="424"/>
      <c r="CNP737" s="424"/>
      <c r="CNQ737" s="423" t="s">
        <v>2795</v>
      </c>
      <c r="CNR737" s="424"/>
      <c r="CNS737" s="424"/>
      <c r="CNT737" s="424"/>
      <c r="CNU737" s="423" t="s">
        <v>2795</v>
      </c>
      <c r="CNV737" s="424"/>
      <c r="CNW737" s="424"/>
      <c r="CNX737" s="424"/>
      <c r="CNY737" s="423" t="s">
        <v>2795</v>
      </c>
      <c r="CNZ737" s="424"/>
      <c r="COA737" s="424"/>
      <c r="COB737" s="424"/>
      <c r="COC737" s="423" t="s">
        <v>2795</v>
      </c>
      <c r="COD737" s="424"/>
      <c r="COE737" s="424"/>
      <c r="COF737" s="424"/>
      <c r="COG737" s="423" t="s">
        <v>2795</v>
      </c>
      <c r="COH737" s="424"/>
      <c r="COI737" s="424"/>
      <c r="COJ737" s="424"/>
      <c r="COK737" s="423" t="s">
        <v>2795</v>
      </c>
      <c r="COL737" s="424"/>
      <c r="COM737" s="424"/>
      <c r="CON737" s="424"/>
      <c r="COO737" s="423" t="s">
        <v>2795</v>
      </c>
      <c r="COP737" s="424"/>
      <c r="COQ737" s="424"/>
      <c r="COR737" s="424"/>
      <c r="COS737" s="423" t="s">
        <v>2795</v>
      </c>
      <c r="COT737" s="424"/>
      <c r="COU737" s="424"/>
      <c r="COV737" s="424"/>
      <c r="COW737" s="423" t="s">
        <v>2795</v>
      </c>
      <c r="COX737" s="424"/>
      <c r="COY737" s="424"/>
      <c r="COZ737" s="424"/>
      <c r="CPA737" s="423" t="s">
        <v>2795</v>
      </c>
      <c r="CPB737" s="424"/>
      <c r="CPC737" s="424"/>
      <c r="CPD737" s="424"/>
      <c r="CPE737" s="423" t="s">
        <v>2795</v>
      </c>
      <c r="CPF737" s="424"/>
      <c r="CPG737" s="424"/>
      <c r="CPH737" s="424"/>
      <c r="CPI737" s="423" t="s">
        <v>2795</v>
      </c>
      <c r="CPJ737" s="424"/>
      <c r="CPK737" s="424"/>
      <c r="CPL737" s="424"/>
      <c r="CPM737" s="423" t="s">
        <v>2795</v>
      </c>
      <c r="CPN737" s="424"/>
      <c r="CPO737" s="424"/>
      <c r="CPP737" s="424"/>
      <c r="CPQ737" s="423" t="s">
        <v>2795</v>
      </c>
      <c r="CPR737" s="424"/>
      <c r="CPS737" s="424"/>
      <c r="CPT737" s="424"/>
      <c r="CPU737" s="423" t="s">
        <v>2795</v>
      </c>
      <c r="CPV737" s="424"/>
      <c r="CPW737" s="424"/>
      <c r="CPX737" s="424"/>
      <c r="CPY737" s="423" t="s">
        <v>2795</v>
      </c>
      <c r="CPZ737" s="424"/>
      <c r="CQA737" s="424"/>
      <c r="CQB737" s="424"/>
      <c r="CQC737" s="423" t="s">
        <v>2795</v>
      </c>
      <c r="CQD737" s="424"/>
      <c r="CQE737" s="424"/>
      <c r="CQF737" s="424"/>
      <c r="CQG737" s="423" t="s">
        <v>2795</v>
      </c>
      <c r="CQH737" s="424"/>
      <c r="CQI737" s="424"/>
      <c r="CQJ737" s="424"/>
      <c r="CQK737" s="423" t="s">
        <v>2795</v>
      </c>
      <c r="CQL737" s="424"/>
      <c r="CQM737" s="424"/>
      <c r="CQN737" s="424"/>
      <c r="CQO737" s="423" t="s">
        <v>2795</v>
      </c>
      <c r="CQP737" s="424"/>
      <c r="CQQ737" s="424"/>
      <c r="CQR737" s="424"/>
      <c r="CQS737" s="423" t="s">
        <v>2795</v>
      </c>
      <c r="CQT737" s="424"/>
      <c r="CQU737" s="424"/>
      <c r="CQV737" s="424"/>
      <c r="CQW737" s="423" t="s">
        <v>2795</v>
      </c>
      <c r="CQX737" s="424"/>
      <c r="CQY737" s="424"/>
      <c r="CQZ737" s="424"/>
      <c r="CRA737" s="423" t="s">
        <v>2795</v>
      </c>
      <c r="CRB737" s="424"/>
      <c r="CRC737" s="424"/>
      <c r="CRD737" s="424"/>
      <c r="CRE737" s="423" t="s">
        <v>2795</v>
      </c>
      <c r="CRF737" s="424"/>
      <c r="CRG737" s="424"/>
      <c r="CRH737" s="424"/>
      <c r="CRI737" s="423" t="s">
        <v>2795</v>
      </c>
      <c r="CRJ737" s="424"/>
      <c r="CRK737" s="424"/>
      <c r="CRL737" s="424"/>
      <c r="CRM737" s="423" t="s">
        <v>2795</v>
      </c>
      <c r="CRN737" s="424"/>
      <c r="CRO737" s="424"/>
      <c r="CRP737" s="424"/>
      <c r="CRQ737" s="423" t="s">
        <v>2795</v>
      </c>
      <c r="CRR737" s="424"/>
      <c r="CRS737" s="424"/>
      <c r="CRT737" s="424"/>
      <c r="CRU737" s="423" t="s">
        <v>2795</v>
      </c>
      <c r="CRV737" s="424"/>
      <c r="CRW737" s="424"/>
      <c r="CRX737" s="424"/>
      <c r="CRY737" s="423" t="s">
        <v>2795</v>
      </c>
      <c r="CRZ737" s="424"/>
      <c r="CSA737" s="424"/>
      <c r="CSB737" s="424"/>
      <c r="CSC737" s="423" t="s">
        <v>2795</v>
      </c>
      <c r="CSD737" s="424"/>
      <c r="CSE737" s="424"/>
      <c r="CSF737" s="424"/>
      <c r="CSG737" s="423" t="s">
        <v>2795</v>
      </c>
      <c r="CSH737" s="424"/>
      <c r="CSI737" s="424"/>
      <c r="CSJ737" s="424"/>
      <c r="CSK737" s="423" t="s">
        <v>2795</v>
      </c>
      <c r="CSL737" s="424"/>
      <c r="CSM737" s="424"/>
      <c r="CSN737" s="424"/>
      <c r="CSO737" s="423" t="s">
        <v>2795</v>
      </c>
      <c r="CSP737" s="424"/>
      <c r="CSQ737" s="424"/>
      <c r="CSR737" s="424"/>
      <c r="CSS737" s="423" t="s">
        <v>2795</v>
      </c>
      <c r="CST737" s="424"/>
      <c r="CSU737" s="424"/>
      <c r="CSV737" s="424"/>
      <c r="CSW737" s="423" t="s">
        <v>2795</v>
      </c>
      <c r="CSX737" s="424"/>
      <c r="CSY737" s="424"/>
      <c r="CSZ737" s="424"/>
      <c r="CTA737" s="423" t="s">
        <v>2795</v>
      </c>
      <c r="CTB737" s="424"/>
      <c r="CTC737" s="424"/>
      <c r="CTD737" s="424"/>
      <c r="CTE737" s="423" t="s">
        <v>2795</v>
      </c>
      <c r="CTF737" s="424"/>
      <c r="CTG737" s="424"/>
      <c r="CTH737" s="424"/>
      <c r="CTI737" s="423" t="s">
        <v>2795</v>
      </c>
      <c r="CTJ737" s="424"/>
      <c r="CTK737" s="424"/>
      <c r="CTL737" s="424"/>
      <c r="CTM737" s="423" t="s">
        <v>2795</v>
      </c>
      <c r="CTN737" s="424"/>
      <c r="CTO737" s="424"/>
      <c r="CTP737" s="424"/>
      <c r="CTQ737" s="423" t="s">
        <v>2795</v>
      </c>
      <c r="CTR737" s="424"/>
      <c r="CTS737" s="424"/>
      <c r="CTT737" s="424"/>
      <c r="CTU737" s="423" t="s">
        <v>2795</v>
      </c>
      <c r="CTV737" s="424"/>
      <c r="CTW737" s="424"/>
      <c r="CTX737" s="424"/>
      <c r="CTY737" s="423" t="s">
        <v>2795</v>
      </c>
      <c r="CTZ737" s="424"/>
      <c r="CUA737" s="424"/>
      <c r="CUB737" s="424"/>
      <c r="CUC737" s="423" t="s">
        <v>2795</v>
      </c>
      <c r="CUD737" s="424"/>
      <c r="CUE737" s="424"/>
      <c r="CUF737" s="424"/>
      <c r="CUG737" s="423" t="s">
        <v>2795</v>
      </c>
      <c r="CUH737" s="424"/>
      <c r="CUI737" s="424"/>
      <c r="CUJ737" s="424"/>
      <c r="CUK737" s="423" t="s">
        <v>2795</v>
      </c>
      <c r="CUL737" s="424"/>
      <c r="CUM737" s="424"/>
      <c r="CUN737" s="424"/>
      <c r="CUO737" s="423" t="s">
        <v>2795</v>
      </c>
      <c r="CUP737" s="424"/>
      <c r="CUQ737" s="424"/>
      <c r="CUR737" s="424"/>
      <c r="CUS737" s="423" t="s">
        <v>2795</v>
      </c>
      <c r="CUT737" s="424"/>
      <c r="CUU737" s="424"/>
      <c r="CUV737" s="424"/>
      <c r="CUW737" s="423" t="s">
        <v>2795</v>
      </c>
      <c r="CUX737" s="424"/>
      <c r="CUY737" s="424"/>
      <c r="CUZ737" s="424"/>
      <c r="CVA737" s="423" t="s">
        <v>2795</v>
      </c>
      <c r="CVB737" s="424"/>
      <c r="CVC737" s="424"/>
      <c r="CVD737" s="424"/>
      <c r="CVE737" s="423" t="s">
        <v>2795</v>
      </c>
      <c r="CVF737" s="424"/>
      <c r="CVG737" s="424"/>
      <c r="CVH737" s="424"/>
      <c r="CVI737" s="423" t="s">
        <v>2795</v>
      </c>
      <c r="CVJ737" s="424"/>
      <c r="CVK737" s="424"/>
      <c r="CVL737" s="424"/>
      <c r="CVM737" s="423" t="s">
        <v>2795</v>
      </c>
      <c r="CVN737" s="424"/>
      <c r="CVO737" s="424"/>
      <c r="CVP737" s="424"/>
      <c r="CVQ737" s="423" t="s">
        <v>2795</v>
      </c>
      <c r="CVR737" s="424"/>
      <c r="CVS737" s="424"/>
      <c r="CVT737" s="424"/>
      <c r="CVU737" s="423" t="s">
        <v>2795</v>
      </c>
      <c r="CVV737" s="424"/>
      <c r="CVW737" s="424"/>
      <c r="CVX737" s="424"/>
      <c r="CVY737" s="423" t="s">
        <v>2795</v>
      </c>
      <c r="CVZ737" s="424"/>
      <c r="CWA737" s="424"/>
      <c r="CWB737" s="424"/>
      <c r="CWC737" s="423" t="s">
        <v>2795</v>
      </c>
      <c r="CWD737" s="424"/>
      <c r="CWE737" s="424"/>
      <c r="CWF737" s="424"/>
      <c r="CWG737" s="423" t="s">
        <v>2795</v>
      </c>
      <c r="CWH737" s="424"/>
      <c r="CWI737" s="424"/>
      <c r="CWJ737" s="424"/>
      <c r="CWK737" s="423" t="s">
        <v>2795</v>
      </c>
      <c r="CWL737" s="424"/>
      <c r="CWM737" s="424"/>
      <c r="CWN737" s="424"/>
      <c r="CWO737" s="423" t="s">
        <v>2795</v>
      </c>
      <c r="CWP737" s="424"/>
      <c r="CWQ737" s="424"/>
      <c r="CWR737" s="424"/>
      <c r="CWS737" s="423" t="s">
        <v>2795</v>
      </c>
      <c r="CWT737" s="424"/>
      <c r="CWU737" s="424"/>
      <c r="CWV737" s="424"/>
      <c r="CWW737" s="423" t="s">
        <v>2795</v>
      </c>
      <c r="CWX737" s="424"/>
      <c r="CWY737" s="424"/>
      <c r="CWZ737" s="424"/>
      <c r="CXA737" s="423" t="s">
        <v>2795</v>
      </c>
      <c r="CXB737" s="424"/>
      <c r="CXC737" s="424"/>
      <c r="CXD737" s="424"/>
      <c r="CXE737" s="423" t="s">
        <v>2795</v>
      </c>
      <c r="CXF737" s="424"/>
      <c r="CXG737" s="424"/>
      <c r="CXH737" s="424"/>
      <c r="CXI737" s="423" t="s">
        <v>2795</v>
      </c>
      <c r="CXJ737" s="424"/>
      <c r="CXK737" s="424"/>
      <c r="CXL737" s="424"/>
      <c r="CXM737" s="423" t="s">
        <v>2795</v>
      </c>
      <c r="CXN737" s="424"/>
      <c r="CXO737" s="424"/>
      <c r="CXP737" s="424"/>
      <c r="CXQ737" s="423" t="s">
        <v>2795</v>
      </c>
      <c r="CXR737" s="424"/>
      <c r="CXS737" s="424"/>
      <c r="CXT737" s="424"/>
      <c r="CXU737" s="423" t="s">
        <v>2795</v>
      </c>
      <c r="CXV737" s="424"/>
      <c r="CXW737" s="424"/>
      <c r="CXX737" s="424"/>
      <c r="CXY737" s="423" t="s">
        <v>2795</v>
      </c>
      <c r="CXZ737" s="424"/>
      <c r="CYA737" s="424"/>
      <c r="CYB737" s="424"/>
      <c r="CYC737" s="423" t="s">
        <v>2795</v>
      </c>
      <c r="CYD737" s="424"/>
      <c r="CYE737" s="424"/>
      <c r="CYF737" s="424"/>
      <c r="CYG737" s="423" t="s">
        <v>2795</v>
      </c>
      <c r="CYH737" s="424"/>
      <c r="CYI737" s="424"/>
      <c r="CYJ737" s="424"/>
      <c r="CYK737" s="423" t="s">
        <v>2795</v>
      </c>
      <c r="CYL737" s="424"/>
      <c r="CYM737" s="424"/>
      <c r="CYN737" s="424"/>
      <c r="CYO737" s="423" t="s">
        <v>2795</v>
      </c>
      <c r="CYP737" s="424"/>
      <c r="CYQ737" s="424"/>
      <c r="CYR737" s="424"/>
      <c r="CYS737" s="423" t="s">
        <v>2795</v>
      </c>
      <c r="CYT737" s="424"/>
      <c r="CYU737" s="424"/>
      <c r="CYV737" s="424"/>
      <c r="CYW737" s="423" t="s">
        <v>2795</v>
      </c>
      <c r="CYX737" s="424"/>
      <c r="CYY737" s="424"/>
      <c r="CYZ737" s="424"/>
      <c r="CZA737" s="423" t="s">
        <v>2795</v>
      </c>
      <c r="CZB737" s="424"/>
      <c r="CZC737" s="424"/>
      <c r="CZD737" s="424"/>
      <c r="CZE737" s="423" t="s">
        <v>2795</v>
      </c>
      <c r="CZF737" s="424"/>
      <c r="CZG737" s="424"/>
      <c r="CZH737" s="424"/>
      <c r="CZI737" s="423" t="s">
        <v>2795</v>
      </c>
      <c r="CZJ737" s="424"/>
      <c r="CZK737" s="424"/>
      <c r="CZL737" s="424"/>
      <c r="CZM737" s="423" t="s">
        <v>2795</v>
      </c>
      <c r="CZN737" s="424"/>
      <c r="CZO737" s="424"/>
      <c r="CZP737" s="424"/>
      <c r="CZQ737" s="423" t="s">
        <v>2795</v>
      </c>
      <c r="CZR737" s="424"/>
      <c r="CZS737" s="424"/>
      <c r="CZT737" s="424"/>
      <c r="CZU737" s="423" t="s">
        <v>2795</v>
      </c>
      <c r="CZV737" s="424"/>
      <c r="CZW737" s="424"/>
      <c r="CZX737" s="424"/>
      <c r="CZY737" s="423" t="s">
        <v>2795</v>
      </c>
      <c r="CZZ737" s="424"/>
      <c r="DAA737" s="424"/>
      <c r="DAB737" s="424"/>
      <c r="DAC737" s="423" t="s">
        <v>2795</v>
      </c>
      <c r="DAD737" s="424"/>
      <c r="DAE737" s="424"/>
      <c r="DAF737" s="424"/>
      <c r="DAG737" s="423" t="s">
        <v>2795</v>
      </c>
      <c r="DAH737" s="424"/>
      <c r="DAI737" s="424"/>
      <c r="DAJ737" s="424"/>
      <c r="DAK737" s="423" t="s">
        <v>2795</v>
      </c>
      <c r="DAL737" s="424"/>
      <c r="DAM737" s="424"/>
      <c r="DAN737" s="424"/>
      <c r="DAO737" s="423" t="s">
        <v>2795</v>
      </c>
      <c r="DAP737" s="424"/>
      <c r="DAQ737" s="424"/>
      <c r="DAR737" s="424"/>
      <c r="DAS737" s="423" t="s">
        <v>2795</v>
      </c>
      <c r="DAT737" s="424"/>
      <c r="DAU737" s="424"/>
      <c r="DAV737" s="424"/>
      <c r="DAW737" s="423" t="s">
        <v>2795</v>
      </c>
      <c r="DAX737" s="424"/>
      <c r="DAY737" s="424"/>
      <c r="DAZ737" s="424"/>
      <c r="DBA737" s="423" t="s">
        <v>2795</v>
      </c>
      <c r="DBB737" s="424"/>
      <c r="DBC737" s="424"/>
      <c r="DBD737" s="424"/>
      <c r="DBE737" s="423" t="s">
        <v>2795</v>
      </c>
      <c r="DBF737" s="424"/>
      <c r="DBG737" s="424"/>
      <c r="DBH737" s="424"/>
      <c r="DBI737" s="423" t="s">
        <v>2795</v>
      </c>
      <c r="DBJ737" s="424"/>
      <c r="DBK737" s="424"/>
      <c r="DBL737" s="424"/>
      <c r="DBM737" s="423" t="s">
        <v>2795</v>
      </c>
      <c r="DBN737" s="424"/>
      <c r="DBO737" s="424"/>
      <c r="DBP737" s="424"/>
      <c r="DBQ737" s="423" t="s">
        <v>2795</v>
      </c>
      <c r="DBR737" s="424"/>
      <c r="DBS737" s="424"/>
      <c r="DBT737" s="424"/>
      <c r="DBU737" s="423" t="s">
        <v>2795</v>
      </c>
      <c r="DBV737" s="424"/>
      <c r="DBW737" s="424"/>
      <c r="DBX737" s="424"/>
      <c r="DBY737" s="423" t="s">
        <v>2795</v>
      </c>
      <c r="DBZ737" s="424"/>
      <c r="DCA737" s="424"/>
      <c r="DCB737" s="424"/>
      <c r="DCC737" s="423" t="s">
        <v>2795</v>
      </c>
      <c r="DCD737" s="424"/>
      <c r="DCE737" s="424"/>
      <c r="DCF737" s="424"/>
      <c r="DCG737" s="423" t="s">
        <v>2795</v>
      </c>
      <c r="DCH737" s="424"/>
      <c r="DCI737" s="424"/>
      <c r="DCJ737" s="424"/>
      <c r="DCK737" s="423" t="s">
        <v>2795</v>
      </c>
      <c r="DCL737" s="424"/>
      <c r="DCM737" s="424"/>
      <c r="DCN737" s="424"/>
      <c r="DCO737" s="423" t="s">
        <v>2795</v>
      </c>
      <c r="DCP737" s="424"/>
      <c r="DCQ737" s="424"/>
      <c r="DCR737" s="424"/>
      <c r="DCS737" s="423" t="s">
        <v>2795</v>
      </c>
      <c r="DCT737" s="424"/>
      <c r="DCU737" s="424"/>
      <c r="DCV737" s="424"/>
      <c r="DCW737" s="423" t="s">
        <v>2795</v>
      </c>
      <c r="DCX737" s="424"/>
      <c r="DCY737" s="424"/>
      <c r="DCZ737" s="424"/>
      <c r="DDA737" s="423" t="s">
        <v>2795</v>
      </c>
      <c r="DDB737" s="424"/>
      <c r="DDC737" s="424"/>
      <c r="DDD737" s="424"/>
      <c r="DDE737" s="423" t="s">
        <v>2795</v>
      </c>
      <c r="DDF737" s="424"/>
      <c r="DDG737" s="424"/>
      <c r="DDH737" s="424"/>
      <c r="DDI737" s="423" t="s">
        <v>2795</v>
      </c>
      <c r="DDJ737" s="424"/>
      <c r="DDK737" s="424"/>
      <c r="DDL737" s="424"/>
      <c r="DDM737" s="423" t="s">
        <v>2795</v>
      </c>
      <c r="DDN737" s="424"/>
      <c r="DDO737" s="424"/>
      <c r="DDP737" s="424"/>
      <c r="DDQ737" s="423" t="s">
        <v>2795</v>
      </c>
      <c r="DDR737" s="424"/>
      <c r="DDS737" s="424"/>
      <c r="DDT737" s="424"/>
      <c r="DDU737" s="423" t="s">
        <v>2795</v>
      </c>
      <c r="DDV737" s="424"/>
      <c r="DDW737" s="424"/>
      <c r="DDX737" s="424"/>
      <c r="DDY737" s="423" t="s">
        <v>2795</v>
      </c>
      <c r="DDZ737" s="424"/>
      <c r="DEA737" s="424"/>
      <c r="DEB737" s="424"/>
      <c r="DEC737" s="423" t="s">
        <v>2795</v>
      </c>
      <c r="DED737" s="424"/>
      <c r="DEE737" s="424"/>
      <c r="DEF737" s="424"/>
      <c r="DEG737" s="423" t="s">
        <v>2795</v>
      </c>
      <c r="DEH737" s="424"/>
      <c r="DEI737" s="424"/>
      <c r="DEJ737" s="424"/>
      <c r="DEK737" s="423" t="s">
        <v>2795</v>
      </c>
      <c r="DEL737" s="424"/>
      <c r="DEM737" s="424"/>
      <c r="DEN737" s="424"/>
      <c r="DEO737" s="423" t="s">
        <v>2795</v>
      </c>
      <c r="DEP737" s="424"/>
      <c r="DEQ737" s="424"/>
      <c r="DER737" s="424"/>
      <c r="DES737" s="423" t="s">
        <v>2795</v>
      </c>
      <c r="DET737" s="424"/>
      <c r="DEU737" s="424"/>
      <c r="DEV737" s="424"/>
      <c r="DEW737" s="423" t="s">
        <v>2795</v>
      </c>
      <c r="DEX737" s="424"/>
      <c r="DEY737" s="424"/>
      <c r="DEZ737" s="424"/>
      <c r="DFA737" s="423" t="s">
        <v>2795</v>
      </c>
      <c r="DFB737" s="424"/>
      <c r="DFC737" s="424"/>
      <c r="DFD737" s="424"/>
      <c r="DFE737" s="423" t="s">
        <v>2795</v>
      </c>
      <c r="DFF737" s="424"/>
      <c r="DFG737" s="424"/>
      <c r="DFH737" s="424"/>
      <c r="DFI737" s="423" t="s">
        <v>2795</v>
      </c>
      <c r="DFJ737" s="424"/>
      <c r="DFK737" s="424"/>
      <c r="DFL737" s="424"/>
      <c r="DFM737" s="423" t="s">
        <v>2795</v>
      </c>
      <c r="DFN737" s="424"/>
      <c r="DFO737" s="424"/>
      <c r="DFP737" s="424"/>
      <c r="DFQ737" s="423" t="s">
        <v>2795</v>
      </c>
      <c r="DFR737" s="424"/>
      <c r="DFS737" s="424"/>
      <c r="DFT737" s="424"/>
      <c r="DFU737" s="423" t="s">
        <v>2795</v>
      </c>
      <c r="DFV737" s="424"/>
      <c r="DFW737" s="424"/>
      <c r="DFX737" s="424"/>
      <c r="DFY737" s="423" t="s">
        <v>2795</v>
      </c>
      <c r="DFZ737" s="424"/>
      <c r="DGA737" s="424"/>
      <c r="DGB737" s="424"/>
      <c r="DGC737" s="423" t="s">
        <v>2795</v>
      </c>
      <c r="DGD737" s="424"/>
      <c r="DGE737" s="424"/>
      <c r="DGF737" s="424"/>
      <c r="DGG737" s="423" t="s">
        <v>2795</v>
      </c>
      <c r="DGH737" s="424"/>
      <c r="DGI737" s="424"/>
      <c r="DGJ737" s="424"/>
      <c r="DGK737" s="423" t="s">
        <v>2795</v>
      </c>
      <c r="DGL737" s="424"/>
      <c r="DGM737" s="424"/>
      <c r="DGN737" s="424"/>
      <c r="DGO737" s="423" t="s">
        <v>2795</v>
      </c>
      <c r="DGP737" s="424"/>
      <c r="DGQ737" s="424"/>
      <c r="DGR737" s="424"/>
      <c r="DGS737" s="423" t="s">
        <v>2795</v>
      </c>
      <c r="DGT737" s="424"/>
      <c r="DGU737" s="424"/>
      <c r="DGV737" s="424"/>
      <c r="DGW737" s="423" t="s">
        <v>2795</v>
      </c>
      <c r="DGX737" s="424"/>
      <c r="DGY737" s="424"/>
      <c r="DGZ737" s="424"/>
      <c r="DHA737" s="423" t="s">
        <v>2795</v>
      </c>
      <c r="DHB737" s="424"/>
      <c r="DHC737" s="424"/>
      <c r="DHD737" s="424"/>
      <c r="DHE737" s="423" t="s">
        <v>2795</v>
      </c>
      <c r="DHF737" s="424"/>
      <c r="DHG737" s="424"/>
      <c r="DHH737" s="424"/>
      <c r="DHI737" s="423" t="s">
        <v>2795</v>
      </c>
      <c r="DHJ737" s="424"/>
      <c r="DHK737" s="424"/>
      <c r="DHL737" s="424"/>
      <c r="DHM737" s="423" t="s">
        <v>2795</v>
      </c>
      <c r="DHN737" s="424"/>
      <c r="DHO737" s="424"/>
      <c r="DHP737" s="424"/>
      <c r="DHQ737" s="423" t="s">
        <v>2795</v>
      </c>
      <c r="DHR737" s="424"/>
      <c r="DHS737" s="424"/>
      <c r="DHT737" s="424"/>
      <c r="DHU737" s="423" t="s">
        <v>2795</v>
      </c>
      <c r="DHV737" s="424"/>
      <c r="DHW737" s="424"/>
      <c r="DHX737" s="424"/>
      <c r="DHY737" s="423" t="s">
        <v>2795</v>
      </c>
      <c r="DHZ737" s="424"/>
      <c r="DIA737" s="424"/>
      <c r="DIB737" s="424"/>
      <c r="DIC737" s="423" t="s">
        <v>2795</v>
      </c>
      <c r="DID737" s="424"/>
      <c r="DIE737" s="424"/>
      <c r="DIF737" s="424"/>
      <c r="DIG737" s="423" t="s">
        <v>2795</v>
      </c>
      <c r="DIH737" s="424"/>
      <c r="DII737" s="424"/>
      <c r="DIJ737" s="424"/>
      <c r="DIK737" s="423" t="s">
        <v>2795</v>
      </c>
      <c r="DIL737" s="424"/>
      <c r="DIM737" s="424"/>
      <c r="DIN737" s="424"/>
      <c r="DIO737" s="423" t="s">
        <v>2795</v>
      </c>
      <c r="DIP737" s="424"/>
      <c r="DIQ737" s="424"/>
      <c r="DIR737" s="424"/>
      <c r="DIS737" s="423" t="s">
        <v>2795</v>
      </c>
      <c r="DIT737" s="424"/>
      <c r="DIU737" s="424"/>
      <c r="DIV737" s="424"/>
      <c r="DIW737" s="423" t="s">
        <v>2795</v>
      </c>
      <c r="DIX737" s="424"/>
      <c r="DIY737" s="424"/>
      <c r="DIZ737" s="424"/>
      <c r="DJA737" s="423" t="s">
        <v>2795</v>
      </c>
      <c r="DJB737" s="424"/>
      <c r="DJC737" s="424"/>
      <c r="DJD737" s="424"/>
      <c r="DJE737" s="423" t="s">
        <v>2795</v>
      </c>
      <c r="DJF737" s="424"/>
      <c r="DJG737" s="424"/>
      <c r="DJH737" s="424"/>
      <c r="DJI737" s="423" t="s">
        <v>2795</v>
      </c>
      <c r="DJJ737" s="424"/>
      <c r="DJK737" s="424"/>
      <c r="DJL737" s="424"/>
      <c r="DJM737" s="423" t="s">
        <v>2795</v>
      </c>
      <c r="DJN737" s="424"/>
      <c r="DJO737" s="424"/>
      <c r="DJP737" s="424"/>
      <c r="DJQ737" s="423" t="s">
        <v>2795</v>
      </c>
      <c r="DJR737" s="424"/>
      <c r="DJS737" s="424"/>
      <c r="DJT737" s="424"/>
      <c r="DJU737" s="423" t="s">
        <v>2795</v>
      </c>
      <c r="DJV737" s="424"/>
      <c r="DJW737" s="424"/>
      <c r="DJX737" s="424"/>
      <c r="DJY737" s="423" t="s">
        <v>2795</v>
      </c>
      <c r="DJZ737" s="424"/>
      <c r="DKA737" s="424"/>
      <c r="DKB737" s="424"/>
      <c r="DKC737" s="423" t="s">
        <v>2795</v>
      </c>
      <c r="DKD737" s="424"/>
      <c r="DKE737" s="424"/>
      <c r="DKF737" s="424"/>
      <c r="DKG737" s="423" t="s">
        <v>2795</v>
      </c>
      <c r="DKH737" s="424"/>
      <c r="DKI737" s="424"/>
      <c r="DKJ737" s="424"/>
      <c r="DKK737" s="423" t="s">
        <v>2795</v>
      </c>
      <c r="DKL737" s="424"/>
      <c r="DKM737" s="424"/>
      <c r="DKN737" s="424"/>
      <c r="DKO737" s="423" t="s">
        <v>2795</v>
      </c>
      <c r="DKP737" s="424"/>
      <c r="DKQ737" s="424"/>
      <c r="DKR737" s="424"/>
      <c r="DKS737" s="423" t="s">
        <v>2795</v>
      </c>
      <c r="DKT737" s="424"/>
      <c r="DKU737" s="424"/>
      <c r="DKV737" s="424"/>
      <c r="DKW737" s="423" t="s">
        <v>2795</v>
      </c>
      <c r="DKX737" s="424"/>
      <c r="DKY737" s="424"/>
      <c r="DKZ737" s="424"/>
      <c r="DLA737" s="423" t="s">
        <v>2795</v>
      </c>
      <c r="DLB737" s="424"/>
      <c r="DLC737" s="424"/>
      <c r="DLD737" s="424"/>
      <c r="DLE737" s="423" t="s">
        <v>2795</v>
      </c>
      <c r="DLF737" s="424"/>
      <c r="DLG737" s="424"/>
      <c r="DLH737" s="424"/>
      <c r="DLI737" s="423" t="s">
        <v>2795</v>
      </c>
      <c r="DLJ737" s="424"/>
      <c r="DLK737" s="424"/>
      <c r="DLL737" s="424"/>
      <c r="DLM737" s="423" t="s">
        <v>2795</v>
      </c>
      <c r="DLN737" s="424"/>
      <c r="DLO737" s="424"/>
      <c r="DLP737" s="424"/>
      <c r="DLQ737" s="423" t="s">
        <v>2795</v>
      </c>
      <c r="DLR737" s="424"/>
      <c r="DLS737" s="424"/>
      <c r="DLT737" s="424"/>
      <c r="DLU737" s="423" t="s">
        <v>2795</v>
      </c>
      <c r="DLV737" s="424"/>
      <c r="DLW737" s="424"/>
      <c r="DLX737" s="424"/>
      <c r="DLY737" s="423" t="s">
        <v>2795</v>
      </c>
      <c r="DLZ737" s="424"/>
      <c r="DMA737" s="424"/>
      <c r="DMB737" s="424"/>
      <c r="DMC737" s="423" t="s">
        <v>2795</v>
      </c>
      <c r="DMD737" s="424"/>
      <c r="DME737" s="424"/>
      <c r="DMF737" s="424"/>
      <c r="DMG737" s="423" t="s">
        <v>2795</v>
      </c>
      <c r="DMH737" s="424"/>
      <c r="DMI737" s="424"/>
      <c r="DMJ737" s="424"/>
      <c r="DMK737" s="423" t="s">
        <v>2795</v>
      </c>
      <c r="DML737" s="424"/>
      <c r="DMM737" s="424"/>
      <c r="DMN737" s="424"/>
      <c r="DMO737" s="423" t="s">
        <v>2795</v>
      </c>
      <c r="DMP737" s="424"/>
      <c r="DMQ737" s="424"/>
      <c r="DMR737" s="424"/>
      <c r="DMS737" s="423" t="s">
        <v>2795</v>
      </c>
      <c r="DMT737" s="424"/>
      <c r="DMU737" s="424"/>
      <c r="DMV737" s="424"/>
      <c r="DMW737" s="423" t="s">
        <v>2795</v>
      </c>
      <c r="DMX737" s="424"/>
      <c r="DMY737" s="424"/>
      <c r="DMZ737" s="424"/>
      <c r="DNA737" s="423" t="s">
        <v>2795</v>
      </c>
      <c r="DNB737" s="424"/>
      <c r="DNC737" s="424"/>
      <c r="DND737" s="424"/>
      <c r="DNE737" s="423" t="s">
        <v>2795</v>
      </c>
      <c r="DNF737" s="424"/>
      <c r="DNG737" s="424"/>
      <c r="DNH737" s="424"/>
      <c r="DNI737" s="423" t="s">
        <v>2795</v>
      </c>
      <c r="DNJ737" s="424"/>
      <c r="DNK737" s="424"/>
      <c r="DNL737" s="424"/>
      <c r="DNM737" s="423" t="s">
        <v>2795</v>
      </c>
      <c r="DNN737" s="424"/>
      <c r="DNO737" s="424"/>
      <c r="DNP737" s="424"/>
      <c r="DNQ737" s="423" t="s">
        <v>2795</v>
      </c>
      <c r="DNR737" s="424"/>
      <c r="DNS737" s="424"/>
      <c r="DNT737" s="424"/>
      <c r="DNU737" s="423" t="s">
        <v>2795</v>
      </c>
      <c r="DNV737" s="424"/>
      <c r="DNW737" s="424"/>
      <c r="DNX737" s="424"/>
      <c r="DNY737" s="423" t="s">
        <v>2795</v>
      </c>
      <c r="DNZ737" s="424"/>
      <c r="DOA737" s="424"/>
      <c r="DOB737" s="424"/>
      <c r="DOC737" s="423" t="s">
        <v>2795</v>
      </c>
      <c r="DOD737" s="424"/>
      <c r="DOE737" s="424"/>
      <c r="DOF737" s="424"/>
      <c r="DOG737" s="423" t="s">
        <v>2795</v>
      </c>
      <c r="DOH737" s="424"/>
      <c r="DOI737" s="424"/>
      <c r="DOJ737" s="424"/>
      <c r="DOK737" s="423" t="s">
        <v>2795</v>
      </c>
      <c r="DOL737" s="424"/>
      <c r="DOM737" s="424"/>
      <c r="DON737" s="424"/>
      <c r="DOO737" s="423" t="s">
        <v>2795</v>
      </c>
      <c r="DOP737" s="424"/>
      <c r="DOQ737" s="424"/>
      <c r="DOR737" s="424"/>
      <c r="DOS737" s="423" t="s">
        <v>2795</v>
      </c>
      <c r="DOT737" s="424"/>
      <c r="DOU737" s="424"/>
      <c r="DOV737" s="424"/>
      <c r="DOW737" s="423" t="s">
        <v>2795</v>
      </c>
      <c r="DOX737" s="424"/>
      <c r="DOY737" s="424"/>
      <c r="DOZ737" s="424"/>
      <c r="DPA737" s="423" t="s">
        <v>2795</v>
      </c>
      <c r="DPB737" s="424"/>
      <c r="DPC737" s="424"/>
      <c r="DPD737" s="424"/>
      <c r="DPE737" s="423" t="s">
        <v>2795</v>
      </c>
      <c r="DPF737" s="424"/>
      <c r="DPG737" s="424"/>
      <c r="DPH737" s="424"/>
      <c r="DPI737" s="423" t="s">
        <v>2795</v>
      </c>
      <c r="DPJ737" s="424"/>
      <c r="DPK737" s="424"/>
      <c r="DPL737" s="424"/>
      <c r="DPM737" s="423" t="s">
        <v>2795</v>
      </c>
      <c r="DPN737" s="424"/>
      <c r="DPO737" s="424"/>
      <c r="DPP737" s="424"/>
      <c r="DPQ737" s="423" t="s">
        <v>2795</v>
      </c>
      <c r="DPR737" s="424"/>
      <c r="DPS737" s="424"/>
      <c r="DPT737" s="424"/>
      <c r="DPU737" s="423" t="s">
        <v>2795</v>
      </c>
      <c r="DPV737" s="424"/>
      <c r="DPW737" s="424"/>
      <c r="DPX737" s="424"/>
      <c r="DPY737" s="423" t="s">
        <v>2795</v>
      </c>
      <c r="DPZ737" s="424"/>
      <c r="DQA737" s="424"/>
      <c r="DQB737" s="424"/>
      <c r="DQC737" s="423" t="s">
        <v>2795</v>
      </c>
      <c r="DQD737" s="424"/>
      <c r="DQE737" s="424"/>
      <c r="DQF737" s="424"/>
      <c r="DQG737" s="423" t="s">
        <v>2795</v>
      </c>
      <c r="DQH737" s="424"/>
      <c r="DQI737" s="424"/>
      <c r="DQJ737" s="424"/>
      <c r="DQK737" s="423" t="s">
        <v>2795</v>
      </c>
      <c r="DQL737" s="424"/>
      <c r="DQM737" s="424"/>
      <c r="DQN737" s="424"/>
      <c r="DQO737" s="423" t="s">
        <v>2795</v>
      </c>
      <c r="DQP737" s="424"/>
      <c r="DQQ737" s="424"/>
      <c r="DQR737" s="424"/>
      <c r="DQS737" s="423" t="s">
        <v>2795</v>
      </c>
      <c r="DQT737" s="424"/>
      <c r="DQU737" s="424"/>
      <c r="DQV737" s="424"/>
      <c r="DQW737" s="423" t="s">
        <v>2795</v>
      </c>
      <c r="DQX737" s="424"/>
      <c r="DQY737" s="424"/>
      <c r="DQZ737" s="424"/>
      <c r="DRA737" s="423" t="s">
        <v>2795</v>
      </c>
      <c r="DRB737" s="424"/>
      <c r="DRC737" s="424"/>
      <c r="DRD737" s="424"/>
      <c r="DRE737" s="423" t="s">
        <v>2795</v>
      </c>
      <c r="DRF737" s="424"/>
      <c r="DRG737" s="424"/>
      <c r="DRH737" s="424"/>
      <c r="DRI737" s="423" t="s">
        <v>2795</v>
      </c>
      <c r="DRJ737" s="424"/>
      <c r="DRK737" s="424"/>
      <c r="DRL737" s="424"/>
      <c r="DRM737" s="423" t="s">
        <v>2795</v>
      </c>
      <c r="DRN737" s="424"/>
      <c r="DRO737" s="424"/>
      <c r="DRP737" s="424"/>
      <c r="DRQ737" s="423" t="s">
        <v>2795</v>
      </c>
      <c r="DRR737" s="424"/>
      <c r="DRS737" s="424"/>
      <c r="DRT737" s="424"/>
      <c r="DRU737" s="423" t="s">
        <v>2795</v>
      </c>
      <c r="DRV737" s="424"/>
      <c r="DRW737" s="424"/>
      <c r="DRX737" s="424"/>
      <c r="DRY737" s="423" t="s">
        <v>2795</v>
      </c>
      <c r="DRZ737" s="424"/>
      <c r="DSA737" s="424"/>
      <c r="DSB737" s="424"/>
      <c r="DSC737" s="423" t="s">
        <v>2795</v>
      </c>
      <c r="DSD737" s="424"/>
      <c r="DSE737" s="424"/>
      <c r="DSF737" s="424"/>
      <c r="DSG737" s="423" t="s">
        <v>2795</v>
      </c>
      <c r="DSH737" s="424"/>
      <c r="DSI737" s="424"/>
      <c r="DSJ737" s="424"/>
      <c r="DSK737" s="423" t="s">
        <v>2795</v>
      </c>
      <c r="DSL737" s="424"/>
      <c r="DSM737" s="424"/>
      <c r="DSN737" s="424"/>
      <c r="DSO737" s="423" t="s">
        <v>2795</v>
      </c>
      <c r="DSP737" s="424"/>
      <c r="DSQ737" s="424"/>
      <c r="DSR737" s="424"/>
      <c r="DSS737" s="423" t="s">
        <v>2795</v>
      </c>
      <c r="DST737" s="424"/>
      <c r="DSU737" s="424"/>
      <c r="DSV737" s="424"/>
      <c r="DSW737" s="423" t="s">
        <v>2795</v>
      </c>
      <c r="DSX737" s="424"/>
      <c r="DSY737" s="424"/>
      <c r="DSZ737" s="424"/>
      <c r="DTA737" s="423" t="s">
        <v>2795</v>
      </c>
      <c r="DTB737" s="424"/>
      <c r="DTC737" s="424"/>
      <c r="DTD737" s="424"/>
      <c r="DTE737" s="423" t="s">
        <v>2795</v>
      </c>
      <c r="DTF737" s="424"/>
      <c r="DTG737" s="424"/>
      <c r="DTH737" s="424"/>
      <c r="DTI737" s="423" t="s">
        <v>2795</v>
      </c>
      <c r="DTJ737" s="424"/>
      <c r="DTK737" s="424"/>
      <c r="DTL737" s="424"/>
      <c r="DTM737" s="423" t="s">
        <v>2795</v>
      </c>
      <c r="DTN737" s="424"/>
      <c r="DTO737" s="424"/>
      <c r="DTP737" s="424"/>
      <c r="DTQ737" s="423" t="s">
        <v>2795</v>
      </c>
      <c r="DTR737" s="424"/>
      <c r="DTS737" s="424"/>
      <c r="DTT737" s="424"/>
      <c r="DTU737" s="423" t="s">
        <v>2795</v>
      </c>
      <c r="DTV737" s="424"/>
      <c r="DTW737" s="424"/>
      <c r="DTX737" s="424"/>
      <c r="DTY737" s="423" t="s">
        <v>2795</v>
      </c>
      <c r="DTZ737" s="424"/>
      <c r="DUA737" s="424"/>
      <c r="DUB737" s="424"/>
      <c r="DUC737" s="423" t="s">
        <v>2795</v>
      </c>
      <c r="DUD737" s="424"/>
      <c r="DUE737" s="424"/>
      <c r="DUF737" s="424"/>
      <c r="DUG737" s="423" t="s">
        <v>2795</v>
      </c>
      <c r="DUH737" s="424"/>
      <c r="DUI737" s="424"/>
      <c r="DUJ737" s="424"/>
      <c r="DUK737" s="423" t="s">
        <v>2795</v>
      </c>
      <c r="DUL737" s="424"/>
      <c r="DUM737" s="424"/>
      <c r="DUN737" s="424"/>
      <c r="DUO737" s="423" t="s">
        <v>2795</v>
      </c>
      <c r="DUP737" s="424"/>
      <c r="DUQ737" s="424"/>
      <c r="DUR737" s="424"/>
      <c r="DUS737" s="423" t="s">
        <v>2795</v>
      </c>
      <c r="DUT737" s="424"/>
      <c r="DUU737" s="424"/>
      <c r="DUV737" s="424"/>
      <c r="DUW737" s="423" t="s">
        <v>2795</v>
      </c>
      <c r="DUX737" s="424"/>
      <c r="DUY737" s="424"/>
      <c r="DUZ737" s="424"/>
      <c r="DVA737" s="423" t="s">
        <v>2795</v>
      </c>
      <c r="DVB737" s="424"/>
      <c r="DVC737" s="424"/>
      <c r="DVD737" s="424"/>
      <c r="DVE737" s="423" t="s">
        <v>2795</v>
      </c>
      <c r="DVF737" s="424"/>
      <c r="DVG737" s="424"/>
      <c r="DVH737" s="424"/>
      <c r="DVI737" s="423" t="s">
        <v>2795</v>
      </c>
      <c r="DVJ737" s="424"/>
      <c r="DVK737" s="424"/>
      <c r="DVL737" s="424"/>
      <c r="DVM737" s="423" t="s">
        <v>2795</v>
      </c>
      <c r="DVN737" s="424"/>
      <c r="DVO737" s="424"/>
      <c r="DVP737" s="424"/>
      <c r="DVQ737" s="423" t="s">
        <v>2795</v>
      </c>
      <c r="DVR737" s="424"/>
      <c r="DVS737" s="424"/>
      <c r="DVT737" s="424"/>
      <c r="DVU737" s="423" t="s">
        <v>2795</v>
      </c>
      <c r="DVV737" s="424"/>
      <c r="DVW737" s="424"/>
      <c r="DVX737" s="424"/>
      <c r="DVY737" s="423" t="s">
        <v>2795</v>
      </c>
      <c r="DVZ737" s="424"/>
      <c r="DWA737" s="424"/>
      <c r="DWB737" s="424"/>
      <c r="DWC737" s="423" t="s">
        <v>2795</v>
      </c>
      <c r="DWD737" s="424"/>
      <c r="DWE737" s="424"/>
      <c r="DWF737" s="424"/>
      <c r="DWG737" s="423" t="s">
        <v>2795</v>
      </c>
      <c r="DWH737" s="424"/>
      <c r="DWI737" s="424"/>
      <c r="DWJ737" s="424"/>
      <c r="DWK737" s="423" t="s">
        <v>2795</v>
      </c>
      <c r="DWL737" s="424"/>
      <c r="DWM737" s="424"/>
      <c r="DWN737" s="424"/>
      <c r="DWO737" s="423" t="s">
        <v>2795</v>
      </c>
      <c r="DWP737" s="424"/>
      <c r="DWQ737" s="424"/>
      <c r="DWR737" s="424"/>
      <c r="DWS737" s="423" t="s">
        <v>2795</v>
      </c>
      <c r="DWT737" s="424"/>
      <c r="DWU737" s="424"/>
      <c r="DWV737" s="424"/>
      <c r="DWW737" s="423" t="s">
        <v>2795</v>
      </c>
      <c r="DWX737" s="424"/>
      <c r="DWY737" s="424"/>
      <c r="DWZ737" s="424"/>
      <c r="DXA737" s="423" t="s">
        <v>2795</v>
      </c>
      <c r="DXB737" s="424"/>
      <c r="DXC737" s="424"/>
      <c r="DXD737" s="424"/>
      <c r="DXE737" s="423" t="s">
        <v>2795</v>
      </c>
      <c r="DXF737" s="424"/>
      <c r="DXG737" s="424"/>
      <c r="DXH737" s="424"/>
      <c r="DXI737" s="423" t="s">
        <v>2795</v>
      </c>
      <c r="DXJ737" s="424"/>
      <c r="DXK737" s="424"/>
      <c r="DXL737" s="424"/>
      <c r="DXM737" s="423" t="s">
        <v>2795</v>
      </c>
      <c r="DXN737" s="424"/>
      <c r="DXO737" s="424"/>
      <c r="DXP737" s="424"/>
      <c r="DXQ737" s="423" t="s">
        <v>2795</v>
      </c>
      <c r="DXR737" s="424"/>
      <c r="DXS737" s="424"/>
      <c r="DXT737" s="424"/>
      <c r="DXU737" s="423" t="s">
        <v>2795</v>
      </c>
      <c r="DXV737" s="424"/>
      <c r="DXW737" s="424"/>
      <c r="DXX737" s="424"/>
      <c r="DXY737" s="423" t="s">
        <v>2795</v>
      </c>
      <c r="DXZ737" s="424"/>
      <c r="DYA737" s="424"/>
      <c r="DYB737" s="424"/>
      <c r="DYC737" s="423" t="s">
        <v>2795</v>
      </c>
      <c r="DYD737" s="424"/>
      <c r="DYE737" s="424"/>
      <c r="DYF737" s="424"/>
      <c r="DYG737" s="423" t="s">
        <v>2795</v>
      </c>
      <c r="DYH737" s="424"/>
      <c r="DYI737" s="424"/>
      <c r="DYJ737" s="424"/>
      <c r="DYK737" s="423" t="s">
        <v>2795</v>
      </c>
      <c r="DYL737" s="424"/>
      <c r="DYM737" s="424"/>
      <c r="DYN737" s="424"/>
      <c r="DYO737" s="423" t="s">
        <v>2795</v>
      </c>
      <c r="DYP737" s="424"/>
      <c r="DYQ737" s="424"/>
      <c r="DYR737" s="424"/>
      <c r="DYS737" s="423" t="s">
        <v>2795</v>
      </c>
      <c r="DYT737" s="424"/>
      <c r="DYU737" s="424"/>
      <c r="DYV737" s="424"/>
      <c r="DYW737" s="423" t="s">
        <v>2795</v>
      </c>
      <c r="DYX737" s="424"/>
      <c r="DYY737" s="424"/>
      <c r="DYZ737" s="424"/>
      <c r="DZA737" s="423" t="s">
        <v>2795</v>
      </c>
      <c r="DZB737" s="424"/>
      <c r="DZC737" s="424"/>
      <c r="DZD737" s="424"/>
      <c r="DZE737" s="423" t="s">
        <v>2795</v>
      </c>
      <c r="DZF737" s="424"/>
      <c r="DZG737" s="424"/>
      <c r="DZH737" s="424"/>
      <c r="DZI737" s="423" t="s">
        <v>2795</v>
      </c>
      <c r="DZJ737" s="424"/>
      <c r="DZK737" s="424"/>
      <c r="DZL737" s="424"/>
      <c r="DZM737" s="423" t="s">
        <v>2795</v>
      </c>
      <c r="DZN737" s="424"/>
      <c r="DZO737" s="424"/>
      <c r="DZP737" s="424"/>
      <c r="DZQ737" s="423" t="s">
        <v>2795</v>
      </c>
      <c r="DZR737" s="424"/>
      <c r="DZS737" s="424"/>
      <c r="DZT737" s="424"/>
      <c r="DZU737" s="423" t="s">
        <v>2795</v>
      </c>
      <c r="DZV737" s="424"/>
      <c r="DZW737" s="424"/>
      <c r="DZX737" s="424"/>
      <c r="DZY737" s="423" t="s">
        <v>2795</v>
      </c>
      <c r="DZZ737" s="424"/>
      <c r="EAA737" s="424"/>
      <c r="EAB737" s="424"/>
      <c r="EAC737" s="423" t="s">
        <v>2795</v>
      </c>
      <c r="EAD737" s="424"/>
      <c r="EAE737" s="424"/>
      <c r="EAF737" s="424"/>
      <c r="EAG737" s="423" t="s">
        <v>2795</v>
      </c>
      <c r="EAH737" s="424"/>
      <c r="EAI737" s="424"/>
      <c r="EAJ737" s="424"/>
      <c r="EAK737" s="423" t="s">
        <v>2795</v>
      </c>
      <c r="EAL737" s="424"/>
      <c r="EAM737" s="424"/>
      <c r="EAN737" s="424"/>
      <c r="EAO737" s="423" t="s">
        <v>2795</v>
      </c>
      <c r="EAP737" s="424"/>
      <c r="EAQ737" s="424"/>
      <c r="EAR737" s="424"/>
      <c r="EAS737" s="423" t="s">
        <v>2795</v>
      </c>
      <c r="EAT737" s="424"/>
      <c r="EAU737" s="424"/>
      <c r="EAV737" s="424"/>
      <c r="EAW737" s="423" t="s">
        <v>2795</v>
      </c>
      <c r="EAX737" s="424"/>
      <c r="EAY737" s="424"/>
      <c r="EAZ737" s="424"/>
      <c r="EBA737" s="423" t="s">
        <v>2795</v>
      </c>
      <c r="EBB737" s="424"/>
      <c r="EBC737" s="424"/>
      <c r="EBD737" s="424"/>
      <c r="EBE737" s="423" t="s">
        <v>2795</v>
      </c>
      <c r="EBF737" s="424"/>
      <c r="EBG737" s="424"/>
      <c r="EBH737" s="424"/>
      <c r="EBI737" s="423" t="s">
        <v>2795</v>
      </c>
      <c r="EBJ737" s="424"/>
      <c r="EBK737" s="424"/>
      <c r="EBL737" s="424"/>
      <c r="EBM737" s="423" t="s">
        <v>2795</v>
      </c>
      <c r="EBN737" s="424"/>
      <c r="EBO737" s="424"/>
      <c r="EBP737" s="424"/>
      <c r="EBQ737" s="423" t="s">
        <v>2795</v>
      </c>
      <c r="EBR737" s="424"/>
      <c r="EBS737" s="424"/>
      <c r="EBT737" s="424"/>
      <c r="EBU737" s="423" t="s">
        <v>2795</v>
      </c>
      <c r="EBV737" s="424"/>
      <c r="EBW737" s="424"/>
      <c r="EBX737" s="424"/>
      <c r="EBY737" s="423" t="s">
        <v>2795</v>
      </c>
      <c r="EBZ737" s="424"/>
      <c r="ECA737" s="424"/>
      <c r="ECB737" s="424"/>
      <c r="ECC737" s="423" t="s">
        <v>2795</v>
      </c>
      <c r="ECD737" s="424"/>
      <c r="ECE737" s="424"/>
      <c r="ECF737" s="424"/>
      <c r="ECG737" s="423" t="s">
        <v>2795</v>
      </c>
      <c r="ECH737" s="424"/>
      <c r="ECI737" s="424"/>
      <c r="ECJ737" s="424"/>
      <c r="ECK737" s="423" t="s">
        <v>2795</v>
      </c>
      <c r="ECL737" s="424"/>
      <c r="ECM737" s="424"/>
      <c r="ECN737" s="424"/>
      <c r="ECO737" s="423" t="s">
        <v>2795</v>
      </c>
      <c r="ECP737" s="424"/>
      <c r="ECQ737" s="424"/>
      <c r="ECR737" s="424"/>
      <c r="ECS737" s="423" t="s">
        <v>2795</v>
      </c>
      <c r="ECT737" s="424"/>
      <c r="ECU737" s="424"/>
      <c r="ECV737" s="424"/>
      <c r="ECW737" s="423" t="s">
        <v>2795</v>
      </c>
      <c r="ECX737" s="424"/>
      <c r="ECY737" s="424"/>
      <c r="ECZ737" s="424"/>
      <c r="EDA737" s="423" t="s">
        <v>2795</v>
      </c>
      <c r="EDB737" s="424"/>
      <c r="EDC737" s="424"/>
      <c r="EDD737" s="424"/>
      <c r="EDE737" s="423" t="s">
        <v>2795</v>
      </c>
      <c r="EDF737" s="424"/>
      <c r="EDG737" s="424"/>
      <c r="EDH737" s="424"/>
      <c r="EDI737" s="423" t="s">
        <v>2795</v>
      </c>
      <c r="EDJ737" s="424"/>
      <c r="EDK737" s="424"/>
      <c r="EDL737" s="424"/>
      <c r="EDM737" s="423" t="s">
        <v>2795</v>
      </c>
      <c r="EDN737" s="424"/>
      <c r="EDO737" s="424"/>
      <c r="EDP737" s="424"/>
      <c r="EDQ737" s="423" t="s">
        <v>2795</v>
      </c>
      <c r="EDR737" s="424"/>
      <c r="EDS737" s="424"/>
      <c r="EDT737" s="424"/>
      <c r="EDU737" s="423" t="s">
        <v>2795</v>
      </c>
      <c r="EDV737" s="424"/>
      <c r="EDW737" s="424"/>
      <c r="EDX737" s="424"/>
      <c r="EDY737" s="423" t="s">
        <v>2795</v>
      </c>
      <c r="EDZ737" s="424"/>
      <c r="EEA737" s="424"/>
      <c r="EEB737" s="424"/>
      <c r="EEC737" s="423" t="s">
        <v>2795</v>
      </c>
      <c r="EED737" s="424"/>
      <c r="EEE737" s="424"/>
      <c r="EEF737" s="424"/>
      <c r="EEG737" s="423" t="s">
        <v>2795</v>
      </c>
      <c r="EEH737" s="424"/>
      <c r="EEI737" s="424"/>
      <c r="EEJ737" s="424"/>
      <c r="EEK737" s="423" t="s">
        <v>2795</v>
      </c>
      <c r="EEL737" s="424"/>
      <c r="EEM737" s="424"/>
      <c r="EEN737" s="424"/>
      <c r="EEO737" s="423" t="s">
        <v>2795</v>
      </c>
      <c r="EEP737" s="424"/>
      <c r="EEQ737" s="424"/>
      <c r="EER737" s="424"/>
      <c r="EES737" s="423" t="s">
        <v>2795</v>
      </c>
      <c r="EET737" s="424"/>
      <c r="EEU737" s="424"/>
      <c r="EEV737" s="424"/>
      <c r="EEW737" s="423" t="s">
        <v>2795</v>
      </c>
      <c r="EEX737" s="424"/>
      <c r="EEY737" s="424"/>
      <c r="EEZ737" s="424"/>
      <c r="EFA737" s="423" t="s">
        <v>2795</v>
      </c>
      <c r="EFB737" s="424"/>
      <c r="EFC737" s="424"/>
      <c r="EFD737" s="424"/>
      <c r="EFE737" s="423" t="s">
        <v>2795</v>
      </c>
      <c r="EFF737" s="424"/>
      <c r="EFG737" s="424"/>
      <c r="EFH737" s="424"/>
      <c r="EFI737" s="423" t="s">
        <v>2795</v>
      </c>
      <c r="EFJ737" s="424"/>
      <c r="EFK737" s="424"/>
      <c r="EFL737" s="424"/>
      <c r="EFM737" s="423" t="s">
        <v>2795</v>
      </c>
      <c r="EFN737" s="424"/>
      <c r="EFO737" s="424"/>
      <c r="EFP737" s="424"/>
      <c r="EFQ737" s="423" t="s">
        <v>2795</v>
      </c>
      <c r="EFR737" s="424"/>
      <c r="EFS737" s="424"/>
      <c r="EFT737" s="424"/>
      <c r="EFU737" s="423" t="s">
        <v>2795</v>
      </c>
      <c r="EFV737" s="424"/>
      <c r="EFW737" s="424"/>
      <c r="EFX737" s="424"/>
      <c r="EFY737" s="423" t="s">
        <v>2795</v>
      </c>
      <c r="EFZ737" s="424"/>
      <c r="EGA737" s="424"/>
      <c r="EGB737" s="424"/>
      <c r="EGC737" s="423" t="s">
        <v>2795</v>
      </c>
      <c r="EGD737" s="424"/>
      <c r="EGE737" s="424"/>
      <c r="EGF737" s="424"/>
      <c r="EGG737" s="423" t="s">
        <v>2795</v>
      </c>
      <c r="EGH737" s="424"/>
      <c r="EGI737" s="424"/>
      <c r="EGJ737" s="424"/>
      <c r="EGK737" s="423" t="s">
        <v>2795</v>
      </c>
      <c r="EGL737" s="424"/>
      <c r="EGM737" s="424"/>
      <c r="EGN737" s="424"/>
      <c r="EGO737" s="423" t="s">
        <v>2795</v>
      </c>
      <c r="EGP737" s="424"/>
      <c r="EGQ737" s="424"/>
      <c r="EGR737" s="424"/>
      <c r="EGS737" s="423" t="s">
        <v>2795</v>
      </c>
      <c r="EGT737" s="424"/>
      <c r="EGU737" s="424"/>
      <c r="EGV737" s="424"/>
      <c r="EGW737" s="423" t="s">
        <v>2795</v>
      </c>
      <c r="EGX737" s="424"/>
      <c r="EGY737" s="424"/>
      <c r="EGZ737" s="424"/>
      <c r="EHA737" s="423" t="s">
        <v>2795</v>
      </c>
      <c r="EHB737" s="424"/>
      <c r="EHC737" s="424"/>
      <c r="EHD737" s="424"/>
      <c r="EHE737" s="423" t="s">
        <v>2795</v>
      </c>
      <c r="EHF737" s="424"/>
      <c r="EHG737" s="424"/>
      <c r="EHH737" s="424"/>
      <c r="EHI737" s="423" t="s">
        <v>2795</v>
      </c>
      <c r="EHJ737" s="424"/>
      <c r="EHK737" s="424"/>
      <c r="EHL737" s="424"/>
      <c r="EHM737" s="423" t="s">
        <v>2795</v>
      </c>
      <c r="EHN737" s="424"/>
      <c r="EHO737" s="424"/>
      <c r="EHP737" s="424"/>
      <c r="EHQ737" s="423" t="s">
        <v>2795</v>
      </c>
      <c r="EHR737" s="424"/>
      <c r="EHS737" s="424"/>
      <c r="EHT737" s="424"/>
      <c r="EHU737" s="423" t="s">
        <v>2795</v>
      </c>
      <c r="EHV737" s="424"/>
      <c r="EHW737" s="424"/>
      <c r="EHX737" s="424"/>
      <c r="EHY737" s="423" t="s">
        <v>2795</v>
      </c>
      <c r="EHZ737" s="424"/>
      <c r="EIA737" s="424"/>
      <c r="EIB737" s="424"/>
      <c r="EIC737" s="423" t="s">
        <v>2795</v>
      </c>
      <c r="EID737" s="424"/>
      <c r="EIE737" s="424"/>
      <c r="EIF737" s="424"/>
      <c r="EIG737" s="423" t="s">
        <v>2795</v>
      </c>
      <c r="EIH737" s="424"/>
      <c r="EII737" s="424"/>
      <c r="EIJ737" s="424"/>
      <c r="EIK737" s="423" t="s">
        <v>2795</v>
      </c>
      <c r="EIL737" s="424"/>
      <c r="EIM737" s="424"/>
      <c r="EIN737" s="424"/>
      <c r="EIO737" s="423" t="s">
        <v>2795</v>
      </c>
      <c r="EIP737" s="424"/>
      <c r="EIQ737" s="424"/>
      <c r="EIR737" s="424"/>
      <c r="EIS737" s="423" t="s">
        <v>2795</v>
      </c>
      <c r="EIT737" s="424"/>
      <c r="EIU737" s="424"/>
      <c r="EIV737" s="424"/>
      <c r="EIW737" s="423" t="s">
        <v>2795</v>
      </c>
      <c r="EIX737" s="424"/>
      <c r="EIY737" s="424"/>
      <c r="EIZ737" s="424"/>
      <c r="EJA737" s="423" t="s">
        <v>2795</v>
      </c>
      <c r="EJB737" s="424"/>
      <c r="EJC737" s="424"/>
      <c r="EJD737" s="424"/>
      <c r="EJE737" s="423" t="s">
        <v>2795</v>
      </c>
      <c r="EJF737" s="424"/>
      <c r="EJG737" s="424"/>
      <c r="EJH737" s="424"/>
      <c r="EJI737" s="423" t="s">
        <v>2795</v>
      </c>
      <c r="EJJ737" s="424"/>
      <c r="EJK737" s="424"/>
      <c r="EJL737" s="424"/>
      <c r="EJM737" s="423" t="s">
        <v>2795</v>
      </c>
      <c r="EJN737" s="424"/>
      <c r="EJO737" s="424"/>
      <c r="EJP737" s="424"/>
      <c r="EJQ737" s="423" t="s">
        <v>2795</v>
      </c>
      <c r="EJR737" s="424"/>
      <c r="EJS737" s="424"/>
      <c r="EJT737" s="424"/>
      <c r="EJU737" s="423" t="s">
        <v>2795</v>
      </c>
      <c r="EJV737" s="424"/>
      <c r="EJW737" s="424"/>
      <c r="EJX737" s="424"/>
      <c r="EJY737" s="423" t="s">
        <v>2795</v>
      </c>
      <c r="EJZ737" s="424"/>
      <c r="EKA737" s="424"/>
      <c r="EKB737" s="424"/>
      <c r="EKC737" s="423" t="s">
        <v>2795</v>
      </c>
      <c r="EKD737" s="424"/>
      <c r="EKE737" s="424"/>
      <c r="EKF737" s="424"/>
      <c r="EKG737" s="423" t="s">
        <v>2795</v>
      </c>
      <c r="EKH737" s="424"/>
      <c r="EKI737" s="424"/>
      <c r="EKJ737" s="424"/>
      <c r="EKK737" s="423" t="s">
        <v>2795</v>
      </c>
      <c r="EKL737" s="424"/>
      <c r="EKM737" s="424"/>
      <c r="EKN737" s="424"/>
      <c r="EKO737" s="423" t="s">
        <v>2795</v>
      </c>
      <c r="EKP737" s="424"/>
      <c r="EKQ737" s="424"/>
      <c r="EKR737" s="424"/>
      <c r="EKS737" s="423" t="s">
        <v>2795</v>
      </c>
      <c r="EKT737" s="424"/>
      <c r="EKU737" s="424"/>
      <c r="EKV737" s="424"/>
      <c r="EKW737" s="423" t="s">
        <v>2795</v>
      </c>
      <c r="EKX737" s="424"/>
      <c r="EKY737" s="424"/>
      <c r="EKZ737" s="424"/>
      <c r="ELA737" s="423" t="s">
        <v>2795</v>
      </c>
      <c r="ELB737" s="424"/>
      <c r="ELC737" s="424"/>
      <c r="ELD737" s="424"/>
      <c r="ELE737" s="423" t="s">
        <v>2795</v>
      </c>
      <c r="ELF737" s="424"/>
      <c r="ELG737" s="424"/>
      <c r="ELH737" s="424"/>
      <c r="ELI737" s="423" t="s">
        <v>2795</v>
      </c>
      <c r="ELJ737" s="424"/>
      <c r="ELK737" s="424"/>
      <c r="ELL737" s="424"/>
      <c r="ELM737" s="423" t="s">
        <v>2795</v>
      </c>
      <c r="ELN737" s="424"/>
      <c r="ELO737" s="424"/>
      <c r="ELP737" s="424"/>
      <c r="ELQ737" s="423" t="s">
        <v>2795</v>
      </c>
      <c r="ELR737" s="424"/>
      <c r="ELS737" s="424"/>
      <c r="ELT737" s="424"/>
      <c r="ELU737" s="423" t="s">
        <v>2795</v>
      </c>
      <c r="ELV737" s="424"/>
      <c r="ELW737" s="424"/>
      <c r="ELX737" s="424"/>
      <c r="ELY737" s="423" t="s">
        <v>2795</v>
      </c>
      <c r="ELZ737" s="424"/>
      <c r="EMA737" s="424"/>
      <c r="EMB737" s="424"/>
      <c r="EMC737" s="423" t="s">
        <v>2795</v>
      </c>
      <c r="EMD737" s="424"/>
      <c r="EME737" s="424"/>
      <c r="EMF737" s="424"/>
      <c r="EMG737" s="423" t="s">
        <v>2795</v>
      </c>
      <c r="EMH737" s="424"/>
      <c r="EMI737" s="424"/>
      <c r="EMJ737" s="424"/>
      <c r="EMK737" s="423" t="s">
        <v>2795</v>
      </c>
      <c r="EML737" s="424"/>
      <c r="EMM737" s="424"/>
      <c r="EMN737" s="424"/>
      <c r="EMO737" s="423" t="s">
        <v>2795</v>
      </c>
      <c r="EMP737" s="424"/>
      <c r="EMQ737" s="424"/>
      <c r="EMR737" s="424"/>
      <c r="EMS737" s="423" t="s">
        <v>2795</v>
      </c>
      <c r="EMT737" s="424"/>
      <c r="EMU737" s="424"/>
      <c r="EMV737" s="424"/>
      <c r="EMW737" s="423" t="s">
        <v>2795</v>
      </c>
      <c r="EMX737" s="424"/>
      <c r="EMY737" s="424"/>
      <c r="EMZ737" s="424"/>
      <c r="ENA737" s="423" t="s">
        <v>2795</v>
      </c>
      <c r="ENB737" s="424"/>
      <c r="ENC737" s="424"/>
      <c r="END737" s="424"/>
      <c r="ENE737" s="423" t="s">
        <v>2795</v>
      </c>
      <c r="ENF737" s="424"/>
      <c r="ENG737" s="424"/>
      <c r="ENH737" s="424"/>
      <c r="ENI737" s="423" t="s">
        <v>2795</v>
      </c>
      <c r="ENJ737" s="424"/>
      <c r="ENK737" s="424"/>
      <c r="ENL737" s="424"/>
      <c r="ENM737" s="423" t="s">
        <v>2795</v>
      </c>
      <c r="ENN737" s="424"/>
      <c r="ENO737" s="424"/>
      <c r="ENP737" s="424"/>
      <c r="ENQ737" s="423" t="s">
        <v>2795</v>
      </c>
      <c r="ENR737" s="424"/>
      <c r="ENS737" s="424"/>
      <c r="ENT737" s="424"/>
      <c r="ENU737" s="423" t="s">
        <v>2795</v>
      </c>
      <c r="ENV737" s="424"/>
      <c r="ENW737" s="424"/>
      <c r="ENX737" s="424"/>
      <c r="ENY737" s="423" t="s">
        <v>2795</v>
      </c>
      <c r="ENZ737" s="424"/>
      <c r="EOA737" s="424"/>
      <c r="EOB737" s="424"/>
      <c r="EOC737" s="423" t="s">
        <v>2795</v>
      </c>
      <c r="EOD737" s="424"/>
      <c r="EOE737" s="424"/>
      <c r="EOF737" s="424"/>
      <c r="EOG737" s="423" t="s">
        <v>2795</v>
      </c>
      <c r="EOH737" s="424"/>
      <c r="EOI737" s="424"/>
      <c r="EOJ737" s="424"/>
      <c r="EOK737" s="423" t="s">
        <v>2795</v>
      </c>
      <c r="EOL737" s="424"/>
      <c r="EOM737" s="424"/>
      <c r="EON737" s="424"/>
      <c r="EOO737" s="423" t="s">
        <v>2795</v>
      </c>
      <c r="EOP737" s="424"/>
      <c r="EOQ737" s="424"/>
      <c r="EOR737" s="424"/>
      <c r="EOS737" s="423" t="s">
        <v>2795</v>
      </c>
      <c r="EOT737" s="424"/>
      <c r="EOU737" s="424"/>
      <c r="EOV737" s="424"/>
      <c r="EOW737" s="423" t="s">
        <v>2795</v>
      </c>
      <c r="EOX737" s="424"/>
      <c r="EOY737" s="424"/>
      <c r="EOZ737" s="424"/>
      <c r="EPA737" s="423" t="s">
        <v>2795</v>
      </c>
      <c r="EPB737" s="424"/>
      <c r="EPC737" s="424"/>
      <c r="EPD737" s="424"/>
      <c r="EPE737" s="423" t="s">
        <v>2795</v>
      </c>
      <c r="EPF737" s="424"/>
      <c r="EPG737" s="424"/>
      <c r="EPH737" s="424"/>
      <c r="EPI737" s="423" t="s">
        <v>2795</v>
      </c>
      <c r="EPJ737" s="424"/>
      <c r="EPK737" s="424"/>
      <c r="EPL737" s="424"/>
      <c r="EPM737" s="423" t="s">
        <v>2795</v>
      </c>
      <c r="EPN737" s="424"/>
      <c r="EPO737" s="424"/>
      <c r="EPP737" s="424"/>
      <c r="EPQ737" s="423" t="s">
        <v>2795</v>
      </c>
      <c r="EPR737" s="424"/>
      <c r="EPS737" s="424"/>
      <c r="EPT737" s="424"/>
      <c r="EPU737" s="423" t="s">
        <v>2795</v>
      </c>
      <c r="EPV737" s="424"/>
      <c r="EPW737" s="424"/>
      <c r="EPX737" s="424"/>
      <c r="EPY737" s="423" t="s">
        <v>2795</v>
      </c>
      <c r="EPZ737" s="424"/>
      <c r="EQA737" s="424"/>
      <c r="EQB737" s="424"/>
      <c r="EQC737" s="423" t="s">
        <v>2795</v>
      </c>
      <c r="EQD737" s="424"/>
      <c r="EQE737" s="424"/>
      <c r="EQF737" s="424"/>
      <c r="EQG737" s="423" t="s">
        <v>2795</v>
      </c>
      <c r="EQH737" s="424"/>
      <c r="EQI737" s="424"/>
      <c r="EQJ737" s="424"/>
      <c r="EQK737" s="423" t="s">
        <v>2795</v>
      </c>
      <c r="EQL737" s="424"/>
      <c r="EQM737" s="424"/>
      <c r="EQN737" s="424"/>
      <c r="EQO737" s="423" t="s">
        <v>2795</v>
      </c>
      <c r="EQP737" s="424"/>
      <c r="EQQ737" s="424"/>
      <c r="EQR737" s="424"/>
      <c r="EQS737" s="423" t="s">
        <v>2795</v>
      </c>
      <c r="EQT737" s="424"/>
      <c r="EQU737" s="424"/>
      <c r="EQV737" s="424"/>
      <c r="EQW737" s="423" t="s">
        <v>2795</v>
      </c>
      <c r="EQX737" s="424"/>
      <c r="EQY737" s="424"/>
      <c r="EQZ737" s="424"/>
      <c r="ERA737" s="423" t="s">
        <v>2795</v>
      </c>
      <c r="ERB737" s="424"/>
      <c r="ERC737" s="424"/>
      <c r="ERD737" s="424"/>
      <c r="ERE737" s="423" t="s">
        <v>2795</v>
      </c>
      <c r="ERF737" s="424"/>
      <c r="ERG737" s="424"/>
      <c r="ERH737" s="424"/>
      <c r="ERI737" s="423" t="s">
        <v>2795</v>
      </c>
      <c r="ERJ737" s="424"/>
      <c r="ERK737" s="424"/>
      <c r="ERL737" s="424"/>
      <c r="ERM737" s="423" t="s">
        <v>2795</v>
      </c>
      <c r="ERN737" s="424"/>
      <c r="ERO737" s="424"/>
      <c r="ERP737" s="424"/>
      <c r="ERQ737" s="423" t="s">
        <v>2795</v>
      </c>
      <c r="ERR737" s="424"/>
      <c r="ERS737" s="424"/>
      <c r="ERT737" s="424"/>
      <c r="ERU737" s="423" t="s">
        <v>2795</v>
      </c>
      <c r="ERV737" s="424"/>
      <c r="ERW737" s="424"/>
      <c r="ERX737" s="424"/>
      <c r="ERY737" s="423" t="s">
        <v>2795</v>
      </c>
      <c r="ERZ737" s="424"/>
      <c r="ESA737" s="424"/>
      <c r="ESB737" s="424"/>
      <c r="ESC737" s="423" t="s">
        <v>2795</v>
      </c>
      <c r="ESD737" s="424"/>
      <c r="ESE737" s="424"/>
      <c r="ESF737" s="424"/>
      <c r="ESG737" s="423" t="s">
        <v>2795</v>
      </c>
      <c r="ESH737" s="424"/>
      <c r="ESI737" s="424"/>
      <c r="ESJ737" s="424"/>
      <c r="ESK737" s="423" t="s">
        <v>2795</v>
      </c>
      <c r="ESL737" s="424"/>
      <c r="ESM737" s="424"/>
      <c r="ESN737" s="424"/>
      <c r="ESO737" s="423" t="s">
        <v>2795</v>
      </c>
      <c r="ESP737" s="424"/>
      <c r="ESQ737" s="424"/>
      <c r="ESR737" s="424"/>
      <c r="ESS737" s="423" t="s">
        <v>2795</v>
      </c>
      <c r="EST737" s="424"/>
      <c r="ESU737" s="424"/>
      <c r="ESV737" s="424"/>
      <c r="ESW737" s="423" t="s">
        <v>2795</v>
      </c>
      <c r="ESX737" s="424"/>
      <c r="ESY737" s="424"/>
      <c r="ESZ737" s="424"/>
      <c r="ETA737" s="423" t="s">
        <v>2795</v>
      </c>
      <c r="ETB737" s="424"/>
      <c r="ETC737" s="424"/>
      <c r="ETD737" s="424"/>
      <c r="ETE737" s="423" t="s">
        <v>2795</v>
      </c>
      <c r="ETF737" s="424"/>
      <c r="ETG737" s="424"/>
      <c r="ETH737" s="424"/>
      <c r="ETI737" s="423" t="s">
        <v>2795</v>
      </c>
      <c r="ETJ737" s="424"/>
      <c r="ETK737" s="424"/>
      <c r="ETL737" s="424"/>
      <c r="ETM737" s="423" t="s">
        <v>2795</v>
      </c>
      <c r="ETN737" s="424"/>
      <c r="ETO737" s="424"/>
      <c r="ETP737" s="424"/>
      <c r="ETQ737" s="423" t="s">
        <v>2795</v>
      </c>
      <c r="ETR737" s="424"/>
      <c r="ETS737" s="424"/>
      <c r="ETT737" s="424"/>
      <c r="ETU737" s="423" t="s">
        <v>2795</v>
      </c>
      <c r="ETV737" s="424"/>
      <c r="ETW737" s="424"/>
      <c r="ETX737" s="424"/>
      <c r="ETY737" s="423" t="s">
        <v>2795</v>
      </c>
      <c r="ETZ737" s="424"/>
      <c r="EUA737" s="424"/>
      <c r="EUB737" s="424"/>
      <c r="EUC737" s="423" t="s">
        <v>2795</v>
      </c>
      <c r="EUD737" s="424"/>
      <c r="EUE737" s="424"/>
      <c r="EUF737" s="424"/>
      <c r="EUG737" s="423" t="s">
        <v>2795</v>
      </c>
      <c r="EUH737" s="424"/>
      <c r="EUI737" s="424"/>
      <c r="EUJ737" s="424"/>
      <c r="EUK737" s="423" t="s">
        <v>2795</v>
      </c>
      <c r="EUL737" s="424"/>
      <c r="EUM737" s="424"/>
      <c r="EUN737" s="424"/>
      <c r="EUO737" s="423" t="s">
        <v>2795</v>
      </c>
      <c r="EUP737" s="424"/>
      <c r="EUQ737" s="424"/>
      <c r="EUR737" s="424"/>
      <c r="EUS737" s="423" t="s">
        <v>2795</v>
      </c>
      <c r="EUT737" s="424"/>
      <c r="EUU737" s="424"/>
      <c r="EUV737" s="424"/>
      <c r="EUW737" s="423" t="s">
        <v>2795</v>
      </c>
      <c r="EUX737" s="424"/>
      <c r="EUY737" s="424"/>
      <c r="EUZ737" s="424"/>
      <c r="EVA737" s="423" t="s">
        <v>2795</v>
      </c>
      <c r="EVB737" s="424"/>
      <c r="EVC737" s="424"/>
      <c r="EVD737" s="424"/>
      <c r="EVE737" s="423" t="s">
        <v>2795</v>
      </c>
      <c r="EVF737" s="424"/>
      <c r="EVG737" s="424"/>
      <c r="EVH737" s="424"/>
      <c r="EVI737" s="423" t="s">
        <v>2795</v>
      </c>
      <c r="EVJ737" s="424"/>
      <c r="EVK737" s="424"/>
      <c r="EVL737" s="424"/>
      <c r="EVM737" s="423" t="s">
        <v>2795</v>
      </c>
      <c r="EVN737" s="424"/>
      <c r="EVO737" s="424"/>
      <c r="EVP737" s="424"/>
      <c r="EVQ737" s="423" t="s">
        <v>2795</v>
      </c>
      <c r="EVR737" s="424"/>
      <c r="EVS737" s="424"/>
      <c r="EVT737" s="424"/>
      <c r="EVU737" s="423" t="s">
        <v>2795</v>
      </c>
      <c r="EVV737" s="424"/>
      <c r="EVW737" s="424"/>
      <c r="EVX737" s="424"/>
      <c r="EVY737" s="423" t="s">
        <v>2795</v>
      </c>
      <c r="EVZ737" s="424"/>
      <c r="EWA737" s="424"/>
      <c r="EWB737" s="424"/>
      <c r="EWC737" s="423" t="s">
        <v>2795</v>
      </c>
      <c r="EWD737" s="424"/>
      <c r="EWE737" s="424"/>
      <c r="EWF737" s="424"/>
      <c r="EWG737" s="423" t="s">
        <v>2795</v>
      </c>
      <c r="EWH737" s="424"/>
      <c r="EWI737" s="424"/>
      <c r="EWJ737" s="424"/>
      <c r="EWK737" s="423" t="s">
        <v>2795</v>
      </c>
      <c r="EWL737" s="424"/>
      <c r="EWM737" s="424"/>
      <c r="EWN737" s="424"/>
      <c r="EWO737" s="423" t="s">
        <v>2795</v>
      </c>
      <c r="EWP737" s="424"/>
      <c r="EWQ737" s="424"/>
      <c r="EWR737" s="424"/>
      <c r="EWS737" s="423" t="s">
        <v>2795</v>
      </c>
      <c r="EWT737" s="424"/>
      <c r="EWU737" s="424"/>
      <c r="EWV737" s="424"/>
      <c r="EWW737" s="423" t="s">
        <v>2795</v>
      </c>
      <c r="EWX737" s="424"/>
      <c r="EWY737" s="424"/>
      <c r="EWZ737" s="424"/>
      <c r="EXA737" s="423" t="s">
        <v>2795</v>
      </c>
      <c r="EXB737" s="424"/>
      <c r="EXC737" s="424"/>
      <c r="EXD737" s="424"/>
      <c r="EXE737" s="423" t="s">
        <v>2795</v>
      </c>
      <c r="EXF737" s="424"/>
      <c r="EXG737" s="424"/>
      <c r="EXH737" s="424"/>
      <c r="EXI737" s="423" t="s">
        <v>2795</v>
      </c>
      <c r="EXJ737" s="424"/>
      <c r="EXK737" s="424"/>
      <c r="EXL737" s="424"/>
      <c r="EXM737" s="423" t="s">
        <v>2795</v>
      </c>
      <c r="EXN737" s="424"/>
      <c r="EXO737" s="424"/>
      <c r="EXP737" s="424"/>
      <c r="EXQ737" s="423" t="s">
        <v>2795</v>
      </c>
      <c r="EXR737" s="424"/>
      <c r="EXS737" s="424"/>
      <c r="EXT737" s="424"/>
      <c r="EXU737" s="423" t="s">
        <v>2795</v>
      </c>
      <c r="EXV737" s="424"/>
      <c r="EXW737" s="424"/>
      <c r="EXX737" s="424"/>
      <c r="EXY737" s="423" t="s">
        <v>2795</v>
      </c>
      <c r="EXZ737" s="424"/>
      <c r="EYA737" s="424"/>
      <c r="EYB737" s="424"/>
      <c r="EYC737" s="423" t="s">
        <v>2795</v>
      </c>
      <c r="EYD737" s="424"/>
      <c r="EYE737" s="424"/>
      <c r="EYF737" s="424"/>
      <c r="EYG737" s="423" t="s">
        <v>2795</v>
      </c>
      <c r="EYH737" s="424"/>
      <c r="EYI737" s="424"/>
      <c r="EYJ737" s="424"/>
      <c r="EYK737" s="423" t="s">
        <v>2795</v>
      </c>
      <c r="EYL737" s="424"/>
      <c r="EYM737" s="424"/>
      <c r="EYN737" s="424"/>
      <c r="EYO737" s="423" t="s">
        <v>2795</v>
      </c>
      <c r="EYP737" s="424"/>
      <c r="EYQ737" s="424"/>
      <c r="EYR737" s="424"/>
      <c r="EYS737" s="423" t="s">
        <v>2795</v>
      </c>
      <c r="EYT737" s="424"/>
      <c r="EYU737" s="424"/>
      <c r="EYV737" s="424"/>
      <c r="EYW737" s="423" t="s">
        <v>2795</v>
      </c>
      <c r="EYX737" s="424"/>
      <c r="EYY737" s="424"/>
      <c r="EYZ737" s="424"/>
      <c r="EZA737" s="423" t="s">
        <v>2795</v>
      </c>
      <c r="EZB737" s="424"/>
      <c r="EZC737" s="424"/>
      <c r="EZD737" s="424"/>
      <c r="EZE737" s="423" t="s">
        <v>2795</v>
      </c>
      <c r="EZF737" s="424"/>
      <c r="EZG737" s="424"/>
      <c r="EZH737" s="424"/>
      <c r="EZI737" s="423" t="s">
        <v>2795</v>
      </c>
      <c r="EZJ737" s="424"/>
      <c r="EZK737" s="424"/>
      <c r="EZL737" s="424"/>
      <c r="EZM737" s="423" t="s">
        <v>2795</v>
      </c>
      <c r="EZN737" s="424"/>
      <c r="EZO737" s="424"/>
      <c r="EZP737" s="424"/>
      <c r="EZQ737" s="423" t="s">
        <v>2795</v>
      </c>
      <c r="EZR737" s="424"/>
      <c r="EZS737" s="424"/>
      <c r="EZT737" s="424"/>
      <c r="EZU737" s="423" t="s">
        <v>2795</v>
      </c>
      <c r="EZV737" s="424"/>
      <c r="EZW737" s="424"/>
      <c r="EZX737" s="424"/>
      <c r="EZY737" s="423" t="s">
        <v>2795</v>
      </c>
      <c r="EZZ737" s="424"/>
      <c r="FAA737" s="424"/>
      <c r="FAB737" s="424"/>
      <c r="FAC737" s="423" t="s">
        <v>2795</v>
      </c>
      <c r="FAD737" s="424"/>
      <c r="FAE737" s="424"/>
      <c r="FAF737" s="424"/>
      <c r="FAG737" s="423" t="s">
        <v>2795</v>
      </c>
      <c r="FAH737" s="424"/>
      <c r="FAI737" s="424"/>
      <c r="FAJ737" s="424"/>
      <c r="FAK737" s="423" t="s">
        <v>2795</v>
      </c>
      <c r="FAL737" s="424"/>
      <c r="FAM737" s="424"/>
      <c r="FAN737" s="424"/>
      <c r="FAO737" s="423" t="s">
        <v>2795</v>
      </c>
      <c r="FAP737" s="424"/>
      <c r="FAQ737" s="424"/>
      <c r="FAR737" s="424"/>
      <c r="FAS737" s="423" t="s">
        <v>2795</v>
      </c>
      <c r="FAT737" s="424"/>
      <c r="FAU737" s="424"/>
      <c r="FAV737" s="424"/>
      <c r="FAW737" s="423" t="s">
        <v>2795</v>
      </c>
      <c r="FAX737" s="424"/>
      <c r="FAY737" s="424"/>
      <c r="FAZ737" s="424"/>
      <c r="FBA737" s="423" t="s">
        <v>2795</v>
      </c>
      <c r="FBB737" s="424"/>
      <c r="FBC737" s="424"/>
      <c r="FBD737" s="424"/>
      <c r="FBE737" s="423" t="s">
        <v>2795</v>
      </c>
      <c r="FBF737" s="424"/>
      <c r="FBG737" s="424"/>
      <c r="FBH737" s="424"/>
      <c r="FBI737" s="423" t="s">
        <v>2795</v>
      </c>
      <c r="FBJ737" s="424"/>
      <c r="FBK737" s="424"/>
      <c r="FBL737" s="424"/>
      <c r="FBM737" s="423" t="s">
        <v>2795</v>
      </c>
      <c r="FBN737" s="424"/>
      <c r="FBO737" s="424"/>
      <c r="FBP737" s="424"/>
      <c r="FBQ737" s="423" t="s">
        <v>2795</v>
      </c>
      <c r="FBR737" s="424"/>
      <c r="FBS737" s="424"/>
      <c r="FBT737" s="424"/>
      <c r="FBU737" s="423" t="s">
        <v>2795</v>
      </c>
      <c r="FBV737" s="424"/>
      <c r="FBW737" s="424"/>
      <c r="FBX737" s="424"/>
      <c r="FBY737" s="423" t="s">
        <v>2795</v>
      </c>
      <c r="FBZ737" s="424"/>
      <c r="FCA737" s="424"/>
      <c r="FCB737" s="424"/>
      <c r="FCC737" s="423" t="s">
        <v>2795</v>
      </c>
      <c r="FCD737" s="424"/>
      <c r="FCE737" s="424"/>
      <c r="FCF737" s="424"/>
      <c r="FCG737" s="423" t="s">
        <v>2795</v>
      </c>
      <c r="FCH737" s="424"/>
      <c r="FCI737" s="424"/>
      <c r="FCJ737" s="424"/>
      <c r="FCK737" s="423" t="s">
        <v>2795</v>
      </c>
      <c r="FCL737" s="424"/>
      <c r="FCM737" s="424"/>
      <c r="FCN737" s="424"/>
      <c r="FCO737" s="423" t="s">
        <v>2795</v>
      </c>
      <c r="FCP737" s="424"/>
      <c r="FCQ737" s="424"/>
      <c r="FCR737" s="424"/>
      <c r="FCS737" s="423" t="s">
        <v>2795</v>
      </c>
      <c r="FCT737" s="424"/>
      <c r="FCU737" s="424"/>
      <c r="FCV737" s="424"/>
      <c r="FCW737" s="423" t="s">
        <v>2795</v>
      </c>
      <c r="FCX737" s="424"/>
      <c r="FCY737" s="424"/>
      <c r="FCZ737" s="424"/>
      <c r="FDA737" s="423" t="s">
        <v>2795</v>
      </c>
      <c r="FDB737" s="424"/>
      <c r="FDC737" s="424"/>
      <c r="FDD737" s="424"/>
      <c r="FDE737" s="423" t="s">
        <v>2795</v>
      </c>
      <c r="FDF737" s="424"/>
      <c r="FDG737" s="424"/>
      <c r="FDH737" s="424"/>
      <c r="FDI737" s="423" t="s">
        <v>2795</v>
      </c>
      <c r="FDJ737" s="424"/>
      <c r="FDK737" s="424"/>
      <c r="FDL737" s="424"/>
      <c r="FDM737" s="423" t="s">
        <v>2795</v>
      </c>
      <c r="FDN737" s="424"/>
      <c r="FDO737" s="424"/>
      <c r="FDP737" s="424"/>
      <c r="FDQ737" s="423" t="s">
        <v>2795</v>
      </c>
      <c r="FDR737" s="424"/>
      <c r="FDS737" s="424"/>
      <c r="FDT737" s="424"/>
      <c r="FDU737" s="423" t="s">
        <v>2795</v>
      </c>
      <c r="FDV737" s="424"/>
      <c r="FDW737" s="424"/>
      <c r="FDX737" s="424"/>
      <c r="FDY737" s="423" t="s">
        <v>2795</v>
      </c>
      <c r="FDZ737" s="424"/>
      <c r="FEA737" s="424"/>
      <c r="FEB737" s="424"/>
      <c r="FEC737" s="423" t="s">
        <v>2795</v>
      </c>
      <c r="FED737" s="424"/>
      <c r="FEE737" s="424"/>
      <c r="FEF737" s="424"/>
      <c r="FEG737" s="423" t="s">
        <v>2795</v>
      </c>
      <c r="FEH737" s="424"/>
      <c r="FEI737" s="424"/>
      <c r="FEJ737" s="424"/>
      <c r="FEK737" s="423" t="s">
        <v>2795</v>
      </c>
      <c r="FEL737" s="424"/>
      <c r="FEM737" s="424"/>
      <c r="FEN737" s="424"/>
      <c r="FEO737" s="423" t="s">
        <v>2795</v>
      </c>
      <c r="FEP737" s="424"/>
      <c r="FEQ737" s="424"/>
      <c r="FER737" s="424"/>
      <c r="FES737" s="423" t="s">
        <v>2795</v>
      </c>
      <c r="FET737" s="424"/>
      <c r="FEU737" s="424"/>
      <c r="FEV737" s="424"/>
      <c r="FEW737" s="423" t="s">
        <v>2795</v>
      </c>
      <c r="FEX737" s="424"/>
      <c r="FEY737" s="424"/>
      <c r="FEZ737" s="424"/>
      <c r="FFA737" s="423" t="s">
        <v>2795</v>
      </c>
      <c r="FFB737" s="424"/>
      <c r="FFC737" s="424"/>
      <c r="FFD737" s="424"/>
      <c r="FFE737" s="423" t="s">
        <v>2795</v>
      </c>
      <c r="FFF737" s="424"/>
      <c r="FFG737" s="424"/>
      <c r="FFH737" s="424"/>
      <c r="FFI737" s="423" t="s">
        <v>2795</v>
      </c>
      <c r="FFJ737" s="424"/>
      <c r="FFK737" s="424"/>
      <c r="FFL737" s="424"/>
      <c r="FFM737" s="423" t="s">
        <v>2795</v>
      </c>
      <c r="FFN737" s="424"/>
      <c r="FFO737" s="424"/>
      <c r="FFP737" s="424"/>
      <c r="FFQ737" s="423" t="s">
        <v>2795</v>
      </c>
      <c r="FFR737" s="424"/>
      <c r="FFS737" s="424"/>
      <c r="FFT737" s="424"/>
      <c r="FFU737" s="423" t="s">
        <v>2795</v>
      </c>
      <c r="FFV737" s="424"/>
      <c r="FFW737" s="424"/>
      <c r="FFX737" s="424"/>
      <c r="FFY737" s="423" t="s">
        <v>2795</v>
      </c>
      <c r="FFZ737" s="424"/>
      <c r="FGA737" s="424"/>
      <c r="FGB737" s="424"/>
      <c r="FGC737" s="423" t="s">
        <v>2795</v>
      </c>
      <c r="FGD737" s="424"/>
      <c r="FGE737" s="424"/>
      <c r="FGF737" s="424"/>
      <c r="FGG737" s="423" t="s">
        <v>2795</v>
      </c>
      <c r="FGH737" s="424"/>
      <c r="FGI737" s="424"/>
      <c r="FGJ737" s="424"/>
      <c r="FGK737" s="423" t="s">
        <v>2795</v>
      </c>
      <c r="FGL737" s="424"/>
      <c r="FGM737" s="424"/>
      <c r="FGN737" s="424"/>
      <c r="FGO737" s="423" t="s">
        <v>2795</v>
      </c>
      <c r="FGP737" s="424"/>
      <c r="FGQ737" s="424"/>
      <c r="FGR737" s="424"/>
      <c r="FGS737" s="423" t="s">
        <v>2795</v>
      </c>
      <c r="FGT737" s="424"/>
      <c r="FGU737" s="424"/>
      <c r="FGV737" s="424"/>
      <c r="FGW737" s="423" t="s">
        <v>2795</v>
      </c>
      <c r="FGX737" s="424"/>
      <c r="FGY737" s="424"/>
      <c r="FGZ737" s="424"/>
      <c r="FHA737" s="423" t="s">
        <v>2795</v>
      </c>
      <c r="FHB737" s="424"/>
      <c r="FHC737" s="424"/>
      <c r="FHD737" s="424"/>
      <c r="FHE737" s="423" t="s">
        <v>2795</v>
      </c>
      <c r="FHF737" s="424"/>
      <c r="FHG737" s="424"/>
      <c r="FHH737" s="424"/>
      <c r="FHI737" s="423" t="s">
        <v>2795</v>
      </c>
      <c r="FHJ737" s="424"/>
      <c r="FHK737" s="424"/>
      <c r="FHL737" s="424"/>
      <c r="FHM737" s="423" t="s">
        <v>2795</v>
      </c>
      <c r="FHN737" s="424"/>
      <c r="FHO737" s="424"/>
      <c r="FHP737" s="424"/>
      <c r="FHQ737" s="423" t="s">
        <v>2795</v>
      </c>
      <c r="FHR737" s="424"/>
      <c r="FHS737" s="424"/>
      <c r="FHT737" s="424"/>
      <c r="FHU737" s="423" t="s">
        <v>2795</v>
      </c>
      <c r="FHV737" s="424"/>
      <c r="FHW737" s="424"/>
      <c r="FHX737" s="424"/>
      <c r="FHY737" s="423" t="s">
        <v>2795</v>
      </c>
      <c r="FHZ737" s="424"/>
      <c r="FIA737" s="424"/>
      <c r="FIB737" s="424"/>
      <c r="FIC737" s="423" t="s">
        <v>2795</v>
      </c>
      <c r="FID737" s="424"/>
      <c r="FIE737" s="424"/>
      <c r="FIF737" s="424"/>
      <c r="FIG737" s="423" t="s">
        <v>2795</v>
      </c>
      <c r="FIH737" s="424"/>
      <c r="FII737" s="424"/>
      <c r="FIJ737" s="424"/>
      <c r="FIK737" s="423" t="s">
        <v>2795</v>
      </c>
      <c r="FIL737" s="424"/>
      <c r="FIM737" s="424"/>
      <c r="FIN737" s="424"/>
      <c r="FIO737" s="423" t="s">
        <v>2795</v>
      </c>
      <c r="FIP737" s="424"/>
      <c r="FIQ737" s="424"/>
      <c r="FIR737" s="424"/>
      <c r="FIS737" s="423" t="s">
        <v>2795</v>
      </c>
      <c r="FIT737" s="424"/>
      <c r="FIU737" s="424"/>
      <c r="FIV737" s="424"/>
      <c r="FIW737" s="423" t="s">
        <v>2795</v>
      </c>
      <c r="FIX737" s="424"/>
      <c r="FIY737" s="424"/>
      <c r="FIZ737" s="424"/>
      <c r="FJA737" s="423" t="s">
        <v>2795</v>
      </c>
      <c r="FJB737" s="424"/>
      <c r="FJC737" s="424"/>
      <c r="FJD737" s="424"/>
      <c r="FJE737" s="423" t="s">
        <v>2795</v>
      </c>
      <c r="FJF737" s="424"/>
      <c r="FJG737" s="424"/>
      <c r="FJH737" s="424"/>
      <c r="FJI737" s="423" t="s">
        <v>2795</v>
      </c>
      <c r="FJJ737" s="424"/>
      <c r="FJK737" s="424"/>
      <c r="FJL737" s="424"/>
      <c r="FJM737" s="423" t="s">
        <v>2795</v>
      </c>
      <c r="FJN737" s="424"/>
      <c r="FJO737" s="424"/>
      <c r="FJP737" s="424"/>
      <c r="FJQ737" s="423" t="s">
        <v>2795</v>
      </c>
      <c r="FJR737" s="424"/>
      <c r="FJS737" s="424"/>
      <c r="FJT737" s="424"/>
      <c r="FJU737" s="423" t="s">
        <v>2795</v>
      </c>
      <c r="FJV737" s="424"/>
      <c r="FJW737" s="424"/>
      <c r="FJX737" s="424"/>
      <c r="FJY737" s="423" t="s">
        <v>2795</v>
      </c>
      <c r="FJZ737" s="424"/>
      <c r="FKA737" s="424"/>
      <c r="FKB737" s="424"/>
      <c r="FKC737" s="423" t="s">
        <v>2795</v>
      </c>
      <c r="FKD737" s="424"/>
      <c r="FKE737" s="424"/>
      <c r="FKF737" s="424"/>
      <c r="FKG737" s="423" t="s">
        <v>2795</v>
      </c>
      <c r="FKH737" s="424"/>
      <c r="FKI737" s="424"/>
      <c r="FKJ737" s="424"/>
      <c r="FKK737" s="423" t="s">
        <v>2795</v>
      </c>
      <c r="FKL737" s="424"/>
      <c r="FKM737" s="424"/>
      <c r="FKN737" s="424"/>
      <c r="FKO737" s="423" t="s">
        <v>2795</v>
      </c>
      <c r="FKP737" s="424"/>
      <c r="FKQ737" s="424"/>
      <c r="FKR737" s="424"/>
      <c r="FKS737" s="423" t="s">
        <v>2795</v>
      </c>
      <c r="FKT737" s="424"/>
      <c r="FKU737" s="424"/>
      <c r="FKV737" s="424"/>
      <c r="FKW737" s="423" t="s">
        <v>2795</v>
      </c>
      <c r="FKX737" s="424"/>
      <c r="FKY737" s="424"/>
      <c r="FKZ737" s="424"/>
      <c r="FLA737" s="423" t="s">
        <v>2795</v>
      </c>
      <c r="FLB737" s="424"/>
      <c r="FLC737" s="424"/>
      <c r="FLD737" s="424"/>
      <c r="FLE737" s="423" t="s">
        <v>2795</v>
      </c>
      <c r="FLF737" s="424"/>
      <c r="FLG737" s="424"/>
      <c r="FLH737" s="424"/>
      <c r="FLI737" s="423" t="s">
        <v>2795</v>
      </c>
      <c r="FLJ737" s="424"/>
      <c r="FLK737" s="424"/>
      <c r="FLL737" s="424"/>
      <c r="FLM737" s="423" t="s">
        <v>2795</v>
      </c>
      <c r="FLN737" s="424"/>
      <c r="FLO737" s="424"/>
      <c r="FLP737" s="424"/>
      <c r="FLQ737" s="423" t="s">
        <v>2795</v>
      </c>
      <c r="FLR737" s="424"/>
      <c r="FLS737" s="424"/>
      <c r="FLT737" s="424"/>
      <c r="FLU737" s="423" t="s">
        <v>2795</v>
      </c>
      <c r="FLV737" s="424"/>
      <c r="FLW737" s="424"/>
      <c r="FLX737" s="424"/>
      <c r="FLY737" s="423" t="s">
        <v>2795</v>
      </c>
      <c r="FLZ737" s="424"/>
      <c r="FMA737" s="424"/>
      <c r="FMB737" s="424"/>
      <c r="FMC737" s="423" t="s">
        <v>2795</v>
      </c>
      <c r="FMD737" s="424"/>
      <c r="FME737" s="424"/>
      <c r="FMF737" s="424"/>
      <c r="FMG737" s="423" t="s">
        <v>2795</v>
      </c>
      <c r="FMH737" s="424"/>
      <c r="FMI737" s="424"/>
      <c r="FMJ737" s="424"/>
      <c r="FMK737" s="423" t="s">
        <v>2795</v>
      </c>
      <c r="FML737" s="424"/>
      <c r="FMM737" s="424"/>
      <c r="FMN737" s="424"/>
      <c r="FMO737" s="423" t="s">
        <v>2795</v>
      </c>
      <c r="FMP737" s="424"/>
      <c r="FMQ737" s="424"/>
      <c r="FMR737" s="424"/>
      <c r="FMS737" s="423" t="s">
        <v>2795</v>
      </c>
      <c r="FMT737" s="424"/>
      <c r="FMU737" s="424"/>
      <c r="FMV737" s="424"/>
      <c r="FMW737" s="423" t="s">
        <v>2795</v>
      </c>
      <c r="FMX737" s="424"/>
      <c r="FMY737" s="424"/>
      <c r="FMZ737" s="424"/>
      <c r="FNA737" s="423" t="s">
        <v>2795</v>
      </c>
      <c r="FNB737" s="424"/>
      <c r="FNC737" s="424"/>
      <c r="FND737" s="424"/>
      <c r="FNE737" s="423" t="s">
        <v>2795</v>
      </c>
      <c r="FNF737" s="424"/>
      <c r="FNG737" s="424"/>
      <c r="FNH737" s="424"/>
      <c r="FNI737" s="423" t="s">
        <v>2795</v>
      </c>
      <c r="FNJ737" s="424"/>
      <c r="FNK737" s="424"/>
      <c r="FNL737" s="424"/>
      <c r="FNM737" s="423" t="s">
        <v>2795</v>
      </c>
      <c r="FNN737" s="424"/>
      <c r="FNO737" s="424"/>
      <c r="FNP737" s="424"/>
      <c r="FNQ737" s="423" t="s">
        <v>2795</v>
      </c>
      <c r="FNR737" s="424"/>
      <c r="FNS737" s="424"/>
      <c r="FNT737" s="424"/>
      <c r="FNU737" s="423" t="s">
        <v>2795</v>
      </c>
      <c r="FNV737" s="424"/>
      <c r="FNW737" s="424"/>
      <c r="FNX737" s="424"/>
      <c r="FNY737" s="423" t="s">
        <v>2795</v>
      </c>
      <c r="FNZ737" s="424"/>
      <c r="FOA737" s="424"/>
      <c r="FOB737" s="424"/>
      <c r="FOC737" s="423" t="s">
        <v>2795</v>
      </c>
      <c r="FOD737" s="424"/>
      <c r="FOE737" s="424"/>
      <c r="FOF737" s="424"/>
      <c r="FOG737" s="423" t="s">
        <v>2795</v>
      </c>
      <c r="FOH737" s="424"/>
      <c r="FOI737" s="424"/>
      <c r="FOJ737" s="424"/>
      <c r="FOK737" s="423" t="s">
        <v>2795</v>
      </c>
      <c r="FOL737" s="424"/>
      <c r="FOM737" s="424"/>
      <c r="FON737" s="424"/>
      <c r="FOO737" s="423" t="s">
        <v>2795</v>
      </c>
      <c r="FOP737" s="424"/>
      <c r="FOQ737" s="424"/>
      <c r="FOR737" s="424"/>
      <c r="FOS737" s="423" t="s">
        <v>2795</v>
      </c>
      <c r="FOT737" s="424"/>
      <c r="FOU737" s="424"/>
      <c r="FOV737" s="424"/>
      <c r="FOW737" s="423" t="s">
        <v>2795</v>
      </c>
      <c r="FOX737" s="424"/>
      <c r="FOY737" s="424"/>
      <c r="FOZ737" s="424"/>
      <c r="FPA737" s="423" t="s">
        <v>2795</v>
      </c>
      <c r="FPB737" s="424"/>
      <c r="FPC737" s="424"/>
      <c r="FPD737" s="424"/>
      <c r="FPE737" s="423" t="s">
        <v>2795</v>
      </c>
      <c r="FPF737" s="424"/>
      <c r="FPG737" s="424"/>
      <c r="FPH737" s="424"/>
      <c r="FPI737" s="423" t="s">
        <v>2795</v>
      </c>
      <c r="FPJ737" s="424"/>
      <c r="FPK737" s="424"/>
      <c r="FPL737" s="424"/>
      <c r="FPM737" s="423" t="s">
        <v>2795</v>
      </c>
      <c r="FPN737" s="424"/>
      <c r="FPO737" s="424"/>
      <c r="FPP737" s="424"/>
      <c r="FPQ737" s="423" t="s">
        <v>2795</v>
      </c>
      <c r="FPR737" s="424"/>
      <c r="FPS737" s="424"/>
      <c r="FPT737" s="424"/>
      <c r="FPU737" s="423" t="s">
        <v>2795</v>
      </c>
      <c r="FPV737" s="424"/>
      <c r="FPW737" s="424"/>
      <c r="FPX737" s="424"/>
      <c r="FPY737" s="423" t="s">
        <v>2795</v>
      </c>
      <c r="FPZ737" s="424"/>
      <c r="FQA737" s="424"/>
      <c r="FQB737" s="424"/>
      <c r="FQC737" s="423" t="s">
        <v>2795</v>
      </c>
      <c r="FQD737" s="424"/>
      <c r="FQE737" s="424"/>
      <c r="FQF737" s="424"/>
      <c r="FQG737" s="423" t="s">
        <v>2795</v>
      </c>
      <c r="FQH737" s="424"/>
      <c r="FQI737" s="424"/>
      <c r="FQJ737" s="424"/>
      <c r="FQK737" s="423" t="s">
        <v>2795</v>
      </c>
      <c r="FQL737" s="424"/>
      <c r="FQM737" s="424"/>
      <c r="FQN737" s="424"/>
      <c r="FQO737" s="423" t="s">
        <v>2795</v>
      </c>
      <c r="FQP737" s="424"/>
      <c r="FQQ737" s="424"/>
      <c r="FQR737" s="424"/>
      <c r="FQS737" s="423" t="s">
        <v>2795</v>
      </c>
      <c r="FQT737" s="424"/>
      <c r="FQU737" s="424"/>
      <c r="FQV737" s="424"/>
      <c r="FQW737" s="423" t="s">
        <v>2795</v>
      </c>
      <c r="FQX737" s="424"/>
      <c r="FQY737" s="424"/>
      <c r="FQZ737" s="424"/>
      <c r="FRA737" s="423" t="s">
        <v>2795</v>
      </c>
      <c r="FRB737" s="424"/>
      <c r="FRC737" s="424"/>
      <c r="FRD737" s="424"/>
      <c r="FRE737" s="423" t="s">
        <v>2795</v>
      </c>
      <c r="FRF737" s="424"/>
      <c r="FRG737" s="424"/>
      <c r="FRH737" s="424"/>
      <c r="FRI737" s="423" t="s">
        <v>2795</v>
      </c>
      <c r="FRJ737" s="424"/>
      <c r="FRK737" s="424"/>
      <c r="FRL737" s="424"/>
      <c r="FRM737" s="423" t="s">
        <v>2795</v>
      </c>
      <c r="FRN737" s="424"/>
      <c r="FRO737" s="424"/>
      <c r="FRP737" s="424"/>
      <c r="FRQ737" s="423" t="s">
        <v>2795</v>
      </c>
      <c r="FRR737" s="424"/>
      <c r="FRS737" s="424"/>
      <c r="FRT737" s="424"/>
      <c r="FRU737" s="423" t="s">
        <v>2795</v>
      </c>
      <c r="FRV737" s="424"/>
      <c r="FRW737" s="424"/>
      <c r="FRX737" s="424"/>
      <c r="FRY737" s="423" t="s">
        <v>2795</v>
      </c>
      <c r="FRZ737" s="424"/>
      <c r="FSA737" s="424"/>
      <c r="FSB737" s="424"/>
      <c r="FSC737" s="423" t="s">
        <v>2795</v>
      </c>
      <c r="FSD737" s="424"/>
      <c r="FSE737" s="424"/>
      <c r="FSF737" s="424"/>
      <c r="FSG737" s="423" t="s">
        <v>2795</v>
      </c>
      <c r="FSH737" s="424"/>
      <c r="FSI737" s="424"/>
      <c r="FSJ737" s="424"/>
      <c r="FSK737" s="423" t="s">
        <v>2795</v>
      </c>
      <c r="FSL737" s="424"/>
      <c r="FSM737" s="424"/>
      <c r="FSN737" s="424"/>
      <c r="FSO737" s="423" t="s">
        <v>2795</v>
      </c>
      <c r="FSP737" s="424"/>
      <c r="FSQ737" s="424"/>
      <c r="FSR737" s="424"/>
      <c r="FSS737" s="423" t="s">
        <v>2795</v>
      </c>
      <c r="FST737" s="424"/>
      <c r="FSU737" s="424"/>
      <c r="FSV737" s="424"/>
      <c r="FSW737" s="423" t="s">
        <v>2795</v>
      </c>
      <c r="FSX737" s="424"/>
      <c r="FSY737" s="424"/>
      <c r="FSZ737" s="424"/>
      <c r="FTA737" s="423" t="s">
        <v>2795</v>
      </c>
      <c r="FTB737" s="424"/>
      <c r="FTC737" s="424"/>
      <c r="FTD737" s="424"/>
      <c r="FTE737" s="423" t="s">
        <v>2795</v>
      </c>
      <c r="FTF737" s="424"/>
      <c r="FTG737" s="424"/>
      <c r="FTH737" s="424"/>
      <c r="FTI737" s="423" t="s">
        <v>2795</v>
      </c>
      <c r="FTJ737" s="424"/>
      <c r="FTK737" s="424"/>
      <c r="FTL737" s="424"/>
      <c r="FTM737" s="423" t="s">
        <v>2795</v>
      </c>
      <c r="FTN737" s="424"/>
      <c r="FTO737" s="424"/>
      <c r="FTP737" s="424"/>
      <c r="FTQ737" s="423" t="s">
        <v>2795</v>
      </c>
      <c r="FTR737" s="424"/>
      <c r="FTS737" s="424"/>
      <c r="FTT737" s="424"/>
      <c r="FTU737" s="423" t="s">
        <v>2795</v>
      </c>
      <c r="FTV737" s="424"/>
      <c r="FTW737" s="424"/>
      <c r="FTX737" s="424"/>
      <c r="FTY737" s="423" t="s">
        <v>2795</v>
      </c>
      <c r="FTZ737" s="424"/>
      <c r="FUA737" s="424"/>
      <c r="FUB737" s="424"/>
      <c r="FUC737" s="423" t="s">
        <v>2795</v>
      </c>
      <c r="FUD737" s="424"/>
      <c r="FUE737" s="424"/>
      <c r="FUF737" s="424"/>
      <c r="FUG737" s="423" t="s">
        <v>2795</v>
      </c>
      <c r="FUH737" s="424"/>
      <c r="FUI737" s="424"/>
      <c r="FUJ737" s="424"/>
      <c r="FUK737" s="423" t="s">
        <v>2795</v>
      </c>
      <c r="FUL737" s="424"/>
      <c r="FUM737" s="424"/>
      <c r="FUN737" s="424"/>
      <c r="FUO737" s="423" t="s">
        <v>2795</v>
      </c>
      <c r="FUP737" s="424"/>
      <c r="FUQ737" s="424"/>
      <c r="FUR737" s="424"/>
      <c r="FUS737" s="423" t="s">
        <v>2795</v>
      </c>
      <c r="FUT737" s="424"/>
      <c r="FUU737" s="424"/>
      <c r="FUV737" s="424"/>
      <c r="FUW737" s="423" t="s">
        <v>2795</v>
      </c>
      <c r="FUX737" s="424"/>
      <c r="FUY737" s="424"/>
      <c r="FUZ737" s="424"/>
      <c r="FVA737" s="423" t="s">
        <v>2795</v>
      </c>
      <c r="FVB737" s="424"/>
      <c r="FVC737" s="424"/>
      <c r="FVD737" s="424"/>
      <c r="FVE737" s="423" t="s">
        <v>2795</v>
      </c>
      <c r="FVF737" s="424"/>
      <c r="FVG737" s="424"/>
      <c r="FVH737" s="424"/>
      <c r="FVI737" s="423" t="s">
        <v>2795</v>
      </c>
      <c r="FVJ737" s="424"/>
      <c r="FVK737" s="424"/>
      <c r="FVL737" s="424"/>
      <c r="FVM737" s="423" t="s">
        <v>2795</v>
      </c>
      <c r="FVN737" s="424"/>
      <c r="FVO737" s="424"/>
      <c r="FVP737" s="424"/>
      <c r="FVQ737" s="423" t="s">
        <v>2795</v>
      </c>
      <c r="FVR737" s="424"/>
      <c r="FVS737" s="424"/>
      <c r="FVT737" s="424"/>
      <c r="FVU737" s="423" t="s">
        <v>2795</v>
      </c>
      <c r="FVV737" s="424"/>
      <c r="FVW737" s="424"/>
      <c r="FVX737" s="424"/>
      <c r="FVY737" s="423" t="s">
        <v>2795</v>
      </c>
      <c r="FVZ737" s="424"/>
      <c r="FWA737" s="424"/>
      <c r="FWB737" s="424"/>
      <c r="FWC737" s="423" t="s">
        <v>2795</v>
      </c>
      <c r="FWD737" s="424"/>
      <c r="FWE737" s="424"/>
      <c r="FWF737" s="424"/>
      <c r="FWG737" s="423" t="s">
        <v>2795</v>
      </c>
      <c r="FWH737" s="424"/>
      <c r="FWI737" s="424"/>
      <c r="FWJ737" s="424"/>
      <c r="FWK737" s="423" t="s">
        <v>2795</v>
      </c>
      <c r="FWL737" s="424"/>
      <c r="FWM737" s="424"/>
      <c r="FWN737" s="424"/>
      <c r="FWO737" s="423" t="s">
        <v>2795</v>
      </c>
      <c r="FWP737" s="424"/>
      <c r="FWQ737" s="424"/>
      <c r="FWR737" s="424"/>
      <c r="FWS737" s="423" t="s">
        <v>2795</v>
      </c>
      <c r="FWT737" s="424"/>
      <c r="FWU737" s="424"/>
      <c r="FWV737" s="424"/>
      <c r="FWW737" s="423" t="s">
        <v>2795</v>
      </c>
      <c r="FWX737" s="424"/>
      <c r="FWY737" s="424"/>
      <c r="FWZ737" s="424"/>
      <c r="FXA737" s="423" t="s">
        <v>2795</v>
      </c>
      <c r="FXB737" s="424"/>
      <c r="FXC737" s="424"/>
      <c r="FXD737" s="424"/>
      <c r="FXE737" s="423" t="s">
        <v>2795</v>
      </c>
      <c r="FXF737" s="424"/>
      <c r="FXG737" s="424"/>
      <c r="FXH737" s="424"/>
      <c r="FXI737" s="423" t="s">
        <v>2795</v>
      </c>
      <c r="FXJ737" s="424"/>
      <c r="FXK737" s="424"/>
      <c r="FXL737" s="424"/>
      <c r="FXM737" s="423" t="s">
        <v>2795</v>
      </c>
      <c r="FXN737" s="424"/>
      <c r="FXO737" s="424"/>
      <c r="FXP737" s="424"/>
      <c r="FXQ737" s="423" t="s">
        <v>2795</v>
      </c>
      <c r="FXR737" s="424"/>
      <c r="FXS737" s="424"/>
      <c r="FXT737" s="424"/>
      <c r="FXU737" s="423" t="s">
        <v>2795</v>
      </c>
      <c r="FXV737" s="424"/>
      <c r="FXW737" s="424"/>
      <c r="FXX737" s="424"/>
      <c r="FXY737" s="423" t="s">
        <v>2795</v>
      </c>
      <c r="FXZ737" s="424"/>
      <c r="FYA737" s="424"/>
      <c r="FYB737" s="424"/>
      <c r="FYC737" s="423" t="s">
        <v>2795</v>
      </c>
      <c r="FYD737" s="424"/>
      <c r="FYE737" s="424"/>
      <c r="FYF737" s="424"/>
      <c r="FYG737" s="423" t="s">
        <v>2795</v>
      </c>
      <c r="FYH737" s="424"/>
      <c r="FYI737" s="424"/>
      <c r="FYJ737" s="424"/>
      <c r="FYK737" s="423" t="s">
        <v>2795</v>
      </c>
      <c r="FYL737" s="424"/>
      <c r="FYM737" s="424"/>
      <c r="FYN737" s="424"/>
      <c r="FYO737" s="423" t="s">
        <v>2795</v>
      </c>
      <c r="FYP737" s="424"/>
      <c r="FYQ737" s="424"/>
      <c r="FYR737" s="424"/>
      <c r="FYS737" s="423" t="s">
        <v>2795</v>
      </c>
      <c r="FYT737" s="424"/>
      <c r="FYU737" s="424"/>
      <c r="FYV737" s="424"/>
      <c r="FYW737" s="423" t="s">
        <v>2795</v>
      </c>
      <c r="FYX737" s="424"/>
      <c r="FYY737" s="424"/>
      <c r="FYZ737" s="424"/>
      <c r="FZA737" s="423" t="s">
        <v>2795</v>
      </c>
      <c r="FZB737" s="424"/>
      <c r="FZC737" s="424"/>
      <c r="FZD737" s="424"/>
      <c r="FZE737" s="423" t="s">
        <v>2795</v>
      </c>
      <c r="FZF737" s="424"/>
      <c r="FZG737" s="424"/>
      <c r="FZH737" s="424"/>
      <c r="FZI737" s="423" t="s">
        <v>2795</v>
      </c>
      <c r="FZJ737" s="424"/>
      <c r="FZK737" s="424"/>
      <c r="FZL737" s="424"/>
      <c r="FZM737" s="423" t="s">
        <v>2795</v>
      </c>
      <c r="FZN737" s="424"/>
      <c r="FZO737" s="424"/>
      <c r="FZP737" s="424"/>
      <c r="FZQ737" s="423" t="s">
        <v>2795</v>
      </c>
      <c r="FZR737" s="424"/>
      <c r="FZS737" s="424"/>
      <c r="FZT737" s="424"/>
      <c r="FZU737" s="423" t="s">
        <v>2795</v>
      </c>
      <c r="FZV737" s="424"/>
      <c r="FZW737" s="424"/>
      <c r="FZX737" s="424"/>
      <c r="FZY737" s="423" t="s">
        <v>2795</v>
      </c>
      <c r="FZZ737" s="424"/>
      <c r="GAA737" s="424"/>
      <c r="GAB737" s="424"/>
      <c r="GAC737" s="423" t="s">
        <v>2795</v>
      </c>
      <c r="GAD737" s="424"/>
      <c r="GAE737" s="424"/>
      <c r="GAF737" s="424"/>
      <c r="GAG737" s="423" t="s">
        <v>2795</v>
      </c>
      <c r="GAH737" s="424"/>
      <c r="GAI737" s="424"/>
      <c r="GAJ737" s="424"/>
      <c r="GAK737" s="423" t="s">
        <v>2795</v>
      </c>
      <c r="GAL737" s="424"/>
      <c r="GAM737" s="424"/>
      <c r="GAN737" s="424"/>
      <c r="GAO737" s="423" t="s">
        <v>2795</v>
      </c>
      <c r="GAP737" s="424"/>
      <c r="GAQ737" s="424"/>
      <c r="GAR737" s="424"/>
      <c r="GAS737" s="423" t="s">
        <v>2795</v>
      </c>
      <c r="GAT737" s="424"/>
      <c r="GAU737" s="424"/>
      <c r="GAV737" s="424"/>
      <c r="GAW737" s="423" t="s">
        <v>2795</v>
      </c>
      <c r="GAX737" s="424"/>
      <c r="GAY737" s="424"/>
      <c r="GAZ737" s="424"/>
      <c r="GBA737" s="423" t="s">
        <v>2795</v>
      </c>
      <c r="GBB737" s="424"/>
      <c r="GBC737" s="424"/>
      <c r="GBD737" s="424"/>
      <c r="GBE737" s="423" t="s">
        <v>2795</v>
      </c>
      <c r="GBF737" s="424"/>
      <c r="GBG737" s="424"/>
      <c r="GBH737" s="424"/>
      <c r="GBI737" s="423" t="s">
        <v>2795</v>
      </c>
      <c r="GBJ737" s="424"/>
      <c r="GBK737" s="424"/>
      <c r="GBL737" s="424"/>
      <c r="GBM737" s="423" t="s">
        <v>2795</v>
      </c>
      <c r="GBN737" s="424"/>
      <c r="GBO737" s="424"/>
      <c r="GBP737" s="424"/>
      <c r="GBQ737" s="423" t="s">
        <v>2795</v>
      </c>
      <c r="GBR737" s="424"/>
      <c r="GBS737" s="424"/>
      <c r="GBT737" s="424"/>
      <c r="GBU737" s="423" t="s">
        <v>2795</v>
      </c>
      <c r="GBV737" s="424"/>
      <c r="GBW737" s="424"/>
      <c r="GBX737" s="424"/>
      <c r="GBY737" s="423" t="s">
        <v>2795</v>
      </c>
      <c r="GBZ737" s="424"/>
      <c r="GCA737" s="424"/>
      <c r="GCB737" s="424"/>
      <c r="GCC737" s="423" t="s">
        <v>2795</v>
      </c>
      <c r="GCD737" s="424"/>
      <c r="GCE737" s="424"/>
      <c r="GCF737" s="424"/>
      <c r="GCG737" s="423" t="s">
        <v>2795</v>
      </c>
      <c r="GCH737" s="424"/>
      <c r="GCI737" s="424"/>
      <c r="GCJ737" s="424"/>
      <c r="GCK737" s="423" t="s">
        <v>2795</v>
      </c>
      <c r="GCL737" s="424"/>
      <c r="GCM737" s="424"/>
      <c r="GCN737" s="424"/>
      <c r="GCO737" s="423" t="s">
        <v>2795</v>
      </c>
      <c r="GCP737" s="424"/>
      <c r="GCQ737" s="424"/>
      <c r="GCR737" s="424"/>
      <c r="GCS737" s="423" t="s">
        <v>2795</v>
      </c>
      <c r="GCT737" s="424"/>
      <c r="GCU737" s="424"/>
      <c r="GCV737" s="424"/>
      <c r="GCW737" s="423" t="s">
        <v>2795</v>
      </c>
      <c r="GCX737" s="424"/>
      <c r="GCY737" s="424"/>
      <c r="GCZ737" s="424"/>
      <c r="GDA737" s="423" t="s">
        <v>2795</v>
      </c>
      <c r="GDB737" s="424"/>
      <c r="GDC737" s="424"/>
      <c r="GDD737" s="424"/>
      <c r="GDE737" s="423" t="s">
        <v>2795</v>
      </c>
      <c r="GDF737" s="424"/>
      <c r="GDG737" s="424"/>
      <c r="GDH737" s="424"/>
      <c r="GDI737" s="423" t="s">
        <v>2795</v>
      </c>
      <c r="GDJ737" s="424"/>
      <c r="GDK737" s="424"/>
      <c r="GDL737" s="424"/>
      <c r="GDM737" s="423" t="s">
        <v>2795</v>
      </c>
      <c r="GDN737" s="424"/>
      <c r="GDO737" s="424"/>
      <c r="GDP737" s="424"/>
      <c r="GDQ737" s="423" t="s">
        <v>2795</v>
      </c>
      <c r="GDR737" s="424"/>
      <c r="GDS737" s="424"/>
      <c r="GDT737" s="424"/>
      <c r="GDU737" s="423" t="s">
        <v>2795</v>
      </c>
      <c r="GDV737" s="424"/>
      <c r="GDW737" s="424"/>
      <c r="GDX737" s="424"/>
      <c r="GDY737" s="423" t="s">
        <v>2795</v>
      </c>
      <c r="GDZ737" s="424"/>
      <c r="GEA737" s="424"/>
      <c r="GEB737" s="424"/>
      <c r="GEC737" s="423" t="s">
        <v>2795</v>
      </c>
      <c r="GED737" s="424"/>
      <c r="GEE737" s="424"/>
      <c r="GEF737" s="424"/>
      <c r="GEG737" s="423" t="s">
        <v>2795</v>
      </c>
      <c r="GEH737" s="424"/>
      <c r="GEI737" s="424"/>
      <c r="GEJ737" s="424"/>
      <c r="GEK737" s="423" t="s">
        <v>2795</v>
      </c>
      <c r="GEL737" s="424"/>
      <c r="GEM737" s="424"/>
      <c r="GEN737" s="424"/>
      <c r="GEO737" s="423" t="s">
        <v>2795</v>
      </c>
      <c r="GEP737" s="424"/>
      <c r="GEQ737" s="424"/>
      <c r="GER737" s="424"/>
      <c r="GES737" s="423" t="s">
        <v>2795</v>
      </c>
      <c r="GET737" s="424"/>
      <c r="GEU737" s="424"/>
      <c r="GEV737" s="424"/>
      <c r="GEW737" s="423" t="s">
        <v>2795</v>
      </c>
      <c r="GEX737" s="424"/>
      <c r="GEY737" s="424"/>
      <c r="GEZ737" s="424"/>
      <c r="GFA737" s="423" t="s">
        <v>2795</v>
      </c>
      <c r="GFB737" s="424"/>
      <c r="GFC737" s="424"/>
      <c r="GFD737" s="424"/>
      <c r="GFE737" s="423" t="s">
        <v>2795</v>
      </c>
      <c r="GFF737" s="424"/>
      <c r="GFG737" s="424"/>
      <c r="GFH737" s="424"/>
      <c r="GFI737" s="423" t="s">
        <v>2795</v>
      </c>
      <c r="GFJ737" s="424"/>
      <c r="GFK737" s="424"/>
      <c r="GFL737" s="424"/>
      <c r="GFM737" s="423" t="s">
        <v>2795</v>
      </c>
      <c r="GFN737" s="424"/>
      <c r="GFO737" s="424"/>
      <c r="GFP737" s="424"/>
      <c r="GFQ737" s="423" t="s">
        <v>2795</v>
      </c>
      <c r="GFR737" s="424"/>
      <c r="GFS737" s="424"/>
      <c r="GFT737" s="424"/>
      <c r="GFU737" s="423" t="s">
        <v>2795</v>
      </c>
      <c r="GFV737" s="424"/>
      <c r="GFW737" s="424"/>
      <c r="GFX737" s="424"/>
      <c r="GFY737" s="423" t="s">
        <v>2795</v>
      </c>
      <c r="GFZ737" s="424"/>
      <c r="GGA737" s="424"/>
      <c r="GGB737" s="424"/>
      <c r="GGC737" s="423" t="s">
        <v>2795</v>
      </c>
      <c r="GGD737" s="424"/>
      <c r="GGE737" s="424"/>
      <c r="GGF737" s="424"/>
      <c r="GGG737" s="423" t="s">
        <v>2795</v>
      </c>
      <c r="GGH737" s="424"/>
      <c r="GGI737" s="424"/>
      <c r="GGJ737" s="424"/>
      <c r="GGK737" s="423" t="s">
        <v>2795</v>
      </c>
      <c r="GGL737" s="424"/>
      <c r="GGM737" s="424"/>
      <c r="GGN737" s="424"/>
      <c r="GGO737" s="423" t="s">
        <v>2795</v>
      </c>
      <c r="GGP737" s="424"/>
      <c r="GGQ737" s="424"/>
      <c r="GGR737" s="424"/>
      <c r="GGS737" s="423" t="s">
        <v>2795</v>
      </c>
      <c r="GGT737" s="424"/>
      <c r="GGU737" s="424"/>
      <c r="GGV737" s="424"/>
      <c r="GGW737" s="423" t="s">
        <v>2795</v>
      </c>
      <c r="GGX737" s="424"/>
      <c r="GGY737" s="424"/>
      <c r="GGZ737" s="424"/>
      <c r="GHA737" s="423" t="s">
        <v>2795</v>
      </c>
      <c r="GHB737" s="424"/>
      <c r="GHC737" s="424"/>
      <c r="GHD737" s="424"/>
      <c r="GHE737" s="423" t="s">
        <v>2795</v>
      </c>
      <c r="GHF737" s="424"/>
      <c r="GHG737" s="424"/>
      <c r="GHH737" s="424"/>
      <c r="GHI737" s="423" t="s">
        <v>2795</v>
      </c>
      <c r="GHJ737" s="424"/>
      <c r="GHK737" s="424"/>
      <c r="GHL737" s="424"/>
      <c r="GHM737" s="423" t="s">
        <v>2795</v>
      </c>
      <c r="GHN737" s="424"/>
      <c r="GHO737" s="424"/>
      <c r="GHP737" s="424"/>
      <c r="GHQ737" s="423" t="s">
        <v>2795</v>
      </c>
      <c r="GHR737" s="424"/>
      <c r="GHS737" s="424"/>
      <c r="GHT737" s="424"/>
      <c r="GHU737" s="423" t="s">
        <v>2795</v>
      </c>
      <c r="GHV737" s="424"/>
      <c r="GHW737" s="424"/>
      <c r="GHX737" s="424"/>
      <c r="GHY737" s="423" t="s">
        <v>2795</v>
      </c>
      <c r="GHZ737" s="424"/>
      <c r="GIA737" s="424"/>
      <c r="GIB737" s="424"/>
      <c r="GIC737" s="423" t="s">
        <v>2795</v>
      </c>
      <c r="GID737" s="424"/>
      <c r="GIE737" s="424"/>
      <c r="GIF737" s="424"/>
      <c r="GIG737" s="423" t="s">
        <v>2795</v>
      </c>
      <c r="GIH737" s="424"/>
      <c r="GII737" s="424"/>
      <c r="GIJ737" s="424"/>
      <c r="GIK737" s="423" t="s">
        <v>2795</v>
      </c>
      <c r="GIL737" s="424"/>
      <c r="GIM737" s="424"/>
      <c r="GIN737" s="424"/>
      <c r="GIO737" s="423" t="s">
        <v>2795</v>
      </c>
      <c r="GIP737" s="424"/>
      <c r="GIQ737" s="424"/>
      <c r="GIR737" s="424"/>
      <c r="GIS737" s="423" t="s">
        <v>2795</v>
      </c>
      <c r="GIT737" s="424"/>
      <c r="GIU737" s="424"/>
      <c r="GIV737" s="424"/>
      <c r="GIW737" s="423" t="s">
        <v>2795</v>
      </c>
      <c r="GIX737" s="424"/>
      <c r="GIY737" s="424"/>
      <c r="GIZ737" s="424"/>
      <c r="GJA737" s="423" t="s">
        <v>2795</v>
      </c>
      <c r="GJB737" s="424"/>
      <c r="GJC737" s="424"/>
      <c r="GJD737" s="424"/>
      <c r="GJE737" s="423" t="s">
        <v>2795</v>
      </c>
      <c r="GJF737" s="424"/>
      <c r="GJG737" s="424"/>
      <c r="GJH737" s="424"/>
      <c r="GJI737" s="423" t="s">
        <v>2795</v>
      </c>
      <c r="GJJ737" s="424"/>
      <c r="GJK737" s="424"/>
      <c r="GJL737" s="424"/>
      <c r="GJM737" s="423" t="s">
        <v>2795</v>
      </c>
      <c r="GJN737" s="424"/>
      <c r="GJO737" s="424"/>
      <c r="GJP737" s="424"/>
      <c r="GJQ737" s="423" t="s">
        <v>2795</v>
      </c>
      <c r="GJR737" s="424"/>
      <c r="GJS737" s="424"/>
      <c r="GJT737" s="424"/>
      <c r="GJU737" s="423" t="s">
        <v>2795</v>
      </c>
      <c r="GJV737" s="424"/>
      <c r="GJW737" s="424"/>
      <c r="GJX737" s="424"/>
      <c r="GJY737" s="423" t="s">
        <v>2795</v>
      </c>
      <c r="GJZ737" s="424"/>
      <c r="GKA737" s="424"/>
      <c r="GKB737" s="424"/>
      <c r="GKC737" s="423" t="s">
        <v>2795</v>
      </c>
      <c r="GKD737" s="424"/>
      <c r="GKE737" s="424"/>
      <c r="GKF737" s="424"/>
      <c r="GKG737" s="423" t="s">
        <v>2795</v>
      </c>
      <c r="GKH737" s="424"/>
      <c r="GKI737" s="424"/>
      <c r="GKJ737" s="424"/>
      <c r="GKK737" s="423" t="s">
        <v>2795</v>
      </c>
      <c r="GKL737" s="424"/>
      <c r="GKM737" s="424"/>
      <c r="GKN737" s="424"/>
      <c r="GKO737" s="423" t="s">
        <v>2795</v>
      </c>
      <c r="GKP737" s="424"/>
      <c r="GKQ737" s="424"/>
      <c r="GKR737" s="424"/>
      <c r="GKS737" s="423" t="s">
        <v>2795</v>
      </c>
      <c r="GKT737" s="424"/>
      <c r="GKU737" s="424"/>
      <c r="GKV737" s="424"/>
      <c r="GKW737" s="423" t="s">
        <v>2795</v>
      </c>
      <c r="GKX737" s="424"/>
      <c r="GKY737" s="424"/>
      <c r="GKZ737" s="424"/>
      <c r="GLA737" s="423" t="s">
        <v>2795</v>
      </c>
      <c r="GLB737" s="424"/>
      <c r="GLC737" s="424"/>
      <c r="GLD737" s="424"/>
      <c r="GLE737" s="423" t="s">
        <v>2795</v>
      </c>
      <c r="GLF737" s="424"/>
      <c r="GLG737" s="424"/>
      <c r="GLH737" s="424"/>
      <c r="GLI737" s="423" t="s">
        <v>2795</v>
      </c>
      <c r="GLJ737" s="424"/>
      <c r="GLK737" s="424"/>
      <c r="GLL737" s="424"/>
      <c r="GLM737" s="423" t="s">
        <v>2795</v>
      </c>
      <c r="GLN737" s="424"/>
      <c r="GLO737" s="424"/>
      <c r="GLP737" s="424"/>
      <c r="GLQ737" s="423" t="s">
        <v>2795</v>
      </c>
      <c r="GLR737" s="424"/>
      <c r="GLS737" s="424"/>
      <c r="GLT737" s="424"/>
      <c r="GLU737" s="423" t="s">
        <v>2795</v>
      </c>
      <c r="GLV737" s="424"/>
      <c r="GLW737" s="424"/>
      <c r="GLX737" s="424"/>
      <c r="GLY737" s="423" t="s">
        <v>2795</v>
      </c>
      <c r="GLZ737" s="424"/>
      <c r="GMA737" s="424"/>
      <c r="GMB737" s="424"/>
      <c r="GMC737" s="423" t="s">
        <v>2795</v>
      </c>
      <c r="GMD737" s="424"/>
      <c r="GME737" s="424"/>
      <c r="GMF737" s="424"/>
      <c r="GMG737" s="423" t="s">
        <v>2795</v>
      </c>
      <c r="GMH737" s="424"/>
      <c r="GMI737" s="424"/>
      <c r="GMJ737" s="424"/>
      <c r="GMK737" s="423" t="s">
        <v>2795</v>
      </c>
      <c r="GML737" s="424"/>
      <c r="GMM737" s="424"/>
      <c r="GMN737" s="424"/>
      <c r="GMO737" s="423" t="s">
        <v>2795</v>
      </c>
      <c r="GMP737" s="424"/>
      <c r="GMQ737" s="424"/>
      <c r="GMR737" s="424"/>
      <c r="GMS737" s="423" t="s">
        <v>2795</v>
      </c>
      <c r="GMT737" s="424"/>
      <c r="GMU737" s="424"/>
      <c r="GMV737" s="424"/>
      <c r="GMW737" s="423" t="s">
        <v>2795</v>
      </c>
      <c r="GMX737" s="424"/>
      <c r="GMY737" s="424"/>
      <c r="GMZ737" s="424"/>
      <c r="GNA737" s="423" t="s">
        <v>2795</v>
      </c>
      <c r="GNB737" s="424"/>
      <c r="GNC737" s="424"/>
      <c r="GND737" s="424"/>
      <c r="GNE737" s="423" t="s">
        <v>2795</v>
      </c>
      <c r="GNF737" s="424"/>
      <c r="GNG737" s="424"/>
      <c r="GNH737" s="424"/>
      <c r="GNI737" s="423" t="s">
        <v>2795</v>
      </c>
      <c r="GNJ737" s="424"/>
      <c r="GNK737" s="424"/>
      <c r="GNL737" s="424"/>
      <c r="GNM737" s="423" t="s">
        <v>2795</v>
      </c>
      <c r="GNN737" s="424"/>
      <c r="GNO737" s="424"/>
      <c r="GNP737" s="424"/>
      <c r="GNQ737" s="423" t="s">
        <v>2795</v>
      </c>
      <c r="GNR737" s="424"/>
      <c r="GNS737" s="424"/>
      <c r="GNT737" s="424"/>
      <c r="GNU737" s="423" t="s">
        <v>2795</v>
      </c>
      <c r="GNV737" s="424"/>
      <c r="GNW737" s="424"/>
      <c r="GNX737" s="424"/>
      <c r="GNY737" s="423" t="s">
        <v>2795</v>
      </c>
      <c r="GNZ737" s="424"/>
      <c r="GOA737" s="424"/>
      <c r="GOB737" s="424"/>
      <c r="GOC737" s="423" t="s">
        <v>2795</v>
      </c>
      <c r="GOD737" s="424"/>
      <c r="GOE737" s="424"/>
      <c r="GOF737" s="424"/>
      <c r="GOG737" s="423" t="s">
        <v>2795</v>
      </c>
      <c r="GOH737" s="424"/>
      <c r="GOI737" s="424"/>
      <c r="GOJ737" s="424"/>
      <c r="GOK737" s="423" t="s">
        <v>2795</v>
      </c>
      <c r="GOL737" s="424"/>
      <c r="GOM737" s="424"/>
      <c r="GON737" s="424"/>
      <c r="GOO737" s="423" t="s">
        <v>2795</v>
      </c>
      <c r="GOP737" s="424"/>
      <c r="GOQ737" s="424"/>
      <c r="GOR737" s="424"/>
      <c r="GOS737" s="423" t="s">
        <v>2795</v>
      </c>
      <c r="GOT737" s="424"/>
      <c r="GOU737" s="424"/>
      <c r="GOV737" s="424"/>
      <c r="GOW737" s="423" t="s">
        <v>2795</v>
      </c>
      <c r="GOX737" s="424"/>
      <c r="GOY737" s="424"/>
      <c r="GOZ737" s="424"/>
      <c r="GPA737" s="423" t="s">
        <v>2795</v>
      </c>
      <c r="GPB737" s="424"/>
      <c r="GPC737" s="424"/>
      <c r="GPD737" s="424"/>
      <c r="GPE737" s="423" t="s">
        <v>2795</v>
      </c>
      <c r="GPF737" s="424"/>
      <c r="GPG737" s="424"/>
      <c r="GPH737" s="424"/>
      <c r="GPI737" s="423" t="s">
        <v>2795</v>
      </c>
      <c r="GPJ737" s="424"/>
      <c r="GPK737" s="424"/>
      <c r="GPL737" s="424"/>
      <c r="GPM737" s="423" t="s">
        <v>2795</v>
      </c>
      <c r="GPN737" s="424"/>
      <c r="GPO737" s="424"/>
      <c r="GPP737" s="424"/>
      <c r="GPQ737" s="423" t="s">
        <v>2795</v>
      </c>
      <c r="GPR737" s="424"/>
      <c r="GPS737" s="424"/>
      <c r="GPT737" s="424"/>
      <c r="GPU737" s="423" t="s">
        <v>2795</v>
      </c>
      <c r="GPV737" s="424"/>
      <c r="GPW737" s="424"/>
      <c r="GPX737" s="424"/>
      <c r="GPY737" s="423" t="s">
        <v>2795</v>
      </c>
      <c r="GPZ737" s="424"/>
      <c r="GQA737" s="424"/>
      <c r="GQB737" s="424"/>
      <c r="GQC737" s="423" t="s">
        <v>2795</v>
      </c>
      <c r="GQD737" s="424"/>
      <c r="GQE737" s="424"/>
      <c r="GQF737" s="424"/>
      <c r="GQG737" s="423" t="s">
        <v>2795</v>
      </c>
      <c r="GQH737" s="424"/>
      <c r="GQI737" s="424"/>
      <c r="GQJ737" s="424"/>
      <c r="GQK737" s="423" t="s">
        <v>2795</v>
      </c>
      <c r="GQL737" s="424"/>
      <c r="GQM737" s="424"/>
      <c r="GQN737" s="424"/>
      <c r="GQO737" s="423" t="s">
        <v>2795</v>
      </c>
      <c r="GQP737" s="424"/>
      <c r="GQQ737" s="424"/>
      <c r="GQR737" s="424"/>
      <c r="GQS737" s="423" t="s">
        <v>2795</v>
      </c>
      <c r="GQT737" s="424"/>
      <c r="GQU737" s="424"/>
      <c r="GQV737" s="424"/>
      <c r="GQW737" s="423" t="s">
        <v>2795</v>
      </c>
      <c r="GQX737" s="424"/>
      <c r="GQY737" s="424"/>
      <c r="GQZ737" s="424"/>
      <c r="GRA737" s="423" t="s">
        <v>2795</v>
      </c>
      <c r="GRB737" s="424"/>
      <c r="GRC737" s="424"/>
      <c r="GRD737" s="424"/>
      <c r="GRE737" s="423" t="s">
        <v>2795</v>
      </c>
      <c r="GRF737" s="424"/>
      <c r="GRG737" s="424"/>
      <c r="GRH737" s="424"/>
      <c r="GRI737" s="423" t="s">
        <v>2795</v>
      </c>
      <c r="GRJ737" s="424"/>
      <c r="GRK737" s="424"/>
      <c r="GRL737" s="424"/>
      <c r="GRM737" s="423" t="s">
        <v>2795</v>
      </c>
      <c r="GRN737" s="424"/>
      <c r="GRO737" s="424"/>
      <c r="GRP737" s="424"/>
      <c r="GRQ737" s="423" t="s">
        <v>2795</v>
      </c>
      <c r="GRR737" s="424"/>
      <c r="GRS737" s="424"/>
      <c r="GRT737" s="424"/>
      <c r="GRU737" s="423" t="s">
        <v>2795</v>
      </c>
      <c r="GRV737" s="424"/>
      <c r="GRW737" s="424"/>
      <c r="GRX737" s="424"/>
      <c r="GRY737" s="423" t="s">
        <v>2795</v>
      </c>
      <c r="GRZ737" s="424"/>
      <c r="GSA737" s="424"/>
      <c r="GSB737" s="424"/>
      <c r="GSC737" s="423" t="s">
        <v>2795</v>
      </c>
      <c r="GSD737" s="424"/>
      <c r="GSE737" s="424"/>
      <c r="GSF737" s="424"/>
      <c r="GSG737" s="423" t="s">
        <v>2795</v>
      </c>
      <c r="GSH737" s="424"/>
      <c r="GSI737" s="424"/>
      <c r="GSJ737" s="424"/>
      <c r="GSK737" s="423" t="s">
        <v>2795</v>
      </c>
      <c r="GSL737" s="424"/>
      <c r="GSM737" s="424"/>
      <c r="GSN737" s="424"/>
      <c r="GSO737" s="423" t="s">
        <v>2795</v>
      </c>
      <c r="GSP737" s="424"/>
      <c r="GSQ737" s="424"/>
      <c r="GSR737" s="424"/>
      <c r="GSS737" s="423" t="s">
        <v>2795</v>
      </c>
      <c r="GST737" s="424"/>
      <c r="GSU737" s="424"/>
      <c r="GSV737" s="424"/>
      <c r="GSW737" s="423" t="s">
        <v>2795</v>
      </c>
      <c r="GSX737" s="424"/>
      <c r="GSY737" s="424"/>
      <c r="GSZ737" s="424"/>
      <c r="GTA737" s="423" t="s">
        <v>2795</v>
      </c>
      <c r="GTB737" s="424"/>
      <c r="GTC737" s="424"/>
      <c r="GTD737" s="424"/>
      <c r="GTE737" s="423" t="s">
        <v>2795</v>
      </c>
      <c r="GTF737" s="424"/>
      <c r="GTG737" s="424"/>
      <c r="GTH737" s="424"/>
      <c r="GTI737" s="423" t="s">
        <v>2795</v>
      </c>
      <c r="GTJ737" s="424"/>
      <c r="GTK737" s="424"/>
      <c r="GTL737" s="424"/>
      <c r="GTM737" s="423" t="s">
        <v>2795</v>
      </c>
      <c r="GTN737" s="424"/>
      <c r="GTO737" s="424"/>
      <c r="GTP737" s="424"/>
      <c r="GTQ737" s="423" t="s">
        <v>2795</v>
      </c>
      <c r="GTR737" s="424"/>
      <c r="GTS737" s="424"/>
      <c r="GTT737" s="424"/>
      <c r="GTU737" s="423" t="s">
        <v>2795</v>
      </c>
      <c r="GTV737" s="424"/>
      <c r="GTW737" s="424"/>
      <c r="GTX737" s="424"/>
      <c r="GTY737" s="423" t="s">
        <v>2795</v>
      </c>
      <c r="GTZ737" s="424"/>
      <c r="GUA737" s="424"/>
      <c r="GUB737" s="424"/>
      <c r="GUC737" s="423" t="s">
        <v>2795</v>
      </c>
      <c r="GUD737" s="424"/>
      <c r="GUE737" s="424"/>
      <c r="GUF737" s="424"/>
      <c r="GUG737" s="423" t="s">
        <v>2795</v>
      </c>
      <c r="GUH737" s="424"/>
      <c r="GUI737" s="424"/>
      <c r="GUJ737" s="424"/>
      <c r="GUK737" s="423" t="s">
        <v>2795</v>
      </c>
      <c r="GUL737" s="424"/>
      <c r="GUM737" s="424"/>
      <c r="GUN737" s="424"/>
      <c r="GUO737" s="423" t="s">
        <v>2795</v>
      </c>
      <c r="GUP737" s="424"/>
      <c r="GUQ737" s="424"/>
      <c r="GUR737" s="424"/>
      <c r="GUS737" s="423" t="s">
        <v>2795</v>
      </c>
      <c r="GUT737" s="424"/>
      <c r="GUU737" s="424"/>
      <c r="GUV737" s="424"/>
      <c r="GUW737" s="423" t="s">
        <v>2795</v>
      </c>
      <c r="GUX737" s="424"/>
      <c r="GUY737" s="424"/>
      <c r="GUZ737" s="424"/>
      <c r="GVA737" s="423" t="s">
        <v>2795</v>
      </c>
      <c r="GVB737" s="424"/>
      <c r="GVC737" s="424"/>
      <c r="GVD737" s="424"/>
      <c r="GVE737" s="423" t="s">
        <v>2795</v>
      </c>
      <c r="GVF737" s="424"/>
      <c r="GVG737" s="424"/>
      <c r="GVH737" s="424"/>
      <c r="GVI737" s="423" t="s">
        <v>2795</v>
      </c>
      <c r="GVJ737" s="424"/>
      <c r="GVK737" s="424"/>
      <c r="GVL737" s="424"/>
      <c r="GVM737" s="423" t="s">
        <v>2795</v>
      </c>
      <c r="GVN737" s="424"/>
      <c r="GVO737" s="424"/>
      <c r="GVP737" s="424"/>
      <c r="GVQ737" s="423" t="s">
        <v>2795</v>
      </c>
      <c r="GVR737" s="424"/>
      <c r="GVS737" s="424"/>
      <c r="GVT737" s="424"/>
      <c r="GVU737" s="423" t="s">
        <v>2795</v>
      </c>
      <c r="GVV737" s="424"/>
      <c r="GVW737" s="424"/>
      <c r="GVX737" s="424"/>
      <c r="GVY737" s="423" t="s">
        <v>2795</v>
      </c>
      <c r="GVZ737" s="424"/>
      <c r="GWA737" s="424"/>
      <c r="GWB737" s="424"/>
      <c r="GWC737" s="423" t="s">
        <v>2795</v>
      </c>
      <c r="GWD737" s="424"/>
      <c r="GWE737" s="424"/>
      <c r="GWF737" s="424"/>
      <c r="GWG737" s="423" t="s">
        <v>2795</v>
      </c>
      <c r="GWH737" s="424"/>
      <c r="GWI737" s="424"/>
      <c r="GWJ737" s="424"/>
      <c r="GWK737" s="423" t="s">
        <v>2795</v>
      </c>
      <c r="GWL737" s="424"/>
      <c r="GWM737" s="424"/>
      <c r="GWN737" s="424"/>
      <c r="GWO737" s="423" t="s">
        <v>2795</v>
      </c>
      <c r="GWP737" s="424"/>
      <c r="GWQ737" s="424"/>
      <c r="GWR737" s="424"/>
      <c r="GWS737" s="423" t="s">
        <v>2795</v>
      </c>
      <c r="GWT737" s="424"/>
      <c r="GWU737" s="424"/>
      <c r="GWV737" s="424"/>
      <c r="GWW737" s="423" t="s">
        <v>2795</v>
      </c>
      <c r="GWX737" s="424"/>
      <c r="GWY737" s="424"/>
      <c r="GWZ737" s="424"/>
      <c r="GXA737" s="423" t="s">
        <v>2795</v>
      </c>
      <c r="GXB737" s="424"/>
      <c r="GXC737" s="424"/>
      <c r="GXD737" s="424"/>
      <c r="GXE737" s="423" t="s">
        <v>2795</v>
      </c>
      <c r="GXF737" s="424"/>
      <c r="GXG737" s="424"/>
      <c r="GXH737" s="424"/>
      <c r="GXI737" s="423" t="s">
        <v>2795</v>
      </c>
      <c r="GXJ737" s="424"/>
      <c r="GXK737" s="424"/>
      <c r="GXL737" s="424"/>
      <c r="GXM737" s="423" t="s">
        <v>2795</v>
      </c>
      <c r="GXN737" s="424"/>
      <c r="GXO737" s="424"/>
      <c r="GXP737" s="424"/>
      <c r="GXQ737" s="423" t="s">
        <v>2795</v>
      </c>
      <c r="GXR737" s="424"/>
      <c r="GXS737" s="424"/>
      <c r="GXT737" s="424"/>
      <c r="GXU737" s="423" t="s">
        <v>2795</v>
      </c>
      <c r="GXV737" s="424"/>
      <c r="GXW737" s="424"/>
      <c r="GXX737" s="424"/>
      <c r="GXY737" s="423" t="s">
        <v>2795</v>
      </c>
      <c r="GXZ737" s="424"/>
      <c r="GYA737" s="424"/>
      <c r="GYB737" s="424"/>
      <c r="GYC737" s="423" t="s">
        <v>2795</v>
      </c>
      <c r="GYD737" s="424"/>
      <c r="GYE737" s="424"/>
      <c r="GYF737" s="424"/>
      <c r="GYG737" s="423" t="s">
        <v>2795</v>
      </c>
      <c r="GYH737" s="424"/>
      <c r="GYI737" s="424"/>
      <c r="GYJ737" s="424"/>
      <c r="GYK737" s="423" t="s">
        <v>2795</v>
      </c>
      <c r="GYL737" s="424"/>
      <c r="GYM737" s="424"/>
      <c r="GYN737" s="424"/>
      <c r="GYO737" s="423" t="s">
        <v>2795</v>
      </c>
      <c r="GYP737" s="424"/>
      <c r="GYQ737" s="424"/>
      <c r="GYR737" s="424"/>
      <c r="GYS737" s="423" t="s">
        <v>2795</v>
      </c>
      <c r="GYT737" s="424"/>
      <c r="GYU737" s="424"/>
      <c r="GYV737" s="424"/>
      <c r="GYW737" s="423" t="s">
        <v>2795</v>
      </c>
      <c r="GYX737" s="424"/>
      <c r="GYY737" s="424"/>
      <c r="GYZ737" s="424"/>
      <c r="GZA737" s="423" t="s">
        <v>2795</v>
      </c>
      <c r="GZB737" s="424"/>
      <c r="GZC737" s="424"/>
      <c r="GZD737" s="424"/>
      <c r="GZE737" s="423" t="s">
        <v>2795</v>
      </c>
      <c r="GZF737" s="424"/>
      <c r="GZG737" s="424"/>
      <c r="GZH737" s="424"/>
      <c r="GZI737" s="423" t="s">
        <v>2795</v>
      </c>
      <c r="GZJ737" s="424"/>
      <c r="GZK737" s="424"/>
      <c r="GZL737" s="424"/>
      <c r="GZM737" s="423" t="s">
        <v>2795</v>
      </c>
      <c r="GZN737" s="424"/>
      <c r="GZO737" s="424"/>
      <c r="GZP737" s="424"/>
      <c r="GZQ737" s="423" t="s">
        <v>2795</v>
      </c>
      <c r="GZR737" s="424"/>
      <c r="GZS737" s="424"/>
      <c r="GZT737" s="424"/>
      <c r="GZU737" s="423" t="s">
        <v>2795</v>
      </c>
      <c r="GZV737" s="424"/>
      <c r="GZW737" s="424"/>
      <c r="GZX737" s="424"/>
      <c r="GZY737" s="423" t="s">
        <v>2795</v>
      </c>
      <c r="GZZ737" s="424"/>
      <c r="HAA737" s="424"/>
      <c r="HAB737" s="424"/>
      <c r="HAC737" s="423" t="s">
        <v>2795</v>
      </c>
      <c r="HAD737" s="424"/>
      <c r="HAE737" s="424"/>
      <c r="HAF737" s="424"/>
      <c r="HAG737" s="423" t="s">
        <v>2795</v>
      </c>
      <c r="HAH737" s="424"/>
      <c r="HAI737" s="424"/>
      <c r="HAJ737" s="424"/>
      <c r="HAK737" s="423" t="s">
        <v>2795</v>
      </c>
      <c r="HAL737" s="424"/>
      <c r="HAM737" s="424"/>
      <c r="HAN737" s="424"/>
      <c r="HAO737" s="423" t="s">
        <v>2795</v>
      </c>
      <c r="HAP737" s="424"/>
      <c r="HAQ737" s="424"/>
      <c r="HAR737" s="424"/>
      <c r="HAS737" s="423" t="s">
        <v>2795</v>
      </c>
      <c r="HAT737" s="424"/>
      <c r="HAU737" s="424"/>
      <c r="HAV737" s="424"/>
      <c r="HAW737" s="423" t="s">
        <v>2795</v>
      </c>
      <c r="HAX737" s="424"/>
      <c r="HAY737" s="424"/>
      <c r="HAZ737" s="424"/>
      <c r="HBA737" s="423" t="s">
        <v>2795</v>
      </c>
      <c r="HBB737" s="424"/>
      <c r="HBC737" s="424"/>
      <c r="HBD737" s="424"/>
      <c r="HBE737" s="423" t="s">
        <v>2795</v>
      </c>
      <c r="HBF737" s="424"/>
      <c r="HBG737" s="424"/>
      <c r="HBH737" s="424"/>
      <c r="HBI737" s="423" t="s">
        <v>2795</v>
      </c>
      <c r="HBJ737" s="424"/>
      <c r="HBK737" s="424"/>
      <c r="HBL737" s="424"/>
      <c r="HBM737" s="423" t="s">
        <v>2795</v>
      </c>
      <c r="HBN737" s="424"/>
      <c r="HBO737" s="424"/>
      <c r="HBP737" s="424"/>
      <c r="HBQ737" s="423" t="s">
        <v>2795</v>
      </c>
      <c r="HBR737" s="424"/>
      <c r="HBS737" s="424"/>
      <c r="HBT737" s="424"/>
      <c r="HBU737" s="423" t="s">
        <v>2795</v>
      </c>
      <c r="HBV737" s="424"/>
      <c r="HBW737" s="424"/>
      <c r="HBX737" s="424"/>
      <c r="HBY737" s="423" t="s">
        <v>2795</v>
      </c>
      <c r="HBZ737" s="424"/>
      <c r="HCA737" s="424"/>
      <c r="HCB737" s="424"/>
      <c r="HCC737" s="423" t="s">
        <v>2795</v>
      </c>
      <c r="HCD737" s="424"/>
      <c r="HCE737" s="424"/>
      <c r="HCF737" s="424"/>
      <c r="HCG737" s="423" t="s">
        <v>2795</v>
      </c>
      <c r="HCH737" s="424"/>
      <c r="HCI737" s="424"/>
      <c r="HCJ737" s="424"/>
      <c r="HCK737" s="423" t="s">
        <v>2795</v>
      </c>
      <c r="HCL737" s="424"/>
      <c r="HCM737" s="424"/>
      <c r="HCN737" s="424"/>
      <c r="HCO737" s="423" t="s">
        <v>2795</v>
      </c>
      <c r="HCP737" s="424"/>
      <c r="HCQ737" s="424"/>
      <c r="HCR737" s="424"/>
      <c r="HCS737" s="423" t="s">
        <v>2795</v>
      </c>
      <c r="HCT737" s="424"/>
      <c r="HCU737" s="424"/>
      <c r="HCV737" s="424"/>
      <c r="HCW737" s="423" t="s">
        <v>2795</v>
      </c>
      <c r="HCX737" s="424"/>
      <c r="HCY737" s="424"/>
      <c r="HCZ737" s="424"/>
      <c r="HDA737" s="423" t="s">
        <v>2795</v>
      </c>
      <c r="HDB737" s="424"/>
      <c r="HDC737" s="424"/>
      <c r="HDD737" s="424"/>
      <c r="HDE737" s="423" t="s">
        <v>2795</v>
      </c>
      <c r="HDF737" s="424"/>
      <c r="HDG737" s="424"/>
      <c r="HDH737" s="424"/>
      <c r="HDI737" s="423" t="s">
        <v>2795</v>
      </c>
      <c r="HDJ737" s="424"/>
      <c r="HDK737" s="424"/>
      <c r="HDL737" s="424"/>
      <c r="HDM737" s="423" t="s">
        <v>2795</v>
      </c>
      <c r="HDN737" s="424"/>
      <c r="HDO737" s="424"/>
      <c r="HDP737" s="424"/>
      <c r="HDQ737" s="423" t="s">
        <v>2795</v>
      </c>
      <c r="HDR737" s="424"/>
      <c r="HDS737" s="424"/>
      <c r="HDT737" s="424"/>
      <c r="HDU737" s="423" t="s">
        <v>2795</v>
      </c>
      <c r="HDV737" s="424"/>
      <c r="HDW737" s="424"/>
      <c r="HDX737" s="424"/>
      <c r="HDY737" s="423" t="s">
        <v>2795</v>
      </c>
      <c r="HDZ737" s="424"/>
      <c r="HEA737" s="424"/>
      <c r="HEB737" s="424"/>
      <c r="HEC737" s="423" t="s">
        <v>2795</v>
      </c>
      <c r="HED737" s="424"/>
      <c r="HEE737" s="424"/>
      <c r="HEF737" s="424"/>
      <c r="HEG737" s="423" t="s">
        <v>2795</v>
      </c>
      <c r="HEH737" s="424"/>
      <c r="HEI737" s="424"/>
      <c r="HEJ737" s="424"/>
      <c r="HEK737" s="423" t="s">
        <v>2795</v>
      </c>
      <c r="HEL737" s="424"/>
      <c r="HEM737" s="424"/>
      <c r="HEN737" s="424"/>
      <c r="HEO737" s="423" t="s">
        <v>2795</v>
      </c>
      <c r="HEP737" s="424"/>
      <c r="HEQ737" s="424"/>
      <c r="HER737" s="424"/>
      <c r="HES737" s="423" t="s">
        <v>2795</v>
      </c>
      <c r="HET737" s="424"/>
      <c r="HEU737" s="424"/>
      <c r="HEV737" s="424"/>
      <c r="HEW737" s="423" t="s">
        <v>2795</v>
      </c>
      <c r="HEX737" s="424"/>
      <c r="HEY737" s="424"/>
      <c r="HEZ737" s="424"/>
      <c r="HFA737" s="423" t="s">
        <v>2795</v>
      </c>
      <c r="HFB737" s="424"/>
      <c r="HFC737" s="424"/>
      <c r="HFD737" s="424"/>
      <c r="HFE737" s="423" t="s">
        <v>2795</v>
      </c>
      <c r="HFF737" s="424"/>
      <c r="HFG737" s="424"/>
      <c r="HFH737" s="424"/>
      <c r="HFI737" s="423" t="s">
        <v>2795</v>
      </c>
      <c r="HFJ737" s="424"/>
      <c r="HFK737" s="424"/>
      <c r="HFL737" s="424"/>
      <c r="HFM737" s="423" t="s">
        <v>2795</v>
      </c>
      <c r="HFN737" s="424"/>
      <c r="HFO737" s="424"/>
      <c r="HFP737" s="424"/>
      <c r="HFQ737" s="423" t="s">
        <v>2795</v>
      </c>
      <c r="HFR737" s="424"/>
      <c r="HFS737" s="424"/>
      <c r="HFT737" s="424"/>
      <c r="HFU737" s="423" t="s">
        <v>2795</v>
      </c>
      <c r="HFV737" s="424"/>
      <c r="HFW737" s="424"/>
      <c r="HFX737" s="424"/>
      <c r="HFY737" s="423" t="s">
        <v>2795</v>
      </c>
      <c r="HFZ737" s="424"/>
      <c r="HGA737" s="424"/>
      <c r="HGB737" s="424"/>
      <c r="HGC737" s="423" t="s">
        <v>2795</v>
      </c>
      <c r="HGD737" s="424"/>
      <c r="HGE737" s="424"/>
      <c r="HGF737" s="424"/>
      <c r="HGG737" s="423" t="s">
        <v>2795</v>
      </c>
      <c r="HGH737" s="424"/>
      <c r="HGI737" s="424"/>
      <c r="HGJ737" s="424"/>
      <c r="HGK737" s="423" t="s">
        <v>2795</v>
      </c>
      <c r="HGL737" s="424"/>
      <c r="HGM737" s="424"/>
      <c r="HGN737" s="424"/>
      <c r="HGO737" s="423" t="s">
        <v>2795</v>
      </c>
      <c r="HGP737" s="424"/>
      <c r="HGQ737" s="424"/>
      <c r="HGR737" s="424"/>
      <c r="HGS737" s="423" t="s">
        <v>2795</v>
      </c>
      <c r="HGT737" s="424"/>
      <c r="HGU737" s="424"/>
      <c r="HGV737" s="424"/>
      <c r="HGW737" s="423" t="s">
        <v>2795</v>
      </c>
      <c r="HGX737" s="424"/>
      <c r="HGY737" s="424"/>
      <c r="HGZ737" s="424"/>
      <c r="HHA737" s="423" t="s">
        <v>2795</v>
      </c>
      <c r="HHB737" s="424"/>
      <c r="HHC737" s="424"/>
      <c r="HHD737" s="424"/>
      <c r="HHE737" s="423" t="s">
        <v>2795</v>
      </c>
      <c r="HHF737" s="424"/>
      <c r="HHG737" s="424"/>
      <c r="HHH737" s="424"/>
      <c r="HHI737" s="423" t="s">
        <v>2795</v>
      </c>
      <c r="HHJ737" s="424"/>
      <c r="HHK737" s="424"/>
      <c r="HHL737" s="424"/>
      <c r="HHM737" s="423" t="s">
        <v>2795</v>
      </c>
      <c r="HHN737" s="424"/>
      <c r="HHO737" s="424"/>
      <c r="HHP737" s="424"/>
      <c r="HHQ737" s="423" t="s">
        <v>2795</v>
      </c>
      <c r="HHR737" s="424"/>
      <c r="HHS737" s="424"/>
      <c r="HHT737" s="424"/>
      <c r="HHU737" s="423" t="s">
        <v>2795</v>
      </c>
      <c r="HHV737" s="424"/>
      <c r="HHW737" s="424"/>
      <c r="HHX737" s="424"/>
      <c r="HHY737" s="423" t="s">
        <v>2795</v>
      </c>
      <c r="HHZ737" s="424"/>
      <c r="HIA737" s="424"/>
      <c r="HIB737" s="424"/>
      <c r="HIC737" s="423" t="s">
        <v>2795</v>
      </c>
      <c r="HID737" s="424"/>
      <c r="HIE737" s="424"/>
      <c r="HIF737" s="424"/>
      <c r="HIG737" s="423" t="s">
        <v>2795</v>
      </c>
      <c r="HIH737" s="424"/>
      <c r="HII737" s="424"/>
      <c r="HIJ737" s="424"/>
      <c r="HIK737" s="423" t="s">
        <v>2795</v>
      </c>
      <c r="HIL737" s="424"/>
      <c r="HIM737" s="424"/>
      <c r="HIN737" s="424"/>
      <c r="HIO737" s="423" t="s">
        <v>2795</v>
      </c>
      <c r="HIP737" s="424"/>
      <c r="HIQ737" s="424"/>
      <c r="HIR737" s="424"/>
      <c r="HIS737" s="423" t="s">
        <v>2795</v>
      </c>
      <c r="HIT737" s="424"/>
      <c r="HIU737" s="424"/>
      <c r="HIV737" s="424"/>
      <c r="HIW737" s="423" t="s">
        <v>2795</v>
      </c>
      <c r="HIX737" s="424"/>
      <c r="HIY737" s="424"/>
      <c r="HIZ737" s="424"/>
      <c r="HJA737" s="423" t="s">
        <v>2795</v>
      </c>
      <c r="HJB737" s="424"/>
      <c r="HJC737" s="424"/>
      <c r="HJD737" s="424"/>
      <c r="HJE737" s="423" t="s">
        <v>2795</v>
      </c>
      <c r="HJF737" s="424"/>
      <c r="HJG737" s="424"/>
      <c r="HJH737" s="424"/>
      <c r="HJI737" s="423" t="s">
        <v>2795</v>
      </c>
      <c r="HJJ737" s="424"/>
      <c r="HJK737" s="424"/>
      <c r="HJL737" s="424"/>
      <c r="HJM737" s="423" t="s">
        <v>2795</v>
      </c>
      <c r="HJN737" s="424"/>
      <c r="HJO737" s="424"/>
      <c r="HJP737" s="424"/>
      <c r="HJQ737" s="423" t="s">
        <v>2795</v>
      </c>
      <c r="HJR737" s="424"/>
      <c r="HJS737" s="424"/>
      <c r="HJT737" s="424"/>
      <c r="HJU737" s="423" t="s">
        <v>2795</v>
      </c>
      <c r="HJV737" s="424"/>
      <c r="HJW737" s="424"/>
      <c r="HJX737" s="424"/>
      <c r="HJY737" s="423" t="s">
        <v>2795</v>
      </c>
      <c r="HJZ737" s="424"/>
      <c r="HKA737" s="424"/>
      <c r="HKB737" s="424"/>
      <c r="HKC737" s="423" t="s">
        <v>2795</v>
      </c>
      <c r="HKD737" s="424"/>
      <c r="HKE737" s="424"/>
      <c r="HKF737" s="424"/>
      <c r="HKG737" s="423" t="s">
        <v>2795</v>
      </c>
      <c r="HKH737" s="424"/>
      <c r="HKI737" s="424"/>
      <c r="HKJ737" s="424"/>
      <c r="HKK737" s="423" t="s">
        <v>2795</v>
      </c>
      <c r="HKL737" s="424"/>
      <c r="HKM737" s="424"/>
      <c r="HKN737" s="424"/>
      <c r="HKO737" s="423" t="s">
        <v>2795</v>
      </c>
      <c r="HKP737" s="424"/>
      <c r="HKQ737" s="424"/>
      <c r="HKR737" s="424"/>
      <c r="HKS737" s="423" t="s">
        <v>2795</v>
      </c>
      <c r="HKT737" s="424"/>
      <c r="HKU737" s="424"/>
      <c r="HKV737" s="424"/>
      <c r="HKW737" s="423" t="s">
        <v>2795</v>
      </c>
      <c r="HKX737" s="424"/>
      <c r="HKY737" s="424"/>
      <c r="HKZ737" s="424"/>
      <c r="HLA737" s="423" t="s">
        <v>2795</v>
      </c>
      <c r="HLB737" s="424"/>
      <c r="HLC737" s="424"/>
      <c r="HLD737" s="424"/>
      <c r="HLE737" s="423" t="s">
        <v>2795</v>
      </c>
      <c r="HLF737" s="424"/>
      <c r="HLG737" s="424"/>
      <c r="HLH737" s="424"/>
      <c r="HLI737" s="423" t="s">
        <v>2795</v>
      </c>
      <c r="HLJ737" s="424"/>
      <c r="HLK737" s="424"/>
      <c r="HLL737" s="424"/>
      <c r="HLM737" s="423" t="s">
        <v>2795</v>
      </c>
      <c r="HLN737" s="424"/>
      <c r="HLO737" s="424"/>
      <c r="HLP737" s="424"/>
      <c r="HLQ737" s="423" t="s">
        <v>2795</v>
      </c>
      <c r="HLR737" s="424"/>
      <c r="HLS737" s="424"/>
      <c r="HLT737" s="424"/>
      <c r="HLU737" s="423" t="s">
        <v>2795</v>
      </c>
      <c r="HLV737" s="424"/>
      <c r="HLW737" s="424"/>
      <c r="HLX737" s="424"/>
      <c r="HLY737" s="423" t="s">
        <v>2795</v>
      </c>
      <c r="HLZ737" s="424"/>
      <c r="HMA737" s="424"/>
      <c r="HMB737" s="424"/>
      <c r="HMC737" s="423" t="s">
        <v>2795</v>
      </c>
      <c r="HMD737" s="424"/>
      <c r="HME737" s="424"/>
      <c r="HMF737" s="424"/>
      <c r="HMG737" s="423" t="s">
        <v>2795</v>
      </c>
      <c r="HMH737" s="424"/>
      <c r="HMI737" s="424"/>
      <c r="HMJ737" s="424"/>
      <c r="HMK737" s="423" t="s">
        <v>2795</v>
      </c>
      <c r="HML737" s="424"/>
      <c r="HMM737" s="424"/>
      <c r="HMN737" s="424"/>
      <c r="HMO737" s="423" t="s">
        <v>2795</v>
      </c>
      <c r="HMP737" s="424"/>
      <c r="HMQ737" s="424"/>
      <c r="HMR737" s="424"/>
      <c r="HMS737" s="423" t="s">
        <v>2795</v>
      </c>
      <c r="HMT737" s="424"/>
      <c r="HMU737" s="424"/>
      <c r="HMV737" s="424"/>
      <c r="HMW737" s="423" t="s">
        <v>2795</v>
      </c>
      <c r="HMX737" s="424"/>
      <c r="HMY737" s="424"/>
      <c r="HMZ737" s="424"/>
      <c r="HNA737" s="423" t="s">
        <v>2795</v>
      </c>
      <c r="HNB737" s="424"/>
      <c r="HNC737" s="424"/>
      <c r="HND737" s="424"/>
      <c r="HNE737" s="423" t="s">
        <v>2795</v>
      </c>
      <c r="HNF737" s="424"/>
      <c r="HNG737" s="424"/>
      <c r="HNH737" s="424"/>
      <c r="HNI737" s="423" t="s">
        <v>2795</v>
      </c>
      <c r="HNJ737" s="424"/>
      <c r="HNK737" s="424"/>
      <c r="HNL737" s="424"/>
      <c r="HNM737" s="423" t="s">
        <v>2795</v>
      </c>
      <c r="HNN737" s="424"/>
      <c r="HNO737" s="424"/>
      <c r="HNP737" s="424"/>
      <c r="HNQ737" s="423" t="s">
        <v>2795</v>
      </c>
      <c r="HNR737" s="424"/>
      <c r="HNS737" s="424"/>
      <c r="HNT737" s="424"/>
      <c r="HNU737" s="423" t="s">
        <v>2795</v>
      </c>
      <c r="HNV737" s="424"/>
      <c r="HNW737" s="424"/>
      <c r="HNX737" s="424"/>
      <c r="HNY737" s="423" t="s">
        <v>2795</v>
      </c>
      <c r="HNZ737" s="424"/>
      <c r="HOA737" s="424"/>
      <c r="HOB737" s="424"/>
      <c r="HOC737" s="423" t="s">
        <v>2795</v>
      </c>
      <c r="HOD737" s="424"/>
      <c r="HOE737" s="424"/>
      <c r="HOF737" s="424"/>
      <c r="HOG737" s="423" t="s">
        <v>2795</v>
      </c>
      <c r="HOH737" s="424"/>
      <c r="HOI737" s="424"/>
      <c r="HOJ737" s="424"/>
      <c r="HOK737" s="423" t="s">
        <v>2795</v>
      </c>
      <c r="HOL737" s="424"/>
      <c r="HOM737" s="424"/>
      <c r="HON737" s="424"/>
      <c r="HOO737" s="423" t="s">
        <v>2795</v>
      </c>
      <c r="HOP737" s="424"/>
      <c r="HOQ737" s="424"/>
      <c r="HOR737" s="424"/>
      <c r="HOS737" s="423" t="s">
        <v>2795</v>
      </c>
      <c r="HOT737" s="424"/>
      <c r="HOU737" s="424"/>
      <c r="HOV737" s="424"/>
      <c r="HOW737" s="423" t="s">
        <v>2795</v>
      </c>
      <c r="HOX737" s="424"/>
      <c r="HOY737" s="424"/>
      <c r="HOZ737" s="424"/>
      <c r="HPA737" s="423" t="s">
        <v>2795</v>
      </c>
      <c r="HPB737" s="424"/>
      <c r="HPC737" s="424"/>
      <c r="HPD737" s="424"/>
      <c r="HPE737" s="423" t="s">
        <v>2795</v>
      </c>
      <c r="HPF737" s="424"/>
      <c r="HPG737" s="424"/>
      <c r="HPH737" s="424"/>
      <c r="HPI737" s="423" t="s">
        <v>2795</v>
      </c>
      <c r="HPJ737" s="424"/>
      <c r="HPK737" s="424"/>
      <c r="HPL737" s="424"/>
      <c r="HPM737" s="423" t="s">
        <v>2795</v>
      </c>
      <c r="HPN737" s="424"/>
      <c r="HPO737" s="424"/>
      <c r="HPP737" s="424"/>
      <c r="HPQ737" s="423" t="s">
        <v>2795</v>
      </c>
      <c r="HPR737" s="424"/>
      <c r="HPS737" s="424"/>
      <c r="HPT737" s="424"/>
      <c r="HPU737" s="423" t="s">
        <v>2795</v>
      </c>
      <c r="HPV737" s="424"/>
      <c r="HPW737" s="424"/>
      <c r="HPX737" s="424"/>
      <c r="HPY737" s="423" t="s">
        <v>2795</v>
      </c>
      <c r="HPZ737" s="424"/>
      <c r="HQA737" s="424"/>
      <c r="HQB737" s="424"/>
      <c r="HQC737" s="423" t="s">
        <v>2795</v>
      </c>
      <c r="HQD737" s="424"/>
      <c r="HQE737" s="424"/>
      <c r="HQF737" s="424"/>
      <c r="HQG737" s="423" t="s">
        <v>2795</v>
      </c>
      <c r="HQH737" s="424"/>
      <c r="HQI737" s="424"/>
      <c r="HQJ737" s="424"/>
      <c r="HQK737" s="423" t="s">
        <v>2795</v>
      </c>
      <c r="HQL737" s="424"/>
      <c r="HQM737" s="424"/>
      <c r="HQN737" s="424"/>
      <c r="HQO737" s="423" t="s">
        <v>2795</v>
      </c>
      <c r="HQP737" s="424"/>
      <c r="HQQ737" s="424"/>
      <c r="HQR737" s="424"/>
      <c r="HQS737" s="423" t="s">
        <v>2795</v>
      </c>
      <c r="HQT737" s="424"/>
      <c r="HQU737" s="424"/>
      <c r="HQV737" s="424"/>
      <c r="HQW737" s="423" t="s">
        <v>2795</v>
      </c>
      <c r="HQX737" s="424"/>
      <c r="HQY737" s="424"/>
      <c r="HQZ737" s="424"/>
      <c r="HRA737" s="423" t="s">
        <v>2795</v>
      </c>
      <c r="HRB737" s="424"/>
      <c r="HRC737" s="424"/>
      <c r="HRD737" s="424"/>
      <c r="HRE737" s="423" t="s">
        <v>2795</v>
      </c>
      <c r="HRF737" s="424"/>
      <c r="HRG737" s="424"/>
      <c r="HRH737" s="424"/>
      <c r="HRI737" s="423" t="s">
        <v>2795</v>
      </c>
      <c r="HRJ737" s="424"/>
      <c r="HRK737" s="424"/>
      <c r="HRL737" s="424"/>
      <c r="HRM737" s="423" t="s">
        <v>2795</v>
      </c>
      <c r="HRN737" s="424"/>
      <c r="HRO737" s="424"/>
      <c r="HRP737" s="424"/>
      <c r="HRQ737" s="423" t="s">
        <v>2795</v>
      </c>
      <c r="HRR737" s="424"/>
      <c r="HRS737" s="424"/>
      <c r="HRT737" s="424"/>
      <c r="HRU737" s="423" t="s">
        <v>2795</v>
      </c>
      <c r="HRV737" s="424"/>
      <c r="HRW737" s="424"/>
      <c r="HRX737" s="424"/>
      <c r="HRY737" s="423" t="s">
        <v>2795</v>
      </c>
      <c r="HRZ737" s="424"/>
      <c r="HSA737" s="424"/>
      <c r="HSB737" s="424"/>
      <c r="HSC737" s="423" t="s">
        <v>2795</v>
      </c>
      <c r="HSD737" s="424"/>
      <c r="HSE737" s="424"/>
      <c r="HSF737" s="424"/>
      <c r="HSG737" s="423" t="s">
        <v>2795</v>
      </c>
      <c r="HSH737" s="424"/>
      <c r="HSI737" s="424"/>
      <c r="HSJ737" s="424"/>
      <c r="HSK737" s="423" t="s">
        <v>2795</v>
      </c>
      <c r="HSL737" s="424"/>
      <c r="HSM737" s="424"/>
      <c r="HSN737" s="424"/>
      <c r="HSO737" s="423" t="s">
        <v>2795</v>
      </c>
      <c r="HSP737" s="424"/>
      <c r="HSQ737" s="424"/>
      <c r="HSR737" s="424"/>
      <c r="HSS737" s="423" t="s">
        <v>2795</v>
      </c>
      <c r="HST737" s="424"/>
      <c r="HSU737" s="424"/>
      <c r="HSV737" s="424"/>
      <c r="HSW737" s="423" t="s">
        <v>2795</v>
      </c>
      <c r="HSX737" s="424"/>
      <c r="HSY737" s="424"/>
      <c r="HSZ737" s="424"/>
      <c r="HTA737" s="423" t="s">
        <v>2795</v>
      </c>
      <c r="HTB737" s="424"/>
      <c r="HTC737" s="424"/>
      <c r="HTD737" s="424"/>
      <c r="HTE737" s="423" t="s">
        <v>2795</v>
      </c>
      <c r="HTF737" s="424"/>
      <c r="HTG737" s="424"/>
      <c r="HTH737" s="424"/>
      <c r="HTI737" s="423" t="s">
        <v>2795</v>
      </c>
      <c r="HTJ737" s="424"/>
      <c r="HTK737" s="424"/>
      <c r="HTL737" s="424"/>
      <c r="HTM737" s="423" t="s">
        <v>2795</v>
      </c>
      <c r="HTN737" s="424"/>
      <c r="HTO737" s="424"/>
      <c r="HTP737" s="424"/>
      <c r="HTQ737" s="423" t="s">
        <v>2795</v>
      </c>
      <c r="HTR737" s="424"/>
      <c r="HTS737" s="424"/>
      <c r="HTT737" s="424"/>
      <c r="HTU737" s="423" t="s">
        <v>2795</v>
      </c>
      <c r="HTV737" s="424"/>
      <c r="HTW737" s="424"/>
      <c r="HTX737" s="424"/>
      <c r="HTY737" s="423" t="s">
        <v>2795</v>
      </c>
      <c r="HTZ737" s="424"/>
      <c r="HUA737" s="424"/>
      <c r="HUB737" s="424"/>
      <c r="HUC737" s="423" t="s">
        <v>2795</v>
      </c>
      <c r="HUD737" s="424"/>
      <c r="HUE737" s="424"/>
      <c r="HUF737" s="424"/>
      <c r="HUG737" s="423" t="s">
        <v>2795</v>
      </c>
      <c r="HUH737" s="424"/>
      <c r="HUI737" s="424"/>
      <c r="HUJ737" s="424"/>
      <c r="HUK737" s="423" t="s">
        <v>2795</v>
      </c>
      <c r="HUL737" s="424"/>
      <c r="HUM737" s="424"/>
      <c r="HUN737" s="424"/>
      <c r="HUO737" s="423" t="s">
        <v>2795</v>
      </c>
      <c r="HUP737" s="424"/>
      <c r="HUQ737" s="424"/>
      <c r="HUR737" s="424"/>
      <c r="HUS737" s="423" t="s">
        <v>2795</v>
      </c>
      <c r="HUT737" s="424"/>
      <c r="HUU737" s="424"/>
      <c r="HUV737" s="424"/>
      <c r="HUW737" s="423" t="s">
        <v>2795</v>
      </c>
      <c r="HUX737" s="424"/>
      <c r="HUY737" s="424"/>
      <c r="HUZ737" s="424"/>
      <c r="HVA737" s="423" t="s">
        <v>2795</v>
      </c>
      <c r="HVB737" s="424"/>
      <c r="HVC737" s="424"/>
      <c r="HVD737" s="424"/>
      <c r="HVE737" s="423" t="s">
        <v>2795</v>
      </c>
      <c r="HVF737" s="424"/>
      <c r="HVG737" s="424"/>
      <c r="HVH737" s="424"/>
      <c r="HVI737" s="423" t="s">
        <v>2795</v>
      </c>
      <c r="HVJ737" s="424"/>
      <c r="HVK737" s="424"/>
      <c r="HVL737" s="424"/>
      <c r="HVM737" s="423" t="s">
        <v>2795</v>
      </c>
      <c r="HVN737" s="424"/>
      <c r="HVO737" s="424"/>
      <c r="HVP737" s="424"/>
      <c r="HVQ737" s="423" t="s">
        <v>2795</v>
      </c>
      <c r="HVR737" s="424"/>
      <c r="HVS737" s="424"/>
      <c r="HVT737" s="424"/>
      <c r="HVU737" s="423" t="s">
        <v>2795</v>
      </c>
      <c r="HVV737" s="424"/>
      <c r="HVW737" s="424"/>
      <c r="HVX737" s="424"/>
      <c r="HVY737" s="423" t="s">
        <v>2795</v>
      </c>
      <c r="HVZ737" s="424"/>
      <c r="HWA737" s="424"/>
      <c r="HWB737" s="424"/>
      <c r="HWC737" s="423" t="s">
        <v>2795</v>
      </c>
      <c r="HWD737" s="424"/>
      <c r="HWE737" s="424"/>
      <c r="HWF737" s="424"/>
      <c r="HWG737" s="423" t="s">
        <v>2795</v>
      </c>
      <c r="HWH737" s="424"/>
      <c r="HWI737" s="424"/>
      <c r="HWJ737" s="424"/>
      <c r="HWK737" s="423" t="s">
        <v>2795</v>
      </c>
      <c r="HWL737" s="424"/>
      <c r="HWM737" s="424"/>
      <c r="HWN737" s="424"/>
      <c r="HWO737" s="423" t="s">
        <v>2795</v>
      </c>
      <c r="HWP737" s="424"/>
      <c r="HWQ737" s="424"/>
      <c r="HWR737" s="424"/>
      <c r="HWS737" s="423" t="s">
        <v>2795</v>
      </c>
      <c r="HWT737" s="424"/>
      <c r="HWU737" s="424"/>
      <c r="HWV737" s="424"/>
      <c r="HWW737" s="423" t="s">
        <v>2795</v>
      </c>
      <c r="HWX737" s="424"/>
      <c r="HWY737" s="424"/>
      <c r="HWZ737" s="424"/>
      <c r="HXA737" s="423" t="s">
        <v>2795</v>
      </c>
      <c r="HXB737" s="424"/>
      <c r="HXC737" s="424"/>
      <c r="HXD737" s="424"/>
      <c r="HXE737" s="423" t="s">
        <v>2795</v>
      </c>
      <c r="HXF737" s="424"/>
      <c r="HXG737" s="424"/>
      <c r="HXH737" s="424"/>
      <c r="HXI737" s="423" t="s">
        <v>2795</v>
      </c>
      <c r="HXJ737" s="424"/>
      <c r="HXK737" s="424"/>
      <c r="HXL737" s="424"/>
      <c r="HXM737" s="423" t="s">
        <v>2795</v>
      </c>
      <c r="HXN737" s="424"/>
      <c r="HXO737" s="424"/>
      <c r="HXP737" s="424"/>
      <c r="HXQ737" s="423" t="s">
        <v>2795</v>
      </c>
      <c r="HXR737" s="424"/>
      <c r="HXS737" s="424"/>
      <c r="HXT737" s="424"/>
      <c r="HXU737" s="423" t="s">
        <v>2795</v>
      </c>
      <c r="HXV737" s="424"/>
      <c r="HXW737" s="424"/>
      <c r="HXX737" s="424"/>
      <c r="HXY737" s="423" t="s">
        <v>2795</v>
      </c>
      <c r="HXZ737" s="424"/>
      <c r="HYA737" s="424"/>
      <c r="HYB737" s="424"/>
      <c r="HYC737" s="423" t="s">
        <v>2795</v>
      </c>
      <c r="HYD737" s="424"/>
      <c r="HYE737" s="424"/>
      <c r="HYF737" s="424"/>
      <c r="HYG737" s="423" t="s">
        <v>2795</v>
      </c>
      <c r="HYH737" s="424"/>
      <c r="HYI737" s="424"/>
      <c r="HYJ737" s="424"/>
      <c r="HYK737" s="423" t="s">
        <v>2795</v>
      </c>
      <c r="HYL737" s="424"/>
      <c r="HYM737" s="424"/>
      <c r="HYN737" s="424"/>
      <c r="HYO737" s="423" t="s">
        <v>2795</v>
      </c>
      <c r="HYP737" s="424"/>
      <c r="HYQ737" s="424"/>
      <c r="HYR737" s="424"/>
      <c r="HYS737" s="423" t="s">
        <v>2795</v>
      </c>
      <c r="HYT737" s="424"/>
      <c r="HYU737" s="424"/>
      <c r="HYV737" s="424"/>
      <c r="HYW737" s="423" t="s">
        <v>2795</v>
      </c>
      <c r="HYX737" s="424"/>
      <c r="HYY737" s="424"/>
      <c r="HYZ737" s="424"/>
      <c r="HZA737" s="423" t="s">
        <v>2795</v>
      </c>
      <c r="HZB737" s="424"/>
      <c r="HZC737" s="424"/>
      <c r="HZD737" s="424"/>
      <c r="HZE737" s="423" t="s">
        <v>2795</v>
      </c>
      <c r="HZF737" s="424"/>
      <c r="HZG737" s="424"/>
      <c r="HZH737" s="424"/>
      <c r="HZI737" s="423" t="s">
        <v>2795</v>
      </c>
      <c r="HZJ737" s="424"/>
      <c r="HZK737" s="424"/>
      <c r="HZL737" s="424"/>
      <c r="HZM737" s="423" t="s">
        <v>2795</v>
      </c>
      <c r="HZN737" s="424"/>
      <c r="HZO737" s="424"/>
      <c r="HZP737" s="424"/>
      <c r="HZQ737" s="423" t="s">
        <v>2795</v>
      </c>
      <c r="HZR737" s="424"/>
      <c r="HZS737" s="424"/>
      <c r="HZT737" s="424"/>
      <c r="HZU737" s="423" t="s">
        <v>2795</v>
      </c>
      <c r="HZV737" s="424"/>
      <c r="HZW737" s="424"/>
      <c r="HZX737" s="424"/>
      <c r="HZY737" s="423" t="s">
        <v>2795</v>
      </c>
      <c r="HZZ737" s="424"/>
      <c r="IAA737" s="424"/>
      <c r="IAB737" s="424"/>
      <c r="IAC737" s="423" t="s">
        <v>2795</v>
      </c>
      <c r="IAD737" s="424"/>
      <c r="IAE737" s="424"/>
      <c r="IAF737" s="424"/>
      <c r="IAG737" s="423" t="s">
        <v>2795</v>
      </c>
      <c r="IAH737" s="424"/>
      <c r="IAI737" s="424"/>
      <c r="IAJ737" s="424"/>
      <c r="IAK737" s="423" t="s">
        <v>2795</v>
      </c>
      <c r="IAL737" s="424"/>
      <c r="IAM737" s="424"/>
      <c r="IAN737" s="424"/>
      <c r="IAO737" s="423" t="s">
        <v>2795</v>
      </c>
      <c r="IAP737" s="424"/>
      <c r="IAQ737" s="424"/>
      <c r="IAR737" s="424"/>
      <c r="IAS737" s="423" t="s">
        <v>2795</v>
      </c>
      <c r="IAT737" s="424"/>
      <c r="IAU737" s="424"/>
      <c r="IAV737" s="424"/>
      <c r="IAW737" s="423" t="s">
        <v>2795</v>
      </c>
      <c r="IAX737" s="424"/>
      <c r="IAY737" s="424"/>
      <c r="IAZ737" s="424"/>
      <c r="IBA737" s="423" t="s">
        <v>2795</v>
      </c>
      <c r="IBB737" s="424"/>
      <c r="IBC737" s="424"/>
      <c r="IBD737" s="424"/>
      <c r="IBE737" s="423" t="s">
        <v>2795</v>
      </c>
      <c r="IBF737" s="424"/>
      <c r="IBG737" s="424"/>
      <c r="IBH737" s="424"/>
      <c r="IBI737" s="423" t="s">
        <v>2795</v>
      </c>
      <c r="IBJ737" s="424"/>
      <c r="IBK737" s="424"/>
      <c r="IBL737" s="424"/>
      <c r="IBM737" s="423" t="s">
        <v>2795</v>
      </c>
      <c r="IBN737" s="424"/>
      <c r="IBO737" s="424"/>
      <c r="IBP737" s="424"/>
      <c r="IBQ737" s="423" t="s">
        <v>2795</v>
      </c>
      <c r="IBR737" s="424"/>
      <c r="IBS737" s="424"/>
      <c r="IBT737" s="424"/>
      <c r="IBU737" s="423" t="s">
        <v>2795</v>
      </c>
      <c r="IBV737" s="424"/>
      <c r="IBW737" s="424"/>
      <c r="IBX737" s="424"/>
      <c r="IBY737" s="423" t="s">
        <v>2795</v>
      </c>
      <c r="IBZ737" s="424"/>
      <c r="ICA737" s="424"/>
      <c r="ICB737" s="424"/>
      <c r="ICC737" s="423" t="s">
        <v>2795</v>
      </c>
      <c r="ICD737" s="424"/>
      <c r="ICE737" s="424"/>
      <c r="ICF737" s="424"/>
      <c r="ICG737" s="423" t="s">
        <v>2795</v>
      </c>
      <c r="ICH737" s="424"/>
      <c r="ICI737" s="424"/>
      <c r="ICJ737" s="424"/>
      <c r="ICK737" s="423" t="s">
        <v>2795</v>
      </c>
      <c r="ICL737" s="424"/>
      <c r="ICM737" s="424"/>
      <c r="ICN737" s="424"/>
      <c r="ICO737" s="423" t="s">
        <v>2795</v>
      </c>
      <c r="ICP737" s="424"/>
      <c r="ICQ737" s="424"/>
      <c r="ICR737" s="424"/>
      <c r="ICS737" s="423" t="s">
        <v>2795</v>
      </c>
      <c r="ICT737" s="424"/>
      <c r="ICU737" s="424"/>
      <c r="ICV737" s="424"/>
      <c r="ICW737" s="423" t="s">
        <v>2795</v>
      </c>
      <c r="ICX737" s="424"/>
      <c r="ICY737" s="424"/>
      <c r="ICZ737" s="424"/>
      <c r="IDA737" s="423" t="s">
        <v>2795</v>
      </c>
      <c r="IDB737" s="424"/>
      <c r="IDC737" s="424"/>
      <c r="IDD737" s="424"/>
      <c r="IDE737" s="423" t="s">
        <v>2795</v>
      </c>
      <c r="IDF737" s="424"/>
      <c r="IDG737" s="424"/>
      <c r="IDH737" s="424"/>
      <c r="IDI737" s="423" t="s">
        <v>2795</v>
      </c>
      <c r="IDJ737" s="424"/>
      <c r="IDK737" s="424"/>
      <c r="IDL737" s="424"/>
      <c r="IDM737" s="423" t="s">
        <v>2795</v>
      </c>
      <c r="IDN737" s="424"/>
      <c r="IDO737" s="424"/>
      <c r="IDP737" s="424"/>
      <c r="IDQ737" s="423" t="s">
        <v>2795</v>
      </c>
      <c r="IDR737" s="424"/>
      <c r="IDS737" s="424"/>
      <c r="IDT737" s="424"/>
      <c r="IDU737" s="423" t="s">
        <v>2795</v>
      </c>
      <c r="IDV737" s="424"/>
      <c r="IDW737" s="424"/>
      <c r="IDX737" s="424"/>
      <c r="IDY737" s="423" t="s">
        <v>2795</v>
      </c>
      <c r="IDZ737" s="424"/>
      <c r="IEA737" s="424"/>
      <c r="IEB737" s="424"/>
      <c r="IEC737" s="423" t="s">
        <v>2795</v>
      </c>
      <c r="IED737" s="424"/>
      <c r="IEE737" s="424"/>
      <c r="IEF737" s="424"/>
      <c r="IEG737" s="423" t="s">
        <v>2795</v>
      </c>
      <c r="IEH737" s="424"/>
      <c r="IEI737" s="424"/>
      <c r="IEJ737" s="424"/>
      <c r="IEK737" s="423" t="s">
        <v>2795</v>
      </c>
      <c r="IEL737" s="424"/>
      <c r="IEM737" s="424"/>
      <c r="IEN737" s="424"/>
      <c r="IEO737" s="423" t="s">
        <v>2795</v>
      </c>
      <c r="IEP737" s="424"/>
      <c r="IEQ737" s="424"/>
      <c r="IER737" s="424"/>
      <c r="IES737" s="423" t="s">
        <v>2795</v>
      </c>
      <c r="IET737" s="424"/>
      <c r="IEU737" s="424"/>
      <c r="IEV737" s="424"/>
      <c r="IEW737" s="423" t="s">
        <v>2795</v>
      </c>
      <c r="IEX737" s="424"/>
      <c r="IEY737" s="424"/>
      <c r="IEZ737" s="424"/>
      <c r="IFA737" s="423" t="s">
        <v>2795</v>
      </c>
      <c r="IFB737" s="424"/>
      <c r="IFC737" s="424"/>
      <c r="IFD737" s="424"/>
      <c r="IFE737" s="423" t="s">
        <v>2795</v>
      </c>
      <c r="IFF737" s="424"/>
      <c r="IFG737" s="424"/>
      <c r="IFH737" s="424"/>
      <c r="IFI737" s="423" t="s">
        <v>2795</v>
      </c>
      <c r="IFJ737" s="424"/>
      <c r="IFK737" s="424"/>
      <c r="IFL737" s="424"/>
      <c r="IFM737" s="423" t="s">
        <v>2795</v>
      </c>
      <c r="IFN737" s="424"/>
      <c r="IFO737" s="424"/>
      <c r="IFP737" s="424"/>
      <c r="IFQ737" s="423" t="s">
        <v>2795</v>
      </c>
      <c r="IFR737" s="424"/>
      <c r="IFS737" s="424"/>
      <c r="IFT737" s="424"/>
      <c r="IFU737" s="423" t="s">
        <v>2795</v>
      </c>
      <c r="IFV737" s="424"/>
      <c r="IFW737" s="424"/>
      <c r="IFX737" s="424"/>
      <c r="IFY737" s="423" t="s">
        <v>2795</v>
      </c>
      <c r="IFZ737" s="424"/>
      <c r="IGA737" s="424"/>
      <c r="IGB737" s="424"/>
      <c r="IGC737" s="423" t="s">
        <v>2795</v>
      </c>
      <c r="IGD737" s="424"/>
      <c r="IGE737" s="424"/>
      <c r="IGF737" s="424"/>
      <c r="IGG737" s="423" t="s">
        <v>2795</v>
      </c>
      <c r="IGH737" s="424"/>
      <c r="IGI737" s="424"/>
      <c r="IGJ737" s="424"/>
      <c r="IGK737" s="423" t="s">
        <v>2795</v>
      </c>
      <c r="IGL737" s="424"/>
      <c r="IGM737" s="424"/>
      <c r="IGN737" s="424"/>
      <c r="IGO737" s="423" t="s">
        <v>2795</v>
      </c>
      <c r="IGP737" s="424"/>
      <c r="IGQ737" s="424"/>
      <c r="IGR737" s="424"/>
      <c r="IGS737" s="423" t="s">
        <v>2795</v>
      </c>
      <c r="IGT737" s="424"/>
      <c r="IGU737" s="424"/>
      <c r="IGV737" s="424"/>
      <c r="IGW737" s="423" t="s">
        <v>2795</v>
      </c>
      <c r="IGX737" s="424"/>
      <c r="IGY737" s="424"/>
      <c r="IGZ737" s="424"/>
      <c r="IHA737" s="423" t="s">
        <v>2795</v>
      </c>
      <c r="IHB737" s="424"/>
      <c r="IHC737" s="424"/>
      <c r="IHD737" s="424"/>
      <c r="IHE737" s="423" t="s">
        <v>2795</v>
      </c>
      <c r="IHF737" s="424"/>
      <c r="IHG737" s="424"/>
      <c r="IHH737" s="424"/>
      <c r="IHI737" s="423" t="s">
        <v>2795</v>
      </c>
      <c r="IHJ737" s="424"/>
      <c r="IHK737" s="424"/>
      <c r="IHL737" s="424"/>
      <c r="IHM737" s="423" t="s">
        <v>2795</v>
      </c>
      <c r="IHN737" s="424"/>
      <c r="IHO737" s="424"/>
      <c r="IHP737" s="424"/>
      <c r="IHQ737" s="423" t="s">
        <v>2795</v>
      </c>
      <c r="IHR737" s="424"/>
      <c r="IHS737" s="424"/>
      <c r="IHT737" s="424"/>
      <c r="IHU737" s="423" t="s">
        <v>2795</v>
      </c>
      <c r="IHV737" s="424"/>
      <c r="IHW737" s="424"/>
      <c r="IHX737" s="424"/>
      <c r="IHY737" s="423" t="s">
        <v>2795</v>
      </c>
      <c r="IHZ737" s="424"/>
      <c r="IIA737" s="424"/>
      <c r="IIB737" s="424"/>
      <c r="IIC737" s="423" t="s">
        <v>2795</v>
      </c>
      <c r="IID737" s="424"/>
      <c r="IIE737" s="424"/>
      <c r="IIF737" s="424"/>
      <c r="IIG737" s="423" t="s">
        <v>2795</v>
      </c>
      <c r="IIH737" s="424"/>
      <c r="III737" s="424"/>
      <c r="IIJ737" s="424"/>
      <c r="IIK737" s="423" t="s">
        <v>2795</v>
      </c>
      <c r="IIL737" s="424"/>
      <c r="IIM737" s="424"/>
      <c r="IIN737" s="424"/>
      <c r="IIO737" s="423" t="s">
        <v>2795</v>
      </c>
      <c r="IIP737" s="424"/>
      <c r="IIQ737" s="424"/>
      <c r="IIR737" s="424"/>
      <c r="IIS737" s="423" t="s">
        <v>2795</v>
      </c>
      <c r="IIT737" s="424"/>
      <c r="IIU737" s="424"/>
      <c r="IIV737" s="424"/>
      <c r="IIW737" s="423" t="s">
        <v>2795</v>
      </c>
      <c r="IIX737" s="424"/>
      <c r="IIY737" s="424"/>
      <c r="IIZ737" s="424"/>
      <c r="IJA737" s="423" t="s">
        <v>2795</v>
      </c>
      <c r="IJB737" s="424"/>
      <c r="IJC737" s="424"/>
      <c r="IJD737" s="424"/>
      <c r="IJE737" s="423" t="s">
        <v>2795</v>
      </c>
      <c r="IJF737" s="424"/>
      <c r="IJG737" s="424"/>
      <c r="IJH737" s="424"/>
      <c r="IJI737" s="423" t="s">
        <v>2795</v>
      </c>
      <c r="IJJ737" s="424"/>
      <c r="IJK737" s="424"/>
      <c r="IJL737" s="424"/>
      <c r="IJM737" s="423" t="s">
        <v>2795</v>
      </c>
      <c r="IJN737" s="424"/>
      <c r="IJO737" s="424"/>
      <c r="IJP737" s="424"/>
      <c r="IJQ737" s="423" t="s">
        <v>2795</v>
      </c>
      <c r="IJR737" s="424"/>
      <c r="IJS737" s="424"/>
      <c r="IJT737" s="424"/>
      <c r="IJU737" s="423" t="s">
        <v>2795</v>
      </c>
      <c r="IJV737" s="424"/>
      <c r="IJW737" s="424"/>
      <c r="IJX737" s="424"/>
      <c r="IJY737" s="423" t="s">
        <v>2795</v>
      </c>
      <c r="IJZ737" s="424"/>
      <c r="IKA737" s="424"/>
      <c r="IKB737" s="424"/>
      <c r="IKC737" s="423" t="s">
        <v>2795</v>
      </c>
      <c r="IKD737" s="424"/>
      <c r="IKE737" s="424"/>
      <c r="IKF737" s="424"/>
      <c r="IKG737" s="423" t="s">
        <v>2795</v>
      </c>
      <c r="IKH737" s="424"/>
      <c r="IKI737" s="424"/>
      <c r="IKJ737" s="424"/>
      <c r="IKK737" s="423" t="s">
        <v>2795</v>
      </c>
      <c r="IKL737" s="424"/>
      <c r="IKM737" s="424"/>
      <c r="IKN737" s="424"/>
      <c r="IKO737" s="423" t="s">
        <v>2795</v>
      </c>
      <c r="IKP737" s="424"/>
      <c r="IKQ737" s="424"/>
      <c r="IKR737" s="424"/>
      <c r="IKS737" s="423" t="s">
        <v>2795</v>
      </c>
      <c r="IKT737" s="424"/>
      <c r="IKU737" s="424"/>
      <c r="IKV737" s="424"/>
      <c r="IKW737" s="423" t="s">
        <v>2795</v>
      </c>
      <c r="IKX737" s="424"/>
      <c r="IKY737" s="424"/>
      <c r="IKZ737" s="424"/>
      <c r="ILA737" s="423" t="s">
        <v>2795</v>
      </c>
      <c r="ILB737" s="424"/>
      <c r="ILC737" s="424"/>
      <c r="ILD737" s="424"/>
      <c r="ILE737" s="423" t="s">
        <v>2795</v>
      </c>
      <c r="ILF737" s="424"/>
      <c r="ILG737" s="424"/>
      <c r="ILH737" s="424"/>
      <c r="ILI737" s="423" t="s">
        <v>2795</v>
      </c>
      <c r="ILJ737" s="424"/>
      <c r="ILK737" s="424"/>
      <c r="ILL737" s="424"/>
      <c r="ILM737" s="423" t="s">
        <v>2795</v>
      </c>
      <c r="ILN737" s="424"/>
      <c r="ILO737" s="424"/>
      <c r="ILP737" s="424"/>
      <c r="ILQ737" s="423" t="s">
        <v>2795</v>
      </c>
      <c r="ILR737" s="424"/>
      <c r="ILS737" s="424"/>
      <c r="ILT737" s="424"/>
      <c r="ILU737" s="423" t="s">
        <v>2795</v>
      </c>
      <c r="ILV737" s="424"/>
      <c r="ILW737" s="424"/>
      <c r="ILX737" s="424"/>
      <c r="ILY737" s="423" t="s">
        <v>2795</v>
      </c>
      <c r="ILZ737" s="424"/>
      <c r="IMA737" s="424"/>
      <c r="IMB737" s="424"/>
      <c r="IMC737" s="423" t="s">
        <v>2795</v>
      </c>
      <c r="IMD737" s="424"/>
      <c r="IME737" s="424"/>
      <c r="IMF737" s="424"/>
      <c r="IMG737" s="423" t="s">
        <v>2795</v>
      </c>
      <c r="IMH737" s="424"/>
      <c r="IMI737" s="424"/>
      <c r="IMJ737" s="424"/>
      <c r="IMK737" s="423" t="s">
        <v>2795</v>
      </c>
      <c r="IML737" s="424"/>
      <c r="IMM737" s="424"/>
      <c r="IMN737" s="424"/>
      <c r="IMO737" s="423" t="s">
        <v>2795</v>
      </c>
      <c r="IMP737" s="424"/>
      <c r="IMQ737" s="424"/>
      <c r="IMR737" s="424"/>
      <c r="IMS737" s="423" t="s">
        <v>2795</v>
      </c>
      <c r="IMT737" s="424"/>
      <c r="IMU737" s="424"/>
      <c r="IMV737" s="424"/>
      <c r="IMW737" s="423" t="s">
        <v>2795</v>
      </c>
      <c r="IMX737" s="424"/>
      <c r="IMY737" s="424"/>
      <c r="IMZ737" s="424"/>
      <c r="INA737" s="423" t="s">
        <v>2795</v>
      </c>
      <c r="INB737" s="424"/>
      <c r="INC737" s="424"/>
      <c r="IND737" s="424"/>
      <c r="INE737" s="423" t="s">
        <v>2795</v>
      </c>
      <c r="INF737" s="424"/>
      <c r="ING737" s="424"/>
      <c r="INH737" s="424"/>
      <c r="INI737" s="423" t="s">
        <v>2795</v>
      </c>
      <c r="INJ737" s="424"/>
      <c r="INK737" s="424"/>
      <c r="INL737" s="424"/>
      <c r="INM737" s="423" t="s">
        <v>2795</v>
      </c>
      <c r="INN737" s="424"/>
      <c r="INO737" s="424"/>
      <c r="INP737" s="424"/>
      <c r="INQ737" s="423" t="s">
        <v>2795</v>
      </c>
      <c r="INR737" s="424"/>
      <c r="INS737" s="424"/>
      <c r="INT737" s="424"/>
      <c r="INU737" s="423" t="s">
        <v>2795</v>
      </c>
      <c r="INV737" s="424"/>
      <c r="INW737" s="424"/>
      <c r="INX737" s="424"/>
      <c r="INY737" s="423" t="s">
        <v>2795</v>
      </c>
      <c r="INZ737" s="424"/>
      <c r="IOA737" s="424"/>
      <c r="IOB737" s="424"/>
      <c r="IOC737" s="423" t="s">
        <v>2795</v>
      </c>
      <c r="IOD737" s="424"/>
      <c r="IOE737" s="424"/>
      <c r="IOF737" s="424"/>
      <c r="IOG737" s="423" t="s">
        <v>2795</v>
      </c>
      <c r="IOH737" s="424"/>
      <c r="IOI737" s="424"/>
      <c r="IOJ737" s="424"/>
      <c r="IOK737" s="423" t="s">
        <v>2795</v>
      </c>
      <c r="IOL737" s="424"/>
      <c r="IOM737" s="424"/>
      <c r="ION737" s="424"/>
      <c r="IOO737" s="423" t="s">
        <v>2795</v>
      </c>
      <c r="IOP737" s="424"/>
      <c r="IOQ737" s="424"/>
      <c r="IOR737" s="424"/>
      <c r="IOS737" s="423" t="s">
        <v>2795</v>
      </c>
      <c r="IOT737" s="424"/>
      <c r="IOU737" s="424"/>
      <c r="IOV737" s="424"/>
      <c r="IOW737" s="423" t="s">
        <v>2795</v>
      </c>
      <c r="IOX737" s="424"/>
      <c r="IOY737" s="424"/>
      <c r="IOZ737" s="424"/>
      <c r="IPA737" s="423" t="s">
        <v>2795</v>
      </c>
      <c r="IPB737" s="424"/>
      <c r="IPC737" s="424"/>
      <c r="IPD737" s="424"/>
      <c r="IPE737" s="423" t="s">
        <v>2795</v>
      </c>
      <c r="IPF737" s="424"/>
      <c r="IPG737" s="424"/>
      <c r="IPH737" s="424"/>
      <c r="IPI737" s="423" t="s">
        <v>2795</v>
      </c>
      <c r="IPJ737" s="424"/>
      <c r="IPK737" s="424"/>
      <c r="IPL737" s="424"/>
      <c r="IPM737" s="423" t="s">
        <v>2795</v>
      </c>
      <c r="IPN737" s="424"/>
      <c r="IPO737" s="424"/>
      <c r="IPP737" s="424"/>
      <c r="IPQ737" s="423" t="s">
        <v>2795</v>
      </c>
      <c r="IPR737" s="424"/>
      <c r="IPS737" s="424"/>
      <c r="IPT737" s="424"/>
      <c r="IPU737" s="423" t="s">
        <v>2795</v>
      </c>
      <c r="IPV737" s="424"/>
      <c r="IPW737" s="424"/>
      <c r="IPX737" s="424"/>
      <c r="IPY737" s="423" t="s">
        <v>2795</v>
      </c>
      <c r="IPZ737" s="424"/>
      <c r="IQA737" s="424"/>
      <c r="IQB737" s="424"/>
      <c r="IQC737" s="423" t="s">
        <v>2795</v>
      </c>
      <c r="IQD737" s="424"/>
      <c r="IQE737" s="424"/>
      <c r="IQF737" s="424"/>
      <c r="IQG737" s="423" t="s">
        <v>2795</v>
      </c>
      <c r="IQH737" s="424"/>
      <c r="IQI737" s="424"/>
      <c r="IQJ737" s="424"/>
      <c r="IQK737" s="423" t="s">
        <v>2795</v>
      </c>
      <c r="IQL737" s="424"/>
      <c r="IQM737" s="424"/>
      <c r="IQN737" s="424"/>
      <c r="IQO737" s="423" t="s">
        <v>2795</v>
      </c>
      <c r="IQP737" s="424"/>
      <c r="IQQ737" s="424"/>
      <c r="IQR737" s="424"/>
      <c r="IQS737" s="423" t="s">
        <v>2795</v>
      </c>
      <c r="IQT737" s="424"/>
      <c r="IQU737" s="424"/>
      <c r="IQV737" s="424"/>
      <c r="IQW737" s="423" t="s">
        <v>2795</v>
      </c>
      <c r="IQX737" s="424"/>
      <c r="IQY737" s="424"/>
      <c r="IQZ737" s="424"/>
      <c r="IRA737" s="423" t="s">
        <v>2795</v>
      </c>
      <c r="IRB737" s="424"/>
      <c r="IRC737" s="424"/>
      <c r="IRD737" s="424"/>
      <c r="IRE737" s="423" t="s">
        <v>2795</v>
      </c>
      <c r="IRF737" s="424"/>
      <c r="IRG737" s="424"/>
      <c r="IRH737" s="424"/>
      <c r="IRI737" s="423" t="s">
        <v>2795</v>
      </c>
      <c r="IRJ737" s="424"/>
      <c r="IRK737" s="424"/>
      <c r="IRL737" s="424"/>
      <c r="IRM737" s="423" t="s">
        <v>2795</v>
      </c>
      <c r="IRN737" s="424"/>
      <c r="IRO737" s="424"/>
      <c r="IRP737" s="424"/>
      <c r="IRQ737" s="423" t="s">
        <v>2795</v>
      </c>
      <c r="IRR737" s="424"/>
      <c r="IRS737" s="424"/>
      <c r="IRT737" s="424"/>
      <c r="IRU737" s="423" t="s">
        <v>2795</v>
      </c>
      <c r="IRV737" s="424"/>
      <c r="IRW737" s="424"/>
      <c r="IRX737" s="424"/>
      <c r="IRY737" s="423" t="s">
        <v>2795</v>
      </c>
      <c r="IRZ737" s="424"/>
      <c r="ISA737" s="424"/>
      <c r="ISB737" s="424"/>
      <c r="ISC737" s="423" t="s">
        <v>2795</v>
      </c>
      <c r="ISD737" s="424"/>
      <c r="ISE737" s="424"/>
      <c r="ISF737" s="424"/>
      <c r="ISG737" s="423" t="s">
        <v>2795</v>
      </c>
      <c r="ISH737" s="424"/>
      <c r="ISI737" s="424"/>
      <c r="ISJ737" s="424"/>
      <c r="ISK737" s="423" t="s">
        <v>2795</v>
      </c>
      <c r="ISL737" s="424"/>
      <c r="ISM737" s="424"/>
      <c r="ISN737" s="424"/>
      <c r="ISO737" s="423" t="s">
        <v>2795</v>
      </c>
      <c r="ISP737" s="424"/>
      <c r="ISQ737" s="424"/>
      <c r="ISR737" s="424"/>
      <c r="ISS737" s="423" t="s">
        <v>2795</v>
      </c>
      <c r="IST737" s="424"/>
      <c r="ISU737" s="424"/>
      <c r="ISV737" s="424"/>
      <c r="ISW737" s="423" t="s">
        <v>2795</v>
      </c>
      <c r="ISX737" s="424"/>
      <c r="ISY737" s="424"/>
      <c r="ISZ737" s="424"/>
      <c r="ITA737" s="423" t="s">
        <v>2795</v>
      </c>
      <c r="ITB737" s="424"/>
      <c r="ITC737" s="424"/>
      <c r="ITD737" s="424"/>
      <c r="ITE737" s="423" t="s">
        <v>2795</v>
      </c>
      <c r="ITF737" s="424"/>
      <c r="ITG737" s="424"/>
      <c r="ITH737" s="424"/>
      <c r="ITI737" s="423" t="s">
        <v>2795</v>
      </c>
      <c r="ITJ737" s="424"/>
      <c r="ITK737" s="424"/>
      <c r="ITL737" s="424"/>
      <c r="ITM737" s="423" t="s">
        <v>2795</v>
      </c>
      <c r="ITN737" s="424"/>
      <c r="ITO737" s="424"/>
      <c r="ITP737" s="424"/>
      <c r="ITQ737" s="423" t="s">
        <v>2795</v>
      </c>
      <c r="ITR737" s="424"/>
      <c r="ITS737" s="424"/>
      <c r="ITT737" s="424"/>
      <c r="ITU737" s="423" t="s">
        <v>2795</v>
      </c>
      <c r="ITV737" s="424"/>
      <c r="ITW737" s="424"/>
      <c r="ITX737" s="424"/>
      <c r="ITY737" s="423" t="s">
        <v>2795</v>
      </c>
      <c r="ITZ737" s="424"/>
      <c r="IUA737" s="424"/>
      <c r="IUB737" s="424"/>
      <c r="IUC737" s="423" t="s">
        <v>2795</v>
      </c>
      <c r="IUD737" s="424"/>
      <c r="IUE737" s="424"/>
      <c r="IUF737" s="424"/>
      <c r="IUG737" s="423" t="s">
        <v>2795</v>
      </c>
      <c r="IUH737" s="424"/>
      <c r="IUI737" s="424"/>
      <c r="IUJ737" s="424"/>
      <c r="IUK737" s="423" t="s">
        <v>2795</v>
      </c>
      <c r="IUL737" s="424"/>
      <c r="IUM737" s="424"/>
      <c r="IUN737" s="424"/>
      <c r="IUO737" s="423" t="s">
        <v>2795</v>
      </c>
      <c r="IUP737" s="424"/>
      <c r="IUQ737" s="424"/>
      <c r="IUR737" s="424"/>
      <c r="IUS737" s="423" t="s">
        <v>2795</v>
      </c>
      <c r="IUT737" s="424"/>
      <c r="IUU737" s="424"/>
      <c r="IUV737" s="424"/>
      <c r="IUW737" s="423" t="s">
        <v>2795</v>
      </c>
      <c r="IUX737" s="424"/>
      <c r="IUY737" s="424"/>
      <c r="IUZ737" s="424"/>
      <c r="IVA737" s="423" t="s">
        <v>2795</v>
      </c>
      <c r="IVB737" s="424"/>
      <c r="IVC737" s="424"/>
      <c r="IVD737" s="424"/>
      <c r="IVE737" s="423" t="s">
        <v>2795</v>
      </c>
      <c r="IVF737" s="424"/>
      <c r="IVG737" s="424"/>
      <c r="IVH737" s="424"/>
      <c r="IVI737" s="423" t="s">
        <v>2795</v>
      </c>
      <c r="IVJ737" s="424"/>
      <c r="IVK737" s="424"/>
      <c r="IVL737" s="424"/>
      <c r="IVM737" s="423" t="s">
        <v>2795</v>
      </c>
      <c r="IVN737" s="424"/>
      <c r="IVO737" s="424"/>
      <c r="IVP737" s="424"/>
      <c r="IVQ737" s="423" t="s">
        <v>2795</v>
      </c>
      <c r="IVR737" s="424"/>
      <c r="IVS737" s="424"/>
      <c r="IVT737" s="424"/>
      <c r="IVU737" s="423" t="s">
        <v>2795</v>
      </c>
      <c r="IVV737" s="424"/>
      <c r="IVW737" s="424"/>
      <c r="IVX737" s="424"/>
      <c r="IVY737" s="423" t="s">
        <v>2795</v>
      </c>
      <c r="IVZ737" s="424"/>
      <c r="IWA737" s="424"/>
      <c r="IWB737" s="424"/>
      <c r="IWC737" s="423" t="s">
        <v>2795</v>
      </c>
      <c r="IWD737" s="424"/>
      <c r="IWE737" s="424"/>
      <c r="IWF737" s="424"/>
      <c r="IWG737" s="423" t="s">
        <v>2795</v>
      </c>
      <c r="IWH737" s="424"/>
      <c r="IWI737" s="424"/>
      <c r="IWJ737" s="424"/>
      <c r="IWK737" s="423" t="s">
        <v>2795</v>
      </c>
      <c r="IWL737" s="424"/>
      <c r="IWM737" s="424"/>
      <c r="IWN737" s="424"/>
      <c r="IWO737" s="423" t="s">
        <v>2795</v>
      </c>
      <c r="IWP737" s="424"/>
      <c r="IWQ737" s="424"/>
      <c r="IWR737" s="424"/>
      <c r="IWS737" s="423" t="s">
        <v>2795</v>
      </c>
      <c r="IWT737" s="424"/>
      <c r="IWU737" s="424"/>
      <c r="IWV737" s="424"/>
      <c r="IWW737" s="423" t="s">
        <v>2795</v>
      </c>
      <c r="IWX737" s="424"/>
      <c r="IWY737" s="424"/>
      <c r="IWZ737" s="424"/>
      <c r="IXA737" s="423" t="s">
        <v>2795</v>
      </c>
      <c r="IXB737" s="424"/>
      <c r="IXC737" s="424"/>
      <c r="IXD737" s="424"/>
      <c r="IXE737" s="423" t="s">
        <v>2795</v>
      </c>
      <c r="IXF737" s="424"/>
      <c r="IXG737" s="424"/>
      <c r="IXH737" s="424"/>
      <c r="IXI737" s="423" t="s">
        <v>2795</v>
      </c>
      <c r="IXJ737" s="424"/>
      <c r="IXK737" s="424"/>
      <c r="IXL737" s="424"/>
      <c r="IXM737" s="423" t="s">
        <v>2795</v>
      </c>
      <c r="IXN737" s="424"/>
      <c r="IXO737" s="424"/>
      <c r="IXP737" s="424"/>
      <c r="IXQ737" s="423" t="s">
        <v>2795</v>
      </c>
      <c r="IXR737" s="424"/>
      <c r="IXS737" s="424"/>
      <c r="IXT737" s="424"/>
      <c r="IXU737" s="423" t="s">
        <v>2795</v>
      </c>
      <c r="IXV737" s="424"/>
      <c r="IXW737" s="424"/>
      <c r="IXX737" s="424"/>
      <c r="IXY737" s="423" t="s">
        <v>2795</v>
      </c>
      <c r="IXZ737" s="424"/>
      <c r="IYA737" s="424"/>
      <c r="IYB737" s="424"/>
      <c r="IYC737" s="423" t="s">
        <v>2795</v>
      </c>
      <c r="IYD737" s="424"/>
      <c r="IYE737" s="424"/>
      <c r="IYF737" s="424"/>
      <c r="IYG737" s="423" t="s">
        <v>2795</v>
      </c>
      <c r="IYH737" s="424"/>
      <c r="IYI737" s="424"/>
      <c r="IYJ737" s="424"/>
      <c r="IYK737" s="423" t="s">
        <v>2795</v>
      </c>
      <c r="IYL737" s="424"/>
      <c r="IYM737" s="424"/>
      <c r="IYN737" s="424"/>
      <c r="IYO737" s="423" t="s">
        <v>2795</v>
      </c>
      <c r="IYP737" s="424"/>
      <c r="IYQ737" s="424"/>
      <c r="IYR737" s="424"/>
      <c r="IYS737" s="423" t="s">
        <v>2795</v>
      </c>
      <c r="IYT737" s="424"/>
      <c r="IYU737" s="424"/>
      <c r="IYV737" s="424"/>
      <c r="IYW737" s="423" t="s">
        <v>2795</v>
      </c>
      <c r="IYX737" s="424"/>
      <c r="IYY737" s="424"/>
      <c r="IYZ737" s="424"/>
      <c r="IZA737" s="423" t="s">
        <v>2795</v>
      </c>
      <c r="IZB737" s="424"/>
      <c r="IZC737" s="424"/>
      <c r="IZD737" s="424"/>
      <c r="IZE737" s="423" t="s">
        <v>2795</v>
      </c>
      <c r="IZF737" s="424"/>
      <c r="IZG737" s="424"/>
      <c r="IZH737" s="424"/>
      <c r="IZI737" s="423" t="s">
        <v>2795</v>
      </c>
      <c r="IZJ737" s="424"/>
      <c r="IZK737" s="424"/>
      <c r="IZL737" s="424"/>
      <c r="IZM737" s="423" t="s">
        <v>2795</v>
      </c>
      <c r="IZN737" s="424"/>
      <c r="IZO737" s="424"/>
      <c r="IZP737" s="424"/>
      <c r="IZQ737" s="423" t="s">
        <v>2795</v>
      </c>
      <c r="IZR737" s="424"/>
      <c r="IZS737" s="424"/>
      <c r="IZT737" s="424"/>
      <c r="IZU737" s="423" t="s">
        <v>2795</v>
      </c>
      <c r="IZV737" s="424"/>
      <c r="IZW737" s="424"/>
      <c r="IZX737" s="424"/>
      <c r="IZY737" s="423" t="s">
        <v>2795</v>
      </c>
      <c r="IZZ737" s="424"/>
      <c r="JAA737" s="424"/>
      <c r="JAB737" s="424"/>
      <c r="JAC737" s="423" t="s">
        <v>2795</v>
      </c>
      <c r="JAD737" s="424"/>
      <c r="JAE737" s="424"/>
      <c r="JAF737" s="424"/>
      <c r="JAG737" s="423" t="s">
        <v>2795</v>
      </c>
      <c r="JAH737" s="424"/>
      <c r="JAI737" s="424"/>
      <c r="JAJ737" s="424"/>
      <c r="JAK737" s="423" t="s">
        <v>2795</v>
      </c>
      <c r="JAL737" s="424"/>
      <c r="JAM737" s="424"/>
      <c r="JAN737" s="424"/>
      <c r="JAO737" s="423" t="s">
        <v>2795</v>
      </c>
      <c r="JAP737" s="424"/>
      <c r="JAQ737" s="424"/>
      <c r="JAR737" s="424"/>
      <c r="JAS737" s="423" t="s">
        <v>2795</v>
      </c>
      <c r="JAT737" s="424"/>
      <c r="JAU737" s="424"/>
      <c r="JAV737" s="424"/>
      <c r="JAW737" s="423" t="s">
        <v>2795</v>
      </c>
      <c r="JAX737" s="424"/>
      <c r="JAY737" s="424"/>
      <c r="JAZ737" s="424"/>
      <c r="JBA737" s="423" t="s">
        <v>2795</v>
      </c>
      <c r="JBB737" s="424"/>
      <c r="JBC737" s="424"/>
      <c r="JBD737" s="424"/>
      <c r="JBE737" s="423" t="s">
        <v>2795</v>
      </c>
      <c r="JBF737" s="424"/>
      <c r="JBG737" s="424"/>
      <c r="JBH737" s="424"/>
      <c r="JBI737" s="423" t="s">
        <v>2795</v>
      </c>
      <c r="JBJ737" s="424"/>
      <c r="JBK737" s="424"/>
      <c r="JBL737" s="424"/>
      <c r="JBM737" s="423" t="s">
        <v>2795</v>
      </c>
      <c r="JBN737" s="424"/>
      <c r="JBO737" s="424"/>
      <c r="JBP737" s="424"/>
      <c r="JBQ737" s="423" t="s">
        <v>2795</v>
      </c>
      <c r="JBR737" s="424"/>
      <c r="JBS737" s="424"/>
      <c r="JBT737" s="424"/>
      <c r="JBU737" s="423" t="s">
        <v>2795</v>
      </c>
      <c r="JBV737" s="424"/>
      <c r="JBW737" s="424"/>
      <c r="JBX737" s="424"/>
      <c r="JBY737" s="423" t="s">
        <v>2795</v>
      </c>
      <c r="JBZ737" s="424"/>
      <c r="JCA737" s="424"/>
      <c r="JCB737" s="424"/>
      <c r="JCC737" s="423" t="s">
        <v>2795</v>
      </c>
      <c r="JCD737" s="424"/>
      <c r="JCE737" s="424"/>
      <c r="JCF737" s="424"/>
      <c r="JCG737" s="423" t="s">
        <v>2795</v>
      </c>
      <c r="JCH737" s="424"/>
      <c r="JCI737" s="424"/>
      <c r="JCJ737" s="424"/>
      <c r="JCK737" s="423" t="s">
        <v>2795</v>
      </c>
      <c r="JCL737" s="424"/>
      <c r="JCM737" s="424"/>
      <c r="JCN737" s="424"/>
      <c r="JCO737" s="423" t="s">
        <v>2795</v>
      </c>
      <c r="JCP737" s="424"/>
      <c r="JCQ737" s="424"/>
      <c r="JCR737" s="424"/>
      <c r="JCS737" s="423" t="s">
        <v>2795</v>
      </c>
      <c r="JCT737" s="424"/>
      <c r="JCU737" s="424"/>
      <c r="JCV737" s="424"/>
      <c r="JCW737" s="423" t="s">
        <v>2795</v>
      </c>
      <c r="JCX737" s="424"/>
      <c r="JCY737" s="424"/>
      <c r="JCZ737" s="424"/>
      <c r="JDA737" s="423" t="s">
        <v>2795</v>
      </c>
      <c r="JDB737" s="424"/>
      <c r="JDC737" s="424"/>
      <c r="JDD737" s="424"/>
      <c r="JDE737" s="423" t="s">
        <v>2795</v>
      </c>
      <c r="JDF737" s="424"/>
      <c r="JDG737" s="424"/>
      <c r="JDH737" s="424"/>
      <c r="JDI737" s="423" t="s">
        <v>2795</v>
      </c>
      <c r="JDJ737" s="424"/>
      <c r="JDK737" s="424"/>
      <c r="JDL737" s="424"/>
      <c r="JDM737" s="423" t="s">
        <v>2795</v>
      </c>
      <c r="JDN737" s="424"/>
      <c r="JDO737" s="424"/>
      <c r="JDP737" s="424"/>
      <c r="JDQ737" s="423" t="s">
        <v>2795</v>
      </c>
      <c r="JDR737" s="424"/>
      <c r="JDS737" s="424"/>
      <c r="JDT737" s="424"/>
      <c r="JDU737" s="423" t="s">
        <v>2795</v>
      </c>
      <c r="JDV737" s="424"/>
      <c r="JDW737" s="424"/>
      <c r="JDX737" s="424"/>
      <c r="JDY737" s="423" t="s">
        <v>2795</v>
      </c>
      <c r="JDZ737" s="424"/>
      <c r="JEA737" s="424"/>
      <c r="JEB737" s="424"/>
      <c r="JEC737" s="423" t="s">
        <v>2795</v>
      </c>
      <c r="JED737" s="424"/>
      <c r="JEE737" s="424"/>
      <c r="JEF737" s="424"/>
      <c r="JEG737" s="423" t="s">
        <v>2795</v>
      </c>
      <c r="JEH737" s="424"/>
      <c r="JEI737" s="424"/>
      <c r="JEJ737" s="424"/>
      <c r="JEK737" s="423" t="s">
        <v>2795</v>
      </c>
      <c r="JEL737" s="424"/>
      <c r="JEM737" s="424"/>
      <c r="JEN737" s="424"/>
      <c r="JEO737" s="423" t="s">
        <v>2795</v>
      </c>
      <c r="JEP737" s="424"/>
      <c r="JEQ737" s="424"/>
      <c r="JER737" s="424"/>
      <c r="JES737" s="423" t="s">
        <v>2795</v>
      </c>
      <c r="JET737" s="424"/>
      <c r="JEU737" s="424"/>
      <c r="JEV737" s="424"/>
      <c r="JEW737" s="423" t="s">
        <v>2795</v>
      </c>
      <c r="JEX737" s="424"/>
      <c r="JEY737" s="424"/>
      <c r="JEZ737" s="424"/>
      <c r="JFA737" s="423" t="s">
        <v>2795</v>
      </c>
      <c r="JFB737" s="424"/>
      <c r="JFC737" s="424"/>
      <c r="JFD737" s="424"/>
      <c r="JFE737" s="423" t="s">
        <v>2795</v>
      </c>
      <c r="JFF737" s="424"/>
      <c r="JFG737" s="424"/>
      <c r="JFH737" s="424"/>
      <c r="JFI737" s="423" t="s">
        <v>2795</v>
      </c>
      <c r="JFJ737" s="424"/>
      <c r="JFK737" s="424"/>
      <c r="JFL737" s="424"/>
      <c r="JFM737" s="423" t="s">
        <v>2795</v>
      </c>
      <c r="JFN737" s="424"/>
      <c r="JFO737" s="424"/>
      <c r="JFP737" s="424"/>
      <c r="JFQ737" s="423" t="s">
        <v>2795</v>
      </c>
      <c r="JFR737" s="424"/>
      <c r="JFS737" s="424"/>
      <c r="JFT737" s="424"/>
      <c r="JFU737" s="423" t="s">
        <v>2795</v>
      </c>
      <c r="JFV737" s="424"/>
      <c r="JFW737" s="424"/>
      <c r="JFX737" s="424"/>
      <c r="JFY737" s="423" t="s">
        <v>2795</v>
      </c>
      <c r="JFZ737" s="424"/>
      <c r="JGA737" s="424"/>
      <c r="JGB737" s="424"/>
      <c r="JGC737" s="423" t="s">
        <v>2795</v>
      </c>
      <c r="JGD737" s="424"/>
      <c r="JGE737" s="424"/>
      <c r="JGF737" s="424"/>
      <c r="JGG737" s="423" t="s">
        <v>2795</v>
      </c>
      <c r="JGH737" s="424"/>
      <c r="JGI737" s="424"/>
      <c r="JGJ737" s="424"/>
      <c r="JGK737" s="423" t="s">
        <v>2795</v>
      </c>
      <c r="JGL737" s="424"/>
      <c r="JGM737" s="424"/>
      <c r="JGN737" s="424"/>
      <c r="JGO737" s="423" t="s">
        <v>2795</v>
      </c>
      <c r="JGP737" s="424"/>
      <c r="JGQ737" s="424"/>
      <c r="JGR737" s="424"/>
      <c r="JGS737" s="423" t="s">
        <v>2795</v>
      </c>
      <c r="JGT737" s="424"/>
      <c r="JGU737" s="424"/>
      <c r="JGV737" s="424"/>
      <c r="JGW737" s="423" t="s">
        <v>2795</v>
      </c>
      <c r="JGX737" s="424"/>
      <c r="JGY737" s="424"/>
      <c r="JGZ737" s="424"/>
      <c r="JHA737" s="423" t="s">
        <v>2795</v>
      </c>
      <c r="JHB737" s="424"/>
      <c r="JHC737" s="424"/>
      <c r="JHD737" s="424"/>
      <c r="JHE737" s="423" t="s">
        <v>2795</v>
      </c>
      <c r="JHF737" s="424"/>
      <c r="JHG737" s="424"/>
      <c r="JHH737" s="424"/>
      <c r="JHI737" s="423" t="s">
        <v>2795</v>
      </c>
      <c r="JHJ737" s="424"/>
      <c r="JHK737" s="424"/>
      <c r="JHL737" s="424"/>
      <c r="JHM737" s="423" t="s">
        <v>2795</v>
      </c>
      <c r="JHN737" s="424"/>
      <c r="JHO737" s="424"/>
      <c r="JHP737" s="424"/>
      <c r="JHQ737" s="423" t="s">
        <v>2795</v>
      </c>
      <c r="JHR737" s="424"/>
      <c r="JHS737" s="424"/>
      <c r="JHT737" s="424"/>
      <c r="JHU737" s="423" t="s">
        <v>2795</v>
      </c>
      <c r="JHV737" s="424"/>
      <c r="JHW737" s="424"/>
      <c r="JHX737" s="424"/>
      <c r="JHY737" s="423" t="s">
        <v>2795</v>
      </c>
      <c r="JHZ737" s="424"/>
      <c r="JIA737" s="424"/>
      <c r="JIB737" s="424"/>
      <c r="JIC737" s="423" t="s">
        <v>2795</v>
      </c>
      <c r="JID737" s="424"/>
      <c r="JIE737" s="424"/>
      <c r="JIF737" s="424"/>
      <c r="JIG737" s="423" t="s">
        <v>2795</v>
      </c>
      <c r="JIH737" s="424"/>
      <c r="JII737" s="424"/>
      <c r="JIJ737" s="424"/>
      <c r="JIK737" s="423" t="s">
        <v>2795</v>
      </c>
      <c r="JIL737" s="424"/>
      <c r="JIM737" s="424"/>
      <c r="JIN737" s="424"/>
      <c r="JIO737" s="423" t="s">
        <v>2795</v>
      </c>
      <c r="JIP737" s="424"/>
      <c r="JIQ737" s="424"/>
      <c r="JIR737" s="424"/>
      <c r="JIS737" s="423" t="s">
        <v>2795</v>
      </c>
      <c r="JIT737" s="424"/>
      <c r="JIU737" s="424"/>
      <c r="JIV737" s="424"/>
      <c r="JIW737" s="423" t="s">
        <v>2795</v>
      </c>
      <c r="JIX737" s="424"/>
      <c r="JIY737" s="424"/>
      <c r="JIZ737" s="424"/>
      <c r="JJA737" s="423" t="s">
        <v>2795</v>
      </c>
      <c r="JJB737" s="424"/>
      <c r="JJC737" s="424"/>
      <c r="JJD737" s="424"/>
      <c r="JJE737" s="423" t="s">
        <v>2795</v>
      </c>
      <c r="JJF737" s="424"/>
      <c r="JJG737" s="424"/>
      <c r="JJH737" s="424"/>
      <c r="JJI737" s="423" t="s">
        <v>2795</v>
      </c>
      <c r="JJJ737" s="424"/>
      <c r="JJK737" s="424"/>
      <c r="JJL737" s="424"/>
      <c r="JJM737" s="423" t="s">
        <v>2795</v>
      </c>
      <c r="JJN737" s="424"/>
      <c r="JJO737" s="424"/>
      <c r="JJP737" s="424"/>
      <c r="JJQ737" s="423" t="s">
        <v>2795</v>
      </c>
      <c r="JJR737" s="424"/>
      <c r="JJS737" s="424"/>
      <c r="JJT737" s="424"/>
      <c r="JJU737" s="423" t="s">
        <v>2795</v>
      </c>
      <c r="JJV737" s="424"/>
      <c r="JJW737" s="424"/>
      <c r="JJX737" s="424"/>
      <c r="JJY737" s="423" t="s">
        <v>2795</v>
      </c>
      <c r="JJZ737" s="424"/>
      <c r="JKA737" s="424"/>
      <c r="JKB737" s="424"/>
      <c r="JKC737" s="423" t="s">
        <v>2795</v>
      </c>
      <c r="JKD737" s="424"/>
      <c r="JKE737" s="424"/>
      <c r="JKF737" s="424"/>
      <c r="JKG737" s="423" t="s">
        <v>2795</v>
      </c>
      <c r="JKH737" s="424"/>
      <c r="JKI737" s="424"/>
      <c r="JKJ737" s="424"/>
      <c r="JKK737" s="423" t="s">
        <v>2795</v>
      </c>
      <c r="JKL737" s="424"/>
      <c r="JKM737" s="424"/>
      <c r="JKN737" s="424"/>
      <c r="JKO737" s="423" t="s">
        <v>2795</v>
      </c>
      <c r="JKP737" s="424"/>
      <c r="JKQ737" s="424"/>
      <c r="JKR737" s="424"/>
      <c r="JKS737" s="423" t="s">
        <v>2795</v>
      </c>
      <c r="JKT737" s="424"/>
      <c r="JKU737" s="424"/>
      <c r="JKV737" s="424"/>
      <c r="JKW737" s="423" t="s">
        <v>2795</v>
      </c>
      <c r="JKX737" s="424"/>
      <c r="JKY737" s="424"/>
      <c r="JKZ737" s="424"/>
      <c r="JLA737" s="423" t="s">
        <v>2795</v>
      </c>
      <c r="JLB737" s="424"/>
      <c r="JLC737" s="424"/>
      <c r="JLD737" s="424"/>
      <c r="JLE737" s="423" t="s">
        <v>2795</v>
      </c>
      <c r="JLF737" s="424"/>
      <c r="JLG737" s="424"/>
      <c r="JLH737" s="424"/>
      <c r="JLI737" s="423" t="s">
        <v>2795</v>
      </c>
      <c r="JLJ737" s="424"/>
      <c r="JLK737" s="424"/>
      <c r="JLL737" s="424"/>
      <c r="JLM737" s="423" t="s">
        <v>2795</v>
      </c>
      <c r="JLN737" s="424"/>
      <c r="JLO737" s="424"/>
      <c r="JLP737" s="424"/>
      <c r="JLQ737" s="423" t="s">
        <v>2795</v>
      </c>
      <c r="JLR737" s="424"/>
      <c r="JLS737" s="424"/>
      <c r="JLT737" s="424"/>
      <c r="JLU737" s="423" t="s">
        <v>2795</v>
      </c>
      <c r="JLV737" s="424"/>
      <c r="JLW737" s="424"/>
      <c r="JLX737" s="424"/>
      <c r="JLY737" s="423" t="s">
        <v>2795</v>
      </c>
      <c r="JLZ737" s="424"/>
      <c r="JMA737" s="424"/>
      <c r="JMB737" s="424"/>
      <c r="JMC737" s="423" t="s">
        <v>2795</v>
      </c>
      <c r="JMD737" s="424"/>
      <c r="JME737" s="424"/>
      <c r="JMF737" s="424"/>
      <c r="JMG737" s="423" t="s">
        <v>2795</v>
      </c>
      <c r="JMH737" s="424"/>
      <c r="JMI737" s="424"/>
      <c r="JMJ737" s="424"/>
      <c r="JMK737" s="423" t="s">
        <v>2795</v>
      </c>
      <c r="JML737" s="424"/>
      <c r="JMM737" s="424"/>
      <c r="JMN737" s="424"/>
      <c r="JMO737" s="423" t="s">
        <v>2795</v>
      </c>
      <c r="JMP737" s="424"/>
      <c r="JMQ737" s="424"/>
      <c r="JMR737" s="424"/>
      <c r="JMS737" s="423" t="s">
        <v>2795</v>
      </c>
      <c r="JMT737" s="424"/>
      <c r="JMU737" s="424"/>
      <c r="JMV737" s="424"/>
      <c r="JMW737" s="423" t="s">
        <v>2795</v>
      </c>
      <c r="JMX737" s="424"/>
      <c r="JMY737" s="424"/>
      <c r="JMZ737" s="424"/>
      <c r="JNA737" s="423" t="s">
        <v>2795</v>
      </c>
      <c r="JNB737" s="424"/>
      <c r="JNC737" s="424"/>
      <c r="JND737" s="424"/>
      <c r="JNE737" s="423" t="s">
        <v>2795</v>
      </c>
      <c r="JNF737" s="424"/>
      <c r="JNG737" s="424"/>
      <c r="JNH737" s="424"/>
      <c r="JNI737" s="423" t="s">
        <v>2795</v>
      </c>
      <c r="JNJ737" s="424"/>
      <c r="JNK737" s="424"/>
      <c r="JNL737" s="424"/>
      <c r="JNM737" s="423" t="s">
        <v>2795</v>
      </c>
      <c r="JNN737" s="424"/>
      <c r="JNO737" s="424"/>
      <c r="JNP737" s="424"/>
      <c r="JNQ737" s="423" t="s">
        <v>2795</v>
      </c>
      <c r="JNR737" s="424"/>
      <c r="JNS737" s="424"/>
      <c r="JNT737" s="424"/>
      <c r="JNU737" s="423" t="s">
        <v>2795</v>
      </c>
      <c r="JNV737" s="424"/>
      <c r="JNW737" s="424"/>
      <c r="JNX737" s="424"/>
      <c r="JNY737" s="423" t="s">
        <v>2795</v>
      </c>
      <c r="JNZ737" s="424"/>
      <c r="JOA737" s="424"/>
      <c r="JOB737" s="424"/>
      <c r="JOC737" s="423" t="s">
        <v>2795</v>
      </c>
      <c r="JOD737" s="424"/>
      <c r="JOE737" s="424"/>
      <c r="JOF737" s="424"/>
      <c r="JOG737" s="423" t="s">
        <v>2795</v>
      </c>
      <c r="JOH737" s="424"/>
      <c r="JOI737" s="424"/>
      <c r="JOJ737" s="424"/>
      <c r="JOK737" s="423" t="s">
        <v>2795</v>
      </c>
      <c r="JOL737" s="424"/>
      <c r="JOM737" s="424"/>
      <c r="JON737" s="424"/>
      <c r="JOO737" s="423" t="s">
        <v>2795</v>
      </c>
      <c r="JOP737" s="424"/>
      <c r="JOQ737" s="424"/>
      <c r="JOR737" s="424"/>
      <c r="JOS737" s="423" t="s">
        <v>2795</v>
      </c>
      <c r="JOT737" s="424"/>
      <c r="JOU737" s="424"/>
      <c r="JOV737" s="424"/>
      <c r="JOW737" s="423" t="s">
        <v>2795</v>
      </c>
      <c r="JOX737" s="424"/>
      <c r="JOY737" s="424"/>
      <c r="JOZ737" s="424"/>
      <c r="JPA737" s="423" t="s">
        <v>2795</v>
      </c>
      <c r="JPB737" s="424"/>
      <c r="JPC737" s="424"/>
      <c r="JPD737" s="424"/>
      <c r="JPE737" s="423" t="s">
        <v>2795</v>
      </c>
      <c r="JPF737" s="424"/>
      <c r="JPG737" s="424"/>
      <c r="JPH737" s="424"/>
      <c r="JPI737" s="423" t="s">
        <v>2795</v>
      </c>
      <c r="JPJ737" s="424"/>
      <c r="JPK737" s="424"/>
      <c r="JPL737" s="424"/>
      <c r="JPM737" s="423" t="s">
        <v>2795</v>
      </c>
      <c r="JPN737" s="424"/>
      <c r="JPO737" s="424"/>
      <c r="JPP737" s="424"/>
      <c r="JPQ737" s="423" t="s">
        <v>2795</v>
      </c>
      <c r="JPR737" s="424"/>
      <c r="JPS737" s="424"/>
      <c r="JPT737" s="424"/>
      <c r="JPU737" s="423" t="s">
        <v>2795</v>
      </c>
      <c r="JPV737" s="424"/>
      <c r="JPW737" s="424"/>
      <c r="JPX737" s="424"/>
      <c r="JPY737" s="423" t="s">
        <v>2795</v>
      </c>
      <c r="JPZ737" s="424"/>
      <c r="JQA737" s="424"/>
      <c r="JQB737" s="424"/>
      <c r="JQC737" s="423" t="s">
        <v>2795</v>
      </c>
      <c r="JQD737" s="424"/>
      <c r="JQE737" s="424"/>
      <c r="JQF737" s="424"/>
      <c r="JQG737" s="423" t="s">
        <v>2795</v>
      </c>
      <c r="JQH737" s="424"/>
      <c r="JQI737" s="424"/>
      <c r="JQJ737" s="424"/>
      <c r="JQK737" s="423" t="s">
        <v>2795</v>
      </c>
      <c r="JQL737" s="424"/>
      <c r="JQM737" s="424"/>
      <c r="JQN737" s="424"/>
      <c r="JQO737" s="423" t="s">
        <v>2795</v>
      </c>
      <c r="JQP737" s="424"/>
      <c r="JQQ737" s="424"/>
      <c r="JQR737" s="424"/>
      <c r="JQS737" s="423" t="s">
        <v>2795</v>
      </c>
      <c r="JQT737" s="424"/>
      <c r="JQU737" s="424"/>
      <c r="JQV737" s="424"/>
      <c r="JQW737" s="423" t="s">
        <v>2795</v>
      </c>
      <c r="JQX737" s="424"/>
      <c r="JQY737" s="424"/>
      <c r="JQZ737" s="424"/>
      <c r="JRA737" s="423" t="s">
        <v>2795</v>
      </c>
      <c r="JRB737" s="424"/>
      <c r="JRC737" s="424"/>
      <c r="JRD737" s="424"/>
      <c r="JRE737" s="423" t="s">
        <v>2795</v>
      </c>
      <c r="JRF737" s="424"/>
      <c r="JRG737" s="424"/>
      <c r="JRH737" s="424"/>
      <c r="JRI737" s="423" t="s">
        <v>2795</v>
      </c>
      <c r="JRJ737" s="424"/>
      <c r="JRK737" s="424"/>
      <c r="JRL737" s="424"/>
      <c r="JRM737" s="423" t="s">
        <v>2795</v>
      </c>
      <c r="JRN737" s="424"/>
      <c r="JRO737" s="424"/>
      <c r="JRP737" s="424"/>
      <c r="JRQ737" s="423" t="s">
        <v>2795</v>
      </c>
      <c r="JRR737" s="424"/>
      <c r="JRS737" s="424"/>
      <c r="JRT737" s="424"/>
      <c r="JRU737" s="423" t="s">
        <v>2795</v>
      </c>
      <c r="JRV737" s="424"/>
      <c r="JRW737" s="424"/>
      <c r="JRX737" s="424"/>
      <c r="JRY737" s="423" t="s">
        <v>2795</v>
      </c>
      <c r="JRZ737" s="424"/>
      <c r="JSA737" s="424"/>
      <c r="JSB737" s="424"/>
      <c r="JSC737" s="423" t="s">
        <v>2795</v>
      </c>
      <c r="JSD737" s="424"/>
      <c r="JSE737" s="424"/>
      <c r="JSF737" s="424"/>
      <c r="JSG737" s="423" t="s">
        <v>2795</v>
      </c>
      <c r="JSH737" s="424"/>
      <c r="JSI737" s="424"/>
      <c r="JSJ737" s="424"/>
      <c r="JSK737" s="423" t="s">
        <v>2795</v>
      </c>
      <c r="JSL737" s="424"/>
      <c r="JSM737" s="424"/>
      <c r="JSN737" s="424"/>
      <c r="JSO737" s="423" t="s">
        <v>2795</v>
      </c>
      <c r="JSP737" s="424"/>
      <c r="JSQ737" s="424"/>
      <c r="JSR737" s="424"/>
      <c r="JSS737" s="423" t="s">
        <v>2795</v>
      </c>
      <c r="JST737" s="424"/>
      <c r="JSU737" s="424"/>
      <c r="JSV737" s="424"/>
      <c r="JSW737" s="423" t="s">
        <v>2795</v>
      </c>
      <c r="JSX737" s="424"/>
      <c r="JSY737" s="424"/>
      <c r="JSZ737" s="424"/>
      <c r="JTA737" s="423" t="s">
        <v>2795</v>
      </c>
      <c r="JTB737" s="424"/>
      <c r="JTC737" s="424"/>
      <c r="JTD737" s="424"/>
      <c r="JTE737" s="423" t="s">
        <v>2795</v>
      </c>
      <c r="JTF737" s="424"/>
      <c r="JTG737" s="424"/>
      <c r="JTH737" s="424"/>
      <c r="JTI737" s="423" t="s">
        <v>2795</v>
      </c>
      <c r="JTJ737" s="424"/>
      <c r="JTK737" s="424"/>
      <c r="JTL737" s="424"/>
      <c r="JTM737" s="423" t="s">
        <v>2795</v>
      </c>
      <c r="JTN737" s="424"/>
      <c r="JTO737" s="424"/>
      <c r="JTP737" s="424"/>
      <c r="JTQ737" s="423" t="s">
        <v>2795</v>
      </c>
      <c r="JTR737" s="424"/>
      <c r="JTS737" s="424"/>
      <c r="JTT737" s="424"/>
      <c r="JTU737" s="423" t="s">
        <v>2795</v>
      </c>
      <c r="JTV737" s="424"/>
      <c r="JTW737" s="424"/>
      <c r="JTX737" s="424"/>
      <c r="JTY737" s="423" t="s">
        <v>2795</v>
      </c>
      <c r="JTZ737" s="424"/>
      <c r="JUA737" s="424"/>
      <c r="JUB737" s="424"/>
      <c r="JUC737" s="423" t="s">
        <v>2795</v>
      </c>
      <c r="JUD737" s="424"/>
      <c r="JUE737" s="424"/>
      <c r="JUF737" s="424"/>
      <c r="JUG737" s="423" t="s">
        <v>2795</v>
      </c>
      <c r="JUH737" s="424"/>
      <c r="JUI737" s="424"/>
      <c r="JUJ737" s="424"/>
      <c r="JUK737" s="423" t="s">
        <v>2795</v>
      </c>
      <c r="JUL737" s="424"/>
      <c r="JUM737" s="424"/>
      <c r="JUN737" s="424"/>
      <c r="JUO737" s="423" t="s">
        <v>2795</v>
      </c>
      <c r="JUP737" s="424"/>
      <c r="JUQ737" s="424"/>
      <c r="JUR737" s="424"/>
      <c r="JUS737" s="423" t="s">
        <v>2795</v>
      </c>
      <c r="JUT737" s="424"/>
      <c r="JUU737" s="424"/>
      <c r="JUV737" s="424"/>
      <c r="JUW737" s="423" t="s">
        <v>2795</v>
      </c>
      <c r="JUX737" s="424"/>
      <c r="JUY737" s="424"/>
      <c r="JUZ737" s="424"/>
      <c r="JVA737" s="423" t="s">
        <v>2795</v>
      </c>
      <c r="JVB737" s="424"/>
      <c r="JVC737" s="424"/>
      <c r="JVD737" s="424"/>
      <c r="JVE737" s="423" t="s">
        <v>2795</v>
      </c>
      <c r="JVF737" s="424"/>
      <c r="JVG737" s="424"/>
      <c r="JVH737" s="424"/>
      <c r="JVI737" s="423" t="s">
        <v>2795</v>
      </c>
      <c r="JVJ737" s="424"/>
      <c r="JVK737" s="424"/>
      <c r="JVL737" s="424"/>
      <c r="JVM737" s="423" t="s">
        <v>2795</v>
      </c>
      <c r="JVN737" s="424"/>
      <c r="JVO737" s="424"/>
      <c r="JVP737" s="424"/>
      <c r="JVQ737" s="423" t="s">
        <v>2795</v>
      </c>
      <c r="JVR737" s="424"/>
      <c r="JVS737" s="424"/>
      <c r="JVT737" s="424"/>
      <c r="JVU737" s="423" t="s">
        <v>2795</v>
      </c>
      <c r="JVV737" s="424"/>
      <c r="JVW737" s="424"/>
      <c r="JVX737" s="424"/>
      <c r="JVY737" s="423" t="s">
        <v>2795</v>
      </c>
      <c r="JVZ737" s="424"/>
      <c r="JWA737" s="424"/>
      <c r="JWB737" s="424"/>
      <c r="JWC737" s="423" t="s">
        <v>2795</v>
      </c>
      <c r="JWD737" s="424"/>
      <c r="JWE737" s="424"/>
      <c r="JWF737" s="424"/>
      <c r="JWG737" s="423" t="s">
        <v>2795</v>
      </c>
      <c r="JWH737" s="424"/>
      <c r="JWI737" s="424"/>
      <c r="JWJ737" s="424"/>
      <c r="JWK737" s="423" t="s">
        <v>2795</v>
      </c>
      <c r="JWL737" s="424"/>
      <c r="JWM737" s="424"/>
      <c r="JWN737" s="424"/>
      <c r="JWO737" s="423" t="s">
        <v>2795</v>
      </c>
      <c r="JWP737" s="424"/>
      <c r="JWQ737" s="424"/>
      <c r="JWR737" s="424"/>
      <c r="JWS737" s="423" t="s">
        <v>2795</v>
      </c>
      <c r="JWT737" s="424"/>
      <c r="JWU737" s="424"/>
      <c r="JWV737" s="424"/>
      <c r="JWW737" s="423" t="s">
        <v>2795</v>
      </c>
      <c r="JWX737" s="424"/>
      <c r="JWY737" s="424"/>
      <c r="JWZ737" s="424"/>
      <c r="JXA737" s="423" t="s">
        <v>2795</v>
      </c>
      <c r="JXB737" s="424"/>
      <c r="JXC737" s="424"/>
      <c r="JXD737" s="424"/>
      <c r="JXE737" s="423" t="s">
        <v>2795</v>
      </c>
      <c r="JXF737" s="424"/>
      <c r="JXG737" s="424"/>
      <c r="JXH737" s="424"/>
      <c r="JXI737" s="423" t="s">
        <v>2795</v>
      </c>
      <c r="JXJ737" s="424"/>
      <c r="JXK737" s="424"/>
      <c r="JXL737" s="424"/>
      <c r="JXM737" s="423" t="s">
        <v>2795</v>
      </c>
      <c r="JXN737" s="424"/>
      <c r="JXO737" s="424"/>
      <c r="JXP737" s="424"/>
      <c r="JXQ737" s="423" t="s">
        <v>2795</v>
      </c>
      <c r="JXR737" s="424"/>
      <c r="JXS737" s="424"/>
      <c r="JXT737" s="424"/>
      <c r="JXU737" s="423" t="s">
        <v>2795</v>
      </c>
      <c r="JXV737" s="424"/>
      <c r="JXW737" s="424"/>
      <c r="JXX737" s="424"/>
      <c r="JXY737" s="423" t="s">
        <v>2795</v>
      </c>
      <c r="JXZ737" s="424"/>
      <c r="JYA737" s="424"/>
      <c r="JYB737" s="424"/>
      <c r="JYC737" s="423" t="s">
        <v>2795</v>
      </c>
      <c r="JYD737" s="424"/>
      <c r="JYE737" s="424"/>
      <c r="JYF737" s="424"/>
      <c r="JYG737" s="423" t="s">
        <v>2795</v>
      </c>
      <c r="JYH737" s="424"/>
      <c r="JYI737" s="424"/>
      <c r="JYJ737" s="424"/>
      <c r="JYK737" s="423" t="s">
        <v>2795</v>
      </c>
      <c r="JYL737" s="424"/>
      <c r="JYM737" s="424"/>
      <c r="JYN737" s="424"/>
      <c r="JYO737" s="423" t="s">
        <v>2795</v>
      </c>
      <c r="JYP737" s="424"/>
      <c r="JYQ737" s="424"/>
      <c r="JYR737" s="424"/>
      <c r="JYS737" s="423" t="s">
        <v>2795</v>
      </c>
      <c r="JYT737" s="424"/>
      <c r="JYU737" s="424"/>
      <c r="JYV737" s="424"/>
      <c r="JYW737" s="423" t="s">
        <v>2795</v>
      </c>
      <c r="JYX737" s="424"/>
      <c r="JYY737" s="424"/>
      <c r="JYZ737" s="424"/>
      <c r="JZA737" s="423" t="s">
        <v>2795</v>
      </c>
      <c r="JZB737" s="424"/>
      <c r="JZC737" s="424"/>
      <c r="JZD737" s="424"/>
      <c r="JZE737" s="423" t="s">
        <v>2795</v>
      </c>
      <c r="JZF737" s="424"/>
      <c r="JZG737" s="424"/>
      <c r="JZH737" s="424"/>
      <c r="JZI737" s="423" t="s">
        <v>2795</v>
      </c>
      <c r="JZJ737" s="424"/>
      <c r="JZK737" s="424"/>
      <c r="JZL737" s="424"/>
      <c r="JZM737" s="423" t="s">
        <v>2795</v>
      </c>
      <c r="JZN737" s="424"/>
      <c r="JZO737" s="424"/>
      <c r="JZP737" s="424"/>
      <c r="JZQ737" s="423" t="s">
        <v>2795</v>
      </c>
      <c r="JZR737" s="424"/>
      <c r="JZS737" s="424"/>
      <c r="JZT737" s="424"/>
      <c r="JZU737" s="423" t="s">
        <v>2795</v>
      </c>
      <c r="JZV737" s="424"/>
      <c r="JZW737" s="424"/>
      <c r="JZX737" s="424"/>
      <c r="JZY737" s="423" t="s">
        <v>2795</v>
      </c>
      <c r="JZZ737" s="424"/>
      <c r="KAA737" s="424"/>
      <c r="KAB737" s="424"/>
      <c r="KAC737" s="423" t="s">
        <v>2795</v>
      </c>
      <c r="KAD737" s="424"/>
      <c r="KAE737" s="424"/>
      <c r="KAF737" s="424"/>
      <c r="KAG737" s="423" t="s">
        <v>2795</v>
      </c>
      <c r="KAH737" s="424"/>
      <c r="KAI737" s="424"/>
      <c r="KAJ737" s="424"/>
      <c r="KAK737" s="423" t="s">
        <v>2795</v>
      </c>
      <c r="KAL737" s="424"/>
      <c r="KAM737" s="424"/>
      <c r="KAN737" s="424"/>
      <c r="KAO737" s="423" t="s">
        <v>2795</v>
      </c>
      <c r="KAP737" s="424"/>
      <c r="KAQ737" s="424"/>
      <c r="KAR737" s="424"/>
      <c r="KAS737" s="423" t="s">
        <v>2795</v>
      </c>
      <c r="KAT737" s="424"/>
      <c r="KAU737" s="424"/>
      <c r="KAV737" s="424"/>
      <c r="KAW737" s="423" t="s">
        <v>2795</v>
      </c>
      <c r="KAX737" s="424"/>
      <c r="KAY737" s="424"/>
      <c r="KAZ737" s="424"/>
      <c r="KBA737" s="423" t="s">
        <v>2795</v>
      </c>
      <c r="KBB737" s="424"/>
      <c r="KBC737" s="424"/>
      <c r="KBD737" s="424"/>
      <c r="KBE737" s="423" t="s">
        <v>2795</v>
      </c>
      <c r="KBF737" s="424"/>
      <c r="KBG737" s="424"/>
      <c r="KBH737" s="424"/>
      <c r="KBI737" s="423" t="s">
        <v>2795</v>
      </c>
      <c r="KBJ737" s="424"/>
      <c r="KBK737" s="424"/>
      <c r="KBL737" s="424"/>
      <c r="KBM737" s="423" t="s">
        <v>2795</v>
      </c>
      <c r="KBN737" s="424"/>
      <c r="KBO737" s="424"/>
      <c r="KBP737" s="424"/>
      <c r="KBQ737" s="423" t="s">
        <v>2795</v>
      </c>
      <c r="KBR737" s="424"/>
      <c r="KBS737" s="424"/>
      <c r="KBT737" s="424"/>
      <c r="KBU737" s="423" t="s">
        <v>2795</v>
      </c>
      <c r="KBV737" s="424"/>
      <c r="KBW737" s="424"/>
      <c r="KBX737" s="424"/>
      <c r="KBY737" s="423" t="s">
        <v>2795</v>
      </c>
      <c r="KBZ737" s="424"/>
      <c r="KCA737" s="424"/>
      <c r="KCB737" s="424"/>
      <c r="KCC737" s="423" t="s">
        <v>2795</v>
      </c>
      <c r="KCD737" s="424"/>
      <c r="KCE737" s="424"/>
      <c r="KCF737" s="424"/>
      <c r="KCG737" s="423" t="s">
        <v>2795</v>
      </c>
      <c r="KCH737" s="424"/>
      <c r="KCI737" s="424"/>
      <c r="KCJ737" s="424"/>
      <c r="KCK737" s="423" t="s">
        <v>2795</v>
      </c>
      <c r="KCL737" s="424"/>
      <c r="KCM737" s="424"/>
      <c r="KCN737" s="424"/>
      <c r="KCO737" s="423" t="s">
        <v>2795</v>
      </c>
      <c r="KCP737" s="424"/>
      <c r="KCQ737" s="424"/>
      <c r="KCR737" s="424"/>
      <c r="KCS737" s="423" t="s">
        <v>2795</v>
      </c>
      <c r="KCT737" s="424"/>
      <c r="KCU737" s="424"/>
      <c r="KCV737" s="424"/>
      <c r="KCW737" s="423" t="s">
        <v>2795</v>
      </c>
      <c r="KCX737" s="424"/>
      <c r="KCY737" s="424"/>
      <c r="KCZ737" s="424"/>
      <c r="KDA737" s="423" t="s">
        <v>2795</v>
      </c>
      <c r="KDB737" s="424"/>
      <c r="KDC737" s="424"/>
      <c r="KDD737" s="424"/>
      <c r="KDE737" s="423" t="s">
        <v>2795</v>
      </c>
      <c r="KDF737" s="424"/>
      <c r="KDG737" s="424"/>
      <c r="KDH737" s="424"/>
      <c r="KDI737" s="423" t="s">
        <v>2795</v>
      </c>
      <c r="KDJ737" s="424"/>
      <c r="KDK737" s="424"/>
      <c r="KDL737" s="424"/>
      <c r="KDM737" s="423" t="s">
        <v>2795</v>
      </c>
      <c r="KDN737" s="424"/>
      <c r="KDO737" s="424"/>
      <c r="KDP737" s="424"/>
      <c r="KDQ737" s="423" t="s">
        <v>2795</v>
      </c>
      <c r="KDR737" s="424"/>
      <c r="KDS737" s="424"/>
      <c r="KDT737" s="424"/>
      <c r="KDU737" s="423" t="s">
        <v>2795</v>
      </c>
      <c r="KDV737" s="424"/>
      <c r="KDW737" s="424"/>
      <c r="KDX737" s="424"/>
      <c r="KDY737" s="423" t="s">
        <v>2795</v>
      </c>
      <c r="KDZ737" s="424"/>
      <c r="KEA737" s="424"/>
      <c r="KEB737" s="424"/>
      <c r="KEC737" s="423" t="s">
        <v>2795</v>
      </c>
      <c r="KED737" s="424"/>
      <c r="KEE737" s="424"/>
      <c r="KEF737" s="424"/>
      <c r="KEG737" s="423" t="s">
        <v>2795</v>
      </c>
      <c r="KEH737" s="424"/>
      <c r="KEI737" s="424"/>
      <c r="KEJ737" s="424"/>
      <c r="KEK737" s="423" t="s">
        <v>2795</v>
      </c>
      <c r="KEL737" s="424"/>
      <c r="KEM737" s="424"/>
      <c r="KEN737" s="424"/>
      <c r="KEO737" s="423" t="s">
        <v>2795</v>
      </c>
      <c r="KEP737" s="424"/>
      <c r="KEQ737" s="424"/>
      <c r="KER737" s="424"/>
      <c r="KES737" s="423" t="s">
        <v>2795</v>
      </c>
      <c r="KET737" s="424"/>
      <c r="KEU737" s="424"/>
      <c r="KEV737" s="424"/>
      <c r="KEW737" s="423" t="s">
        <v>2795</v>
      </c>
      <c r="KEX737" s="424"/>
      <c r="KEY737" s="424"/>
      <c r="KEZ737" s="424"/>
      <c r="KFA737" s="423" t="s">
        <v>2795</v>
      </c>
      <c r="KFB737" s="424"/>
      <c r="KFC737" s="424"/>
      <c r="KFD737" s="424"/>
      <c r="KFE737" s="423" t="s">
        <v>2795</v>
      </c>
      <c r="KFF737" s="424"/>
      <c r="KFG737" s="424"/>
      <c r="KFH737" s="424"/>
      <c r="KFI737" s="423" t="s">
        <v>2795</v>
      </c>
      <c r="KFJ737" s="424"/>
      <c r="KFK737" s="424"/>
      <c r="KFL737" s="424"/>
      <c r="KFM737" s="423" t="s">
        <v>2795</v>
      </c>
      <c r="KFN737" s="424"/>
      <c r="KFO737" s="424"/>
      <c r="KFP737" s="424"/>
      <c r="KFQ737" s="423" t="s">
        <v>2795</v>
      </c>
      <c r="KFR737" s="424"/>
      <c r="KFS737" s="424"/>
      <c r="KFT737" s="424"/>
      <c r="KFU737" s="423" t="s">
        <v>2795</v>
      </c>
      <c r="KFV737" s="424"/>
      <c r="KFW737" s="424"/>
      <c r="KFX737" s="424"/>
      <c r="KFY737" s="423" t="s">
        <v>2795</v>
      </c>
      <c r="KFZ737" s="424"/>
      <c r="KGA737" s="424"/>
      <c r="KGB737" s="424"/>
      <c r="KGC737" s="423" t="s">
        <v>2795</v>
      </c>
      <c r="KGD737" s="424"/>
      <c r="KGE737" s="424"/>
      <c r="KGF737" s="424"/>
      <c r="KGG737" s="423" t="s">
        <v>2795</v>
      </c>
      <c r="KGH737" s="424"/>
      <c r="KGI737" s="424"/>
      <c r="KGJ737" s="424"/>
      <c r="KGK737" s="423" t="s">
        <v>2795</v>
      </c>
      <c r="KGL737" s="424"/>
      <c r="KGM737" s="424"/>
      <c r="KGN737" s="424"/>
      <c r="KGO737" s="423" t="s">
        <v>2795</v>
      </c>
      <c r="KGP737" s="424"/>
      <c r="KGQ737" s="424"/>
      <c r="KGR737" s="424"/>
      <c r="KGS737" s="423" t="s">
        <v>2795</v>
      </c>
      <c r="KGT737" s="424"/>
      <c r="KGU737" s="424"/>
      <c r="KGV737" s="424"/>
      <c r="KGW737" s="423" t="s">
        <v>2795</v>
      </c>
      <c r="KGX737" s="424"/>
      <c r="KGY737" s="424"/>
      <c r="KGZ737" s="424"/>
      <c r="KHA737" s="423" t="s">
        <v>2795</v>
      </c>
      <c r="KHB737" s="424"/>
      <c r="KHC737" s="424"/>
      <c r="KHD737" s="424"/>
      <c r="KHE737" s="423" t="s">
        <v>2795</v>
      </c>
      <c r="KHF737" s="424"/>
      <c r="KHG737" s="424"/>
      <c r="KHH737" s="424"/>
      <c r="KHI737" s="423" t="s">
        <v>2795</v>
      </c>
      <c r="KHJ737" s="424"/>
      <c r="KHK737" s="424"/>
      <c r="KHL737" s="424"/>
      <c r="KHM737" s="423" t="s">
        <v>2795</v>
      </c>
      <c r="KHN737" s="424"/>
      <c r="KHO737" s="424"/>
      <c r="KHP737" s="424"/>
      <c r="KHQ737" s="423" t="s">
        <v>2795</v>
      </c>
      <c r="KHR737" s="424"/>
      <c r="KHS737" s="424"/>
      <c r="KHT737" s="424"/>
      <c r="KHU737" s="423" t="s">
        <v>2795</v>
      </c>
      <c r="KHV737" s="424"/>
      <c r="KHW737" s="424"/>
      <c r="KHX737" s="424"/>
      <c r="KHY737" s="423" t="s">
        <v>2795</v>
      </c>
      <c r="KHZ737" s="424"/>
      <c r="KIA737" s="424"/>
      <c r="KIB737" s="424"/>
      <c r="KIC737" s="423" t="s">
        <v>2795</v>
      </c>
      <c r="KID737" s="424"/>
      <c r="KIE737" s="424"/>
      <c r="KIF737" s="424"/>
      <c r="KIG737" s="423" t="s">
        <v>2795</v>
      </c>
      <c r="KIH737" s="424"/>
      <c r="KII737" s="424"/>
      <c r="KIJ737" s="424"/>
      <c r="KIK737" s="423" t="s">
        <v>2795</v>
      </c>
      <c r="KIL737" s="424"/>
      <c r="KIM737" s="424"/>
      <c r="KIN737" s="424"/>
      <c r="KIO737" s="423" t="s">
        <v>2795</v>
      </c>
      <c r="KIP737" s="424"/>
      <c r="KIQ737" s="424"/>
      <c r="KIR737" s="424"/>
      <c r="KIS737" s="423" t="s">
        <v>2795</v>
      </c>
      <c r="KIT737" s="424"/>
      <c r="KIU737" s="424"/>
      <c r="KIV737" s="424"/>
      <c r="KIW737" s="423" t="s">
        <v>2795</v>
      </c>
      <c r="KIX737" s="424"/>
      <c r="KIY737" s="424"/>
      <c r="KIZ737" s="424"/>
      <c r="KJA737" s="423" t="s">
        <v>2795</v>
      </c>
      <c r="KJB737" s="424"/>
      <c r="KJC737" s="424"/>
      <c r="KJD737" s="424"/>
      <c r="KJE737" s="423" t="s">
        <v>2795</v>
      </c>
      <c r="KJF737" s="424"/>
      <c r="KJG737" s="424"/>
      <c r="KJH737" s="424"/>
      <c r="KJI737" s="423" t="s">
        <v>2795</v>
      </c>
      <c r="KJJ737" s="424"/>
      <c r="KJK737" s="424"/>
      <c r="KJL737" s="424"/>
      <c r="KJM737" s="423" t="s">
        <v>2795</v>
      </c>
      <c r="KJN737" s="424"/>
      <c r="KJO737" s="424"/>
      <c r="KJP737" s="424"/>
      <c r="KJQ737" s="423" t="s">
        <v>2795</v>
      </c>
      <c r="KJR737" s="424"/>
      <c r="KJS737" s="424"/>
      <c r="KJT737" s="424"/>
      <c r="KJU737" s="423" t="s">
        <v>2795</v>
      </c>
      <c r="KJV737" s="424"/>
      <c r="KJW737" s="424"/>
      <c r="KJX737" s="424"/>
      <c r="KJY737" s="423" t="s">
        <v>2795</v>
      </c>
      <c r="KJZ737" s="424"/>
      <c r="KKA737" s="424"/>
      <c r="KKB737" s="424"/>
      <c r="KKC737" s="423" t="s">
        <v>2795</v>
      </c>
      <c r="KKD737" s="424"/>
      <c r="KKE737" s="424"/>
      <c r="KKF737" s="424"/>
      <c r="KKG737" s="423" t="s">
        <v>2795</v>
      </c>
      <c r="KKH737" s="424"/>
      <c r="KKI737" s="424"/>
      <c r="KKJ737" s="424"/>
      <c r="KKK737" s="423" t="s">
        <v>2795</v>
      </c>
      <c r="KKL737" s="424"/>
      <c r="KKM737" s="424"/>
      <c r="KKN737" s="424"/>
      <c r="KKO737" s="423" t="s">
        <v>2795</v>
      </c>
      <c r="KKP737" s="424"/>
      <c r="KKQ737" s="424"/>
      <c r="KKR737" s="424"/>
      <c r="KKS737" s="423" t="s">
        <v>2795</v>
      </c>
      <c r="KKT737" s="424"/>
      <c r="KKU737" s="424"/>
      <c r="KKV737" s="424"/>
      <c r="KKW737" s="423" t="s">
        <v>2795</v>
      </c>
      <c r="KKX737" s="424"/>
      <c r="KKY737" s="424"/>
      <c r="KKZ737" s="424"/>
      <c r="KLA737" s="423" t="s">
        <v>2795</v>
      </c>
      <c r="KLB737" s="424"/>
      <c r="KLC737" s="424"/>
      <c r="KLD737" s="424"/>
      <c r="KLE737" s="423" t="s">
        <v>2795</v>
      </c>
      <c r="KLF737" s="424"/>
      <c r="KLG737" s="424"/>
      <c r="KLH737" s="424"/>
      <c r="KLI737" s="423" t="s">
        <v>2795</v>
      </c>
      <c r="KLJ737" s="424"/>
      <c r="KLK737" s="424"/>
      <c r="KLL737" s="424"/>
      <c r="KLM737" s="423" t="s">
        <v>2795</v>
      </c>
      <c r="KLN737" s="424"/>
      <c r="KLO737" s="424"/>
      <c r="KLP737" s="424"/>
      <c r="KLQ737" s="423" t="s">
        <v>2795</v>
      </c>
      <c r="KLR737" s="424"/>
      <c r="KLS737" s="424"/>
      <c r="KLT737" s="424"/>
      <c r="KLU737" s="423" t="s">
        <v>2795</v>
      </c>
      <c r="KLV737" s="424"/>
      <c r="KLW737" s="424"/>
      <c r="KLX737" s="424"/>
      <c r="KLY737" s="423" t="s">
        <v>2795</v>
      </c>
      <c r="KLZ737" s="424"/>
      <c r="KMA737" s="424"/>
      <c r="KMB737" s="424"/>
      <c r="KMC737" s="423" t="s">
        <v>2795</v>
      </c>
      <c r="KMD737" s="424"/>
      <c r="KME737" s="424"/>
      <c r="KMF737" s="424"/>
      <c r="KMG737" s="423" t="s">
        <v>2795</v>
      </c>
      <c r="KMH737" s="424"/>
      <c r="KMI737" s="424"/>
      <c r="KMJ737" s="424"/>
      <c r="KMK737" s="423" t="s">
        <v>2795</v>
      </c>
      <c r="KML737" s="424"/>
      <c r="KMM737" s="424"/>
      <c r="KMN737" s="424"/>
      <c r="KMO737" s="423" t="s">
        <v>2795</v>
      </c>
      <c r="KMP737" s="424"/>
      <c r="KMQ737" s="424"/>
      <c r="KMR737" s="424"/>
      <c r="KMS737" s="423" t="s">
        <v>2795</v>
      </c>
      <c r="KMT737" s="424"/>
      <c r="KMU737" s="424"/>
      <c r="KMV737" s="424"/>
      <c r="KMW737" s="423" t="s">
        <v>2795</v>
      </c>
      <c r="KMX737" s="424"/>
      <c r="KMY737" s="424"/>
      <c r="KMZ737" s="424"/>
      <c r="KNA737" s="423" t="s">
        <v>2795</v>
      </c>
      <c r="KNB737" s="424"/>
      <c r="KNC737" s="424"/>
      <c r="KND737" s="424"/>
      <c r="KNE737" s="423" t="s">
        <v>2795</v>
      </c>
      <c r="KNF737" s="424"/>
      <c r="KNG737" s="424"/>
      <c r="KNH737" s="424"/>
      <c r="KNI737" s="423" t="s">
        <v>2795</v>
      </c>
      <c r="KNJ737" s="424"/>
      <c r="KNK737" s="424"/>
      <c r="KNL737" s="424"/>
      <c r="KNM737" s="423" t="s">
        <v>2795</v>
      </c>
      <c r="KNN737" s="424"/>
      <c r="KNO737" s="424"/>
      <c r="KNP737" s="424"/>
      <c r="KNQ737" s="423" t="s">
        <v>2795</v>
      </c>
      <c r="KNR737" s="424"/>
      <c r="KNS737" s="424"/>
      <c r="KNT737" s="424"/>
      <c r="KNU737" s="423" t="s">
        <v>2795</v>
      </c>
      <c r="KNV737" s="424"/>
      <c r="KNW737" s="424"/>
      <c r="KNX737" s="424"/>
      <c r="KNY737" s="423" t="s">
        <v>2795</v>
      </c>
      <c r="KNZ737" s="424"/>
      <c r="KOA737" s="424"/>
      <c r="KOB737" s="424"/>
      <c r="KOC737" s="423" t="s">
        <v>2795</v>
      </c>
      <c r="KOD737" s="424"/>
      <c r="KOE737" s="424"/>
      <c r="KOF737" s="424"/>
      <c r="KOG737" s="423" t="s">
        <v>2795</v>
      </c>
      <c r="KOH737" s="424"/>
      <c r="KOI737" s="424"/>
      <c r="KOJ737" s="424"/>
      <c r="KOK737" s="423" t="s">
        <v>2795</v>
      </c>
      <c r="KOL737" s="424"/>
      <c r="KOM737" s="424"/>
      <c r="KON737" s="424"/>
      <c r="KOO737" s="423" t="s">
        <v>2795</v>
      </c>
      <c r="KOP737" s="424"/>
      <c r="KOQ737" s="424"/>
      <c r="KOR737" s="424"/>
      <c r="KOS737" s="423" t="s">
        <v>2795</v>
      </c>
      <c r="KOT737" s="424"/>
      <c r="KOU737" s="424"/>
      <c r="KOV737" s="424"/>
      <c r="KOW737" s="423" t="s">
        <v>2795</v>
      </c>
      <c r="KOX737" s="424"/>
      <c r="KOY737" s="424"/>
      <c r="KOZ737" s="424"/>
      <c r="KPA737" s="423" t="s">
        <v>2795</v>
      </c>
      <c r="KPB737" s="424"/>
      <c r="KPC737" s="424"/>
      <c r="KPD737" s="424"/>
      <c r="KPE737" s="423" t="s">
        <v>2795</v>
      </c>
      <c r="KPF737" s="424"/>
      <c r="KPG737" s="424"/>
      <c r="KPH737" s="424"/>
      <c r="KPI737" s="423" t="s">
        <v>2795</v>
      </c>
      <c r="KPJ737" s="424"/>
      <c r="KPK737" s="424"/>
      <c r="KPL737" s="424"/>
      <c r="KPM737" s="423" t="s">
        <v>2795</v>
      </c>
      <c r="KPN737" s="424"/>
      <c r="KPO737" s="424"/>
      <c r="KPP737" s="424"/>
      <c r="KPQ737" s="423" t="s">
        <v>2795</v>
      </c>
      <c r="KPR737" s="424"/>
      <c r="KPS737" s="424"/>
      <c r="KPT737" s="424"/>
      <c r="KPU737" s="423" t="s">
        <v>2795</v>
      </c>
      <c r="KPV737" s="424"/>
      <c r="KPW737" s="424"/>
      <c r="KPX737" s="424"/>
      <c r="KPY737" s="423" t="s">
        <v>2795</v>
      </c>
      <c r="KPZ737" s="424"/>
      <c r="KQA737" s="424"/>
      <c r="KQB737" s="424"/>
      <c r="KQC737" s="423" t="s">
        <v>2795</v>
      </c>
      <c r="KQD737" s="424"/>
      <c r="KQE737" s="424"/>
      <c r="KQF737" s="424"/>
      <c r="KQG737" s="423" t="s">
        <v>2795</v>
      </c>
      <c r="KQH737" s="424"/>
      <c r="KQI737" s="424"/>
      <c r="KQJ737" s="424"/>
      <c r="KQK737" s="423" t="s">
        <v>2795</v>
      </c>
      <c r="KQL737" s="424"/>
      <c r="KQM737" s="424"/>
      <c r="KQN737" s="424"/>
      <c r="KQO737" s="423" t="s">
        <v>2795</v>
      </c>
      <c r="KQP737" s="424"/>
      <c r="KQQ737" s="424"/>
      <c r="KQR737" s="424"/>
      <c r="KQS737" s="423" t="s">
        <v>2795</v>
      </c>
      <c r="KQT737" s="424"/>
      <c r="KQU737" s="424"/>
      <c r="KQV737" s="424"/>
      <c r="KQW737" s="423" t="s">
        <v>2795</v>
      </c>
      <c r="KQX737" s="424"/>
      <c r="KQY737" s="424"/>
      <c r="KQZ737" s="424"/>
      <c r="KRA737" s="423" t="s">
        <v>2795</v>
      </c>
      <c r="KRB737" s="424"/>
      <c r="KRC737" s="424"/>
      <c r="KRD737" s="424"/>
      <c r="KRE737" s="423" t="s">
        <v>2795</v>
      </c>
      <c r="KRF737" s="424"/>
      <c r="KRG737" s="424"/>
      <c r="KRH737" s="424"/>
      <c r="KRI737" s="423" t="s">
        <v>2795</v>
      </c>
      <c r="KRJ737" s="424"/>
      <c r="KRK737" s="424"/>
      <c r="KRL737" s="424"/>
      <c r="KRM737" s="423" t="s">
        <v>2795</v>
      </c>
      <c r="KRN737" s="424"/>
      <c r="KRO737" s="424"/>
      <c r="KRP737" s="424"/>
      <c r="KRQ737" s="423" t="s">
        <v>2795</v>
      </c>
      <c r="KRR737" s="424"/>
      <c r="KRS737" s="424"/>
      <c r="KRT737" s="424"/>
      <c r="KRU737" s="423" t="s">
        <v>2795</v>
      </c>
      <c r="KRV737" s="424"/>
      <c r="KRW737" s="424"/>
      <c r="KRX737" s="424"/>
      <c r="KRY737" s="423" t="s">
        <v>2795</v>
      </c>
      <c r="KRZ737" s="424"/>
      <c r="KSA737" s="424"/>
      <c r="KSB737" s="424"/>
      <c r="KSC737" s="423" t="s">
        <v>2795</v>
      </c>
      <c r="KSD737" s="424"/>
      <c r="KSE737" s="424"/>
      <c r="KSF737" s="424"/>
      <c r="KSG737" s="423" t="s">
        <v>2795</v>
      </c>
      <c r="KSH737" s="424"/>
      <c r="KSI737" s="424"/>
      <c r="KSJ737" s="424"/>
      <c r="KSK737" s="423" t="s">
        <v>2795</v>
      </c>
      <c r="KSL737" s="424"/>
      <c r="KSM737" s="424"/>
      <c r="KSN737" s="424"/>
      <c r="KSO737" s="423" t="s">
        <v>2795</v>
      </c>
      <c r="KSP737" s="424"/>
      <c r="KSQ737" s="424"/>
      <c r="KSR737" s="424"/>
      <c r="KSS737" s="423" t="s">
        <v>2795</v>
      </c>
      <c r="KST737" s="424"/>
      <c r="KSU737" s="424"/>
      <c r="KSV737" s="424"/>
      <c r="KSW737" s="423" t="s">
        <v>2795</v>
      </c>
      <c r="KSX737" s="424"/>
      <c r="KSY737" s="424"/>
      <c r="KSZ737" s="424"/>
      <c r="KTA737" s="423" t="s">
        <v>2795</v>
      </c>
      <c r="KTB737" s="424"/>
      <c r="KTC737" s="424"/>
      <c r="KTD737" s="424"/>
      <c r="KTE737" s="423" t="s">
        <v>2795</v>
      </c>
      <c r="KTF737" s="424"/>
      <c r="KTG737" s="424"/>
      <c r="KTH737" s="424"/>
      <c r="KTI737" s="423" t="s">
        <v>2795</v>
      </c>
      <c r="KTJ737" s="424"/>
      <c r="KTK737" s="424"/>
      <c r="KTL737" s="424"/>
      <c r="KTM737" s="423" t="s">
        <v>2795</v>
      </c>
      <c r="KTN737" s="424"/>
      <c r="KTO737" s="424"/>
      <c r="KTP737" s="424"/>
      <c r="KTQ737" s="423" t="s">
        <v>2795</v>
      </c>
      <c r="KTR737" s="424"/>
      <c r="KTS737" s="424"/>
      <c r="KTT737" s="424"/>
      <c r="KTU737" s="423" t="s">
        <v>2795</v>
      </c>
      <c r="KTV737" s="424"/>
      <c r="KTW737" s="424"/>
      <c r="KTX737" s="424"/>
      <c r="KTY737" s="423" t="s">
        <v>2795</v>
      </c>
      <c r="KTZ737" s="424"/>
      <c r="KUA737" s="424"/>
      <c r="KUB737" s="424"/>
      <c r="KUC737" s="423" t="s">
        <v>2795</v>
      </c>
      <c r="KUD737" s="424"/>
      <c r="KUE737" s="424"/>
      <c r="KUF737" s="424"/>
      <c r="KUG737" s="423" t="s">
        <v>2795</v>
      </c>
      <c r="KUH737" s="424"/>
      <c r="KUI737" s="424"/>
      <c r="KUJ737" s="424"/>
      <c r="KUK737" s="423" t="s">
        <v>2795</v>
      </c>
      <c r="KUL737" s="424"/>
      <c r="KUM737" s="424"/>
      <c r="KUN737" s="424"/>
      <c r="KUO737" s="423" t="s">
        <v>2795</v>
      </c>
      <c r="KUP737" s="424"/>
      <c r="KUQ737" s="424"/>
      <c r="KUR737" s="424"/>
      <c r="KUS737" s="423" t="s">
        <v>2795</v>
      </c>
      <c r="KUT737" s="424"/>
      <c r="KUU737" s="424"/>
      <c r="KUV737" s="424"/>
      <c r="KUW737" s="423" t="s">
        <v>2795</v>
      </c>
      <c r="KUX737" s="424"/>
      <c r="KUY737" s="424"/>
      <c r="KUZ737" s="424"/>
      <c r="KVA737" s="423" t="s">
        <v>2795</v>
      </c>
      <c r="KVB737" s="424"/>
      <c r="KVC737" s="424"/>
      <c r="KVD737" s="424"/>
      <c r="KVE737" s="423" t="s">
        <v>2795</v>
      </c>
      <c r="KVF737" s="424"/>
      <c r="KVG737" s="424"/>
      <c r="KVH737" s="424"/>
      <c r="KVI737" s="423" t="s">
        <v>2795</v>
      </c>
      <c r="KVJ737" s="424"/>
      <c r="KVK737" s="424"/>
      <c r="KVL737" s="424"/>
      <c r="KVM737" s="423" t="s">
        <v>2795</v>
      </c>
      <c r="KVN737" s="424"/>
      <c r="KVO737" s="424"/>
      <c r="KVP737" s="424"/>
      <c r="KVQ737" s="423" t="s">
        <v>2795</v>
      </c>
      <c r="KVR737" s="424"/>
      <c r="KVS737" s="424"/>
      <c r="KVT737" s="424"/>
      <c r="KVU737" s="423" t="s">
        <v>2795</v>
      </c>
      <c r="KVV737" s="424"/>
      <c r="KVW737" s="424"/>
      <c r="KVX737" s="424"/>
      <c r="KVY737" s="423" t="s">
        <v>2795</v>
      </c>
      <c r="KVZ737" s="424"/>
      <c r="KWA737" s="424"/>
      <c r="KWB737" s="424"/>
      <c r="KWC737" s="423" t="s">
        <v>2795</v>
      </c>
      <c r="KWD737" s="424"/>
      <c r="KWE737" s="424"/>
      <c r="KWF737" s="424"/>
      <c r="KWG737" s="423" t="s">
        <v>2795</v>
      </c>
      <c r="KWH737" s="424"/>
      <c r="KWI737" s="424"/>
      <c r="KWJ737" s="424"/>
      <c r="KWK737" s="423" t="s">
        <v>2795</v>
      </c>
      <c r="KWL737" s="424"/>
      <c r="KWM737" s="424"/>
      <c r="KWN737" s="424"/>
      <c r="KWO737" s="423" t="s">
        <v>2795</v>
      </c>
      <c r="KWP737" s="424"/>
      <c r="KWQ737" s="424"/>
      <c r="KWR737" s="424"/>
      <c r="KWS737" s="423" t="s">
        <v>2795</v>
      </c>
      <c r="KWT737" s="424"/>
      <c r="KWU737" s="424"/>
      <c r="KWV737" s="424"/>
      <c r="KWW737" s="423" t="s">
        <v>2795</v>
      </c>
      <c r="KWX737" s="424"/>
      <c r="KWY737" s="424"/>
      <c r="KWZ737" s="424"/>
      <c r="KXA737" s="423" t="s">
        <v>2795</v>
      </c>
      <c r="KXB737" s="424"/>
      <c r="KXC737" s="424"/>
      <c r="KXD737" s="424"/>
      <c r="KXE737" s="423" t="s">
        <v>2795</v>
      </c>
      <c r="KXF737" s="424"/>
      <c r="KXG737" s="424"/>
      <c r="KXH737" s="424"/>
      <c r="KXI737" s="423" t="s">
        <v>2795</v>
      </c>
      <c r="KXJ737" s="424"/>
      <c r="KXK737" s="424"/>
      <c r="KXL737" s="424"/>
      <c r="KXM737" s="423" t="s">
        <v>2795</v>
      </c>
      <c r="KXN737" s="424"/>
      <c r="KXO737" s="424"/>
      <c r="KXP737" s="424"/>
      <c r="KXQ737" s="423" t="s">
        <v>2795</v>
      </c>
      <c r="KXR737" s="424"/>
      <c r="KXS737" s="424"/>
      <c r="KXT737" s="424"/>
      <c r="KXU737" s="423" t="s">
        <v>2795</v>
      </c>
      <c r="KXV737" s="424"/>
      <c r="KXW737" s="424"/>
      <c r="KXX737" s="424"/>
      <c r="KXY737" s="423" t="s">
        <v>2795</v>
      </c>
      <c r="KXZ737" s="424"/>
      <c r="KYA737" s="424"/>
      <c r="KYB737" s="424"/>
      <c r="KYC737" s="423" t="s">
        <v>2795</v>
      </c>
      <c r="KYD737" s="424"/>
      <c r="KYE737" s="424"/>
      <c r="KYF737" s="424"/>
      <c r="KYG737" s="423" t="s">
        <v>2795</v>
      </c>
      <c r="KYH737" s="424"/>
      <c r="KYI737" s="424"/>
      <c r="KYJ737" s="424"/>
      <c r="KYK737" s="423" t="s">
        <v>2795</v>
      </c>
      <c r="KYL737" s="424"/>
      <c r="KYM737" s="424"/>
      <c r="KYN737" s="424"/>
      <c r="KYO737" s="423" t="s">
        <v>2795</v>
      </c>
      <c r="KYP737" s="424"/>
      <c r="KYQ737" s="424"/>
      <c r="KYR737" s="424"/>
      <c r="KYS737" s="423" t="s">
        <v>2795</v>
      </c>
      <c r="KYT737" s="424"/>
      <c r="KYU737" s="424"/>
      <c r="KYV737" s="424"/>
      <c r="KYW737" s="423" t="s">
        <v>2795</v>
      </c>
      <c r="KYX737" s="424"/>
      <c r="KYY737" s="424"/>
      <c r="KYZ737" s="424"/>
      <c r="KZA737" s="423" t="s">
        <v>2795</v>
      </c>
      <c r="KZB737" s="424"/>
      <c r="KZC737" s="424"/>
      <c r="KZD737" s="424"/>
      <c r="KZE737" s="423" t="s">
        <v>2795</v>
      </c>
      <c r="KZF737" s="424"/>
      <c r="KZG737" s="424"/>
      <c r="KZH737" s="424"/>
      <c r="KZI737" s="423" t="s">
        <v>2795</v>
      </c>
      <c r="KZJ737" s="424"/>
      <c r="KZK737" s="424"/>
      <c r="KZL737" s="424"/>
      <c r="KZM737" s="423" t="s">
        <v>2795</v>
      </c>
      <c r="KZN737" s="424"/>
      <c r="KZO737" s="424"/>
      <c r="KZP737" s="424"/>
      <c r="KZQ737" s="423" t="s">
        <v>2795</v>
      </c>
      <c r="KZR737" s="424"/>
      <c r="KZS737" s="424"/>
      <c r="KZT737" s="424"/>
      <c r="KZU737" s="423" t="s">
        <v>2795</v>
      </c>
      <c r="KZV737" s="424"/>
      <c r="KZW737" s="424"/>
      <c r="KZX737" s="424"/>
      <c r="KZY737" s="423" t="s">
        <v>2795</v>
      </c>
      <c r="KZZ737" s="424"/>
      <c r="LAA737" s="424"/>
      <c r="LAB737" s="424"/>
      <c r="LAC737" s="423" t="s">
        <v>2795</v>
      </c>
      <c r="LAD737" s="424"/>
      <c r="LAE737" s="424"/>
      <c r="LAF737" s="424"/>
      <c r="LAG737" s="423" t="s">
        <v>2795</v>
      </c>
      <c r="LAH737" s="424"/>
      <c r="LAI737" s="424"/>
      <c r="LAJ737" s="424"/>
      <c r="LAK737" s="423" t="s">
        <v>2795</v>
      </c>
      <c r="LAL737" s="424"/>
      <c r="LAM737" s="424"/>
      <c r="LAN737" s="424"/>
      <c r="LAO737" s="423" t="s">
        <v>2795</v>
      </c>
      <c r="LAP737" s="424"/>
      <c r="LAQ737" s="424"/>
      <c r="LAR737" s="424"/>
      <c r="LAS737" s="423" t="s">
        <v>2795</v>
      </c>
      <c r="LAT737" s="424"/>
      <c r="LAU737" s="424"/>
      <c r="LAV737" s="424"/>
      <c r="LAW737" s="423" t="s">
        <v>2795</v>
      </c>
      <c r="LAX737" s="424"/>
      <c r="LAY737" s="424"/>
      <c r="LAZ737" s="424"/>
      <c r="LBA737" s="423" t="s">
        <v>2795</v>
      </c>
      <c r="LBB737" s="424"/>
      <c r="LBC737" s="424"/>
      <c r="LBD737" s="424"/>
      <c r="LBE737" s="423" t="s">
        <v>2795</v>
      </c>
      <c r="LBF737" s="424"/>
      <c r="LBG737" s="424"/>
      <c r="LBH737" s="424"/>
      <c r="LBI737" s="423" t="s">
        <v>2795</v>
      </c>
      <c r="LBJ737" s="424"/>
      <c r="LBK737" s="424"/>
      <c r="LBL737" s="424"/>
      <c r="LBM737" s="423" t="s">
        <v>2795</v>
      </c>
      <c r="LBN737" s="424"/>
      <c r="LBO737" s="424"/>
      <c r="LBP737" s="424"/>
      <c r="LBQ737" s="423" t="s">
        <v>2795</v>
      </c>
      <c r="LBR737" s="424"/>
      <c r="LBS737" s="424"/>
      <c r="LBT737" s="424"/>
      <c r="LBU737" s="423" t="s">
        <v>2795</v>
      </c>
      <c r="LBV737" s="424"/>
      <c r="LBW737" s="424"/>
      <c r="LBX737" s="424"/>
      <c r="LBY737" s="423" t="s">
        <v>2795</v>
      </c>
      <c r="LBZ737" s="424"/>
      <c r="LCA737" s="424"/>
      <c r="LCB737" s="424"/>
      <c r="LCC737" s="423" t="s">
        <v>2795</v>
      </c>
      <c r="LCD737" s="424"/>
      <c r="LCE737" s="424"/>
      <c r="LCF737" s="424"/>
      <c r="LCG737" s="423" t="s">
        <v>2795</v>
      </c>
      <c r="LCH737" s="424"/>
      <c r="LCI737" s="424"/>
      <c r="LCJ737" s="424"/>
      <c r="LCK737" s="423" t="s">
        <v>2795</v>
      </c>
      <c r="LCL737" s="424"/>
      <c r="LCM737" s="424"/>
      <c r="LCN737" s="424"/>
      <c r="LCO737" s="423" t="s">
        <v>2795</v>
      </c>
      <c r="LCP737" s="424"/>
      <c r="LCQ737" s="424"/>
      <c r="LCR737" s="424"/>
      <c r="LCS737" s="423" t="s">
        <v>2795</v>
      </c>
      <c r="LCT737" s="424"/>
      <c r="LCU737" s="424"/>
      <c r="LCV737" s="424"/>
      <c r="LCW737" s="423" t="s">
        <v>2795</v>
      </c>
      <c r="LCX737" s="424"/>
      <c r="LCY737" s="424"/>
      <c r="LCZ737" s="424"/>
      <c r="LDA737" s="423" t="s">
        <v>2795</v>
      </c>
      <c r="LDB737" s="424"/>
      <c r="LDC737" s="424"/>
      <c r="LDD737" s="424"/>
      <c r="LDE737" s="423" t="s">
        <v>2795</v>
      </c>
      <c r="LDF737" s="424"/>
      <c r="LDG737" s="424"/>
      <c r="LDH737" s="424"/>
      <c r="LDI737" s="423" t="s">
        <v>2795</v>
      </c>
      <c r="LDJ737" s="424"/>
      <c r="LDK737" s="424"/>
      <c r="LDL737" s="424"/>
      <c r="LDM737" s="423" t="s">
        <v>2795</v>
      </c>
      <c r="LDN737" s="424"/>
      <c r="LDO737" s="424"/>
      <c r="LDP737" s="424"/>
      <c r="LDQ737" s="423" t="s">
        <v>2795</v>
      </c>
      <c r="LDR737" s="424"/>
      <c r="LDS737" s="424"/>
      <c r="LDT737" s="424"/>
      <c r="LDU737" s="423" t="s">
        <v>2795</v>
      </c>
      <c r="LDV737" s="424"/>
      <c r="LDW737" s="424"/>
      <c r="LDX737" s="424"/>
      <c r="LDY737" s="423" t="s">
        <v>2795</v>
      </c>
      <c r="LDZ737" s="424"/>
      <c r="LEA737" s="424"/>
      <c r="LEB737" s="424"/>
      <c r="LEC737" s="423" t="s">
        <v>2795</v>
      </c>
      <c r="LED737" s="424"/>
      <c r="LEE737" s="424"/>
      <c r="LEF737" s="424"/>
      <c r="LEG737" s="423" t="s">
        <v>2795</v>
      </c>
      <c r="LEH737" s="424"/>
      <c r="LEI737" s="424"/>
      <c r="LEJ737" s="424"/>
      <c r="LEK737" s="423" t="s">
        <v>2795</v>
      </c>
      <c r="LEL737" s="424"/>
      <c r="LEM737" s="424"/>
      <c r="LEN737" s="424"/>
      <c r="LEO737" s="423" t="s">
        <v>2795</v>
      </c>
      <c r="LEP737" s="424"/>
      <c r="LEQ737" s="424"/>
      <c r="LER737" s="424"/>
      <c r="LES737" s="423" t="s">
        <v>2795</v>
      </c>
      <c r="LET737" s="424"/>
      <c r="LEU737" s="424"/>
      <c r="LEV737" s="424"/>
      <c r="LEW737" s="423" t="s">
        <v>2795</v>
      </c>
      <c r="LEX737" s="424"/>
      <c r="LEY737" s="424"/>
      <c r="LEZ737" s="424"/>
      <c r="LFA737" s="423" t="s">
        <v>2795</v>
      </c>
      <c r="LFB737" s="424"/>
      <c r="LFC737" s="424"/>
      <c r="LFD737" s="424"/>
      <c r="LFE737" s="423" t="s">
        <v>2795</v>
      </c>
      <c r="LFF737" s="424"/>
      <c r="LFG737" s="424"/>
      <c r="LFH737" s="424"/>
      <c r="LFI737" s="423" t="s">
        <v>2795</v>
      </c>
      <c r="LFJ737" s="424"/>
      <c r="LFK737" s="424"/>
      <c r="LFL737" s="424"/>
      <c r="LFM737" s="423" t="s">
        <v>2795</v>
      </c>
      <c r="LFN737" s="424"/>
      <c r="LFO737" s="424"/>
      <c r="LFP737" s="424"/>
      <c r="LFQ737" s="423" t="s">
        <v>2795</v>
      </c>
      <c r="LFR737" s="424"/>
      <c r="LFS737" s="424"/>
      <c r="LFT737" s="424"/>
      <c r="LFU737" s="423" t="s">
        <v>2795</v>
      </c>
      <c r="LFV737" s="424"/>
      <c r="LFW737" s="424"/>
      <c r="LFX737" s="424"/>
      <c r="LFY737" s="423" t="s">
        <v>2795</v>
      </c>
      <c r="LFZ737" s="424"/>
      <c r="LGA737" s="424"/>
      <c r="LGB737" s="424"/>
      <c r="LGC737" s="423" t="s">
        <v>2795</v>
      </c>
      <c r="LGD737" s="424"/>
      <c r="LGE737" s="424"/>
      <c r="LGF737" s="424"/>
      <c r="LGG737" s="423" t="s">
        <v>2795</v>
      </c>
      <c r="LGH737" s="424"/>
      <c r="LGI737" s="424"/>
      <c r="LGJ737" s="424"/>
      <c r="LGK737" s="423" t="s">
        <v>2795</v>
      </c>
      <c r="LGL737" s="424"/>
      <c r="LGM737" s="424"/>
      <c r="LGN737" s="424"/>
      <c r="LGO737" s="423" t="s">
        <v>2795</v>
      </c>
      <c r="LGP737" s="424"/>
      <c r="LGQ737" s="424"/>
      <c r="LGR737" s="424"/>
      <c r="LGS737" s="423" t="s">
        <v>2795</v>
      </c>
      <c r="LGT737" s="424"/>
      <c r="LGU737" s="424"/>
      <c r="LGV737" s="424"/>
      <c r="LGW737" s="423" t="s">
        <v>2795</v>
      </c>
      <c r="LGX737" s="424"/>
      <c r="LGY737" s="424"/>
      <c r="LGZ737" s="424"/>
      <c r="LHA737" s="423" t="s">
        <v>2795</v>
      </c>
      <c r="LHB737" s="424"/>
      <c r="LHC737" s="424"/>
      <c r="LHD737" s="424"/>
      <c r="LHE737" s="423" t="s">
        <v>2795</v>
      </c>
      <c r="LHF737" s="424"/>
      <c r="LHG737" s="424"/>
      <c r="LHH737" s="424"/>
      <c r="LHI737" s="423" t="s">
        <v>2795</v>
      </c>
      <c r="LHJ737" s="424"/>
      <c r="LHK737" s="424"/>
      <c r="LHL737" s="424"/>
      <c r="LHM737" s="423" t="s">
        <v>2795</v>
      </c>
      <c r="LHN737" s="424"/>
      <c r="LHO737" s="424"/>
      <c r="LHP737" s="424"/>
      <c r="LHQ737" s="423" t="s">
        <v>2795</v>
      </c>
      <c r="LHR737" s="424"/>
      <c r="LHS737" s="424"/>
      <c r="LHT737" s="424"/>
      <c r="LHU737" s="423" t="s">
        <v>2795</v>
      </c>
      <c r="LHV737" s="424"/>
      <c r="LHW737" s="424"/>
      <c r="LHX737" s="424"/>
      <c r="LHY737" s="423" t="s">
        <v>2795</v>
      </c>
      <c r="LHZ737" s="424"/>
      <c r="LIA737" s="424"/>
      <c r="LIB737" s="424"/>
      <c r="LIC737" s="423" t="s">
        <v>2795</v>
      </c>
      <c r="LID737" s="424"/>
      <c r="LIE737" s="424"/>
      <c r="LIF737" s="424"/>
      <c r="LIG737" s="423" t="s">
        <v>2795</v>
      </c>
      <c r="LIH737" s="424"/>
      <c r="LII737" s="424"/>
      <c r="LIJ737" s="424"/>
      <c r="LIK737" s="423" t="s">
        <v>2795</v>
      </c>
      <c r="LIL737" s="424"/>
      <c r="LIM737" s="424"/>
      <c r="LIN737" s="424"/>
      <c r="LIO737" s="423" t="s">
        <v>2795</v>
      </c>
      <c r="LIP737" s="424"/>
      <c r="LIQ737" s="424"/>
      <c r="LIR737" s="424"/>
      <c r="LIS737" s="423" t="s">
        <v>2795</v>
      </c>
      <c r="LIT737" s="424"/>
      <c r="LIU737" s="424"/>
      <c r="LIV737" s="424"/>
      <c r="LIW737" s="423" t="s">
        <v>2795</v>
      </c>
      <c r="LIX737" s="424"/>
      <c r="LIY737" s="424"/>
      <c r="LIZ737" s="424"/>
      <c r="LJA737" s="423" t="s">
        <v>2795</v>
      </c>
      <c r="LJB737" s="424"/>
      <c r="LJC737" s="424"/>
      <c r="LJD737" s="424"/>
      <c r="LJE737" s="423" t="s">
        <v>2795</v>
      </c>
      <c r="LJF737" s="424"/>
      <c r="LJG737" s="424"/>
      <c r="LJH737" s="424"/>
      <c r="LJI737" s="423" t="s">
        <v>2795</v>
      </c>
      <c r="LJJ737" s="424"/>
      <c r="LJK737" s="424"/>
      <c r="LJL737" s="424"/>
      <c r="LJM737" s="423" t="s">
        <v>2795</v>
      </c>
      <c r="LJN737" s="424"/>
      <c r="LJO737" s="424"/>
      <c r="LJP737" s="424"/>
      <c r="LJQ737" s="423" t="s">
        <v>2795</v>
      </c>
      <c r="LJR737" s="424"/>
      <c r="LJS737" s="424"/>
      <c r="LJT737" s="424"/>
      <c r="LJU737" s="423" t="s">
        <v>2795</v>
      </c>
      <c r="LJV737" s="424"/>
      <c r="LJW737" s="424"/>
      <c r="LJX737" s="424"/>
      <c r="LJY737" s="423" t="s">
        <v>2795</v>
      </c>
      <c r="LJZ737" s="424"/>
      <c r="LKA737" s="424"/>
      <c r="LKB737" s="424"/>
      <c r="LKC737" s="423" t="s">
        <v>2795</v>
      </c>
      <c r="LKD737" s="424"/>
      <c r="LKE737" s="424"/>
      <c r="LKF737" s="424"/>
      <c r="LKG737" s="423" t="s">
        <v>2795</v>
      </c>
      <c r="LKH737" s="424"/>
      <c r="LKI737" s="424"/>
      <c r="LKJ737" s="424"/>
      <c r="LKK737" s="423" t="s">
        <v>2795</v>
      </c>
      <c r="LKL737" s="424"/>
      <c r="LKM737" s="424"/>
      <c r="LKN737" s="424"/>
      <c r="LKO737" s="423" t="s">
        <v>2795</v>
      </c>
      <c r="LKP737" s="424"/>
      <c r="LKQ737" s="424"/>
      <c r="LKR737" s="424"/>
      <c r="LKS737" s="423" t="s">
        <v>2795</v>
      </c>
      <c r="LKT737" s="424"/>
      <c r="LKU737" s="424"/>
      <c r="LKV737" s="424"/>
      <c r="LKW737" s="423" t="s">
        <v>2795</v>
      </c>
      <c r="LKX737" s="424"/>
      <c r="LKY737" s="424"/>
      <c r="LKZ737" s="424"/>
      <c r="LLA737" s="423" t="s">
        <v>2795</v>
      </c>
      <c r="LLB737" s="424"/>
      <c r="LLC737" s="424"/>
      <c r="LLD737" s="424"/>
      <c r="LLE737" s="423" t="s">
        <v>2795</v>
      </c>
      <c r="LLF737" s="424"/>
      <c r="LLG737" s="424"/>
      <c r="LLH737" s="424"/>
      <c r="LLI737" s="423" t="s">
        <v>2795</v>
      </c>
      <c r="LLJ737" s="424"/>
      <c r="LLK737" s="424"/>
      <c r="LLL737" s="424"/>
      <c r="LLM737" s="423" t="s">
        <v>2795</v>
      </c>
      <c r="LLN737" s="424"/>
      <c r="LLO737" s="424"/>
      <c r="LLP737" s="424"/>
      <c r="LLQ737" s="423" t="s">
        <v>2795</v>
      </c>
      <c r="LLR737" s="424"/>
      <c r="LLS737" s="424"/>
      <c r="LLT737" s="424"/>
      <c r="LLU737" s="423" t="s">
        <v>2795</v>
      </c>
      <c r="LLV737" s="424"/>
      <c r="LLW737" s="424"/>
      <c r="LLX737" s="424"/>
      <c r="LLY737" s="423" t="s">
        <v>2795</v>
      </c>
      <c r="LLZ737" s="424"/>
      <c r="LMA737" s="424"/>
      <c r="LMB737" s="424"/>
      <c r="LMC737" s="423" t="s">
        <v>2795</v>
      </c>
      <c r="LMD737" s="424"/>
      <c r="LME737" s="424"/>
      <c r="LMF737" s="424"/>
      <c r="LMG737" s="423" t="s">
        <v>2795</v>
      </c>
      <c r="LMH737" s="424"/>
      <c r="LMI737" s="424"/>
      <c r="LMJ737" s="424"/>
      <c r="LMK737" s="423" t="s">
        <v>2795</v>
      </c>
      <c r="LML737" s="424"/>
      <c r="LMM737" s="424"/>
      <c r="LMN737" s="424"/>
      <c r="LMO737" s="423" t="s">
        <v>2795</v>
      </c>
      <c r="LMP737" s="424"/>
      <c r="LMQ737" s="424"/>
      <c r="LMR737" s="424"/>
      <c r="LMS737" s="423" t="s">
        <v>2795</v>
      </c>
      <c r="LMT737" s="424"/>
      <c r="LMU737" s="424"/>
      <c r="LMV737" s="424"/>
      <c r="LMW737" s="423" t="s">
        <v>2795</v>
      </c>
      <c r="LMX737" s="424"/>
      <c r="LMY737" s="424"/>
      <c r="LMZ737" s="424"/>
      <c r="LNA737" s="423" t="s">
        <v>2795</v>
      </c>
      <c r="LNB737" s="424"/>
      <c r="LNC737" s="424"/>
      <c r="LND737" s="424"/>
      <c r="LNE737" s="423" t="s">
        <v>2795</v>
      </c>
      <c r="LNF737" s="424"/>
      <c r="LNG737" s="424"/>
      <c r="LNH737" s="424"/>
      <c r="LNI737" s="423" t="s">
        <v>2795</v>
      </c>
      <c r="LNJ737" s="424"/>
      <c r="LNK737" s="424"/>
      <c r="LNL737" s="424"/>
      <c r="LNM737" s="423" t="s">
        <v>2795</v>
      </c>
      <c r="LNN737" s="424"/>
      <c r="LNO737" s="424"/>
      <c r="LNP737" s="424"/>
      <c r="LNQ737" s="423" t="s">
        <v>2795</v>
      </c>
      <c r="LNR737" s="424"/>
      <c r="LNS737" s="424"/>
      <c r="LNT737" s="424"/>
      <c r="LNU737" s="423" t="s">
        <v>2795</v>
      </c>
      <c r="LNV737" s="424"/>
      <c r="LNW737" s="424"/>
      <c r="LNX737" s="424"/>
      <c r="LNY737" s="423" t="s">
        <v>2795</v>
      </c>
      <c r="LNZ737" s="424"/>
      <c r="LOA737" s="424"/>
      <c r="LOB737" s="424"/>
      <c r="LOC737" s="423" t="s">
        <v>2795</v>
      </c>
      <c r="LOD737" s="424"/>
      <c r="LOE737" s="424"/>
      <c r="LOF737" s="424"/>
      <c r="LOG737" s="423" t="s">
        <v>2795</v>
      </c>
      <c r="LOH737" s="424"/>
      <c r="LOI737" s="424"/>
      <c r="LOJ737" s="424"/>
      <c r="LOK737" s="423" t="s">
        <v>2795</v>
      </c>
      <c r="LOL737" s="424"/>
      <c r="LOM737" s="424"/>
      <c r="LON737" s="424"/>
      <c r="LOO737" s="423" t="s">
        <v>2795</v>
      </c>
      <c r="LOP737" s="424"/>
      <c r="LOQ737" s="424"/>
      <c r="LOR737" s="424"/>
      <c r="LOS737" s="423" t="s">
        <v>2795</v>
      </c>
      <c r="LOT737" s="424"/>
      <c r="LOU737" s="424"/>
      <c r="LOV737" s="424"/>
      <c r="LOW737" s="423" t="s">
        <v>2795</v>
      </c>
      <c r="LOX737" s="424"/>
      <c r="LOY737" s="424"/>
      <c r="LOZ737" s="424"/>
      <c r="LPA737" s="423" t="s">
        <v>2795</v>
      </c>
      <c r="LPB737" s="424"/>
      <c r="LPC737" s="424"/>
      <c r="LPD737" s="424"/>
      <c r="LPE737" s="423" t="s">
        <v>2795</v>
      </c>
      <c r="LPF737" s="424"/>
      <c r="LPG737" s="424"/>
      <c r="LPH737" s="424"/>
      <c r="LPI737" s="423" t="s">
        <v>2795</v>
      </c>
      <c r="LPJ737" s="424"/>
      <c r="LPK737" s="424"/>
      <c r="LPL737" s="424"/>
      <c r="LPM737" s="423" t="s">
        <v>2795</v>
      </c>
      <c r="LPN737" s="424"/>
      <c r="LPO737" s="424"/>
      <c r="LPP737" s="424"/>
      <c r="LPQ737" s="423" t="s">
        <v>2795</v>
      </c>
      <c r="LPR737" s="424"/>
      <c r="LPS737" s="424"/>
      <c r="LPT737" s="424"/>
      <c r="LPU737" s="423" t="s">
        <v>2795</v>
      </c>
      <c r="LPV737" s="424"/>
      <c r="LPW737" s="424"/>
      <c r="LPX737" s="424"/>
      <c r="LPY737" s="423" t="s">
        <v>2795</v>
      </c>
      <c r="LPZ737" s="424"/>
      <c r="LQA737" s="424"/>
      <c r="LQB737" s="424"/>
      <c r="LQC737" s="423" t="s">
        <v>2795</v>
      </c>
      <c r="LQD737" s="424"/>
      <c r="LQE737" s="424"/>
      <c r="LQF737" s="424"/>
      <c r="LQG737" s="423" t="s">
        <v>2795</v>
      </c>
      <c r="LQH737" s="424"/>
      <c r="LQI737" s="424"/>
      <c r="LQJ737" s="424"/>
      <c r="LQK737" s="423" t="s">
        <v>2795</v>
      </c>
      <c r="LQL737" s="424"/>
      <c r="LQM737" s="424"/>
      <c r="LQN737" s="424"/>
      <c r="LQO737" s="423" t="s">
        <v>2795</v>
      </c>
      <c r="LQP737" s="424"/>
      <c r="LQQ737" s="424"/>
      <c r="LQR737" s="424"/>
      <c r="LQS737" s="423" t="s">
        <v>2795</v>
      </c>
      <c r="LQT737" s="424"/>
      <c r="LQU737" s="424"/>
      <c r="LQV737" s="424"/>
      <c r="LQW737" s="423" t="s">
        <v>2795</v>
      </c>
      <c r="LQX737" s="424"/>
      <c r="LQY737" s="424"/>
      <c r="LQZ737" s="424"/>
      <c r="LRA737" s="423" t="s">
        <v>2795</v>
      </c>
      <c r="LRB737" s="424"/>
      <c r="LRC737" s="424"/>
      <c r="LRD737" s="424"/>
      <c r="LRE737" s="423" t="s">
        <v>2795</v>
      </c>
      <c r="LRF737" s="424"/>
      <c r="LRG737" s="424"/>
      <c r="LRH737" s="424"/>
      <c r="LRI737" s="423" t="s">
        <v>2795</v>
      </c>
      <c r="LRJ737" s="424"/>
      <c r="LRK737" s="424"/>
      <c r="LRL737" s="424"/>
      <c r="LRM737" s="423" t="s">
        <v>2795</v>
      </c>
      <c r="LRN737" s="424"/>
      <c r="LRO737" s="424"/>
      <c r="LRP737" s="424"/>
      <c r="LRQ737" s="423" t="s">
        <v>2795</v>
      </c>
      <c r="LRR737" s="424"/>
      <c r="LRS737" s="424"/>
      <c r="LRT737" s="424"/>
      <c r="LRU737" s="423" t="s">
        <v>2795</v>
      </c>
      <c r="LRV737" s="424"/>
      <c r="LRW737" s="424"/>
      <c r="LRX737" s="424"/>
      <c r="LRY737" s="423" t="s">
        <v>2795</v>
      </c>
      <c r="LRZ737" s="424"/>
      <c r="LSA737" s="424"/>
      <c r="LSB737" s="424"/>
      <c r="LSC737" s="423" t="s">
        <v>2795</v>
      </c>
      <c r="LSD737" s="424"/>
      <c r="LSE737" s="424"/>
      <c r="LSF737" s="424"/>
      <c r="LSG737" s="423" t="s">
        <v>2795</v>
      </c>
      <c r="LSH737" s="424"/>
      <c r="LSI737" s="424"/>
      <c r="LSJ737" s="424"/>
      <c r="LSK737" s="423" t="s">
        <v>2795</v>
      </c>
      <c r="LSL737" s="424"/>
      <c r="LSM737" s="424"/>
      <c r="LSN737" s="424"/>
      <c r="LSO737" s="423" t="s">
        <v>2795</v>
      </c>
      <c r="LSP737" s="424"/>
      <c r="LSQ737" s="424"/>
      <c r="LSR737" s="424"/>
      <c r="LSS737" s="423" t="s">
        <v>2795</v>
      </c>
      <c r="LST737" s="424"/>
      <c r="LSU737" s="424"/>
      <c r="LSV737" s="424"/>
      <c r="LSW737" s="423" t="s">
        <v>2795</v>
      </c>
      <c r="LSX737" s="424"/>
      <c r="LSY737" s="424"/>
      <c r="LSZ737" s="424"/>
      <c r="LTA737" s="423" t="s">
        <v>2795</v>
      </c>
      <c r="LTB737" s="424"/>
      <c r="LTC737" s="424"/>
      <c r="LTD737" s="424"/>
      <c r="LTE737" s="423" t="s">
        <v>2795</v>
      </c>
      <c r="LTF737" s="424"/>
      <c r="LTG737" s="424"/>
      <c r="LTH737" s="424"/>
      <c r="LTI737" s="423" t="s">
        <v>2795</v>
      </c>
      <c r="LTJ737" s="424"/>
      <c r="LTK737" s="424"/>
      <c r="LTL737" s="424"/>
      <c r="LTM737" s="423" t="s">
        <v>2795</v>
      </c>
      <c r="LTN737" s="424"/>
      <c r="LTO737" s="424"/>
      <c r="LTP737" s="424"/>
      <c r="LTQ737" s="423" t="s">
        <v>2795</v>
      </c>
      <c r="LTR737" s="424"/>
      <c r="LTS737" s="424"/>
      <c r="LTT737" s="424"/>
      <c r="LTU737" s="423" t="s">
        <v>2795</v>
      </c>
      <c r="LTV737" s="424"/>
      <c r="LTW737" s="424"/>
      <c r="LTX737" s="424"/>
      <c r="LTY737" s="423" t="s">
        <v>2795</v>
      </c>
      <c r="LTZ737" s="424"/>
      <c r="LUA737" s="424"/>
      <c r="LUB737" s="424"/>
      <c r="LUC737" s="423" t="s">
        <v>2795</v>
      </c>
      <c r="LUD737" s="424"/>
      <c r="LUE737" s="424"/>
      <c r="LUF737" s="424"/>
      <c r="LUG737" s="423" t="s">
        <v>2795</v>
      </c>
      <c r="LUH737" s="424"/>
      <c r="LUI737" s="424"/>
      <c r="LUJ737" s="424"/>
      <c r="LUK737" s="423" t="s">
        <v>2795</v>
      </c>
      <c r="LUL737" s="424"/>
      <c r="LUM737" s="424"/>
      <c r="LUN737" s="424"/>
      <c r="LUO737" s="423" t="s">
        <v>2795</v>
      </c>
      <c r="LUP737" s="424"/>
      <c r="LUQ737" s="424"/>
      <c r="LUR737" s="424"/>
      <c r="LUS737" s="423" t="s">
        <v>2795</v>
      </c>
      <c r="LUT737" s="424"/>
      <c r="LUU737" s="424"/>
      <c r="LUV737" s="424"/>
      <c r="LUW737" s="423" t="s">
        <v>2795</v>
      </c>
      <c r="LUX737" s="424"/>
      <c r="LUY737" s="424"/>
      <c r="LUZ737" s="424"/>
      <c r="LVA737" s="423" t="s">
        <v>2795</v>
      </c>
      <c r="LVB737" s="424"/>
      <c r="LVC737" s="424"/>
      <c r="LVD737" s="424"/>
      <c r="LVE737" s="423" t="s">
        <v>2795</v>
      </c>
      <c r="LVF737" s="424"/>
      <c r="LVG737" s="424"/>
      <c r="LVH737" s="424"/>
      <c r="LVI737" s="423" t="s">
        <v>2795</v>
      </c>
      <c r="LVJ737" s="424"/>
      <c r="LVK737" s="424"/>
      <c r="LVL737" s="424"/>
      <c r="LVM737" s="423" t="s">
        <v>2795</v>
      </c>
      <c r="LVN737" s="424"/>
      <c r="LVO737" s="424"/>
      <c r="LVP737" s="424"/>
      <c r="LVQ737" s="423" t="s">
        <v>2795</v>
      </c>
      <c r="LVR737" s="424"/>
      <c r="LVS737" s="424"/>
      <c r="LVT737" s="424"/>
      <c r="LVU737" s="423" t="s">
        <v>2795</v>
      </c>
      <c r="LVV737" s="424"/>
      <c r="LVW737" s="424"/>
      <c r="LVX737" s="424"/>
      <c r="LVY737" s="423" t="s">
        <v>2795</v>
      </c>
      <c r="LVZ737" s="424"/>
      <c r="LWA737" s="424"/>
      <c r="LWB737" s="424"/>
      <c r="LWC737" s="423" t="s">
        <v>2795</v>
      </c>
      <c r="LWD737" s="424"/>
      <c r="LWE737" s="424"/>
      <c r="LWF737" s="424"/>
      <c r="LWG737" s="423" t="s">
        <v>2795</v>
      </c>
      <c r="LWH737" s="424"/>
      <c r="LWI737" s="424"/>
      <c r="LWJ737" s="424"/>
      <c r="LWK737" s="423" t="s">
        <v>2795</v>
      </c>
      <c r="LWL737" s="424"/>
      <c r="LWM737" s="424"/>
      <c r="LWN737" s="424"/>
      <c r="LWO737" s="423" t="s">
        <v>2795</v>
      </c>
      <c r="LWP737" s="424"/>
      <c r="LWQ737" s="424"/>
      <c r="LWR737" s="424"/>
      <c r="LWS737" s="423" t="s">
        <v>2795</v>
      </c>
      <c r="LWT737" s="424"/>
      <c r="LWU737" s="424"/>
      <c r="LWV737" s="424"/>
      <c r="LWW737" s="423" t="s">
        <v>2795</v>
      </c>
      <c r="LWX737" s="424"/>
      <c r="LWY737" s="424"/>
      <c r="LWZ737" s="424"/>
      <c r="LXA737" s="423" t="s">
        <v>2795</v>
      </c>
      <c r="LXB737" s="424"/>
      <c r="LXC737" s="424"/>
      <c r="LXD737" s="424"/>
      <c r="LXE737" s="423" t="s">
        <v>2795</v>
      </c>
      <c r="LXF737" s="424"/>
      <c r="LXG737" s="424"/>
      <c r="LXH737" s="424"/>
      <c r="LXI737" s="423" t="s">
        <v>2795</v>
      </c>
      <c r="LXJ737" s="424"/>
      <c r="LXK737" s="424"/>
      <c r="LXL737" s="424"/>
      <c r="LXM737" s="423" t="s">
        <v>2795</v>
      </c>
      <c r="LXN737" s="424"/>
      <c r="LXO737" s="424"/>
      <c r="LXP737" s="424"/>
      <c r="LXQ737" s="423" t="s">
        <v>2795</v>
      </c>
      <c r="LXR737" s="424"/>
      <c r="LXS737" s="424"/>
      <c r="LXT737" s="424"/>
      <c r="LXU737" s="423" t="s">
        <v>2795</v>
      </c>
      <c r="LXV737" s="424"/>
      <c r="LXW737" s="424"/>
      <c r="LXX737" s="424"/>
      <c r="LXY737" s="423" t="s">
        <v>2795</v>
      </c>
      <c r="LXZ737" s="424"/>
      <c r="LYA737" s="424"/>
      <c r="LYB737" s="424"/>
      <c r="LYC737" s="423" t="s">
        <v>2795</v>
      </c>
      <c r="LYD737" s="424"/>
      <c r="LYE737" s="424"/>
      <c r="LYF737" s="424"/>
      <c r="LYG737" s="423" t="s">
        <v>2795</v>
      </c>
      <c r="LYH737" s="424"/>
      <c r="LYI737" s="424"/>
      <c r="LYJ737" s="424"/>
      <c r="LYK737" s="423" t="s">
        <v>2795</v>
      </c>
      <c r="LYL737" s="424"/>
      <c r="LYM737" s="424"/>
      <c r="LYN737" s="424"/>
      <c r="LYO737" s="423" t="s">
        <v>2795</v>
      </c>
      <c r="LYP737" s="424"/>
      <c r="LYQ737" s="424"/>
      <c r="LYR737" s="424"/>
      <c r="LYS737" s="423" t="s">
        <v>2795</v>
      </c>
      <c r="LYT737" s="424"/>
      <c r="LYU737" s="424"/>
      <c r="LYV737" s="424"/>
      <c r="LYW737" s="423" t="s">
        <v>2795</v>
      </c>
      <c r="LYX737" s="424"/>
      <c r="LYY737" s="424"/>
      <c r="LYZ737" s="424"/>
      <c r="LZA737" s="423" t="s">
        <v>2795</v>
      </c>
      <c r="LZB737" s="424"/>
      <c r="LZC737" s="424"/>
      <c r="LZD737" s="424"/>
      <c r="LZE737" s="423" t="s">
        <v>2795</v>
      </c>
      <c r="LZF737" s="424"/>
      <c r="LZG737" s="424"/>
      <c r="LZH737" s="424"/>
      <c r="LZI737" s="423" t="s">
        <v>2795</v>
      </c>
      <c r="LZJ737" s="424"/>
      <c r="LZK737" s="424"/>
      <c r="LZL737" s="424"/>
      <c r="LZM737" s="423" t="s">
        <v>2795</v>
      </c>
      <c r="LZN737" s="424"/>
      <c r="LZO737" s="424"/>
      <c r="LZP737" s="424"/>
      <c r="LZQ737" s="423" t="s">
        <v>2795</v>
      </c>
      <c r="LZR737" s="424"/>
      <c r="LZS737" s="424"/>
      <c r="LZT737" s="424"/>
      <c r="LZU737" s="423" t="s">
        <v>2795</v>
      </c>
      <c r="LZV737" s="424"/>
      <c r="LZW737" s="424"/>
      <c r="LZX737" s="424"/>
      <c r="LZY737" s="423" t="s">
        <v>2795</v>
      </c>
      <c r="LZZ737" s="424"/>
      <c r="MAA737" s="424"/>
      <c r="MAB737" s="424"/>
      <c r="MAC737" s="423" t="s">
        <v>2795</v>
      </c>
      <c r="MAD737" s="424"/>
      <c r="MAE737" s="424"/>
      <c r="MAF737" s="424"/>
      <c r="MAG737" s="423" t="s">
        <v>2795</v>
      </c>
      <c r="MAH737" s="424"/>
      <c r="MAI737" s="424"/>
      <c r="MAJ737" s="424"/>
      <c r="MAK737" s="423" t="s">
        <v>2795</v>
      </c>
      <c r="MAL737" s="424"/>
      <c r="MAM737" s="424"/>
      <c r="MAN737" s="424"/>
      <c r="MAO737" s="423" t="s">
        <v>2795</v>
      </c>
      <c r="MAP737" s="424"/>
      <c r="MAQ737" s="424"/>
      <c r="MAR737" s="424"/>
      <c r="MAS737" s="423" t="s">
        <v>2795</v>
      </c>
      <c r="MAT737" s="424"/>
      <c r="MAU737" s="424"/>
      <c r="MAV737" s="424"/>
      <c r="MAW737" s="423" t="s">
        <v>2795</v>
      </c>
      <c r="MAX737" s="424"/>
      <c r="MAY737" s="424"/>
      <c r="MAZ737" s="424"/>
      <c r="MBA737" s="423" t="s">
        <v>2795</v>
      </c>
      <c r="MBB737" s="424"/>
      <c r="MBC737" s="424"/>
      <c r="MBD737" s="424"/>
      <c r="MBE737" s="423" t="s">
        <v>2795</v>
      </c>
      <c r="MBF737" s="424"/>
      <c r="MBG737" s="424"/>
      <c r="MBH737" s="424"/>
      <c r="MBI737" s="423" t="s">
        <v>2795</v>
      </c>
      <c r="MBJ737" s="424"/>
      <c r="MBK737" s="424"/>
      <c r="MBL737" s="424"/>
      <c r="MBM737" s="423" t="s">
        <v>2795</v>
      </c>
      <c r="MBN737" s="424"/>
      <c r="MBO737" s="424"/>
      <c r="MBP737" s="424"/>
      <c r="MBQ737" s="423" t="s">
        <v>2795</v>
      </c>
      <c r="MBR737" s="424"/>
      <c r="MBS737" s="424"/>
      <c r="MBT737" s="424"/>
      <c r="MBU737" s="423" t="s">
        <v>2795</v>
      </c>
      <c r="MBV737" s="424"/>
      <c r="MBW737" s="424"/>
      <c r="MBX737" s="424"/>
      <c r="MBY737" s="423" t="s">
        <v>2795</v>
      </c>
      <c r="MBZ737" s="424"/>
      <c r="MCA737" s="424"/>
      <c r="MCB737" s="424"/>
      <c r="MCC737" s="423" t="s">
        <v>2795</v>
      </c>
      <c r="MCD737" s="424"/>
      <c r="MCE737" s="424"/>
      <c r="MCF737" s="424"/>
      <c r="MCG737" s="423" t="s">
        <v>2795</v>
      </c>
      <c r="MCH737" s="424"/>
      <c r="MCI737" s="424"/>
      <c r="MCJ737" s="424"/>
      <c r="MCK737" s="423" t="s">
        <v>2795</v>
      </c>
      <c r="MCL737" s="424"/>
      <c r="MCM737" s="424"/>
      <c r="MCN737" s="424"/>
      <c r="MCO737" s="423" t="s">
        <v>2795</v>
      </c>
      <c r="MCP737" s="424"/>
      <c r="MCQ737" s="424"/>
      <c r="MCR737" s="424"/>
      <c r="MCS737" s="423" t="s">
        <v>2795</v>
      </c>
      <c r="MCT737" s="424"/>
      <c r="MCU737" s="424"/>
      <c r="MCV737" s="424"/>
      <c r="MCW737" s="423" t="s">
        <v>2795</v>
      </c>
      <c r="MCX737" s="424"/>
      <c r="MCY737" s="424"/>
      <c r="MCZ737" s="424"/>
      <c r="MDA737" s="423" t="s">
        <v>2795</v>
      </c>
      <c r="MDB737" s="424"/>
      <c r="MDC737" s="424"/>
      <c r="MDD737" s="424"/>
      <c r="MDE737" s="423" t="s">
        <v>2795</v>
      </c>
      <c r="MDF737" s="424"/>
      <c r="MDG737" s="424"/>
      <c r="MDH737" s="424"/>
      <c r="MDI737" s="423" t="s">
        <v>2795</v>
      </c>
      <c r="MDJ737" s="424"/>
      <c r="MDK737" s="424"/>
      <c r="MDL737" s="424"/>
      <c r="MDM737" s="423" t="s">
        <v>2795</v>
      </c>
      <c r="MDN737" s="424"/>
      <c r="MDO737" s="424"/>
      <c r="MDP737" s="424"/>
      <c r="MDQ737" s="423" t="s">
        <v>2795</v>
      </c>
      <c r="MDR737" s="424"/>
      <c r="MDS737" s="424"/>
      <c r="MDT737" s="424"/>
      <c r="MDU737" s="423" t="s">
        <v>2795</v>
      </c>
      <c r="MDV737" s="424"/>
      <c r="MDW737" s="424"/>
      <c r="MDX737" s="424"/>
      <c r="MDY737" s="423" t="s">
        <v>2795</v>
      </c>
      <c r="MDZ737" s="424"/>
      <c r="MEA737" s="424"/>
      <c r="MEB737" s="424"/>
      <c r="MEC737" s="423" t="s">
        <v>2795</v>
      </c>
      <c r="MED737" s="424"/>
      <c r="MEE737" s="424"/>
      <c r="MEF737" s="424"/>
      <c r="MEG737" s="423" t="s">
        <v>2795</v>
      </c>
      <c r="MEH737" s="424"/>
      <c r="MEI737" s="424"/>
      <c r="MEJ737" s="424"/>
      <c r="MEK737" s="423" t="s">
        <v>2795</v>
      </c>
      <c r="MEL737" s="424"/>
      <c r="MEM737" s="424"/>
      <c r="MEN737" s="424"/>
      <c r="MEO737" s="423" t="s">
        <v>2795</v>
      </c>
      <c r="MEP737" s="424"/>
      <c r="MEQ737" s="424"/>
      <c r="MER737" s="424"/>
      <c r="MES737" s="423" t="s">
        <v>2795</v>
      </c>
      <c r="MET737" s="424"/>
      <c r="MEU737" s="424"/>
      <c r="MEV737" s="424"/>
      <c r="MEW737" s="423" t="s">
        <v>2795</v>
      </c>
      <c r="MEX737" s="424"/>
      <c r="MEY737" s="424"/>
      <c r="MEZ737" s="424"/>
      <c r="MFA737" s="423" t="s">
        <v>2795</v>
      </c>
      <c r="MFB737" s="424"/>
      <c r="MFC737" s="424"/>
      <c r="MFD737" s="424"/>
      <c r="MFE737" s="423" t="s">
        <v>2795</v>
      </c>
      <c r="MFF737" s="424"/>
      <c r="MFG737" s="424"/>
      <c r="MFH737" s="424"/>
      <c r="MFI737" s="423" t="s">
        <v>2795</v>
      </c>
      <c r="MFJ737" s="424"/>
      <c r="MFK737" s="424"/>
      <c r="MFL737" s="424"/>
      <c r="MFM737" s="423" t="s">
        <v>2795</v>
      </c>
      <c r="MFN737" s="424"/>
      <c r="MFO737" s="424"/>
      <c r="MFP737" s="424"/>
      <c r="MFQ737" s="423" t="s">
        <v>2795</v>
      </c>
      <c r="MFR737" s="424"/>
      <c r="MFS737" s="424"/>
      <c r="MFT737" s="424"/>
      <c r="MFU737" s="423" t="s">
        <v>2795</v>
      </c>
      <c r="MFV737" s="424"/>
      <c r="MFW737" s="424"/>
      <c r="MFX737" s="424"/>
      <c r="MFY737" s="423" t="s">
        <v>2795</v>
      </c>
      <c r="MFZ737" s="424"/>
      <c r="MGA737" s="424"/>
      <c r="MGB737" s="424"/>
      <c r="MGC737" s="423" t="s">
        <v>2795</v>
      </c>
      <c r="MGD737" s="424"/>
      <c r="MGE737" s="424"/>
      <c r="MGF737" s="424"/>
      <c r="MGG737" s="423" t="s">
        <v>2795</v>
      </c>
      <c r="MGH737" s="424"/>
      <c r="MGI737" s="424"/>
      <c r="MGJ737" s="424"/>
      <c r="MGK737" s="423" t="s">
        <v>2795</v>
      </c>
      <c r="MGL737" s="424"/>
      <c r="MGM737" s="424"/>
      <c r="MGN737" s="424"/>
      <c r="MGO737" s="423" t="s">
        <v>2795</v>
      </c>
      <c r="MGP737" s="424"/>
      <c r="MGQ737" s="424"/>
      <c r="MGR737" s="424"/>
      <c r="MGS737" s="423" t="s">
        <v>2795</v>
      </c>
      <c r="MGT737" s="424"/>
      <c r="MGU737" s="424"/>
      <c r="MGV737" s="424"/>
      <c r="MGW737" s="423" t="s">
        <v>2795</v>
      </c>
      <c r="MGX737" s="424"/>
      <c r="MGY737" s="424"/>
      <c r="MGZ737" s="424"/>
      <c r="MHA737" s="423" t="s">
        <v>2795</v>
      </c>
      <c r="MHB737" s="424"/>
      <c r="MHC737" s="424"/>
      <c r="MHD737" s="424"/>
      <c r="MHE737" s="423" t="s">
        <v>2795</v>
      </c>
      <c r="MHF737" s="424"/>
      <c r="MHG737" s="424"/>
      <c r="MHH737" s="424"/>
      <c r="MHI737" s="423" t="s">
        <v>2795</v>
      </c>
      <c r="MHJ737" s="424"/>
      <c r="MHK737" s="424"/>
      <c r="MHL737" s="424"/>
      <c r="MHM737" s="423" t="s">
        <v>2795</v>
      </c>
      <c r="MHN737" s="424"/>
      <c r="MHO737" s="424"/>
      <c r="MHP737" s="424"/>
      <c r="MHQ737" s="423" t="s">
        <v>2795</v>
      </c>
      <c r="MHR737" s="424"/>
      <c r="MHS737" s="424"/>
      <c r="MHT737" s="424"/>
      <c r="MHU737" s="423" t="s">
        <v>2795</v>
      </c>
      <c r="MHV737" s="424"/>
      <c r="MHW737" s="424"/>
      <c r="MHX737" s="424"/>
      <c r="MHY737" s="423" t="s">
        <v>2795</v>
      </c>
      <c r="MHZ737" s="424"/>
      <c r="MIA737" s="424"/>
      <c r="MIB737" s="424"/>
      <c r="MIC737" s="423" t="s">
        <v>2795</v>
      </c>
      <c r="MID737" s="424"/>
      <c r="MIE737" s="424"/>
      <c r="MIF737" s="424"/>
      <c r="MIG737" s="423" t="s">
        <v>2795</v>
      </c>
      <c r="MIH737" s="424"/>
      <c r="MII737" s="424"/>
      <c r="MIJ737" s="424"/>
      <c r="MIK737" s="423" t="s">
        <v>2795</v>
      </c>
      <c r="MIL737" s="424"/>
      <c r="MIM737" s="424"/>
      <c r="MIN737" s="424"/>
      <c r="MIO737" s="423" t="s">
        <v>2795</v>
      </c>
      <c r="MIP737" s="424"/>
      <c r="MIQ737" s="424"/>
      <c r="MIR737" s="424"/>
      <c r="MIS737" s="423" t="s">
        <v>2795</v>
      </c>
      <c r="MIT737" s="424"/>
      <c r="MIU737" s="424"/>
      <c r="MIV737" s="424"/>
      <c r="MIW737" s="423" t="s">
        <v>2795</v>
      </c>
      <c r="MIX737" s="424"/>
      <c r="MIY737" s="424"/>
      <c r="MIZ737" s="424"/>
      <c r="MJA737" s="423" t="s">
        <v>2795</v>
      </c>
      <c r="MJB737" s="424"/>
      <c r="MJC737" s="424"/>
      <c r="MJD737" s="424"/>
      <c r="MJE737" s="423" t="s">
        <v>2795</v>
      </c>
      <c r="MJF737" s="424"/>
      <c r="MJG737" s="424"/>
      <c r="MJH737" s="424"/>
      <c r="MJI737" s="423" t="s">
        <v>2795</v>
      </c>
      <c r="MJJ737" s="424"/>
      <c r="MJK737" s="424"/>
      <c r="MJL737" s="424"/>
      <c r="MJM737" s="423" t="s">
        <v>2795</v>
      </c>
      <c r="MJN737" s="424"/>
      <c r="MJO737" s="424"/>
      <c r="MJP737" s="424"/>
      <c r="MJQ737" s="423" t="s">
        <v>2795</v>
      </c>
      <c r="MJR737" s="424"/>
      <c r="MJS737" s="424"/>
      <c r="MJT737" s="424"/>
      <c r="MJU737" s="423" t="s">
        <v>2795</v>
      </c>
      <c r="MJV737" s="424"/>
      <c r="MJW737" s="424"/>
      <c r="MJX737" s="424"/>
      <c r="MJY737" s="423" t="s">
        <v>2795</v>
      </c>
      <c r="MJZ737" s="424"/>
      <c r="MKA737" s="424"/>
      <c r="MKB737" s="424"/>
      <c r="MKC737" s="423" t="s">
        <v>2795</v>
      </c>
      <c r="MKD737" s="424"/>
      <c r="MKE737" s="424"/>
      <c r="MKF737" s="424"/>
      <c r="MKG737" s="423" t="s">
        <v>2795</v>
      </c>
      <c r="MKH737" s="424"/>
      <c r="MKI737" s="424"/>
      <c r="MKJ737" s="424"/>
      <c r="MKK737" s="423" t="s">
        <v>2795</v>
      </c>
      <c r="MKL737" s="424"/>
      <c r="MKM737" s="424"/>
      <c r="MKN737" s="424"/>
      <c r="MKO737" s="423" t="s">
        <v>2795</v>
      </c>
      <c r="MKP737" s="424"/>
      <c r="MKQ737" s="424"/>
      <c r="MKR737" s="424"/>
      <c r="MKS737" s="423" t="s">
        <v>2795</v>
      </c>
      <c r="MKT737" s="424"/>
      <c r="MKU737" s="424"/>
      <c r="MKV737" s="424"/>
      <c r="MKW737" s="423" t="s">
        <v>2795</v>
      </c>
      <c r="MKX737" s="424"/>
      <c r="MKY737" s="424"/>
      <c r="MKZ737" s="424"/>
      <c r="MLA737" s="423" t="s">
        <v>2795</v>
      </c>
      <c r="MLB737" s="424"/>
      <c r="MLC737" s="424"/>
      <c r="MLD737" s="424"/>
      <c r="MLE737" s="423" t="s">
        <v>2795</v>
      </c>
      <c r="MLF737" s="424"/>
      <c r="MLG737" s="424"/>
      <c r="MLH737" s="424"/>
      <c r="MLI737" s="423" t="s">
        <v>2795</v>
      </c>
      <c r="MLJ737" s="424"/>
      <c r="MLK737" s="424"/>
      <c r="MLL737" s="424"/>
      <c r="MLM737" s="423" t="s">
        <v>2795</v>
      </c>
      <c r="MLN737" s="424"/>
      <c r="MLO737" s="424"/>
      <c r="MLP737" s="424"/>
      <c r="MLQ737" s="423" t="s">
        <v>2795</v>
      </c>
      <c r="MLR737" s="424"/>
      <c r="MLS737" s="424"/>
      <c r="MLT737" s="424"/>
      <c r="MLU737" s="423" t="s">
        <v>2795</v>
      </c>
      <c r="MLV737" s="424"/>
      <c r="MLW737" s="424"/>
      <c r="MLX737" s="424"/>
      <c r="MLY737" s="423" t="s">
        <v>2795</v>
      </c>
      <c r="MLZ737" s="424"/>
      <c r="MMA737" s="424"/>
      <c r="MMB737" s="424"/>
      <c r="MMC737" s="423" t="s">
        <v>2795</v>
      </c>
      <c r="MMD737" s="424"/>
      <c r="MME737" s="424"/>
      <c r="MMF737" s="424"/>
      <c r="MMG737" s="423" t="s">
        <v>2795</v>
      </c>
      <c r="MMH737" s="424"/>
      <c r="MMI737" s="424"/>
      <c r="MMJ737" s="424"/>
      <c r="MMK737" s="423" t="s">
        <v>2795</v>
      </c>
      <c r="MML737" s="424"/>
      <c r="MMM737" s="424"/>
      <c r="MMN737" s="424"/>
      <c r="MMO737" s="423" t="s">
        <v>2795</v>
      </c>
      <c r="MMP737" s="424"/>
      <c r="MMQ737" s="424"/>
      <c r="MMR737" s="424"/>
      <c r="MMS737" s="423" t="s">
        <v>2795</v>
      </c>
      <c r="MMT737" s="424"/>
      <c r="MMU737" s="424"/>
      <c r="MMV737" s="424"/>
      <c r="MMW737" s="423" t="s">
        <v>2795</v>
      </c>
      <c r="MMX737" s="424"/>
      <c r="MMY737" s="424"/>
      <c r="MMZ737" s="424"/>
      <c r="MNA737" s="423" t="s">
        <v>2795</v>
      </c>
      <c r="MNB737" s="424"/>
      <c r="MNC737" s="424"/>
      <c r="MND737" s="424"/>
      <c r="MNE737" s="423" t="s">
        <v>2795</v>
      </c>
      <c r="MNF737" s="424"/>
      <c r="MNG737" s="424"/>
      <c r="MNH737" s="424"/>
      <c r="MNI737" s="423" t="s">
        <v>2795</v>
      </c>
      <c r="MNJ737" s="424"/>
      <c r="MNK737" s="424"/>
      <c r="MNL737" s="424"/>
      <c r="MNM737" s="423" t="s">
        <v>2795</v>
      </c>
      <c r="MNN737" s="424"/>
      <c r="MNO737" s="424"/>
      <c r="MNP737" s="424"/>
      <c r="MNQ737" s="423" t="s">
        <v>2795</v>
      </c>
      <c r="MNR737" s="424"/>
      <c r="MNS737" s="424"/>
      <c r="MNT737" s="424"/>
      <c r="MNU737" s="423" t="s">
        <v>2795</v>
      </c>
      <c r="MNV737" s="424"/>
      <c r="MNW737" s="424"/>
      <c r="MNX737" s="424"/>
      <c r="MNY737" s="423" t="s">
        <v>2795</v>
      </c>
      <c r="MNZ737" s="424"/>
      <c r="MOA737" s="424"/>
      <c r="MOB737" s="424"/>
      <c r="MOC737" s="423" t="s">
        <v>2795</v>
      </c>
      <c r="MOD737" s="424"/>
      <c r="MOE737" s="424"/>
      <c r="MOF737" s="424"/>
      <c r="MOG737" s="423" t="s">
        <v>2795</v>
      </c>
      <c r="MOH737" s="424"/>
      <c r="MOI737" s="424"/>
      <c r="MOJ737" s="424"/>
      <c r="MOK737" s="423" t="s">
        <v>2795</v>
      </c>
      <c r="MOL737" s="424"/>
      <c r="MOM737" s="424"/>
      <c r="MON737" s="424"/>
      <c r="MOO737" s="423" t="s">
        <v>2795</v>
      </c>
      <c r="MOP737" s="424"/>
      <c r="MOQ737" s="424"/>
      <c r="MOR737" s="424"/>
      <c r="MOS737" s="423" t="s">
        <v>2795</v>
      </c>
      <c r="MOT737" s="424"/>
      <c r="MOU737" s="424"/>
      <c r="MOV737" s="424"/>
      <c r="MOW737" s="423" t="s">
        <v>2795</v>
      </c>
      <c r="MOX737" s="424"/>
      <c r="MOY737" s="424"/>
      <c r="MOZ737" s="424"/>
      <c r="MPA737" s="423" t="s">
        <v>2795</v>
      </c>
      <c r="MPB737" s="424"/>
      <c r="MPC737" s="424"/>
      <c r="MPD737" s="424"/>
      <c r="MPE737" s="423" t="s">
        <v>2795</v>
      </c>
      <c r="MPF737" s="424"/>
      <c r="MPG737" s="424"/>
      <c r="MPH737" s="424"/>
      <c r="MPI737" s="423" t="s">
        <v>2795</v>
      </c>
      <c r="MPJ737" s="424"/>
      <c r="MPK737" s="424"/>
      <c r="MPL737" s="424"/>
      <c r="MPM737" s="423" t="s">
        <v>2795</v>
      </c>
      <c r="MPN737" s="424"/>
      <c r="MPO737" s="424"/>
      <c r="MPP737" s="424"/>
      <c r="MPQ737" s="423" t="s">
        <v>2795</v>
      </c>
      <c r="MPR737" s="424"/>
      <c r="MPS737" s="424"/>
      <c r="MPT737" s="424"/>
      <c r="MPU737" s="423" t="s">
        <v>2795</v>
      </c>
      <c r="MPV737" s="424"/>
      <c r="MPW737" s="424"/>
      <c r="MPX737" s="424"/>
      <c r="MPY737" s="423" t="s">
        <v>2795</v>
      </c>
      <c r="MPZ737" s="424"/>
      <c r="MQA737" s="424"/>
      <c r="MQB737" s="424"/>
      <c r="MQC737" s="423" t="s">
        <v>2795</v>
      </c>
      <c r="MQD737" s="424"/>
      <c r="MQE737" s="424"/>
      <c r="MQF737" s="424"/>
      <c r="MQG737" s="423" t="s">
        <v>2795</v>
      </c>
      <c r="MQH737" s="424"/>
      <c r="MQI737" s="424"/>
      <c r="MQJ737" s="424"/>
      <c r="MQK737" s="423" t="s">
        <v>2795</v>
      </c>
      <c r="MQL737" s="424"/>
      <c r="MQM737" s="424"/>
      <c r="MQN737" s="424"/>
      <c r="MQO737" s="423" t="s">
        <v>2795</v>
      </c>
      <c r="MQP737" s="424"/>
      <c r="MQQ737" s="424"/>
      <c r="MQR737" s="424"/>
      <c r="MQS737" s="423" t="s">
        <v>2795</v>
      </c>
      <c r="MQT737" s="424"/>
      <c r="MQU737" s="424"/>
      <c r="MQV737" s="424"/>
      <c r="MQW737" s="423" t="s">
        <v>2795</v>
      </c>
      <c r="MQX737" s="424"/>
      <c r="MQY737" s="424"/>
      <c r="MQZ737" s="424"/>
      <c r="MRA737" s="423" t="s">
        <v>2795</v>
      </c>
      <c r="MRB737" s="424"/>
      <c r="MRC737" s="424"/>
      <c r="MRD737" s="424"/>
      <c r="MRE737" s="423" t="s">
        <v>2795</v>
      </c>
      <c r="MRF737" s="424"/>
      <c r="MRG737" s="424"/>
      <c r="MRH737" s="424"/>
      <c r="MRI737" s="423" t="s">
        <v>2795</v>
      </c>
      <c r="MRJ737" s="424"/>
      <c r="MRK737" s="424"/>
      <c r="MRL737" s="424"/>
      <c r="MRM737" s="423" t="s">
        <v>2795</v>
      </c>
      <c r="MRN737" s="424"/>
      <c r="MRO737" s="424"/>
      <c r="MRP737" s="424"/>
      <c r="MRQ737" s="423" t="s">
        <v>2795</v>
      </c>
      <c r="MRR737" s="424"/>
      <c r="MRS737" s="424"/>
      <c r="MRT737" s="424"/>
      <c r="MRU737" s="423" t="s">
        <v>2795</v>
      </c>
      <c r="MRV737" s="424"/>
      <c r="MRW737" s="424"/>
      <c r="MRX737" s="424"/>
      <c r="MRY737" s="423" t="s">
        <v>2795</v>
      </c>
      <c r="MRZ737" s="424"/>
      <c r="MSA737" s="424"/>
      <c r="MSB737" s="424"/>
      <c r="MSC737" s="423" t="s">
        <v>2795</v>
      </c>
      <c r="MSD737" s="424"/>
      <c r="MSE737" s="424"/>
      <c r="MSF737" s="424"/>
      <c r="MSG737" s="423" t="s">
        <v>2795</v>
      </c>
      <c r="MSH737" s="424"/>
      <c r="MSI737" s="424"/>
      <c r="MSJ737" s="424"/>
      <c r="MSK737" s="423" t="s">
        <v>2795</v>
      </c>
      <c r="MSL737" s="424"/>
      <c r="MSM737" s="424"/>
      <c r="MSN737" s="424"/>
      <c r="MSO737" s="423" t="s">
        <v>2795</v>
      </c>
      <c r="MSP737" s="424"/>
      <c r="MSQ737" s="424"/>
      <c r="MSR737" s="424"/>
      <c r="MSS737" s="423" t="s">
        <v>2795</v>
      </c>
      <c r="MST737" s="424"/>
      <c r="MSU737" s="424"/>
      <c r="MSV737" s="424"/>
      <c r="MSW737" s="423" t="s">
        <v>2795</v>
      </c>
      <c r="MSX737" s="424"/>
      <c r="MSY737" s="424"/>
      <c r="MSZ737" s="424"/>
      <c r="MTA737" s="423" t="s">
        <v>2795</v>
      </c>
      <c r="MTB737" s="424"/>
      <c r="MTC737" s="424"/>
      <c r="MTD737" s="424"/>
      <c r="MTE737" s="423" t="s">
        <v>2795</v>
      </c>
      <c r="MTF737" s="424"/>
      <c r="MTG737" s="424"/>
      <c r="MTH737" s="424"/>
      <c r="MTI737" s="423" t="s">
        <v>2795</v>
      </c>
      <c r="MTJ737" s="424"/>
      <c r="MTK737" s="424"/>
      <c r="MTL737" s="424"/>
      <c r="MTM737" s="423" t="s">
        <v>2795</v>
      </c>
      <c r="MTN737" s="424"/>
      <c r="MTO737" s="424"/>
      <c r="MTP737" s="424"/>
      <c r="MTQ737" s="423" t="s">
        <v>2795</v>
      </c>
      <c r="MTR737" s="424"/>
      <c r="MTS737" s="424"/>
      <c r="MTT737" s="424"/>
      <c r="MTU737" s="423" t="s">
        <v>2795</v>
      </c>
      <c r="MTV737" s="424"/>
      <c r="MTW737" s="424"/>
      <c r="MTX737" s="424"/>
      <c r="MTY737" s="423" t="s">
        <v>2795</v>
      </c>
      <c r="MTZ737" s="424"/>
      <c r="MUA737" s="424"/>
      <c r="MUB737" s="424"/>
      <c r="MUC737" s="423" t="s">
        <v>2795</v>
      </c>
      <c r="MUD737" s="424"/>
      <c r="MUE737" s="424"/>
      <c r="MUF737" s="424"/>
      <c r="MUG737" s="423" t="s">
        <v>2795</v>
      </c>
      <c r="MUH737" s="424"/>
      <c r="MUI737" s="424"/>
      <c r="MUJ737" s="424"/>
      <c r="MUK737" s="423" t="s">
        <v>2795</v>
      </c>
      <c r="MUL737" s="424"/>
      <c r="MUM737" s="424"/>
      <c r="MUN737" s="424"/>
      <c r="MUO737" s="423" t="s">
        <v>2795</v>
      </c>
      <c r="MUP737" s="424"/>
      <c r="MUQ737" s="424"/>
      <c r="MUR737" s="424"/>
      <c r="MUS737" s="423" t="s">
        <v>2795</v>
      </c>
      <c r="MUT737" s="424"/>
      <c r="MUU737" s="424"/>
      <c r="MUV737" s="424"/>
      <c r="MUW737" s="423" t="s">
        <v>2795</v>
      </c>
      <c r="MUX737" s="424"/>
      <c r="MUY737" s="424"/>
      <c r="MUZ737" s="424"/>
      <c r="MVA737" s="423" t="s">
        <v>2795</v>
      </c>
      <c r="MVB737" s="424"/>
      <c r="MVC737" s="424"/>
      <c r="MVD737" s="424"/>
      <c r="MVE737" s="423" t="s">
        <v>2795</v>
      </c>
      <c r="MVF737" s="424"/>
      <c r="MVG737" s="424"/>
      <c r="MVH737" s="424"/>
      <c r="MVI737" s="423" t="s">
        <v>2795</v>
      </c>
      <c r="MVJ737" s="424"/>
      <c r="MVK737" s="424"/>
      <c r="MVL737" s="424"/>
      <c r="MVM737" s="423" t="s">
        <v>2795</v>
      </c>
      <c r="MVN737" s="424"/>
      <c r="MVO737" s="424"/>
      <c r="MVP737" s="424"/>
      <c r="MVQ737" s="423" t="s">
        <v>2795</v>
      </c>
      <c r="MVR737" s="424"/>
      <c r="MVS737" s="424"/>
      <c r="MVT737" s="424"/>
      <c r="MVU737" s="423" t="s">
        <v>2795</v>
      </c>
      <c r="MVV737" s="424"/>
      <c r="MVW737" s="424"/>
      <c r="MVX737" s="424"/>
      <c r="MVY737" s="423" t="s">
        <v>2795</v>
      </c>
      <c r="MVZ737" s="424"/>
      <c r="MWA737" s="424"/>
      <c r="MWB737" s="424"/>
      <c r="MWC737" s="423" t="s">
        <v>2795</v>
      </c>
      <c r="MWD737" s="424"/>
      <c r="MWE737" s="424"/>
      <c r="MWF737" s="424"/>
      <c r="MWG737" s="423" t="s">
        <v>2795</v>
      </c>
      <c r="MWH737" s="424"/>
      <c r="MWI737" s="424"/>
      <c r="MWJ737" s="424"/>
      <c r="MWK737" s="423" t="s">
        <v>2795</v>
      </c>
      <c r="MWL737" s="424"/>
      <c r="MWM737" s="424"/>
      <c r="MWN737" s="424"/>
      <c r="MWO737" s="423" t="s">
        <v>2795</v>
      </c>
      <c r="MWP737" s="424"/>
      <c r="MWQ737" s="424"/>
      <c r="MWR737" s="424"/>
      <c r="MWS737" s="423" t="s">
        <v>2795</v>
      </c>
      <c r="MWT737" s="424"/>
      <c r="MWU737" s="424"/>
      <c r="MWV737" s="424"/>
      <c r="MWW737" s="423" t="s">
        <v>2795</v>
      </c>
      <c r="MWX737" s="424"/>
      <c r="MWY737" s="424"/>
      <c r="MWZ737" s="424"/>
      <c r="MXA737" s="423" t="s">
        <v>2795</v>
      </c>
      <c r="MXB737" s="424"/>
      <c r="MXC737" s="424"/>
      <c r="MXD737" s="424"/>
      <c r="MXE737" s="423" t="s">
        <v>2795</v>
      </c>
      <c r="MXF737" s="424"/>
      <c r="MXG737" s="424"/>
      <c r="MXH737" s="424"/>
      <c r="MXI737" s="423" t="s">
        <v>2795</v>
      </c>
      <c r="MXJ737" s="424"/>
      <c r="MXK737" s="424"/>
      <c r="MXL737" s="424"/>
      <c r="MXM737" s="423" t="s">
        <v>2795</v>
      </c>
      <c r="MXN737" s="424"/>
      <c r="MXO737" s="424"/>
      <c r="MXP737" s="424"/>
      <c r="MXQ737" s="423" t="s">
        <v>2795</v>
      </c>
      <c r="MXR737" s="424"/>
      <c r="MXS737" s="424"/>
      <c r="MXT737" s="424"/>
      <c r="MXU737" s="423" t="s">
        <v>2795</v>
      </c>
      <c r="MXV737" s="424"/>
      <c r="MXW737" s="424"/>
      <c r="MXX737" s="424"/>
      <c r="MXY737" s="423" t="s">
        <v>2795</v>
      </c>
      <c r="MXZ737" s="424"/>
      <c r="MYA737" s="424"/>
      <c r="MYB737" s="424"/>
      <c r="MYC737" s="423" t="s">
        <v>2795</v>
      </c>
      <c r="MYD737" s="424"/>
      <c r="MYE737" s="424"/>
      <c r="MYF737" s="424"/>
      <c r="MYG737" s="423" t="s">
        <v>2795</v>
      </c>
      <c r="MYH737" s="424"/>
      <c r="MYI737" s="424"/>
      <c r="MYJ737" s="424"/>
      <c r="MYK737" s="423" t="s">
        <v>2795</v>
      </c>
      <c r="MYL737" s="424"/>
      <c r="MYM737" s="424"/>
      <c r="MYN737" s="424"/>
      <c r="MYO737" s="423" t="s">
        <v>2795</v>
      </c>
      <c r="MYP737" s="424"/>
      <c r="MYQ737" s="424"/>
      <c r="MYR737" s="424"/>
      <c r="MYS737" s="423" t="s">
        <v>2795</v>
      </c>
      <c r="MYT737" s="424"/>
      <c r="MYU737" s="424"/>
      <c r="MYV737" s="424"/>
      <c r="MYW737" s="423" t="s">
        <v>2795</v>
      </c>
      <c r="MYX737" s="424"/>
      <c r="MYY737" s="424"/>
      <c r="MYZ737" s="424"/>
      <c r="MZA737" s="423" t="s">
        <v>2795</v>
      </c>
      <c r="MZB737" s="424"/>
      <c r="MZC737" s="424"/>
      <c r="MZD737" s="424"/>
      <c r="MZE737" s="423" t="s">
        <v>2795</v>
      </c>
      <c r="MZF737" s="424"/>
      <c r="MZG737" s="424"/>
      <c r="MZH737" s="424"/>
      <c r="MZI737" s="423" t="s">
        <v>2795</v>
      </c>
      <c r="MZJ737" s="424"/>
      <c r="MZK737" s="424"/>
      <c r="MZL737" s="424"/>
      <c r="MZM737" s="423" t="s">
        <v>2795</v>
      </c>
      <c r="MZN737" s="424"/>
      <c r="MZO737" s="424"/>
      <c r="MZP737" s="424"/>
      <c r="MZQ737" s="423" t="s">
        <v>2795</v>
      </c>
      <c r="MZR737" s="424"/>
      <c r="MZS737" s="424"/>
      <c r="MZT737" s="424"/>
      <c r="MZU737" s="423" t="s">
        <v>2795</v>
      </c>
      <c r="MZV737" s="424"/>
      <c r="MZW737" s="424"/>
      <c r="MZX737" s="424"/>
      <c r="MZY737" s="423" t="s">
        <v>2795</v>
      </c>
      <c r="MZZ737" s="424"/>
      <c r="NAA737" s="424"/>
      <c r="NAB737" s="424"/>
      <c r="NAC737" s="423" t="s">
        <v>2795</v>
      </c>
      <c r="NAD737" s="424"/>
      <c r="NAE737" s="424"/>
      <c r="NAF737" s="424"/>
      <c r="NAG737" s="423" t="s">
        <v>2795</v>
      </c>
      <c r="NAH737" s="424"/>
      <c r="NAI737" s="424"/>
      <c r="NAJ737" s="424"/>
      <c r="NAK737" s="423" t="s">
        <v>2795</v>
      </c>
      <c r="NAL737" s="424"/>
      <c r="NAM737" s="424"/>
      <c r="NAN737" s="424"/>
      <c r="NAO737" s="423" t="s">
        <v>2795</v>
      </c>
      <c r="NAP737" s="424"/>
      <c r="NAQ737" s="424"/>
      <c r="NAR737" s="424"/>
      <c r="NAS737" s="423" t="s">
        <v>2795</v>
      </c>
      <c r="NAT737" s="424"/>
      <c r="NAU737" s="424"/>
      <c r="NAV737" s="424"/>
      <c r="NAW737" s="423" t="s">
        <v>2795</v>
      </c>
      <c r="NAX737" s="424"/>
      <c r="NAY737" s="424"/>
      <c r="NAZ737" s="424"/>
      <c r="NBA737" s="423" t="s">
        <v>2795</v>
      </c>
      <c r="NBB737" s="424"/>
      <c r="NBC737" s="424"/>
      <c r="NBD737" s="424"/>
      <c r="NBE737" s="423" t="s">
        <v>2795</v>
      </c>
      <c r="NBF737" s="424"/>
      <c r="NBG737" s="424"/>
      <c r="NBH737" s="424"/>
      <c r="NBI737" s="423" t="s">
        <v>2795</v>
      </c>
      <c r="NBJ737" s="424"/>
      <c r="NBK737" s="424"/>
      <c r="NBL737" s="424"/>
      <c r="NBM737" s="423" t="s">
        <v>2795</v>
      </c>
      <c r="NBN737" s="424"/>
      <c r="NBO737" s="424"/>
      <c r="NBP737" s="424"/>
      <c r="NBQ737" s="423" t="s">
        <v>2795</v>
      </c>
      <c r="NBR737" s="424"/>
      <c r="NBS737" s="424"/>
      <c r="NBT737" s="424"/>
      <c r="NBU737" s="423" t="s">
        <v>2795</v>
      </c>
      <c r="NBV737" s="424"/>
      <c r="NBW737" s="424"/>
      <c r="NBX737" s="424"/>
      <c r="NBY737" s="423" t="s">
        <v>2795</v>
      </c>
      <c r="NBZ737" s="424"/>
      <c r="NCA737" s="424"/>
      <c r="NCB737" s="424"/>
      <c r="NCC737" s="423" t="s">
        <v>2795</v>
      </c>
      <c r="NCD737" s="424"/>
      <c r="NCE737" s="424"/>
      <c r="NCF737" s="424"/>
      <c r="NCG737" s="423" t="s">
        <v>2795</v>
      </c>
      <c r="NCH737" s="424"/>
      <c r="NCI737" s="424"/>
      <c r="NCJ737" s="424"/>
      <c r="NCK737" s="423" t="s">
        <v>2795</v>
      </c>
      <c r="NCL737" s="424"/>
      <c r="NCM737" s="424"/>
      <c r="NCN737" s="424"/>
      <c r="NCO737" s="423" t="s">
        <v>2795</v>
      </c>
      <c r="NCP737" s="424"/>
      <c r="NCQ737" s="424"/>
      <c r="NCR737" s="424"/>
      <c r="NCS737" s="423" t="s">
        <v>2795</v>
      </c>
      <c r="NCT737" s="424"/>
      <c r="NCU737" s="424"/>
      <c r="NCV737" s="424"/>
      <c r="NCW737" s="423" t="s">
        <v>2795</v>
      </c>
      <c r="NCX737" s="424"/>
      <c r="NCY737" s="424"/>
      <c r="NCZ737" s="424"/>
      <c r="NDA737" s="423" t="s">
        <v>2795</v>
      </c>
      <c r="NDB737" s="424"/>
      <c r="NDC737" s="424"/>
      <c r="NDD737" s="424"/>
      <c r="NDE737" s="423" t="s">
        <v>2795</v>
      </c>
      <c r="NDF737" s="424"/>
      <c r="NDG737" s="424"/>
      <c r="NDH737" s="424"/>
      <c r="NDI737" s="423" t="s">
        <v>2795</v>
      </c>
      <c r="NDJ737" s="424"/>
      <c r="NDK737" s="424"/>
      <c r="NDL737" s="424"/>
      <c r="NDM737" s="423" t="s">
        <v>2795</v>
      </c>
      <c r="NDN737" s="424"/>
      <c r="NDO737" s="424"/>
      <c r="NDP737" s="424"/>
      <c r="NDQ737" s="423" t="s">
        <v>2795</v>
      </c>
      <c r="NDR737" s="424"/>
      <c r="NDS737" s="424"/>
      <c r="NDT737" s="424"/>
      <c r="NDU737" s="423" t="s">
        <v>2795</v>
      </c>
      <c r="NDV737" s="424"/>
      <c r="NDW737" s="424"/>
      <c r="NDX737" s="424"/>
      <c r="NDY737" s="423" t="s">
        <v>2795</v>
      </c>
      <c r="NDZ737" s="424"/>
      <c r="NEA737" s="424"/>
      <c r="NEB737" s="424"/>
      <c r="NEC737" s="423" t="s">
        <v>2795</v>
      </c>
      <c r="NED737" s="424"/>
      <c r="NEE737" s="424"/>
      <c r="NEF737" s="424"/>
      <c r="NEG737" s="423" t="s">
        <v>2795</v>
      </c>
      <c r="NEH737" s="424"/>
      <c r="NEI737" s="424"/>
      <c r="NEJ737" s="424"/>
      <c r="NEK737" s="423" t="s">
        <v>2795</v>
      </c>
      <c r="NEL737" s="424"/>
      <c r="NEM737" s="424"/>
      <c r="NEN737" s="424"/>
      <c r="NEO737" s="423" t="s">
        <v>2795</v>
      </c>
      <c r="NEP737" s="424"/>
      <c r="NEQ737" s="424"/>
      <c r="NER737" s="424"/>
      <c r="NES737" s="423" t="s">
        <v>2795</v>
      </c>
      <c r="NET737" s="424"/>
      <c r="NEU737" s="424"/>
      <c r="NEV737" s="424"/>
      <c r="NEW737" s="423" t="s">
        <v>2795</v>
      </c>
      <c r="NEX737" s="424"/>
      <c r="NEY737" s="424"/>
      <c r="NEZ737" s="424"/>
      <c r="NFA737" s="423" t="s">
        <v>2795</v>
      </c>
      <c r="NFB737" s="424"/>
      <c r="NFC737" s="424"/>
      <c r="NFD737" s="424"/>
      <c r="NFE737" s="423" t="s">
        <v>2795</v>
      </c>
      <c r="NFF737" s="424"/>
      <c r="NFG737" s="424"/>
      <c r="NFH737" s="424"/>
      <c r="NFI737" s="423" t="s">
        <v>2795</v>
      </c>
      <c r="NFJ737" s="424"/>
      <c r="NFK737" s="424"/>
      <c r="NFL737" s="424"/>
      <c r="NFM737" s="423" t="s">
        <v>2795</v>
      </c>
      <c r="NFN737" s="424"/>
      <c r="NFO737" s="424"/>
      <c r="NFP737" s="424"/>
      <c r="NFQ737" s="423" t="s">
        <v>2795</v>
      </c>
      <c r="NFR737" s="424"/>
      <c r="NFS737" s="424"/>
      <c r="NFT737" s="424"/>
      <c r="NFU737" s="423" t="s">
        <v>2795</v>
      </c>
      <c r="NFV737" s="424"/>
      <c r="NFW737" s="424"/>
      <c r="NFX737" s="424"/>
      <c r="NFY737" s="423" t="s">
        <v>2795</v>
      </c>
      <c r="NFZ737" s="424"/>
      <c r="NGA737" s="424"/>
      <c r="NGB737" s="424"/>
      <c r="NGC737" s="423" t="s">
        <v>2795</v>
      </c>
      <c r="NGD737" s="424"/>
      <c r="NGE737" s="424"/>
      <c r="NGF737" s="424"/>
      <c r="NGG737" s="423" t="s">
        <v>2795</v>
      </c>
      <c r="NGH737" s="424"/>
      <c r="NGI737" s="424"/>
      <c r="NGJ737" s="424"/>
      <c r="NGK737" s="423" t="s">
        <v>2795</v>
      </c>
      <c r="NGL737" s="424"/>
      <c r="NGM737" s="424"/>
      <c r="NGN737" s="424"/>
      <c r="NGO737" s="423" t="s">
        <v>2795</v>
      </c>
      <c r="NGP737" s="424"/>
      <c r="NGQ737" s="424"/>
      <c r="NGR737" s="424"/>
      <c r="NGS737" s="423" t="s">
        <v>2795</v>
      </c>
      <c r="NGT737" s="424"/>
      <c r="NGU737" s="424"/>
      <c r="NGV737" s="424"/>
      <c r="NGW737" s="423" t="s">
        <v>2795</v>
      </c>
      <c r="NGX737" s="424"/>
      <c r="NGY737" s="424"/>
      <c r="NGZ737" s="424"/>
      <c r="NHA737" s="423" t="s">
        <v>2795</v>
      </c>
      <c r="NHB737" s="424"/>
      <c r="NHC737" s="424"/>
      <c r="NHD737" s="424"/>
      <c r="NHE737" s="423" t="s">
        <v>2795</v>
      </c>
      <c r="NHF737" s="424"/>
      <c r="NHG737" s="424"/>
      <c r="NHH737" s="424"/>
      <c r="NHI737" s="423" t="s">
        <v>2795</v>
      </c>
      <c r="NHJ737" s="424"/>
      <c r="NHK737" s="424"/>
      <c r="NHL737" s="424"/>
      <c r="NHM737" s="423" t="s">
        <v>2795</v>
      </c>
      <c r="NHN737" s="424"/>
      <c r="NHO737" s="424"/>
      <c r="NHP737" s="424"/>
      <c r="NHQ737" s="423" t="s">
        <v>2795</v>
      </c>
      <c r="NHR737" s="424"/>
      <c r="NHS737" s="424"/>
      <c r="NHT737" s="424"/>
      <c r="NHU737" s="423" t="s">
        <v>2795</v>
      </c>
      <c r="NHV737" s="424"/>
      <c r="NHW737" s="424"/>
      <c r="NHX737" s="424"/>
      <c r="NHY737" s="423" t="s">
        <v>2795</v>
      </c>
      <c r="NHZ737" s="424"/>
      <c r="NIA737" s="424"/>
      <c r="NIB737" s="424"/>
      <c r="NIC737" s="423" t="s">
        <v>2795</v>
      </c>
      <c r="NID737" s="424"/>
      <c r="NIE737" s="424"/>
      <c r="NIF737" s="424"/>
      <c r="NIG737" s="423" t="s">
        <v>2795</v>
      </c>
      <c r="NIH737" s="424"/>
      <c r="NII737" s="424"/>
      <c r="NIJ737" s="424"/>
      <c r="NIK737" s="423" t="s">
        <v>2795</v>
      </c>
      <c r="NIL737" s="424"/>
      <c r="NIM737" s="424"/>
      <c r="NIN737" s="424"/>
      <c r="NIO737" s="423" t="s">
        <v>2795</v>
      </c>
      <c r="NIP737" s="424"/>
      <c r="NIQ737" s="424"/>
      <c r="NIR737" s="424"/>
      <c r="NIS737" s="423" t="s">
        <v>2795</v>
      </c>
      <c r="NIT737" s="424"/>
      <c r="NIU737" s="424"/>
      <c r="NIV737" s="424"/>
      <c r="NIW737" s="423" t="s">
        <v>2795</v>
      </c>
      <c r="NIX737" s="424"/>
      <c r="NIY737" s="424"/>
      <c r="NIZ737" s="424"/>
      <c r="NJA737" s="423" t="s">
        <v>2795</v>
      </c>
      <c r="NJB737" s="424"/>
      <c r="NJC737" s="424"/>
      <c r="NJD737" s="424"/>
      <c r="NJE737" s="423" t="s">
        <v>2795</v>
      </c>
      <c r="NJF737" s="424"/>
      <c r="NJG737" s="424"/>
      <c r="NJH737" s="424"/>
      <c r="NJI737" s="423" t="s">
        <v>2795</v>
      </c>
      <c r="NJJ737" s="424"/>
      <c r="NJK737" s="424"/>
      <c r="NJL737" s="424"/>
      <c r="NJM737" s="423" t="s">
        <v>2795</v>
      </c>
      <c r="NJN737" s="424"/>
      <c r="NJO737" s="424"/>
      <c r="NJP737" s="424"/>
      <c r="NJQ737" s="423" t="s">
        <v>2795</v>
      </c>
      <c r="NJR737" s="424"/>
      <c r="NJS737" s="424"/>
      <c r="NJT737" s="424"/>
      <c r="NJU737" s="423" t="s">
        <v>2795</v>
      </c>
      <c r="NJV737" s="424"/>
      <c r="NJW737" s="424"/>
      <c r="NJX737" s="424"/>
      <c r="NJY737" s="423" t="s">
        <v>2795</v>
      </c>
      <c r="NJZ737" s="424"/>
      <c r="NKA737" s="424"/>
      <c r="NKB737" s="424"/>
      <c r="NKC737" s="423" t="s">
        <v>2795</v>
      </c>
      <c r="NKD737" s="424"/>
      <c r="NKE737" s="424"/>
      <c r="NKF737" s="424"/>
      <c r="NKG737" s="423" t="s">
        <v>2795</v>
      </c>
      <c r="NKH737" s="424"/>
      <c r="NKI737" s="424"/>
      <c r="NKJ737" s="424"/>
      <c r="NKK737" s="423" t="s">
        <v>2795</v>
      </c>
      <c r="NKL737" s="424"/>
      <c r="NKM737" s="424"/>
      <c r="NKN737" s="424"/>
      <c r="NKO737" s="423" t="s">
        <v>2795</v>
      </c>
      <c r="NKP737" s="424"/>
      <c r="NKQ737" s="424"/>
      <c r="NKR737" s="424"/>
      <c r="NKS737" s="423" t="s">
        <v>2795</v>
      </c>
      <c r="NKT737" s="424"/>
      <c r="NKU737" s="424"/>
      <c r="NKV737" s="424"/>
      <c r="NKW737" s="423" t="s">
        <v>2795</v>
      </c>
      <c r="NKX737" s="424"/>
      <c r="NKY737" s="424"/>
      <c r="NKZ737" s="424"/>
      <c r="NLA737" s="423" t="s">
        <v>2795</v>
      </c>
      <c r="NLB737" s="424"/>
      <c r="NLC737" s="424"/>
      <c r="NLD737" s="424"/>
      <c r="NLE737" s="423" t="s">
        <v>2795</v>
      </c>
      <c r="NLF737" s="424"/>
      <c r="NLG737" s="424"/>
      <c r="NLH737" s="424"/>
      <c r="NLI737" s="423" t="s">
        <v>2795</v>
      </c>
      <c r="NLJ737" s="424"/>
      <c r="NLK737" s="424"/>
      <c r="NLL737" s="424"/>
      <c r="NLM737" s="423" t="s">
        <v>2795</v>
      </c>
      <c r="NLN737" s="424"/>
      <c r="NLO737" s="424"/>
      <c r="NLP737" s="424"/>
      <c r="NLQ737" s="423" t="s">
        <v>2795</v>
      </c>
      <c r="NLR737" s="424"/>
      <c r="NLS737" s="424"/>
      <c r="NLT737" s="424"/>
      <c r="NLU737" s="423" t="s">
        <v>2795</v>
      </c>
      <c r="NLV737" s="424"/>
      <c r="NLW737" s="424"/>
      <c r="NLX737" s="424"/>
      <c r="NLY737" s="423" t="s">
        <v>2795</v>
      </c>
      <c r="NLZ737" s="424"/>
      <c r="NMA737" s="424"/>
      <c r="NMB737" s="424"/>
      <c r="NMC737" s="423" t="s">
        <v>2795</v>
      </c>
      <c r="NMD737" s="424"/>
      <c r="NME737" s="424"/>
      <c r="NMF737" s="424"/>
      <c r="NMG737" s="423" t="s">
        <v>2795</v>
      </c>
      <c r="NMH737" s="424"/>
      <c r="NMI737" s="424"/>
      <c r="NMJ737" s="424"/>
      <c r="NMK737" s="423" t="s">
        <v>2795</v>
      </c>
      <c r="NML737" s="424"/>
      <c r="NMM737" s="424"/>
      <c r="NMN737" s="424"/>
      <c r="NMO737" s="423" t="s">
        <v>2795</v>
      </c>
      <c r="NMP737" s="424"/>
      <c r="NMQ737" s="424"/>
      <c r="NMR737" s="424"/>
      <c r="NMS737" s="423" t="s">
        <v>2795</v>
      </c>
      <c r="NMT737" s="424"/>
      <c r="NMU737" s="424"/>
      <c r="NMV737" s="424"/>
      <c r="NMW737" s="423" t="s">
        <v>2795</v>
      </c>
      <c r="NMX737" s="424"/>
      <c r="NMY737" s="424"/>
      <c r="NMZ737" s="424"/>
      <c r="NNA737" s="423" t="s">
        <v>2795</v>
      </c>
      <c r="NNB737" s="424"/>
      <c r="NNC737" s="424"/>
      <c r="NND737" s="424"/>
      <c r="NNE737" s="423" t="s">
        <v>2795</v>
      </c>
      <c r="NNF737" s="424"/>
      <c r="NNG737" s="424"/>
      <c r="NNH737" s="424"/>
      <c r="NNI737" s="423" t="s">
        <v>2795</v>
      </c>
      <c r="NNJ737" s="424"/>
      <c r="NNK737" s="424"/>
      <c r="NNL737" s="424"/>
      <c r="NNM737" s="423" t="s">
        <v>2795</v>
      </c>
      <c r="NNN737" s="424"/>
      <c r="NNO737" s="424"/>
      <c r="NNP737" s="424"/>
      <c r="NNQ737" s="423" t="s">
        <v>2795</v>
      </c>
      <c r="NNR737" s="424"/>
      <c r="NNS737" s="424"/>
      <c r="NNT737" s="424"/>
      <c r="NNU737" s="423" t="s">
        <v>2795</v>
      </c>
      <c r="NNV737" s="424"/>
      <c r="NNW737" s="424"/>
      <c r="NNX737" s="424"/>
      <c r="NNY737" s="423" t="s">
        <v>2795</v>
      </c>
      <c r="NNZ737" s="424"/>
      <c r="NOA737" s="424"/>
      <c r="NOB737" s="424"/>
      <c r="NOC737" s="423" t="s">
        <v>2795</v>
      </c>
      <c r="NOD737" s="424"/>
      <c r="NOE737" s="424"/>
      <c r="NOF737" s="424"/>
      <c r="NOG737" s="423" t="s">
        <v>2795</v>
      </c>
      <c r="NOH737" s="424"/>
      <c r="NOI737" s="424"/>
      <c r="NOJ737" s="424"/>
      <c r="NOK737" s="423" t="s">
        <v>2795</v>
      </c>
      <c r="NOL737" s="424"/>
      <c r="NOM737" s="424"/>
      <c r="NON737" s="424"/>
      <c r="NOO737" s="423" t="s">
        <v>2795</v>
      </c>
      <c r="NOP737" s="424"/>
      <c r="NOQ737" s="424"/>
      <c r="NOR737" s="424"/>
      <c r="NOS737" s="423" t="s">
        <v>2795</v>
      </c>
      <c r="NOT737" s="424"/>
      <c r="NOU737" s="424"/>
      <c r="NOV737" s="424"/>
      <c r="NOW737" s="423" t="s">
        <v>2795</v>
      </c>
      <c r="NOX737" s="424"/>
      <c r="NOY737" s="424"/>
      <c r="NOZ737" s="424"/>
      <c r="NPA737" s="423" t="s">
        <v>2795</v>
      </c>
      <c r="NPB737" s="424"/>
      <c r="NPC737" s="424"/>
      <c r="NPD737" s="424"/>
      <c r="NPE737" s="423" t="s">
        <v>2795</v>
      </c>
      <c r="NPF737" s="424"/>
      <c r="NPG737" s="424"/>
      <c r="NPH737" s="424"/>
      <c r="NPI737" s="423" t="s">
        <v>2795</v>
      </c>
      <c r="NPJ737" s="424"/>
      <c r="NPK737" s="424"/>
      <c r="NPL737" s="424"/>
      <c r="NPM737" s="423" t="s">
        <v>2795</v>
      </c>
      <c r="NPN737" s="424"/>
      <c r="NPO737" s="424"/>
      <c r="NPP737" s="424"/>
      <c r="NPQ737" s="423" t="s">
        <v>2795</v>
      </c>
      <c r="NPR737" s="424"/>
      <c r="NPS737" s="424"/>
      <c r="NPT737" s="424"/>
      <c r="NPU737" s="423" t="s">
        <v>2795</v>
      </c>
      <c r="NPV737" s="424"/>
      <c r="NPW737" s="424"/>
      <c r="NPX737" s="424"/>
      <c r="NPY737" s="423" t="s">
        <v>2795</v>
      </c>
      <c r="NPZ737" s="424"/>
      <c r="NQA737" s="424"/>
      <c r="NQB737" s="424"/>
      <c r="NQC737" s="423" t="s">
        <v>2795</v>
      </c>
      <c r="NQD737" s="424"/>
      <c r="NQE737" s="424"/>
      <c r="NQF737" s="424"/>
      <c r="NQG737" s="423" t="s">
        <v>2795</v>
      </c>
      <c r="NQH737" s="424"/>
      <c r="NQI737" s="424"/>
      <c r="NQJ737" s="424"/>
      <c r="NQK737" s="423" t="s">
        <v>2795</v>
      </c>
      <c r="NQL737" s="424"/>
      <c r="NQM737" s="424"/>
      <c r="NQN737" s="424"/>
      <c r="NQO737" s="423" t="s">
        <v>2795</v>
      </c>
      <c r="NQP737" s="424"/>
      <c r="NQQ737" s="424"/>
      <c r="NQR737" s="424"/>
      <c r="NQS737" s="423" t="s">
        <v>2795</v>
      </c>
      <c r="NQT737" s="424"/>
      <c r="NQU737" s="424"/>
      <c r="NQV737" s="424"/>
      <c r="NQW737" s="423" t="s">
        <v>2795</v>
      </c>
      <c r="NQX737" s="424"/>
      <c r="NQY737" s="424"/>
      <c r="NQZ737" s="424"/>
      <c r="NRA737" s="423" t="s">
        <v>2795</v>
      </c>
      <c r="NRB737" s="424"/>
      <c r="NRC737" s="424"/>
      <c r="NRD737" s="424"/>
      <c r="NRE737" s="423" t="s">
        <v>2795</v>
      </c>
      <c r="NRF737" s="424"/>
      <c r="NRG737" s="424"/>
      <c r="NRH737" s="424"/>
      <c r="NRI737" s="423" t="s">
        <v>2795</v>
      </c>
      <c r="NRJ737" s="424"/>
      <c r="NRK737" s="424"/>
      <c r="NRL737" s="424"/>
      <c r="NRM737" s="423" t="s">
        <v>2795</v>
      </c>
      <c r="NRN737" s="424"/>
      <c r="NRO737" s="424"/>
      <c r="NRP737" s="424"/>
      <c r="NRQ737" s="423" t="s">
        <v>2795</v>
      </c>
      <c r="NRR737" s="424"/>
      <c r="NRS737" s="424"/>
      <c r="NRT737" s="424"/>
      <c r="NRU737" s="423" t="s">
        <v>2795</v>
      </c>
      <c r="NRV737" s="424"/>
      <c r="NRW737" s="424"/>
      <c r="NRX737" s="424"/>
      <c r="NRY737" s="423" t="s">
        <v>2795</v>
      </c>
      <c r="NRZ737" s="424"/>
      <c r="NSA737" s="424"/>
      <c r="NSB737" s="424"/>
      <c r="NSC737" s="423" t="s">
        <v>2795</v>
      </c>
      <c r="NSD737" s="424"/>
      <c r="NSE737" s="424"/>
      <c r="NSF737" s="424"/>
      <c r="NSG737" s="423" t="s">
        <v>2795</v>
      </c>
      <c r="NSH737" s="424"/>
      <c r="NSI737" s="424"/>
      <c r="NSJ737" s="424"/>
      <c r="NSK737" s="423" t="s">
        <v>2795</v>
      </c>
      <c r="NSL737" s="424"/>
      <c r="NSM737" s="424"/>
      <c r="NSN737" s="424"/>
      <c r="NSO737" s="423" t="s">
        <v>2795</v>
      </c>
      <c r="NSP737" s="424"/>
      <c r="NSQ737" s="424"/>
      <c r="NSR737" s="424"/>
      <c r="NSS737" s="423" t="s">
        <v>2795</v>
      </c>
      <c r="NST737" s="424"/>
      <c r="NSU737" s="424"/>
      <c r="NSV737" s="424"/>
      <c r="NSW737" s="423" t="s">
        <v>2795</v>
      </c>
      <c r="NSX737" s="424"/>
      <c r="NSY737" s="424"/>
      <c r="NSZ737" s="424"/>
      <c r="NTA737" s="423" t="s">
        <v>2795</v>
      </c>
      <c r="NTB737" s="424"/>
      <c r="NTC737" s="424"/>
      <c r="NTD737" s="424"/>
      <c r="NTE737" s="423" t="s">
        <v>2795</v>
      </c>
      <c r="NTF737" s="424"/>
      <c r="NTG737" s="424"/>
      <c r="NTH737" s="424"/>
      <c r="NTI737" s="423" t="s">
        <v>2795</v>
      </c>
      <c r="NTJ737" s="424"/>
      <c r="NTK737" s="424"/>
      <c r="NTL737" s="424"/>
      <c r="NTM737" s="423" t="s">
        <v>2795</v>
      </c>
      <c r="NTN737" s="424"/>
      <c r="NTO737" s="424"/>
      <c r="NTP737" s="424"/>
      <c r="NTQ737" s="423" t="s">
        <v>2795</v>
      </c>
      <c r="NTR737" s="424"/>
      <c r="NTS737" s="424"/>
      <c r="NTT737" s="424"/>
      <c r="NTU737" s="423" t="s">
        <v>2795</v>
      </c>
      <c r="NTV737" s="424"/>
      <c r="NTW737" s="424"/>
      <c r="NTX737" s="424"/>
      <c r="NTY737" s="423" t="s">
        <v>2795</v>
      </c>
      <c r="NTZ737" s="424"/>
      <c r="NUA737" s="424"/>
      <c r="NUB737" s="424"/>
      <c r="NUC737" s="423" t="s">
        <v>2795</v>
      </c>
      <c r="NUD737" s="424"/>
      <c r="NUE737" s="424"/>
      <c r="NUF737" s="424"/>
      <c r="NUG737" s="423" t="s">
        <v>2795</v>
      </c>
      <c r="NUH737" s="424"/>
      <c r="NUI737" s="424"/>
      <c r="NUJ737" s="424"/>
      <c r="NUK737" s="423" t="s">
        <v>2795</v>
      </c>
      <c r="NUL737" s="424"/>
      <c r="NUM737" s="424"/>
      <c r="NUN737" s="424"/>
      <c r="NUO737" s="423" t="s">
        <v>2795</v>
      </c>
      <c r="NUP737" s="424"/>
      <c r="NUQ737" s="424"/>
      <c r="NUR737" s="424"/>
      <c r="NUS737" s="423" t="s">
        <v>2795</v>
      </c>
      <c r="NUT737" s="424"/>
      <c r="NUU737" s="424"/>
      <c r="NUV737" s="424"/>
      <c r="NUW737" s="423" t="s">
        <v>2795</v>
      </c>
      <c r="NUX737" s="424"/>
      <c r="NUY737" s="424"/>
      <c r="NUZ737" s="424"/>
      <c r="NVA737" s="423" t="s">
        <v>2795</v>
      </c>
      <c r="NVB737" s="424"/>
      <c r="NVC737" s="424"/>
      <c r="NVD737" s="424"/>
      <c r="NVE737" s="423" t="s">
        <v>2795</v>
      </c>
      <c r="NVF737" s="424"/>
      <c r="NVG737" s="424"/>
      <c r="NVH737" s="424"/>
      <c r="NVI737" s="423" t="s">
        <v>2795</v>
      </c>
      <c r="NVJ737" s="424"/>
      <c r="NVK737" s="424"/>
      <c r="NVL737" s="424"/>
      <c r="NVM737" s="423" t="s">
        <v>2795</v>
      </c>
      <c r="NVN737" s="424"/>
      <c r="NVO737" s="424"/>
      <c r="NVP737" s="424"/>
      <c r="NVQ737" s="423" t="s">
        <v>2795</v>
      </c>
      <c r="NVR737" s="424"/>
      <c r="NVS737" s="424"/>
      <c r="NVT737" s="424"/>
      <c r="NVU737" s="423" t="s">
        <v>2795</v>
      </c>
      <c r="NVV737" s="424"/>
      <c r="NVW737" s="424"/>
      <c r="NVX737" s="424"/>
      <c r="NVY737" s="423" t="s">
        <v>2795</v>
      </c>
      <c r="NVZ737" s="424"/>
      <c r="NWA737" s="424"/>
      <c r="NWB737" s="424"/>
      <c r="NWC737" s="423" t="s">
        <v>2795</v>
      </c>
      <c r="NWD737" s="424"/>
      <c r="NWE737" s="424"/>
      <c r="NWF737" s="424"/>
      <c r="NWG737" s="423" t="s">
        <v>2795</v>
      </c>
      <c r="NWH737" s="424"/>
      <c r="NWI737" s="424"/>
      <c r="NWJ737" s="424"/>
      <c r="NWK737" s="423" t="s">
        <v>2795</v>
      </c>
      <c r="NWL737" s="424"/>
      <c r="NWM737" s="424"/>
      <c r="NWN737" s="424"/>
      <c r="NWO737" s="423" t="s">
        <v>2795</v>
      </c>
      <c r="NWP737" s="424"/>
      <c r="NWQ737" s="424"/>
      <c r="NWR737" s="424"/>
      <c r="NWS737" s="423" t="s">
        <v>2795</v>
      </c>
      <c r="NWT737" s="424"/>
      <c r="NWU737" s="424"/>
      <c r="NWV737" s="424"/>
      <c r="NWW737" s="423" t="s">
        <v>2795</v>
      </c>
      <c r="NWX737" s="424"/>
      <c r="NWY737" s="424"/>
      <c r="NWZ737" s="424"/>
      <c r="NXA737" s="423" t="s">
        <v>2795</v>
      </c>
      <c r="NXB737" s="424"/>
      <c r="NXC737" s="424"/>
      <c r="NXD737" s="424"/>
      <c r="NXE737" s="423" t="s">
        <v>2795</v>
      </c>
      <c r="NXF737" s="424"/>
      <c r="NXG737" s="424"/>
      <c r="NXH737" s="424"/>
      <c r="NXI737" s="423" t="s">
        <v>2795</v>
      </c>
      <c r="NXJ737" s="424"/>
      <c r="NXK737" s="424"/>
      <c r="NXL737" s="424"/>
      <c r="NXM737" s="423" t="s">
        <v>2795</v>
      </c>
      <c r="NXN737" s="424"/>
      <c r="NXO737" s="424"/>
      <c r="NXP737" s="424"/>
      <c r="NXQ737" s="423" t="s">
        <v>2795</v>
      </c>
      <c r="NXR737" s="424"/>
      <c r="NXS737" s="424"/>
      <c r="NXT737" s="424"/>
      <c r="NXU737" s="423" t="s">
        <v>2795</v>
      </c>
      <c r="NXV737" s="424"/>
      <c r="NXW737" s="424"/>
      <c r="NXX737" s="424"/>
      <c r="NXY737" s="423" t="s">
        <v>2795</v>
      </c>
      <c r="NXZ737" s="424"/>
      <c r="NYA737" s="424"/>
      <c r="NYB737" s="424"/>
      <c r="NYC737" s="423" t="s">
        <v>2795</v>
      </c>
      <c r="NYD737" s="424"/>
      <c r="NYE737" s="424"/>
      <c r="NYF737" s="424"/>
      <c r="NYG737" s="423" t="s">
        <v>2795</v>
      </c>
      <c r="NYH737" s="424"/>
      <c r="NYI737" s="424"/>
      <c r="NYJ737" s="424"/>
      <c r="NYK737" s="423" t="s">
        <v>2795</v>
      </c>
      <c r="NYL737" s="424"/>
      <c r="NYM737" s="424"/>
      <c r="NYN737" s="424"/>
      <c r="NYO737" s="423" t="s">
        <v>2795</v>
      </c>
      <c r="NYP737" s="424"/>
      <c r="NYQ737" s="424"/>
      <c r="NYR737" s="424"/>
      <c r="NYS737" s="423" t="s">
        <v>2795</v>
      </c>
      <c r="NYT737" s="424"/>
      <c r="NYU737" s="424"/>
      <c r="NYV737" s="424"/>
      <c r="NYW737" s="423" t="s">
        <v>2795</v>
      </c>
      <c r="NYX737" s="424"/>
      <c r="NYY737" s="424"/>
      <c r="NYZ737" s="424"/>
      <c r="NZA737" s="423" t="s">
        <v>2795</v>
      </c>
      <c r="NZB737" s="424"/>
      <c r="NZC737" s="424"/>
      <c r="NZD737" s="424"/>
      <c r="NZE737" s="423" t="s">
        <v>2795</v>
      </c>
      <c r="NZF737" s="424"/>
      <c r="NZG737" s="424"/>
      <c r="NZH737" s="424"/>
      <c r="NZI737" s="423" t="s">
        <v>2795</v>
      </c>
      <c r="NZJ737" s="424"/>
      <c r="NZK737" s="424"/>
      <c r="NZL737" s="424"/>
      <c r="NZM737" s="423" t="s">
        <v>2795</v>
      </c>
      <c r="NZN737" s="424"/>
      <c r="NZO737" s="424"/>
      <c r="NZP737" s="424"/>
      <c r="NZQ737" s="423" t="s">
        <v>2795</v>
      </c>
      <c r="NZR737" s="424"/>
      <c r="NZS737" s="424"/>
      <c r="NZT737" s="424"/>
      <c r="NZU737" s="423" t="s">
        <v>2795</v>
      </c>
      <c r="NZV737" s="424"/>
      <c r="NZW737" s="424"/>
      <c r="NZX737" s="424"/>
      <c r="NZY737" s="423" t="s">
        <v>2795</v>
      </c>
      <c r="NZZ737" s="424"/>
      <c r="OAA737" s="424"/>
      <c r="OAB737" s="424"/>
      <c r="OAC737" s="423" t="s">
        <v>2795</v>
      </c>
      <c r="OAD737" s="424"/>
      <c r="OAE737" s="424"/>
      <c r="OAF737" s="424"/>
      <c r="OAG737" s="423" t="s">
        <v>2795</v>
      </c>
      <c r="OAH737" s="424"/>
      <c r="OAI737" s="424"/>
      <c r="OAJ737" s="424"/>
      <c r="OAK737" s="423" t="s">
        <v>2795</v>
      </c>
      <c r="OAL737" s="424"/>
      <c r="OAM737" s="424"/>
      <c r="OAN737" s="424"/>
      <c r="OAO737" s="423" t="s">
        <v>2795</v>
      </c>
      <c r="OAP737" s="424"/>
      <c r="OAQ737" s="424"/>
      <c r="OAR737" s="424"/>
      <c r="OAS737" s="423" t="s">
        <v>2795</v>
      </c>
      <c r="OAT737" s="424"/>
      <c r="OAU737" s="424"/>
      <c r="OAV737" s="424"/>
      <c r="OAW737" s="423" t="s">
        <v>2795</v>
      </c>
      <c r="OAX737" s="424"/>
      <c r="OAY737" s="424"/>
      <c r="OAZ737" s="424"/>
      <c r="OBA737" s="423" t="s">
        <v>2795</v>
      </c>
      <c r="OBB737" s="424"/>
      <c r="OBC737" s="424"/>
      <c r="OBD737" s="424"/>
      <c r="OBE737" s="423" t="s">
        <v>2795</v>
      </c>
      <c r="OBF737" s="424"/>
      <c r="OBG737" s="424"/>
      <c r="OBH737" s="424"/>
      <c r="OBI737" s="423" t="s">
        <v>2795</v>
      </c>
      <c r="OBJ737" s="424"/>
      <c r="OBK737" s="424"/>
      <c r="OBL737" s="424"/>
      <c r="OBM737" s="423" t="s">
        <v>2795</v>
      </c>
      <c r="OBN737" s="424"/>
      <c r="OBO737" s="424"/>
      <c r="OBP737" s="424"/>
      <c r="OBQ737" s="423" t="s">
        <v>2795</v>
      </c>
      <c r="OBR737" s="424"/>
      <c r="OBS737" s="424"/>
      <c r="OBT737" s="424"/>
      <c r="OBU737" s="423" t="s">
        <v>2795</v>
      </c>
      <c r="OBV737" s="424"/>
      <c r="OBW737" s="424"/>
      <c r="OBX737" s="424"/>
      <c r="OBY737" s="423" t="s">
        <v>2795</v>
      </c>
      <c r="OBZ737" s="424"/>
      <c r="OCA737" s="424"/>
      <c r="OCB737" s="424"/>
      <c r="OCC737" s="423" t="s">
        <v>2795</v>
      </c>
      <c r="OCD737" s="424"/>
      <c r="OCE737" s="424"/>
      <c r="OCF737" s="424"/>
      <c r="OCG737" s="423" t="s">
        <v>2795</v>
      </c>
      <c r="OCH737" s="424"/>
      <c r="OCI737" s="424"/>
      <c r="OCJ737" s="424"/>
      <c r="OCK737" s="423" t="s">
        <v>2795</v>
      </c>
      <c r="OCL737" s="424"/>
      <c r="OCM737" s="424"/>
      <c r="OCN737" s="424"/>
      <c r="OCO737" s="423" t="s">
        <v>2795</v>
      </c>
      <c r="OCP737" s="424"/>
      <c r="OCQ737" s="424"/>
      <c r="OCR737" s="424"/>
      <c r="OCS737" s="423" t="s">
        <v>2795</v>
      </c>
      <c r="OCT737" s="424"/>
      <c r="OCU737" s="424"/>
      <c r="OCV737" s="424"/>
      <c r="OCW737" s="423" t="s">
        <v>2795</v>
      </c>
      <c r="OCX737" s="424"/>
      <c r="OCY737" s="424"/>
      <c r="OCZ737" s="424"/>
      <c r="ODA737" s="423" t="s">
        <v>2795</v>
      </c>
      <c r="ODB737" s="424"/>
      <c r="ODC737" s="424"/>
      <c r="ODD737" s="424"/>
      <c r="ODE737" s="423" t="s">
        <v>2795</v>
      </c>
      <c r="ODF737" s="424"/>
      <c r="ODG737" s="424"/>
      <c r="ODH737" s="424"/>
      <c r="ODI737" s="423" t="s">
        <v>2795</v>
      </c>
      <c r="ODJ737" s="424"/>
      <c r="ODK737" s="424"/>
      <c r="ODL737" s="424"/>
      <c r="ODM737" s="423" t="s">
        <v>2795</v>
      </c>
      <c r="ODN737" s="424"/>
      <c r="ODO737" s="424"/>
      <c r="ODP737" s="424"/>
      <c r="ODQ737" s="423" t="s">
        <v>2795</v>
      </c>
      <c r="ODR737" s="424"/>
      <c r="ODS737" s="424"/>
      <c r="ODT737" s="424"/>
      <c r="ODU737" s="423" t="s">
        <v>2795</v>
      </c>
      <c r="ODV737" s="424"/>
      <c r="ODW737" s="424"/>
      <c r="ODX737" s="424"/>
      <c r="ODY737" s="423" t="s">
        <v>2795</v>
      </c>
      <c r="ODZ737" s="424"/>
      <c r="OEA737" s="424"/>
      <c r="OEB737" s="424"/>
      <c r="OEC737" s="423" t="s">
        <v>2795</v>
      </c>
      <c r="OED737" s="424"/>
      <c r="OEE737" s="424"/>
      <c r="OEF737" s="424"/>
      <c r="OEG737" s="423" t="s">
        <v>2795</v>
      </c>
      <c r="OEH737" s="424"/>
      <c r="OEI737" s="424"/>
      <c r="OEJ737" s="424"/>
      <c r="OEK737" s="423" t="s">
        <v>2795</v>
      </c>
      <c r="OEL737" s="424"/>
      <c r="OEM737" s="424"/>
      <c r="OEN737" s="424"/>
      <c r="OEO737" s="423" t="s">
        <v>2795</v>
      </c>
      <c r="OEP737" s="424"/>
      <c r="OEQ737" s="424"/>
      <c r="OER737" s="424"/>
      <c r="OES737" s="423" t="s">
        <v>2795</v>
      </c>
      <c r="OET737" s="424"/>
      <c r="OEU737" s="424"/>
      <c r="OEV737" s="424"/>
      <c r="OEW737" s="423" t="s">
        <v>2795</v>
      </c>
      <c r="OEX737" s="424"/>
      <c r="OEY737" s="424"/>
      <c r="OEZ737" s="424"/>
      <c r="OFA737" s="423" t="s">
        <v>2795</v>
      </c>
      <c r="OFB737" s="424"/>
      <c r="OFC737" s="424"/>
      <c r="OFD737" s="424"/>
      <c r="OFE737" s="423" t="s">
        <v>2795</v>
      </c>
      <c r="OFF737" s="424"/>
      <c r="OFG737" s="424"/>
      <c r="OFH737" s="424"/>
      <c r="OFI737" s="423" t="s">
        <v>2795</v>
      </c>
      <c r="OFJ737" s="424"/>
      <c r="OFK737" s="424"/>
      <c r="OFL737" s="424"/>
      <c r="OFM737" s="423" t="s">
        <v>2795</v>
      </c>
      <c r="OFN737" s="424"/>
      <c r="OFO737" s="424"/>
      <c r="OFP737" s="424"/>
      <c r="OFQ737" s="423" t="s">
        <v>2795</v>
      </c>
      <c r="OFR737" s="424"/>
      <c r="OFS737" s="424"/>
      <c r="OFT737" s="424"/>
      <c r="OFU737" s="423" t="s">
        <v>2795</v>
      </c>
      <c r="OFV737" s="424"/>
      <c r="OFW737" s="424"/>
      <c r="OFX737" s="424"/>
      <c r="OFY737" s="423" t="s">
        <v>2795</v>
      </c>
      <c r="OFZ737" s="424"/>
      <c r="OGA737" s="424"/>
      <c r="OGB737" s="424"/>
      <c r="OGC737" s="423" t="s">
        <v>2795</v>
      </c>
      <c r="OGD737" s="424"/>
      <c r="OGE737" s="424"/>
      <c r="OGF737" s="424"/>
      <c r="OGG737" s="423" t="s">
        <v>2795</v>
      </c>
      <c r="OGH737" s="424"/>
      <c r="OGI737" s="424"/>
      <c r="OGJ737" s="424"/>
      <c r="OGK737" s="423" t="s">
        <v>2795</v>
      </c>
      <c r="OGL737" s="424"/>
      <c r="OGM737" s="424"/>
      <c r="OGN737" s="424"/>
      <c r="OGO737" s="423" t="s">
        <v>2795</v>
      </c>
      <c r="OGP737" s="424"/>
      <c r="OGQ737" s="424"/>
      <c r="OGR737" s="424"/>
      <c r="OGS737" s="423" t="s">
        <v>2795</v>
      </c>
      <c r="OGT737" s="424"/>
      <c r="OGU737" s="424"/>
      <c r="OGV737" s="424"/>
      <c r="OGW737" s="423" t="s">
        <v>2795</v>
      </c>
      <c r="OGX737" s="424"/>
      <c r="OGY737" s="424"/>
      <c r="OGZ737" s="424"/>
      <c r="OHA737" s="423" t="s">
        <v>2795</v>
      </c>
      <c r="OHB737" s="424"/>
      <c r="OHC737" s="424"/>
      <c r="OHD737" s="424"/>
      <c r="OHE737" s="423" t="s">
        <v>2795</v>
      </c>
      <c r="OHF737" s="424"/>
      <c r="OHG737" s="424"/>
      <c r="OHH737" s="424"/>
      <c r="OHI737" s="423" t="s">
        <v>2795</v>
      </c>
      <c r="OHJ737" s="424"/>
      <c r="OHK737" s="424"/>
      <c r="OHL737" s="424"/>
      <c r="OHM737" s="423" t="s">
        <v>2795</v>
      </c>
      <c r="OHN737" s="424"/>
      <c r="OHO737" s="424"/>
      <c r="OHP737" s="424"/>
      <c r="OHQ737" s="423" t="s">
        <v>2795</v>
      </c>
      <c r="OHR737" s="424"/>
      <c r="OHS737" s="424"/>
      <c r="OHT737" s="424"/>
      <c r="OHU737" s="423" t="s">
        <v>2795</v>
      </c>
      <c r="OHV737" s="424"/>
      <c r="OHW737" s="424"/>
      <c r="OHX737" s="424"/>
      <c r="OHY737" s="423" t="s">
        <v>2795</v>
      </c>
      <c r="OHZ737" s="424"/>
      <c r="OIA737" s="424"/>
      <c r="OIB737" s="424"/>
      <c r="OIC737" s="423" t="s">
        <v>2795</v>
      </c>
      <c r="OID737" s="424"/>
      <c r="OIE737" s="424"/>
      <c r="OIF737" s="424"/>
      <c r="OIG737" s="423" t="s">
        <v>2795</v>
      </c>
      <c r="OIH737" s="424"/>
      <c r="OII737" s="424"/>
      <c r="OIJ737" s="424"/>
      <c r="OIK737" s="423" t="s">
        <v>2795</v>
      </c>
      <c r="OIL737" s="424"/>
      <c r="OIM737" s="424"/>
      <c r="OIN737" s="424"/>
      <c r="OIO737" s="423" t="s">
        <v>2795</v>
      </c>
      <c r="OIP737" s="424"/>
      <c r="OIQ737" s="424"/>
      <c r="OIR737" s="424"/>
      <c r="OIS737" s="423" t="s">
        <v>2795</v>
      </c>
      <c r="OIT737" s="424"/>
      <c r="OIU737" s="424"/>
      <c r="OIV737" s="424"/>
      <c r="OIW737" s="423" t="s">
        <v>2795</v>
      </c>
      <c r="OIX737" s="424"/>
      <c r="OIY737" s="424"/>
      <c r="OIZ737" s="424"/>
      <c r="OJA737" s="423" t="s">
        <v>2795</v>
      </c>
      <c r="OJB737" s="424"/>
      <c r="OJC737" s="424"/>
      <c r="OJD737" s="424"/>
      <c r="OJE737" s="423" t="s">
        <v>2795</v>
      </c>
      <c r="OJF737" s="424"/>
      <c r="OJG737" s="424"/>
      <c r="OJH737" s="424"/>
      <c r="OJI737" s="423" t="s">
        <v>2795</v>
      </c>
      <c r="OJJ737" s="424"/>
      <c r="OJK737" s="424"/>
      <c r="OJL737" s="424"/>
      <c r="OJM737" s="423" t="s">
        <v>2795</v>
      </c>
      <c r="OJN737" s="424"/>
      <c r="OJO737" s="424"/>
      <c r="OJP737" s="424"/>
      <c r="OJQ737" s="423" t="s">
        <v>2795</v>
      </c>
      <c r="OJR737" s="424"/>
      <c r="OJS737" s="424"/>
      <c r="OJT737" s="424"/>
      <c r="OJU737" s="423" t="s">
        <v>2795</v>
      </c>
      <c r="OJV737" s="424"/>
      <c r="OJW737" s="424"/>
      <c r="OJX737" s="424"/>
      <c r="OJY737" s="423" t="s">
        <v>2795</v>
      </c>
      <c r="OJZ737" s="424"/>
      <c r="OKA737" s="424"/>
      <c r="OKB737" s="424"/>
      <c r="OKC737" s="423" t="s">
        <v>2795</v>
      </c>
      <c r="OKD737" s="424"/>
      <c r="OKE737" s="424"/>
      <c r="OKF737" s="424"/>
      <c r="OKG737" s="423" t="s">
        <v>2795</v>
      </c>
      <c r="OKH737" s="424"/>
      <c r="OKI737" s="424"/>
      <c r="OKJ737" s="424"/>
      <c r="OKK737" s="423" t="s">
        <v>2795</v>
      </c>
      <c r="OKL737" s="424"/>
      <c r="OKM737" s="424"/>
      <c r="OKN737" s="424"/>
      <c r="OKO737" s="423" t="s">
        <v>2795</v>
      </c>
      <c r="OKP737" s="424"/>
      <c r="OKQ737" s="424"/>
      <c r="OKR737" s="424"/>
      <c r="OKS737" s="423" t="s">
        <v>2795</v>
      </c>
      <c r="OKT737" s="424"/>
      <c r="OKU737" s="424"/>
      <c r="OKV737" s="424"/>
      <c r="OKW737" s="423" t="s">
        <v>2795</v>
      </c>
      <c r="OKX737" s="424"/>
      <c r="OKY737" s="424"/>
      <c r="OKZ737" s="424"/>
      <c r="OLA737" s="423" t="s">
        <v>2795</v>
      </c>
      <c r="OLB737" s="424"/>
      <c r="OLC737" s="424"/>
      <c r="OLD737" s="424"/>
      <c r="OLE737" s="423" t="s">
        <v>2795</v>
      </c>
      <c r="OLF737" s="424"/>
      <c r="OLG737" s="424"/>
      <c r="OLH737" s="424"/>
      <c r="OLI737" s="423" t="s">
        <v>2795</v>
      </c>
      <c r="OLJ737" s="424"/>
      <c r="OLK737" s="424"/>
      <c r="OLL737" s="424"/>
      <c r="OLM737" s="423" t="s">
        <v>2795</v>
      </c>
      <c r="OLN737" s="424"/>
      <c r="OLO737" s="424"/>
      <c r="OLP737" s="424"/>
      <c r="OLQ737" s="423" t="s">
        <v>2795</v>
      </c>
      <c r="OLR737" s="424"/>
      <c r="OLS737" s="424"/>
      <c r="OLT737" s="424"/>
      <c r="OLU737" s="423" t="s">
        <v>2795</v>
      </c>
      <c r="OLV737" s="424"/>
      <c r="OLW737" s="424"/>
      <c r="OLX737" s="424"/>
      <c r="OLY737" s="423" t="s">
        <v>2795</v>
      </c>
      <c r="OLZ737" s="424"/>
      <c r="OMA737" s="424"/>
      <c r="OMB737" s="424"/>
      <c r="OMC737" s="423" t="s">
        <v>2795</v>
      </c>
      <c r="OMD737" s="424"/>
      <c r="OME737" s="424"/>
      <c r="OMF737" s="424"/>
      <c r="OMG737" s="423" t="s">
        <v>2795</v>
      </c>
      <c r="OMH737" s="424"/>
      <c r="OMI737" s="424"/>
      <c r="OMJ737" s="424"/>
      <c r="OMK737" s="423" t="s">
        <v>2795</v>
      </c>
      <c r="OML737" s="424"/>
      <c r="OMM737" s="424"/>
      <c r="OMN737" s="424"/>
      <c r="OMO737" s="423" t="s">
        <v>2795</v>
      </c>
      <c r="OMP737" s="424"/>
      <c r="OMQ737" s="424"/>
      <c r="OMR737" s="424"/>
      <c r="OMS737" s="423" t="s">
        <v>2795</v>
      </c>
      <c r="OMT737" s="424"/>
      <c r="OMU737" s="424"/>
      <c r="OMV737" s="424"/>
      <c r="OMW737" s="423" t="s">
        <v>2795</v>
      </c>
      <c r="OMX737" s="424"/>
      <c r="OMY737" s="424"/>
      <c r="OMZ737" s="424"/>
      <c r="ONA737" s="423" t="s">
        <v>2795</v>
      </c>
      <c r="ONB737" s="424"/>
      <c r="ONC737" s="424"/>
      <c r="OND737" s="424"/>
      <c r="ONE737" s="423" t="s">
        <v>2795</v>
      </c>
      <c r="ONF737" s="424"/>
      <c r="ONG737" s="424"/>
      <c r="ONH737" s="424"/>
      <c r="ONI737" s="423" t="s">
        <v>2795</v>
      </c>
      <c r="ONJ737" s="424"/>
      <c r="ONK737" s="424"/>
      <c r="ONL737" s="424"/>
      <c r="ONM737" s="423" t="s">
        <v>2795</v>
      </c>
      <c r="ONN737" s="424"/>
      <c r="ONO737" s="424"/>
      <c r="ONP737" s="424"/>
      <c r="ONQ737" s="423" t="s">
        <v>2795</v>
      </c>
      <c r="ONR737" s="424"/>
      <c r="ONS737" s="424"/>
      <c r="ONT737" s="424"/>
      <c r="ONU737" s="423" t="s">
        <v>2795</v>
      </c>
      <c r="ONV737" s="424"/>
      <c r="ONW737" s="424"/>
      <c r="ONX737" s="424"/>
      <c r="ONY737" s="423" t="s">
        <v>2795</v>
      </c>
      <c r="ONZ737" s="424"/>
      <c r="OOA737" s="424"/>
      <c r="OOB737" s="424"/>
      <c r="OOC737" s="423" t="s">
        <v>2795</v>
      </c>
      <c r="OOD737" s="424"/>
      <c r="OOE737" s="424"/>
      <c r="OOF737" s="424"/>
      <c r="OOG737" s="423" t="s">
        <v>2795</v>
      </c>
      <c r="OOH737" s="424"/>
      <c r="OOI737" s="424"/>
      <c r="OOJ737" s="424"/>
      <c r="OOK737" s="423" t="s">
        <v>2795</v>
      </c>
      <c r="OOL737" s="424"/>
      <c r="OOM737" s="424"/>
      <c r="OON737" s="424"/>
      <c r="OOO737" s="423" t="s">
        <v>2795</v>
      </c>
      <c r="OOP737" s="424"/>
      <c r="OOQ737" s="424"/>
      <c r="OOR737" s="424"/>
      <c r="OOS737" s="423" t="s">
        <v>2795</v>
      </c>
      <c r="OOT737" s="424"/>
      <c r="OOU737" s="424"/>
      <c r="OOV737" s="424"/>
      <c r="OOW737" s="423" t="s">
        <v>2795</v>
      </c>
      <c r="OOX737" s="424"/>
      <c r="OOY737" s="424"/>
      <c r="OOZ737" s="424"/>
      <c r="OPA737" s="423" t="s">
        <v>2795</v>
      </c>
      <c r="OPB737" s="424"/>
      <c r="OPC737" s="424"/>
      <c r="OPD737" s="424"/>
      <c r="OPE737" s="423" t="s">
        <v>2795</v>
      </c>
      <c r="OPF737" s="424"/>
      <c r="OPG737" s="424"/>
      <c r="OPH737" s="424"/>
      <c r="OPI737" s="423" t="s">
        <v>2795</v>
      </c>
      <c r="OPJ737" s="424"/>
      <c r="OPK737" s="424"/>
      <c r="OPL737" s="424"/>
      <c r="OPM737" s="423" t="s">
        <v>2795</v>
      </c>
      <c r="OPN737" s="424"/>
      <c r="OPO737" s="424"/>
      <c r="OPP737" s="424"/>
      <c r="OPQ737" s="423" t="s">
        <v>2795</v>
      </c>
      <c r="OPR737" s="424"/>
      <c r="OPS737" s="424"/>
      <c r="OPT737" s="424"/>
      <c r="OPU737" s="423" t="s">
        <v>2795</v>
      </c>
      <c r="OPV737" s="424"/>
      <c r="OPW737" s="424"/>
      <c r="OPX737" s="424"/>
      <c r="OPY737" s="423" t="s">
        <v>2795</v>
      </c>
      <c r="OPZ737" s="424"/>
      <c r="OQA737" s="424"/>
      <c r="OQB737" s="424"/>
      <c r="OQC737" s="423" t="s">
        <v>2795</v>
      </c>
      <c r="OQD737" s="424"/>
      <c r="OQE737" s="424"/>
      <c r="OQF737" s="424"/>
      <c r="OQG737" s="423" t="s">
        <v>2795</v>
      </c>
      <c r="OQH737" s="424"/>
      <c r="OQI737" s="424"/>
      <c r="OQJ737" s="424"/>
      <c r="OQK737" s="423" t="s">
        <v>2795</v>
      </c>
      <c r="OQL737" s="424"/>
      <c r="OQM737" s="424"/>
      <c r="OQN737" s="424"/>
      <c r="OQO737" s="423" t="s">
        <v>2795</v>
      </c>
      <c r="OQP737" s="424"/>
      <c r="OQQ737" s="424"/>
      <c r="OQR737" s="424"/>
      <c r="OQS737" s="423" t="s">
        <v>2795</v>
      </c>
      <c r="OQT737" s="424"/>
      <c r="OQU737" s="424"/>
      <c r="OQV737" s="424"/>
      <c r="OQW737" s="423" t="s">
        <v>2795</v>
      </c>
      <c r="OQX737" s="424"/>
      <c r="OQY737" s="424"/>
      <c r="OQZ737" s="424"/>
      <c r="ORA737" s="423" t="s">
        <v>2795</v>
      </c>
      <c r="ORB737" s="424"/>
      <c r="ORC737" s="424"/>
      <c r="ORD737" s="424"/>
      <c r="ORE737" s="423" t="s">
        <v>2795</v>
      </c>
      <c r="ORF737" s="424"/>
      <c r="ORG737" s="424"/>
      <c r="ORH737" s="424"/>
      <c r="ORI737" s="423" t="s">
        <v>2795</v>
      </c>
      <c r="ORJ737" s="424"/>
      <c r="ORK737" s="424"/>
      <c r="ORL737" s="424"/>
      <c r="ORM737" s="423" t="s">
        <v>2795</v>
      </c>
      <c r="ORN737" s="424"/>
      <c r="ORO737" s="424"/>
      <c r="ORP737" s="424"/>
      <c r="ORQ737" s="423" t="s">
        <v>2795</v>
      </c>
      <c r="ORR737" s="424"/>
      <c r="ORS737" s="424"/>
      <c r="ORT737" s="424"/>
      <c r="ORU737" s="423" t="s">
        <v>2795</v>
      </c>
      <c r="ORV737" s="424"/>
      <c r="ORW737" s="424"/>
      <c r="ORX737" s="424"/>
      <c r="ORY737" s="423" t="s">
        <v>2795</v>
      </c>
      <c r="ORZ737" s="424"/>
      <c r="OSA737" s="424"/>
      <c r="OSB737" s="424"/>
      <c r="OSC737" s="423" t="s">
        <v>2795</v>
      </c>
      <c r="OSD737" s="424"/>
      <c r="OSE737" s="424"/>
      <c r="OSF737" s="424"/>
      <c r="OSG737" s="423" t="s">
        <v>2795</v>
      </c>
      <c r="OSH737" s="424"/>
      <c r="OSI737" s="424"/>
      <c r="OSJ737" s="424"/>
      <c r="OSK737" s="423" t="s">
        <v>2795</v>
      </c>
      <c r="OSL737" s="424"/>
      <c r="OSM737" s="424"/>
      <c r="OSN737" s="424"/>
      <c r="OSO737" s="423" t="s">
        <v>2795</v>
      </c>
      <c r="OSP737" s="424"/>
      <c r="OSQ737" s="424"/>
      <c r="OSR737" s="424"/>
      <c r="OSS737" s="423" t="s">
        <v>2795</v>
      </c>
      <c r="OST737" s="424"/>
      <c r="OSU737" s="424"/>
      <c r="OSV737" s="424"/>
      <c r="OSW737" s="423" t="s">
        <v>2795</v>
      </c>
      <c r="OSX737" s="424"/>
      <c r="OSY737" s="424"/>
      <c r="OSZ737" s="424"/>
      <c r="OTA737" s="423" t="s">
        <v>2795</v>
      </c>
      <c r="OTB737" s="424"/>
      <c r="OTC737" s="424"/>
      <c r="OTD737" s="424"/>
      <c r="OTE737" s="423" t="s">
        <v>2795</v>
      </c>
      <c r="OTF737" s="424"/>
      <c r="OTG737" s="424"/>
      <c r="OTH737" s="424"/>
      <c r="OTI737" s="423" t="s">
        <v>2795</v>
      </c>
      <c r="OTJ737" s="424"/>
      <c r="OTK737" s="424"/>
      <c r="OTL737" s="424"/>
      <c r="OTM737" s="423" t="s">
        <v>2795</v>
      </c>
      <c r="OTN737" s="424"/>
      <c r="OTO737" s="424"/>
      <c r="OTP737" s="424"/>
      <c r="OTQ737" s="423" t="s">
        <v>2795</v>
      </c>
      <c r="OTR737" s="424"/>
      <c r="OTS737" s="424"/>
      <c r="OTT737" s="424"/>
      <c r="OTU737" s="423" t="s">
        <v>2795</v>
      </c>
      <c r="OTV737" s="424"/>
      <c r="OTW737" s="424"/>
      <c r="OTX737" s="424"/>
      <c r="OTY737" s="423" t="s">
        <v>2795</v>
      </c>
      <c r="OTZ737" s="424"/>
      <c r="OUA737" s="424"/>
      <c r="OUB737" s="424"/>
      <c r="OUC737" s="423" t="s">
        <v>2795</v>
      </c>
      <c r="OUD737" s="424"/>
      <c r="OUE737" s="424"/>
      <c r="OUF737" s="424"/>
      <c r="OUG737" s="423" t="s">
        <v>2795</v>
      </c>
      <c r="OUH737" s="424"/>
      <c r="OUI737" s="424"/>
      <c r="OUJ737" s="424"/>
      <c r="OUK737" s="423" t="s">
        <v>2795</v>
      </c>
      <c r="OUL737" s="424"/>
      <c r="OUM737" s="424"/>
      <c r="OUN737" s="424"/>
      <c r="OUO737" s="423" t="s">
        <v>2795</v>
      </c>
      <c r="OUP737" s="424"/>
      <c r="OUQ737" s="424"/>
      <c r="OUR737" s="424"/>
      <c r="OUS737" s="423" t="s">
        <v>2795</v>
      </c>
      <c r="OUT737" s="424"/>
      <c r="OUU737" s="424"/>
      <c r="OUV737" s="424"/>
      <c r="OUW737" s="423" t="s">
        <v>2795</v>
      </c>
      <c r="OUX737" s="424"/>
      <c r="OUY737" s="424"/>
      <c r="OUZ737" s="424"/>
      <c r="OVA737" s="423" t="s">
        <v>2795</v>
      </c>
      <c r="OVB737" s="424"/>
      <c r="OVC737" s="424"/>
      <c r="OVD737" s="424"/>
      <c r="OVE737" s="423" t="s">
        <v>2795</v>
      </c>
      <c r="OVF737" s="424"/>
      <c r="OVG737" s="424"/>
      <c r="OVH737" s="424"/>
      <c r="OVI737" s="423" t="s">
        <v>2795</v>
      </c>
      <c r="OVJ737" s="424"/>
      <c r="OVK737" s="424"/>
      <c r="OVL737" s="424"/>
      <c r="OVM737" s="423" t="s">
        <v>2795</v>
      </c>
      <c r="OVN737" s="424"/>
      <c r="OVO737" s="424"/>
      <c r="OVP737" s="424"/>
      <c r="OVQ737" s="423" t="s">
        <v>2795</v>
      </c>
      <c r="OVR737" s="424"/>
      <c r="OVS737" s="424"/>
      <c r="OVT737" s="424"/>
      <c r="OVU737" s="423" t="s">
        <v>2795</v>
      </c>
      <c r="OVV737" s="424"/>
      <c r="OVW737" s="424"/>
      <c r="OVX737" s="424"/>
      <c r="OVY737" s="423" t="s">
        <v>2795</v>
      </c>
      <c r="OVZ737" s="424"/>
      <c r="OWA737" s="424"/>
      <c r="OWB737" s="424"/>
      <c r="OWC737" s="423" t="s">
        <v>2795</v>
      </c>
      <c r="OWD737" s="424"/>
      <c r="OWE737" s="424"/>
      <c r="OWF737" s="424"/>
      <c r="OWG737" s="423" t="s">
        <v>2795</v>
      </c>
      <c r="OWH737" s="424"/>
      <c r="OWI737" s="424"/>
      <c r="OWJ737" s="424"/>
      <c r="OWK737" s="423" t="s">
        <v>2795</v>
      </c>
      <c r="OWL737" s="424"/>
      <c r="OWM737" s="424"/>
      <c r="OWN737" s="424"/>
      <c r="OWO737" s="423" t="s">
        <v>2795</v>
      </c>
      <c r="OWP737" s="424"/>
      <c r="OWQ737" s="424"/>
      <c r="OWR737" s="424"/>
      <c r="OWS737" s="423" t="s">
        <v>2795</v>
      </c>
      <c r="OWT737" s="424"/>
      <c r="OWU737" s="424"/>
      <c r="OWV737" s="424"/>
      <c r="OWW737" s="423" t="s">
        <v>2795</v>
      </c>
      <c r="OWX737" s="424"/>
      <c r="OWY737" s="424"/>
      <c r="OWZ737" s="424"/>
      <c r="OXA737" s="423" t="s">
        <v>2795</v>
      </c>
      <c r="OXB737" s="424"/>
      <c r="OXC737" s="424"/>
      <c r="OXD737" s="424"/>
      <c r="OXE737" s="423" t="s">
        <v>2795</v>
      </c>
      <c r="OXF737" s="424"/>
      <c r="OXG737" s="424"/>
      <c r="OXH737" s="424"/>
      <c r="OXI737" s="423" t="s">
        <v>2795</v>
      </c>
      <c r="OXJ737" s="424"/>
      <c r="OXK737" s="424"/>
      <c r="OXL737" s="424"/>
      <c r="OXM737" s="423" t="s">
        <v>2795</v>
      </c>
      <c r="OXN737" s="424"/>
      <c r="OXO737" s="424"/>
      <c r="OXP737" s="424"/>
      <c r="OXQ737" s="423" t="s">
        <v>2795</v>
      </c>
      <c r="OXR737" s="424"/>
      <c r="OXS737" s="424"/>
      <c r="OXT737" s="424"/>
      <c r="OXU737" s="423" t="s">
        <v>2795</v>
      </c>
      <c r="OXV737" s="424"/>
      <c r="OXW737" s="424"/>
      <c r="OXX737" s="424"/>
      <c r="OXY737" s="423" t="s">
        <v>2795</v>
      </c>
      <c r="OXZ737" s="424"/>
      <c r="OYA737" s="424"/>
      <c r="OYB737" s="424"/>
      <c r="OYC737" s="423" t="s">
        <v>2795</v>
      </c>
      <c r="OYD737" s="424"/>
      <c r="OYE737" s="424"/>
      <c r="OYF737" s="424"/>
      <c r="OYG737" s="423" t="s">
        <v>2795</v>
      </c>
      <c r="OYH737" s="424"/>
      <c r="OYI737" s="424"/>
      <c r="OYJ737" s="424"/>
      <c r="OYK737" s="423" t="s">
        <v>2795</v>
      </c>
      <c r="OYL737" s="424"/>
      <c r="OYM737" s="424"/>
      <c r="OYN737" s="424"/>
      <c r="OYO737" s="423" t="s">
        <v>2795</v>
      </c>
      <c r="OYP737" s="424"/>
      <c r="OYQ737" s="424"/>
      <c r="OYR737" s="424"/>
      <c r="OYS737" s="423" t="s">
        <v>2795</v>
      </c>
      <c r="OYT737" s="424"/>
      <c r="OYU737" s="424"/>
      <c r="OYV737" s="424"/>
      <c r="OYW737" s="423" t="s">
        <v>2795</v>
      </c>
      <c r="OYX737" s="424"/>
      <c r="OYY737" s="424"/>
      <c r="OYZ737" s="424"/>
      <c r="OZA737" s="423" t="s">
        <v>2795</v>
      </c>
      <c r="OZB737" s="424"/>
      <c r="OZC737" s="424"/>
      <c r="OZD737" s="424"/>
      <c r="OZE737" s="423" t="s">
        <v>2795</v>
      </c>
      <c r="OZF737" s="424"/>
      <c r="OZG737" s="424"/>
      <c r="OZH737" s="424"/>
      <c r="OZI737" s="423" t="s">
        <v>2795</v>
      </c>
      <c r="OZJ737" s="424"/>
      <c r="OZK737" s="424"/>
      <c r="OZL737" s="424"/>
      <c r="OZM737" s="423" t="s">
        <v>2795</v>
      </c>
      <c r="OZN737" s="424"/>
      <c r="OZO737" s="424"/>
      <c r="OZP737" s="424"/>
      <c r="OZQ737" s="423" t="s">
        <v>2795</v>
      </c>
      <c r="OZR737" s="424"/>
      <c r="OZS737" s="424"/>
      <c r="OZT737" s="424"/>
      <c r="OZU737" s="423" t="s">
        <v>2795</v>
      </c>
      <c r="OZV737" s="424"/>
      <c r="OZW737" s="424"/>
      <c r="OZX737" s="424"/>
      <c r="OZY737" s="423" t="s">
        <v>2795</v>
      </c>
      <c r="OZZ737" s="424"/>
      <c r="PAA737" s="424"/>
      <c r="PAB737" s="424"/>
      <c r="PAC737" s="423" t="s">
        <v>2795</v>
      </c>
      <c r="PAD737" s="424"/>
      <c r="PAE737" s="424"/>
      <c r="PAF737" s="424"/>
      <c r="PAG737" s="423" t="s">
        <v>2795</v>
      </c>
      <c r="PAH737" s="424"/>
      <c r="PAI737" s="424"/>
      <c r="PAJ737" s="424"/>
      <c r="PAK737" s="423" t="s">
        <v>2795</v>
      </c>
      <c r="PAL737" s="424"/>
      <c r="PAM737" s="424"/>
      <c r="PAN737" s="424"/>
      <c r="PAO737" s="423" t="s">
        <v>2795</v>
      </c>
      <c r="PAP737" s="424"/>
      <c r="PAQ737" s="424"/>
      <c r="PAR737" s="424"/>
      <c r="PAS737" s="423" t="s">
        <v>2795</v>
      </c>
      <c r="PAT737" s="424"/>
      <c r="PAU737" s="424"/>
      <c r="PAV737" s="424"/>
      <c r="PAW737" s="423" t="s">
        <v>2795</v>
      </c>
      <c r="PAX737" s="424"/>
      <c r="PAY737" s="424"/>
      <c r="PAZ737" s="424"/>
      <c r="PBA737" s="423" t="s">
        <v>2795</v>
      </c>
      <c r="PBB737" s="424"/>
      <c r="PBC737" s="424"/>
      <c r="PBD737" s="424"/>
      <c r="PBE737" s="423" t="s">
        <v>2795</v>
      </c>
      <c r="PBF737" s="424"/>
      <c r="PBG737" s="424"/>
      <c r="PBH737" s="424"/>
      <c r="PBI737" s="423" t="s">
        <v>2795</v>
      </c>
      <c r="PBJ737" s="424"/>
      <c r="PBK737" s="424"/>
      <c r="PBL737" s="424"/>
      <c r="PBM737" s="423" t="s">
        <v>2795</v>
      </c>
      <c r="PBN737" s="424"/>
      <c r="PBO737" s="424"/>
      <c r="PBP737" s="424"/>
      <c r="PBQ737" s="423" t="s">
        <v>2795</v>
      </c>
      <c r="PBR737" s="424"/>
      <c r="PBS737" s="424"/>
      <c r="PBT737" s="424"/>
      <c r="PBU737" s="423" t="s">
        <v>2795</v>
      </c>
      <c r="PBV737" s="424"/>
      <c r="PBW737" s="424"/>
      <c r="PBX737" s="424"/>
      <c r="PBY737" s="423" t="s">
        <v>2795</v>
      </c>
      <c r="PBZ737" s="424"/>
      <c r="PCA737" s="424"/>
      <c r="PCB737" s="424"/>
      <c r="PCC737" s="423" t="s">
        <v>2795</v>
      </c>
      <c r="PCD737" s="424"/>
      <c r="PCE737" s="424"/>
      <c r="PCF737" s="424"/>
      <c r="PCG737" s="423" t="s">
        <v>2795</v>
      </c>
      <c r="PCH737" s="424"/>
      <c r="PCI737" s="424"/>
      <c r="PCJ737" s="424"/>
      <c r="PCK737" s="423" t="s">
        <v>2795</v>
      </c>
      <c r="PCL737" s="424"/>
      <c r="PCM737" s="424"/>
      <c r="PCN737" s="424"/>
      <c r="PCO737" s="423" t="s">
        <v>2795</v>
      </c>
      <c r="PCP737" s="424"/>
      <c r="PCQ737" s="424"/>
      <c r="PCR737" s="424"/>
      <c r="PCS737" s="423" t="s">
        <v>2795</v>
      </c>
      <c r="PCT737" s="424"/>
      <c r="PCU737" s="424"/>
      <c r="PCV737" s="424"/>
      <c r="PCW737" s="423" t="s">
        <v>2795</v>
      </c>
      <c r="PCX737" s="424"/>
      <c r="PCY737" s="424"/>
      <c r="PCZ737" s="424"/>
      <c r="PDA737" s="423" t="s">
        <v>2795</v>
      </c>
      <c r="PDB737" s="424"/>
      <c r="PDC737" s="424"/>
      <c r="PDD737" s="424"/>
      <c r="PDE737" s="423" t="s">
        <v>2795</v>
      </c>
      <c r="PDF737" s="424"/>
      <c r="PDG737" s="424"/>
      <c r="PDH737" s="424"/>
      <c r="PDI737" s="423" t="s">
        <v>2795</v>
      </c>
      <c r="PDJ737" s="424"/>
      <c r="PDK737" s="424"/>
      <c r="PDL737" s="424"/>
      <c r="PDM737" s="423" t="s">
        <v>2795</v>
      </c>
      <c r="PDN737" s="424"/>
      <c r="PDO737" s="424"/>
      <c r="PDP737" s="424"/>
      <c r="PDQ737" s="423" t="s">
        <v>2795</v>
      </c>
      <c r="PDR737" s="424"/>
      <c r="PDS737" s="424"/>
      <c r="PDT737" s="424"/>
      <c r="PDU737" s="423" t="s">
        <v>2795</v>
      </c>
      <c r="PDV737" s="424"/>
      <c r="PDW737" s="424"/>
      <c r="PDX737" s="424"/>
      <c r="PDY737" s="423" t="s">
        <v>2795</v>
      </c>
      <c r="PDZ737" s="424"/>
      <c r="PEA737" s="424"/>
      <c r="PEB737" s="424"/>
      <c r="PEC737" s="423" t="s">
        <v>2795</v>
      </c>
      <c r="PED737" s="424"/>
      <c r="PEE737" s="424"/>
      <c r="PEF737" s="424"/>
      <c r="PEG737" s="423" t="s">
        <v>2795</v>
      </c>
      <c r="PEH737" s="424"/>
      <c r="PEI737" s="424"/>
      <c r="PEJ737" s="424"/>
      <c r="PEK737" s="423" t="s">
        <v>2795</v>
      </c>
      <c r="PEL737" s="424"/>
      <c r="PEM737" s="424"/>
      <c r="PEN737" s="424"/>
      <c r="PEO737" s="423" t="s">
        <v>2795</v>
      </c>
      <c r="PEP737" s="424"/>
      <c r="PEQ737" s="424"/>
      <c r="PER737" s="424"/>
      <c r="PES737" s="423" t="s">
        <v>2795</v>
      </c>
      <c r="PET737" s="424"/>
      <c r="PEU737" s="424"/>
      <c r="PEV737" s="424"/>
      <c r="PEW737" s="423" t="s">
        <v>2795</v>
      </c>
      <c r="PEX737" s="424"/>
      <c r="PEY737" s="424"/>
      <c r="PEZ737" s="424"/>
      <c r="PFA737" s="423" t="s">
        <v>2795</v>
      </c>
      <c r="PFB737" s="424"/>
      <c r="PFC737" s="424"/>
      <c r="PFD737" s="424"/>
      <c r="PFE737" s="423" t="s">
        <v>2795</v>
      </c>
      <c r="PFF737" s="424"/>
      <c r="PFG737" s="424"/>
      <c r="PFH737" s="424"/>
      <c r="PFI737" s="423" t="s">
        <v>2795</v>
      </c>
      <c r="PFJ737" s="424"/>
      <c r="PFK737" s="424"/>
      <c r="PFL737" s="424"/>
      <c r="PFM737" s="423" t="s">
        <v>2795</v>
      </c>
      <c r="PFN737" s="424"/>
      <c r="PFO737" s="424"/>
      <c r="PFP737" s="424"/>
      <c r="PFQ737" s="423" t="s">
        <v>2795</v>
      </c>
      <c r="PFR737" s="424"/>
      <c r="PFS737" s="424"/>
      <c r="PFT737" s="424"/>
      <c r="PFU737" s="423" t="s">
        <v>2795</v>
      </c>
      <c r="PFV737" s="424"/>
      <c r="PFW737" s="424"/>
      <c r="PFX737" s="424"/>
      <c r="PFY737" s="423" t="s">
        <v>2795</v>
      </c>
      <c r="PFZ737" s="424"/>
      <c r="PGA737" s="424"/>
      <c r="PGB737" s="424"/>
      <c r="PGC737" s="423" t="s">
        <v>2795</v>
      </c>
      <c r="PGD737" s="424"/>
      <c r="PGE737" s="424"/>
      <c r="PGF737" s="424"/>
      <c r="PGG737" s="423" t="s">
        <v>2795</v>
      </c>
      <c r="PGH737" s="424"/>
      <c r="PGI737" s="424"/>
      <c r="PGJ737" s="424"/>
      <c r="PGK737" s="423" t="s">
        <v>2795</v>
      </c>
      <c r="PGL737" s="424"/>
      <c r="PGM737" s="424"/>
      <c r="PGN737" s="424"/>
      <c r="PGO737" s="423" t="s">
        <v>2795</v>
      </c>
      <c r="PGP737" s="424"/>
      <c r="PGQ737" s="424"/>
      <c r="PGR737" s="424"/>
      <c r="PGS737" s="423" t="s">
        <v>2795</v>
      </c>
      <c r="PGT737" s="424"/>
      <c r="PGU737" s="424"/>
      <c r="PGV737" s="424"/>
      <c r="PGW737" s="423" t="s">
        <v>2795</v>
      </c>
      <c r="PGX737" s="424"/>
      <c r="PGY737" s="424"/>
      <c r="PGZ737" s="424"/>
      <c r="PHA737" s="423" t="s">
        <v>2795</v>
      </c>
      <c r="PHB737" s="424"/>
      <c r="PHC737" s="424"/>
      <c r="PHD737" s="424"/>
      <c r="PHE737" s="423" t="s">
        <v>2795</v>
      </c>
      <c r="PHF737" s="424"/>
      <c r="PHG737" s="424"/>
      <c r="PHH737" s="424"/>
      <c r="PHI737" s="423" t="s">
        <v>2795</v>
      </c>
      <c r="PHJ737" s="424"/>
      <c r="PHK737" s="424"/>
      <c r="PHL737" s="424"/>
      <c r="PHM737" s="423" t="s">
        <v>2795</v>
      </c>
      <c r="PHN737" s="424"/>
      <c r="PHO737" s="424"/>
      <c r="PHP737" s="424"/>
      <c r="PHQ737" s="423" t="s">
        <v>2795</v>
      </c>
      <c r="PHR737" s="424"/>
      <c r="PHS737" s="424"/>
      <c r="PHT737" s="424"/>
      <c r="PHU737" s="423" t="s">
        <v>2795</v>
      </c>
      <c r="PHV737" s="424"/>
      <c r="PHW737" s="424"/>
      <c r="PHX737" s="424"/>
      <c r="PHY737" s="423" t="s">
        <v>2795</v>
      </c>
      <c r="PHZ737" s="424"/>
      <c r="PIA737" s="424"/>
      <c r="PIB737" s="424"/>
      <c r="PIC737" s="423" t="s">
        <v>2795</v>
      </c>
      <c r="PID737" s="424"/>
      <c r="PIE737" s="424"/>
      <c r="PIF737" s="424"/>
      <c r="PIG737" s="423" t="s">
        <v>2795</v>
      </c>
      <c r="PIH737" s="424"/>
      <c r="PII737" s="424"/>
      <c r="PIJ737" s="424"/>
      <c r="PIK737" s="423" t="s">
        <v>2795</v>
      </c>
      <c r="PIL737" s="424"/>
      <c r="PIM737" s="424"/>
      <c r="PIN737" s="424"/>
      <c r="PIO737" s="423" t="s">
        <v>2795</v>
      </c>
      <c r="PIP737" s="424"/>
      <c r="PIQ737" s="424"/>
      <c r="PIR737" s="424"/>
      <c r="PIS737" s="423" t="s">
        <v>2795</v>
      </c>
      <c r="PIT737" s="424"/>
      <c r="PIU737" s="424"/>
      <c r="PIV737" s="424"/>
      <c r="PIW737" s="423" t="s">
        <v>2795</v>
      </c>
      <c r="PIX737" s="424"/>
      <c r="PIY737" s="424"/>
      <c r="PIZ737" s="424"/>
      <c r="PJA737" s="423" t="s">
        <v>2795</v>
      </c>
      <c r="PJB737" s="424"/>
      <c r="PJC737" s="424"/>
      <c r="PJD737" s="424"/>
      <c r="PJE737" s="423" t="s">
        <v>2795</v>
      </c>
      <c r="PJF737" s="424"/>
      <c r="PJG737" s="424"/>
      <c r="PJH737" s="424"/>
      <c r="PJI737" s="423" t="s">
        <v>2795</v>
      </c>
      <c r="PJJ737" s="424"/>
      <c r="PJK737" s="424"/>
      <c r="PJL737" s="424"/>
      <c r="PJM737" s="423" t="s">
        <v>2795</v>
      </c>
      <c r="PJN737" s="424"/>
      <c r="PJO737" s="424"/>
      <c r="PJP737" s="424"/>
      <c r="PJQ737" s="423" t="s">
        <v>2795</v>
      </c>
      <c r="PJR737" s="424"/>
      <c r="PJS737" s="424"/>
      <c r="PJT737" s="424"/>
      <c r="PJU737" s="423" t="s">
        <v>2795</v>
      </c>
      <c r="PJV737" s="424"/>
      <c r="PJW737" s="424"/>
      <c r="PJX737" s="424"/>
      <c r="PJY737" s="423" t="s">
        <v>2795</v>
      </c>
      <c r="PJZ737" s="424"/>
      <c r="PKA737" s="424"/>
      <c r="PKB737" s="424"/>
      <c r="PKC737" s="423" t="s">
        <v>2795</v>
      </c>
      <c r="PKD737" s="424"/>
      <c r="PKE737" s="424"/>
      <c r="PKF737" s="424"/>
      <c r="PKG737" s="423" t="s">
        <v>2795</v>
      </c>
      <c r="PKH737" s="424"/>
      <c r="PKI737" s="424"/>
      <c r="PKJ737" s="424"/>
      <c r="PKK737" s="423" t="s">
        <v>2795</v>
      </c>
      <c r="PKL737" s="424"/>
      <c r="PKM737" s="424"/>
      <c r="PKN737" s="424"/>
      <c r="PKO737" s="423" t="s">
        <v>2795</v>
      </c>
      <c r="PKP737" s="424"/>
      <c r="PKQ737" s="424"/>
      <c r="PKR737" s="424"/>
      <c r="PKS737" s="423" t="s">
        <v>2795</v>
      </c>
      <c r="PKT737" s="424"/>
      <c r="PKU737" s="424"/>
      <c r="PKV737" s="424"/>
      <c r="PKW737" s="423" t="s">
        <v>2795</v>
      </c>
      <c r="PKX737" s="424"/>
      <c r="PKY737" s="424"/>
      <c r="PKZ737" s="424"/>
      <c r="PLA737" s="423" t="s">
        <v>2795</v>
      </c>
      <c r="PLB737" s="424"/>
      <c r="PLC737" s="424"/>
      <c r="PLD737" s="424"/>
      <c r="PLE737" s="423" t="s">
        <v>2795</v>
      </c>
      <c r="PLF737" s="424"/>
      <c r="PLG737" s="424"/>
      <c r="PLH737" s="424"/>
      <c r="PLI737" s="423" t="s">
        <v>2795</v>
      </c>
      <c r="PLJ737" s="424"/>
      <c r="PLK737" s="424"/>
      <c r="PLL737" s="424"/>
      <c r="PLM737" s="423" t="s">
        <v>2795</v>
      </c>
      <c r="PLN737" s="424"/>
      <c r="PLO737" s="424"/>
      <c r="PLP737" s="424"/>
      <c r="PLQ737" s="423" t="s">
        <v>2795</v>
      </c>
      <c r="PLR737" s="424"/>
      <c r="PLS737" s="424"/>
      <c r="PLT737" s="424"/>
      <c r="PLU737" s="423" t="s">
        <v>2795</v>
      </c>
      <c r="PLV737" s="424"/>
      <c r="PLW737" s="424"/>
      <c r="PLX737" s="424"/>
      <c r="PLY737" s="423" t="s">
        <v>2795</v>
      </c>
      <c r="PLZ737" s="424"/>
      <c r="PMA737" s="424"/>
      <c r="PMB737" s="424"/>
      <c r="PMC737" s="423" t="s">
        <v>2795</v>
      </c>
      <c r="PMD737" s="424"/>
      <c r="PME737" s="424"/>
      <c r="PMF737" s="424"/>
      <c r="PMG737" s="423" t="s">
        <v>2795</v>
      </c>
      <c r="PMH737" s="424"/>
      <c r="PMI737" s="424"/>
      <c r="PMJ737" s="424"/>
      <c r="PMK737" s="423" t="s">
        <v>2795</v>
      </c>
      <c r="PML737" s="424"/>
      <c r="PMM737" s="424"/>
      <c r="PMN737" s="424"/>
      <c r="PMO737" s="423" t="s">
        <v>2795</v>
      </c>
      <c r="PMP737" s="424"/>
      <c r="PMQ737" s="424"/>
      <c r="PMR737" s="424"/>
      <c r="PMS737" s="423" t="s">
        <v>2795</v>
      </c>
      <c r="PMT737" s="424"/>
      <c r="PMU737" s="424"/>
      <c r="PMV737" s="424"/>
      <c r="PMW737" s="423" t="s">
        <v>2795</v>
      </c>
      <c r="PMX737" s="424"/>
      <c r="PMY737" s="424"/>
      <c r="PMZ737" s="424"/>
      <c r="PNA737" s="423" t="s">
        <v>2795</v>
      </c>
      <c r="PNB737" s="424"/>
      <c r="PNC737" s="424"/>
      <c r="PND737" s="424"/>
      <c r="PNE737" s="423" t="s">
        <v>2795</v>
      </c>
      <c r="PNF737" s="424"/>
      <c r="PNG737" s="424"/>
      <c r="PNH737" s="424"/>
      <c r="PNI737" s="423" t="s">
        <v>2795</v>
      </c>
      <c r="PNJ737" s="424"/>
      <c r="PNK737" s="424"/>
      <c r="PNL737" s="424"/>
      <c r="PNM737" s="423" t="s">
        <v>2795</v>
      </c>
      <c r="PNN737" s="424"/>
      <c r="PNO737" s="424"/>
      <c r="PNP737" s="424"/>
      <c r="PNQ737" s="423" t="s">
        <v>2795</v>
      </c>
      <c r="PNR737" s="424"/>
      <c r="PNS737" s="424"/>
      <c r="PNT737" s="424"/>
      <c r="PNU737" s="423" t="s">
        <v>2795</v>
      </c>
      <c r="PNV737" s="424"/>
      <c r="PNW737" s="424"/>
      <c r="PNX737" s="424"/>
      <c r="PNY737" s="423" t="s">
        <v>2795</v>
      </c>
      <c r="PNZ737" s="424"/>
      <c r="POA737" s="424"/>
      <c r="POB737" s="424"/>
      <c r="POC737" s="423" t="s">
        <v>2795</v>
      </c>
      <c r="POD737" s="424"/>
      <c r="POE737" s="424"/>
      <c r="POF737" s="424"/>
      <c r="POG737" s="423" t="s">
        <v>2795</v>
      </c>
      <c r="POH737" s="424"/>
      <c r="POI737" s="424"/>
      <c r="POJ737" s="424"/>
      <c r="POK737" s="423" t="s">
        <v>2795</v>
      </c>
      <c r="POL737" s="424"/>
      <c r="POM737" s="424"/>
      <c r="PON737" s="424"/>
      <c r="POO737" s="423" t="s">
        <v>2795</v>
      </c>
      <c r="POP737" s="424"/>
      <c r="POQ737" s="424"/>
      <c r="POR737" s="424"/>
      <c r="POS737" s="423" t="s">
        <v>2795</v>
      </c>
      <c r="POT737" s="424"/>
      <c r="POU737" s="424"/>
      <c r="POV737" s="424"/>
      <c r="POW737" s="423" t="s">
        <v>2795</v>
      </c>
      <c r="POX737" s="424"/>
      <c r="POY737" s="424"/>
      <c r="POZ737" s="424"/>
      <c r="PPA737" s="423" t="s">
        <v>2795</v>
      </c>
      <c r="PPB737" s="424"/>
      <c r="PPC737" s="424"/>
      <c r="PPD737" s="424"/>
      <c r="PPE737" s="423" t="s">
        <v>2795</v>
      </c>
      <c r="PPF737" s="424"/>
      <c r="PPG737" s="424"/>
      <c r="PPH737" s="424"/>
      <c r="PPI737" s="423" t="s">
        <v>2795</v>
      </c>
      <c r="PPJ737" s="424"/>
      <c r="PPK737" s="424"/>
      <c r="PPL737" s="424"/>
      <c r="PPM737" s="423" t="s">
        <v>2795</v>
      </c>
      <c r="PPN737" s="424"/>
      <c r="PPO737" s="424"/>
      <c r="PPP737" s="424"/>
      <c r="PPQ737" s="423" t="s">
        <v>2795</v>
      </c>
      <c r="PPR737" s="424"/>
      <c r="PPS737" s="424"/>
      <c r="PPT737" s="424"/>
      <c r="PPU737" s="423" t="s">
        <v>2795</v>
      </c>
      <c r="PPV737" s="424"/>
      <c r="PPW737" s="424"/>
      <c r="PPX737" s="424"/>
      <c r="PPY737" s="423" t="s">
        <v>2795</v>
      </c>
      <c r="PPZ737" s="424"/>
      <c r="PQA737" s="424"/>
      <c r="PQB737" s="424"/>
      <c r="PQC737" s="423" t="s">
        <v>2795</v>
      </c>
      <c r="PQD737" s="424"/>
      <c r="PQE737" s="424"/>
      <c r="PQF737" s="424"/>
      <c r="PQG737" s="423" t="s">
        <v>2795</v>
      </c>
      <c r="PQH737" s="424"/>
      <c r="PQI737" s="424"/>
      <c r="PQJ737" s="424"/>
      <c r="PQK737" s="423" t="s">
        <v>2795</v>
      </c>
      <c r="PQL737" s="424"/>
      <c r="PQM737" s="424"/>
      <c r="PQN737" s="424"/>
      <c r="PQO737" s="423" t="s">
        <v>2795</v>
      </c>
      <c r="PQP737" s="424"/>
      <c r="PQQ737" s="424"/>
      <c r="PQR737" s="424"/>
      <c r="PQS737" s="423" t="s">
        <v>2795</v>
      </c>
      <c r="PQT737" s="424"/>
      <c r="PQU737" s="424"/>
      <c r="PQV737" s="424"/>
      <c r="PQW737" s="423" t="s">
        <v>2795</v>
      </c>
      <c r="PQX737" s="424"/>
      <c r="PQY737" s="424"/>
      <c r="PQZ737" s="424"/>
      <c r="PRA737" s="423" t="s">
        <v>2795</v>
      </c>
      <c r="PRB737" s="424"/>
      <c r="PRC737" s="424"/>
      <c r="PRD737" s="424"/>
      <c r="PRE737" s="423" t="s">
        <v>2795</v>
      </c>
      <c r="PRF737" s="424"/>
      <c r="PRG737" s="424"/>
      <c r="PRH737" s="424"/>
      <c r="PRI737" s="423" t="s">
        <v>2795</v>
      </c>
      <c r="PRJ737" s="424"/>
      <c r="PRK737" s="424"/>
      <c r="PRL737" s="424"/>
      <c r="PRM737" s="423" t="s">
        <v>2795</v>
      </c>
      <c r="PRN737" s="424"/>
      <c r="PRO737" s="424"/>
      <c r="PRP737" s="424"/>
      <c r="PRQ737" s="423" t="s">
        <v>2795</v>
      </c>
      <c r="PRR737" s="424"/>
      <c r="PRS737" s="424"/>
      <c r="PRT737" s="424"/>
      <c r="PRU737" s="423" t="s">
        <v>2795</v>
      </c>
      <c r="PRV737" s="424"/>
      <c r="PRW737" s="424"/>
      <c r="PRX737" s="424"/>
      <c r="PRY737" s="423" t="s">
        <v>2795</v>
      </c>
      <c r="PRZ737" s="424"/>
      <c r="PSA737" s="424"/>
      <c r="PSB737" s="424"/>
      <c r="PSC737" s="423" t="s">
        <v>2795</v>
      </c>
      <c r="PSD737" s="424"/>
      <c r="PSE737" s="424"/>
      <c r="PSF737" s="424"/>
      <c r="PSG737" s="423" t="s">
        <v>2795</v>
      </c>
      <c r="PSH737" s="424"/>
      <c r="PSI737" s="424"/>
      <c r="PSJ737" s="424"/>
      <c r="PSK737" s="423" t="s">
        <v>2795</v>
      </c>
      <c r="PSL737" s="424"/>
      <c r="PSM737" s="424"/>
      <c r="PSN737" s="424"/>
      <c r="PSO737" s="423" t="s">
        <v>2795</v>
      </c>
      <c r="PSP737" s="424"/>
      <c r="PSQ737" s="424"/>
      <c r="PSR737" s="424"/>
      <c r="PSS737" s="423" t="s">
        <v>2795</v>
      </c>
      <c r="PST737" s="424"/>
      <c r="PSU737" s="424"/>
      <c r="PSV737" s="424"/>
      <c r="PSW737" s="423" t="s">
        <v>2795</v>
      </c>
      <c r="PSX737" s="424"/>
      <c r="PSY737" s="424"/>
      <c r="PSZ737" s="424"/>
      <c r="PTA737" s="423" t="s">
        <v>2795</v>
      </c>
      <c r="PTB737" s="424"/>
      <c r="PTC737" s="424"/>
      <c r="PTD737" s="424"/>
      <c r="PTE737" s="423" t="s">
        <v>2795</v>
      </c>
      <c r="PTF737" s="424"/>
      <c r="PTG737" s="424"/>
      <c r="PTH737" s="424"/>
      <c r="PTI737" s="423" t="s">
        <v>2795</v>
      </c>
      <c r="PTJ737" s="424"/>
      <c r="PTK737" s="424"/>
      <c r="PTL737" s="424"/>
      <c r="PTM737" s="423" t="s">
        <v>2795</v>
      </c>
      <c r="PTN737" s="424"/>
      <c r="PTO737" s="424"/>
      <c r="PTP737" s="424"/>
      <c r="PTQ737" s="423" t="s">
        <v>2795</v>
      </c>
      <c r="PTR737" s="424"/>
      <c r="PTS737" s="424"/>
      <c r="PTT737" s="424"/>
      <c r="PTU737" s="423" t="s">
        <v>2795</v>
      </c>
      <c r="PTV737" s="424"/>
      <c r="PTW737" s="424"/>
      <c r="PTX737" s="424"/>
      <c r="PTY737" s="423" t="s">
        <v>2795</v>
      </c>
      <c r="PTZ737" s="424"/>
      <c r="PUA737" s="424"/>
      <c r="PUB737" s="424"/>
      <c r="PUC737" s="423" t="s">
        <v>2795</v>
      </c>
      <c r="PUD737" s="424"/>
      <c r="PUE737" s="424"/>
      <c r="PUF737" s="424"/>
      <c r="PUG737" s="423" t="s">
        <v>2795</v>
      </c>
      <c r="PUH737" s="424"/>
      <c r="PUI737" s="424"/>
      <c r="PUJ737" s="424"/>
      <c r="PUK737" s="423" t="s">
        <v>2795</v>
      </c>
      <c r="PUL737" s="424"/>
      <c r="PUM737" s="424"/>
      <c r="PUN737" s="424"/>
      <c r="PUO737" s="423" t="s">
        <v>2795</v>
      </c>
      <c r="PUP737" s="424"/>
      <c r="PUQ737" s="424"/>
      <c r="PUR737" s="424"/>
      <c r="PUS737" s="423" t="s">
        <v>2795</v>
      </c>
      <c r="PUT737" s="424"/>
      <c r="PUU737" s="424"/>
      <c r="PUV737" s="424"/>
      <c r="PUW737" s="423" t="s">
        <v>2795</v>
      </c>
      <c r="PUX737" s="424"/>
      <c r="PUY737" s="424"/>
      <c r="PUZ737" s="424"/>
      <c r="PVA737" s="423" t="s">
        <v>2795</v>
      </c>
      <c r="PVB737" s="424"/>
      <c r="PVC737" s="424"/>
      <c r="PVD737" s="424"/>
      <c r="PVE737" s="423" t="s">
        <v>2795</v>
      </c>
      <c r="PVF737" s="424"/>
      <c r="PVG737" s="424"/>
      <c r="PVH737" s="424"/>
      <c r="PVI737" s="423" t="s">
        <v>2795</v>
      </c>
      <c r="PVJ737" s="424"/>
      <c r="PVK737" s="424"/>
      <c r="PVL737" s="424"/>
      <c r="PVM737" s="423" t="s">
        <v>2795</v>
      </c>
      <c r="PVN737" s="424"/>
      <c r="PVO737" s="424"/>
      <c r="PVP737" s="424"/>
      <c r="PVQ737" s="423" t="s">
        <v>2795</v>
      </c>
      <c r="PVR737" s="424"/>
      <c r="PVS737" s="424"/>
      <c r="PVT737" s="424"/>
      <c r="PVU737" s="423" t="s">
        <v>2795</v>
      </c>
      <c r="PVV737" s="424"/>
      <c r="PVW737" s="424"/>
      <c r="PVX737" s="424"/>
      <c r="PVY737" s="423" t="s">
        <v>2795</v>
      </c>
      <c r="PVZ737" s="424"/>
      <c r="PWA737" s="424"/>
      <c r="PWB737" s="424"/>
      <c r="PWC737" s="423" t="s">
        <v>2795</v>
      </c>
      <c r="PWD737" s="424"/>
      <c r="PWE737" s="424"/>
      <c r="PWF737" s="424"/>
      <c r="PWG737" s="423" t="s">
        <v>2795</v>
      </c>
      <c r="PWH737" s="424"/>
      <c r="PWI737" s="424"/>
      <c r="PWJ737" s="424"/>
      <c r="PWK737" s="423" t="s">
        <v>2795</v>
      </c>
      <c r="PWL737" s="424"/>
      <c r="PWM737" s="424"/>
      <c r="PWN737" s="424"/>
      <c r="PWO737" s="423" t="s">
        <v>2795</v>
      </c>
      <c r="PWP737" s="424"/>
      <c r="PWQ737" s="424"/>
      <c r="PWR737" s="424"/>
      <c r="PWS737" s="423" t="s">
        <v>2795</v>
      </c>
      <c r="PWT737" s="424"/>
      <c r="PWU737" s="424"/>
      <c r="PWV737" s="424"/>
      <c r="PWW737" s="423" t="s">
        <v>2795</v>
      </c>
      <c r="PWX737" s="424"/>
      <c r="PWY737" s="424"/>
      <c r="PWZ737" s="424"/>
      <c r="PXA737" s="423" t="s">
        <v>2795</v>
      </c>
      <c r="PXB737" s="424"/>
      <c r="PXC737" s="424"/>
      <c r="PXD737" s="424"/>
      <c r="PXE737" s="423" t="s">
        <v>2795</v>
      </c>
      <c r="PXF737" s="424"/>
      <c r="PXG737" s="424"/>
      <c r="PXH737" s="424"/>
      <c r="PXI737" s="423" t="s">
        <v>2795</v>
      </c>
      <c r="PXJ737" s="424"/>
      <c r="PXK737" s="424"/>
      <c r="PXL737" s="424"/>
      <c r="PXM737" s="423" t="s">
        <v>2795</v>
      </c>
      <c r="PXN737" s="424"/>
      <c r="PXO737" s="424"/>
      <c r="PXP737" s="424"/>
      <c r="PXQ737" s="423" t="s">
        <v>2795</v>
      </c>
      <c r="PXR737" s="424"/>
      <c r="PXS737" s="424"/>
      <c r="PXT737" s="424"/>
      <c r="PXU737" s="423" t="s">
        <v>2795</v>
      </c>
      <c r="PXV737" s="424"/>
      <c r="PXW737" s="424"/>
      <c r="PXX737" s="424"/>
      <c r="PXY737" s="423" t="s">
        <v>2795</v>
      </c>
      <c r="PXZ737" s="424"/>
      <c r="PYA737" s="424"/>
      <c r="PYB737" s="424"/>
      <c r="PYC737" s="423" t="s">
        <v>2795</v>
      </c>
      <c r="PYD737" s="424"/>
      <c r="PYE737" s="424"/>
      <c r="PYF737" s="424"/>
      <c r="PYG737" s="423" t="s">
        <v>2795</v>
      </c>
      <c r="PYH737" s="424"/>
      <c r="PYI737" s="424"/>
      <c r="PYJ737" s="424"/>
      <c r="PYK737" s="423" t="s">
        <v>2795</v>
      </c>
      <c r="PYL737" s="424"/>
      <c r="PYM737" s="424"/>
      <c r="PYN737" s="424"/>
      <c r="PYO737" s="423" t="s">
        <v>2795</v>
      </c>
      <c r="PYP737" s="424"/>
      <c r="PYQ737" s="424"/>
      <c r="PYR737" s="424"/>
      <c r="PYS737" s="423" t="s">
        <v>2795</v>
      </c>
      <c r="PYT737" s="424"/>
      <c r="PYU737" s="424"/>
      <c r="PYV737" s="424"/>
      <c r="PYW737" s="423" t="s">
        <v>2795</v>
      </c>
      <c r="PYX737" s="424"/>
      <c r="PYY737" s="424"/>
      <c r="PYZ737" s="424"/>
      <c r="PZA737" s="423" t="s">
        <v>2795</v>
      </c>
      <c r="PZB737" s="424"/>
      <c r="PZC737" s="424"/>
      <c r="PZD737" s="424"/>
      <c r="PZE737" s="423" t="s">
        <v>2795</v>
      </c>
      <c r="PZF737" s="424"/>
      <c r="PZG737" s="424"/>
      <c r="PZH737" s="424"/>
      <c r="PZI737" s="423" t="s">
        <v>2795</v>
      </c>
      <c r="PZJ737" s="424"/>
      <c r="PZK737" s="424"/>
      <c r="PZL737" s="424"/>
      <c r="PZM737" s="423" t="s">
        <v>2795</v>
      </c>
      <c r="PZN737" s="424"/>
      <c r="PZO737" s="424"/>
      <c r="PZP737" s="424"/>
      <c r="PZQ737" s="423" t="s">
        <v>2795</v>
      </c>
      <c r="PZR737" s="424"/>
      <c r="PZS737" s="424"/>
      <c r="PZT737" s="424"/>
      <c r="PZU737" s="423" t="s">
        <v>2795</v>
      </c>
      <c r="PZV737" s="424"/>
      <c r="PZW737" s="424"/>
      <c r="PZX737" s="424"/>
      <c r="PZY737" s="423" t="s">
        <v>2795</v>
      </c>
      <c r="PZZ737" s="424"/>
      <c r="QAA737" s="424"/>
      <c r="QAB737" s="424"/>
      <c r="QAC737" s="423" t="s">
        <v>2795</v>
      </c>
      <c r="QAD737" s="424"/>
      <c r="QAE737" s="424"/>
      <c r="QAF737" s="424"/>
      <c r="QAG737" s="423" t="s">
        <v>2795</v>
      </c>
      <c r="QAH737" s="424"/>
      <c r="QAI737" s="424"/>
      <c r="QAJ737" s="424"/>
      <c r="QAK737" s="423" t="s">
        <v>2795</v>
      </c>
      <c r="QAL737" s="424"/>
      <c r="QAM737" s="424"/>
      <c r="QAN737" s="424"/>
      <c r="QAO737" s="423" t="s">
        <v>2795</v>
      </c>
      <c r="QAP737" s="424"/>
      <c r="QAQ737" s="424"/>
      <c r="QAR737" s="424"/>
      <c r="QAS737" s="423" t="s">
        <v>2795</v>
      </c>
      <c r="QAT737" s="424"/>
      <c r="QAU737" s="424"/>
      <c r="QAV737" s="424"/>
      <c r="QAW737" s="423" t="s">
        <v>2795</v>
      </c>
      <c r="QAX737" s="424"/>
      <c r="QAY737" s="424"/>
      <c r="QAZ737" s="424"/>
      <c r="QBA737" s="423" t="s">
        <v>2795</v>
      </c>
      <c r="QBB737" s="424"/>
      <c r="QBC737" s="424"/>
      <c r="QBD737" s="424"/>
      <c r="QBE737" s="423" t="s">
        <v>2795</v>
      </c>
      <c r="QBF737" s="424"/>
      <c r="QBG737" s="424"/>
      <c r="QBH737" s="424"/>
      <c r="QBI737" s="423" t="s">
        <v>2795</v>
      </c>
      <c r="QBJ737" s="424"/>
      <c r="QBK737" s="424"/>
      <c r="QBL737" s="424"/>
      <c r="QBM737" s="423" t="s">
        <v>2795</v>
      </c>
      <c r="QBN737" s="424"/>
      <c r="QBO737" s="424"/>
      <c r="QBP737" s="424"/>
      <c r="QBQ737" s="423" t="s">
        <v>2795</v>
      </c>
      <c r="QBR737" s="424"/>
      <c r="QBS737" s="424"/>
      <c r="QBT737" s="424"/>
      <c r="QBU737" s="423" t="s">
        <v>2795</v>
      </c>
      <c r="QBV737" s="424"/>
      <c r="QBW737" s="424"/>
      <c r="QBX737" s="424"/>
      <c r="QBY737" s="423" t="s">
        <v>2795</v>
      </c>
      <c r="QBZ737" s="424"/>
      <c r="QCA737" s="424"/>
      <c r="QCB737" s="424"/>
      <c r="QCC737" s="423" t="s">
        <v>2795</v>
      </c>
      <c r="QCD737" s="424"/>
      <c r="QCE737" s="424"/>
      <c r="QCF737" s="424"/>
      <c r="QCG737" s="423" t="s">
        <v>2795</v>
      </c>
      <c r="QCH737" s="424"/>
      <c r="QCI737" s="424"/>
      <c r="QCJ737" s="424"/>
      <c r="QCK737" s="423" t="s">
        <v>2795</v>
      </c>
      <c r="QCL737" s="424"/>
      <c r="QCM737" s="424"/>
      <c r="QCN737" s="424"/>
      <c r="QCO737" s="423" t="s">
        <v>2795</v>
      </c>
      <c r="QCP737" s="424"/>
      <c r="QCQ737" s="424"/>
      <c r="QCR737" s="424"/>
      <c r="QCS737" s="423" t="s">
        <v>2795</v>
      </c>
      <c r="QCT737" s="424"/>
      <c r="QCU737" s="424"/>
      <c r="QCV737" s="424"/>
      <c r="QCW737" s="423" t="s">
        <v>2795</v>
      </c>
      <c r="QCX737" s="424"/>
      <c r="QCY737" s="424"/>
      <c r="QCZ737" s="424"/>
      <c r="QDA737" s="423" t="s">
        <v>2795</v>
      </c>
      <c r="QDB737" s="424"/>
      <c r="QDC737" s="424"/>
      <c r="QDD737" s="424"/>
      <c r="QDE737" s="423" t="s">
        <v>2795</v>
      </c>
      <c r="QDF737" s="424"/>
      <c r="QDG737" s="424"/>
      <c r="QDH737" s="424"/>
      <c r="QDI737" s="423" t="s">
        <v>2795</v>
      </c>
      <c r="QDJ737" s="424"/>
      <c r="QDK737" s="424"/>
      <c r="QDL737" s="424"/>
      <c r="QDM737" s="423" t="s">
        <v>2795</v>
      </c>
      <c r="QDN737" s="424"/>
      <c r="QDO737" s="424"/>
      <c r="QDP737" s="424"/>
      <c r="QDQ737" s="423" t="s">
        <v>2795</v>
      </c>
      <c r="QDR737" s="424"/>
      <c r="QDS737" s="424"/>
      <c r="QDT737" s="424"/>
      <c r="QDU737" s="423" t="s">
        <v>2795</v>
      </c>
      <c r="QDV737" s="424"/>
      <c r="QDW737" s="424"/>
      <c r="QDX737" s="424"/>
      <c r="QDY737" s="423" t="s">
        <v>2795</v>
      </c>
      <c r="QDZ737" s="424"/>
      <c r="QEA737" s="424"/>
      <c r="QEB737" s="424"/>
      <c r="QEC737" s="423" t="s">
        <v>2795</v>
      </c>
      <c r="QED737" s="424"/>
      <c r="QEE737" s="424"/>
      <c r="QEF737" s="424"/>
      <c r="QEG737" s="423" t="s">
        <v>2795</v>
      </c>
      <c r="QEH737" s="424"/>
      <c r="QEI737" s="424"/>
      <c r="QEJ737" s="424"/>
      <c r="QEK737" s="423" t="s">
        <v>2795</v>
      </c>
      <c r="QEL737" s="424"/>
      <c r="QEM737" s="424"/>
      <c r="QEN737" s="424"/>
      <c r="QEO737" s="423" t="s">
        <v>2795</v>
      </c>
      <c r="QEP737" s="424"/>
      <c r="QEQ737" s="424"/>
      <c r="QER737" s="424"/>
      <c r="QES737" s="423" t="s">
        <v>2795</v>
      </c>
      <c r="QET737" s="424"/>
      <c r="QEU737" s="424"/>
      <c r="QEV737" s="424"/>
      <c r="QEW737" s="423" t="s">
        <v>2795</v>
      </c>
      <c r="QEX737" s="424"/>
      <c r="QEY737" s="424"/>
      <c r="QEZ737" s="424"/>
      <c r="QFA737" s="423" t="s">
        <v>2795</v>
      </c>
      <c r="QFB737" s="424"/>
      <c r="QFC737" s="424"/>
      <c r="QFD737" s="424"/>
      <c r="QFE737" s="423" t="s">
        <v>2795</v>
      </c>
      <c r="QFF737" s="424"/>
      <c r="QFG737" s="424"/>
      <c r="QFH737" s="424"/>
      <c r="QFI737" s="423" t="s">
        <v>2795</v>
      </c>
      <c r="QFJ737" s="424"/>
      <c r="QFK737" s="424"/>
      <c r="QFL737" s="424"/>
      <c r="QFM737" s="423" t="s">
        <v>2795</v>
      </c>
      <c r="QFN737" s="424"/>
      <c r="QFO737" s="424"/>
      <c r="QFP737" s="424"/>
      <c r="QFQ737" s="423" t="s">
        <v>2795</v>
      </c>
      <c r="QFR737" s="424"/>
      <c r="QFS737" s="424"/>
      <c r="QFT737" s="424"/>
      <c r="QFU737" s="423" t="s">
        <v>2795</v>
      </c>
      <c r="QFV737" s="424"/>
      <c r="QFW737" s="424"/>
      <c r="QFX737" s="424"/>
      <c r="QFY737" s="423" t="s">
        <v>2795</v>
      </c>
      <c r="QFZ737" s="424"/>
      <c r="QGA737" s="424"/>
      <c r="QGB737" s="424"/>
      <c r="QGC737" s="423" t="s">
        <v>2795</v>
      </c>
      <c r="QGD737" s="424"/>
      <c r="QGE737" s="424"/>
      <c r="QGF737" s="424"/>
      <c r="QGG737" s="423" t="s">
        <v>2795</v>
      </c>
      <c r="QGH737" s="424"/>
      <c r="QGI737" s="424"/>
      <c r="QGJ737" s="424"/>
      <c r="QGK737" s="423" t="s">
        <v>2795</v>
      </c>
      <c r="QGL737" s="424"/>
      <c r="QGM737" s="424"/>
      <c r="QGN737" s="424"/>
      <c r="QGO737" s="423" t="s">
        <v>2795</v>
      </c>
      <c r="QGP737" s="424"/>
      <c r="QGQ737" s="424"/>
      <c r="QGR737" s="424"/>
      <c r="QGS737" s="423" t="s">
        <v>2795</v>
      </c>
      <c r="QGT737" s="424"/>
      <c r="QGU737" s="424"/>
      <c r="QGV737" s="424"/>
      <c r="QGW737" s="423" t="s">
        <v>2795</v>
      </c>
      <c r="QGX737" s="424"/>
      <c r="QGY737" s="424"/>
      <c r="QGZ737" s="424"/>
      <c r="QHA737" s="423" t="s">
        <v>2795</v>
      </c>
      <c r="QHB737" s="424"/>
      <c r="QHC737" s="424"/>
      <c r="QHD737" s="424"/>
      <c r="QHE737" s="423" t="s">
        <v>2795</v>
      </c>
      <c r="QHF737" s="424"/>
      <c r="QHG737" s="424"/>
      <c r="QHH737" s="424"/>
      <c r="QHI737" s="423" t="s">
        <v>2795</v>
      </c>
      <c r="QHJ737" s="424"/>
      <c r="QHK737" s="424"/>
      <c r="QHL737" s="424"/>
      <c r="QHM737" s="423" t="s">
        <v>2795</v>
      </c>
      <c r="QHN737" s="424"/>
      <c r="QHO737" s="424"/>
      <c r="QHP737" s="424"/>
      <c r="QHQ737" s="423" t="s">
        <v>2795</v>
      </c>
      <c r="QHR737" s="424"/>
      <c r="QHS737" s="424"/>
      <c r="QHT737" s="424"/>
      <c r="QHU737" s="423" t="s">
        <v>2795</v>
      </c>
      <c r="QHV737" s="424"/>
      <c r="QHW737" s="424"/>
      <c r="QHX737" s="424"/>
      <c r="QHY737" s="423" t="s">
        <v>2795</v>
      </c>
      <c r="QHZ737" s="424"/>
      <c r="QIA737" s="424"/>
      <c r="QIB737" s="424"/>
      <c r="QIC737" s="423" t="s">
        <v>2795</v>
      </c>
      <c r="QID737" s="424"/>
      <c r="QIE737" s="424"/>
      <c r="QIF737" s="424"/>
      <c r="QIG737" s="423" t="s">
        <v>2795</v>
      </c>
      <c r="QIH737" s="424"/>
      <c r="QII737" s="424"/>
      <c r="QIJ737" s="424"/>
      <c r="QIK737" s="423" t="s">
        <v>2795</v>
      </c>
      <c r="QIL737" s="424"/>
      <c r="QIM737" s="424"/>
      <c r="QIN737" s="424"/>
      <c r="QIO737" s="423" t="s">
        <v>2795</v>
      </c>
      <c r="QIP737" s="424"/>
      <c r="QIQ737" s="424"/>
      <c r="QIR737" s="424"/>
      <c r="QIS737" s="423" t="s">
        <v>2795</v>
      </c>
      <c r="QIT737" s="424"/>
      <c r="QIU737" s="424"/>
      <c r="QIV737" s="424"/>
      <c r="QIW737" s="423" t="s">
        <v>2795</v>
      </c>
      <c r="QIX737" s="424"/>
      <c r="QIY737" s="424"/>
      <c r="QIZ737" s="424"/>
      <c r="QJA737" s="423" t="s">
        <v>2795</v>
      </c>
      <c r="QJB737" s="424"/>
      <c r="QJC737" s="424"/>
      <c r="QJD737" s="424"/>
      <c r="QJE737" s="423" t="s">
        <v>2795</v>
      </c>
      <c r="QJF737" s="424"/>
      <c r="QJG737" s="424"/>
      <c r="QJH737" s="424"/>
      <c r="QJI737" s="423" t="s">
        <v>2795</v>
      </c>
      <c r="QJJ737" s="424"/>
      <c r="QJK737" s="424"/>
      <c r="QJL737" s="424"/>
      <c r="QJM737" s="423" t="s">
        <v>2795</v>
      </c>
      <c r="QJN737" s="424"/>
      <c r="QJO737" s="424"/>
      <c r="QJP737" s="424"/>
      <c r="QJQ737" s="423" t="s">
        <v>2795</v>
      </c>
      <c r="QJR737" s="424"/>
      <c r="QJS737" s="424"/>
      <c r="QJT737" s="424"/>
      <c r="QJU737" s="423" t="s">
        <v>2795</v>
      </c>
      <c r="QJV737" s="424"/>
      <c r="QJW737" s="424"/>
      <c r="QJX737" s="424"/>
      <c r="QJY737" s="423" t="s">
        <v>2795</v>
      </c>
      <c r="QJZ737" s="424"/>
      <c r="QKA737" s="424"/>
      <c r="QKB737" s="424"/>
      <c r="QKC737" s="423" t="s">
        <v>2795</v>
      </c>
      <c r="QKD737" s="424"/>
      <c r="QKE737" s="424"/>
      <c r="QKF737" s="424"/>
      <c r="QKG737" s="423" t="s">
        <v>2795</v>
      </c>
      <c r="QKH737" s="424"/>
      <c r="QKI737" s="424"/>
      <c r="QKJ737" s="424"/>
      <c r="QKK737" s="423" t="s">
        <v>2795</v>
      </c>
      <c r="QKL737" s="424"/>
      <c r="QKM737" s="424"/>
      <c r="QKN737" s="424"/>
      <c r="QKO737" s="423" t="s">
        <v>2795</v>
      </c>
      <c r="QKP737" s="424"/>
      <c r="QKQ737" s="424"/>
      <c r="QKR737" s="424"/>
      <c r="QKS737" s="423" t="s">
        <v>2795</v>
      </c>
      <c r="QKT737" s="424"/>
      <c r="QKU737" s="424"/>
      <c r="QKV737" s="424"/>
      <c r="QKW737" s="423" t="s">
        <v>2795</v>
      </c>
      <c r="QKX737" s="424"/>
      <c r="QKY737" s="424"/>
      <c r="QKZ737" s="424"/>
      <c r="QLA737" s="423" t="s">
        <v>2795</v>
      </c>
      <c r="QLB737" s="424"/>
      <c r="QLC737" s="424"/>
      <c r="QLD737" s="424"/>
      <c r="QLE737" s="423" t="s">
        <v>2795</v>
      </c>
      <c r="QLF737" s="424"/>
      <c r="QLG737" s="424"/>
      <c r="QLH737" s="424"/>
      <c r="QLI737" s="423" t="s">
        <v>2795</v>
      </c>
      <c r="QLJ737" s="424"/>
      <c r="QLK737" s="424"/>
      <c r="QLL737" s="424"/>
      <c r="QLM737" s="423" t="s">
        <v>2795</v>
      </c>
      <c r="QLN737" s="424"/>
      <c r="QLO737" s="424"/>
      <c r="QLP737" s="424"/>
      <c r="QLQ737" s="423" t="s">
        <v>2795</v>
      </c>
      <c r="QLR737" s="424"/>
      <c r="QLS737" s="424"/>
      <c r="QLT737" s="424"/>
      <c r="QLU737" s="423" t="s">
        <v>2795</v>
      </c>
      <c r="QLV737" s="424"/>
      <c r="QLW737" s="424"/>
      <c r="QLX737" s="424"/>
      <c r="QLY737" s="423" t="s">
        <v>2795</v>
      </c>
      <c r="QLZ737" s="424"/>
      <c r="QMA737" s="424"/>
      <c r="QMB737" s="424"/>
      <c r="QMC737" s="423" t="s">
        <v>2795</v>
      </c>
      <c r="QMD737" s="424"/>
      <c r="QME737" s="424"/>
      <c r="QMF737" s="424"/>
      <c r="QMG737" s="423" t="s">
        <v>2795</v>
      </c>
      <c r="QMH737" s="424"/>
      <c r="QMI737" s="424"/>
      <c r="QMJ737" s="424"/>
      <c r="QMK737" s="423" t="s">
        <v>2795</v>
      </c>
      <c r="QML737" s="424"/>
      <c r="QMM737" s="424"/>
      <c r="QMN737" s="424"/>
      <c r="QMO737" s="423" t="s">
        <v>2795</v>
      </c>
      <c r="QMP737" s="424"/>
      <c r="QMQ737" s="424"/>
      <c r="QMR737" s="424"/>
      <c r="QMS737" s="423" t="s">
        <v>2795</v>
      </c>
      <c r="QMT737" s="424"/>
      <c r="QMU737" s="424"/>
      <c r="QMV737" s="424"/>
      <c r="QMW737" s="423" t="s">
        <v>2795</v>
      </c>
      <c r="QMX737" s="424"/>
      <c r="QMY737" s="424"/>
      <c r="QMZ737" s="424"/>
      <c r="QNA737" s="423" t="s">
        <v>2795</v>
      </c>
      <c r="QNB737" s="424"/>
      <c r="QNC737" s="424"/>
      <c r="QND737" s="424"/>
      <c r="QNE737" s="423" t="s">
        <v>2795</v>
      </c>
      <c r="QNF737" s="424"/>
      <c r="QNG737" s="424"/>
      <c r="QNH737" s="424"/>
      <c r="QNI737" s="423" t="s">
        <v>2795</v>
      </c>
      <c r="QNJ737" s="424"/>
      <c r="QNK737" s="424"/>
      <c r="QNL737" s="424"/>
      <c r="QNM737" s="423" t="s">
        <v>2795</v>
      </c>
      <c r="QNN737" s="424"/>
      <c r="QNO737" s="424"/>
      <c r="QNP737" s="424"/>
      <c r="QNQ737" s="423" t="s">
        <v>2795</v>
      </c>
      <c r="QNR737" s="424"/>
      <c r="QNS737" s="424"/>
      <c r="QNT737" s="424"/>
      <c r="QNU737" s="423" t="s">
        <v>2795</v>
      </c>
      <c r="QNV737" s="424"/>
      <c r="QNW737" s="424"/>
      <c r="QNX737" s="424"/>
      <c r="QNY737" s="423" t="s">
        <v>2795</v>
      </c>
      <c r="QNZ737" s="424"/>
      <c r="QOA737" s="424"/>
      <c r="QOB737" s="424"/>
      <c r="QOC737" s="423" t="s">
        <v>2795</v>
      </c>
      <c r="QOD737" s="424"/>
      <c r="QOE737" s="424"/>
      <c r="QOF737" s="424"/>
      <c r="QOG737" s="423" t="s">
        <v>2795</v>
      </c>
      <c r="QOH737" s="424"/>
      <c r="QOI737" s="424"/>
      <c r="QOJ737" s="424"/>
      <c r="QOK737" s="423" t="s">
        <v>2795</v>
      </c>
      <c r="QOL737" s="424"/>
      <c r="QOM737" s="424"/>
      <c r="QON737" s="424"/>
      <c r="QOO737" s="423" t="s">
        <v>2795</v>
      </c>
      <c r="QOP737" s="424"/>
      <c r="QOQ737" s="424"/>
      <c r="QOR737" s="424"/>
      <c r="QOS737" s="423" t="s">
        <v>2795</v>
      </c>
      <c r="QOT737" s="424"/>
      <c r="QOU737" s="424"/>
      <c r="QOV737" s="424"/>
      <c r="QOW737" s="423" t="s">
        <v>2795</v>
      </c>
      <c r="QOX737" s="424"/>
      <c r="QOY737" s="424"/>
      <c r="QOZ737" s="424"/>
      <c r="QPA737" s="423" t="s">
        <v>2795</v>
      </c>
      <c r="QPB737" s="424"/>
      <c r="QPC737" s="424"/>
      <c r="QPD737" s="424"/>
      <c r="QPE737" s="423" t="s">
        <v>2795</v>
      </c>
      <c r="QPF737" s="424"/>
      <c r="QPG737" s="424"/>
      <c r="QPH737" s="424"/>
      <c r="QPI737" s="423" t="s">
        <v>2795</v>
      </c>
      <c r="QPJ737" s="424"/>
      <c r="QPK737" s="424"/>
      <c r="QPL737" s="424"/>
      <c r="QPM737" s="423" t="s">
        <v>2795</v>
      </c>
      <c r="QPN737" s="424"/>
      <c r="QPO737" s="424"/>
      <c r="QPP737" s="424"/>
      <c r="QPQ737" s="423" t="s">
        <v>2795</v>
      </c>
      <c r="QPR737" s="424"/>
      <c r="QPS737" s="424"/>
      <c r="QPT737" s="424"/>
      <c r="QPU737" s="423" t="s">
        <v>2795</v>
      </c>
      <c r="QPV737" s="424"/>
      <c r="QPW737" s="424"/>
      <c r="QPX737" s="424"/>
      <c r="QPY737" s="423" t="s">
        <v>2795</v>
      </c>
      <c r="QPZ737" s="424"/>
      <c r="QQA737" s="424"/>
      <c r="QQB737" s="424"/>
      <c r="QQC737" s="423" t="s">
        <v>2795</v>
      </c>
      <c r="QQD737" s="424"/>
      <c r="QQE737" s="424"/>
      <c r="QQF737" s="424"/>
      <c r="QQG737" s="423" t="s">
        <v>2795</v>
      </c>
      <c r="QQH737" s="424"/>
      <c r="QQI737" s="424"/>
      <c r="QQJ737" s="424"/>
      <c r="QQK737" s="423" t="s">
        <v>2795</v>
      </c>
      <c r="QQL737" s="424"/>
      <c r="QQM737" s="424"/>
      <c r="QQN737" s="424"/>
      <c r="QQO737" s="423" t="s">
        <v>2795</v>
      </c>
      <c r="QQP737" s="424"/>
      <c r="QQQ737" s="424"/>
      <c r="QQR737" s="424"/>
      <c r="QQS737" s="423" t="s">
        <v>2795</v>
      </c>
      <c r="QQT737" s="424"/>
      <c r="QQU737" s="424"/>
      <c r="QQV737" s="424"/>
      <c r="QQW737" s="423" t="s">
        <v>2795</v>
      </c>
      <c r="QQX737" s="424"/>
      <c r="QQY737" s="424"/>
      <c r="QQZ737" s="424"/>
      <c r="QRA737" s="423" t="s">
        <v>2795</v>
      </c>
      <c r="QRB737" s="424"/>
      <c r="QRC737" s="424"/>
      <c r="QRD737" s="424"/>
      <c r="QRE737" s="423" t="s">
        <v>2795</v>
      </c>
      <c r="QRF737" s="424"/>
      <c r="QRG737" s="424"/>
      <c r="QRH737" s="424"/>
      <c r="QRI737" s="423" t="s">
        <v>2795</v>
      </c>
      <c r="QRJ737" s="424"/>
      <c r="QRK737" s="424"/>
      <c r="QRL737" s="424"/>
      <c r="QRM737" s="423" t="s">
        <v>2795</v>
      </c>
      <c r="QRN737" s="424"/>
      <c r="QRO737" s="424"/>
      <c r="QRP737" s="424"/>
      <c r="QRQ737" s="423" t="s">
        <v>2795</v>
      </c>
      <c r="QRR737" s="424"/>
      <c r="QRS737" s="424"/>
      <c r="QRT737" s="424"/>
      <c r="QRU737" s="423" t="s">
        <v>2795</v>
      </c>
      <c r="QRV737" s="424"/>
      <c r="QRW737" s="424"/>
      <c r="QRX737" s="424"/>
      <c r="QRY737" s="423" t="s">
        <v>2795</v>
      </c>
      <c r="QRZ737" s="424"/>
      <c r="QSA737" s="424"/>
      <c r="QSB737" s="424"/>
      <c r="QSC737" s="423" t="s">
        <v>2795</v>
      </c>
      <c r="QSD737" s="424"/>
      <c r="QSE737" s="424"/>
      <c r="QSF737" s="424"/>
      <c r="QSG737" s="423" t="s">
        <v>2795</v>
      </c>
      <c r="QSH737" s="424"/>
      <c r="QSI737" s="424"/>
      <c r="QSJ737" s="424"/>
      <c r="QSK737" s="423" t="s">
        <v>2795</v>
      </c>
      <c r="QSL737" s="424"/>
      <c r="QSM737" s="424"/>
      <c r="QSN737" s="424"/>
      <c r="QSO737" s="423" t="s">
        <v>2795</v>
      </c>
      <c r="QSP737" s="424"/>
      <c r="QSQ737" s="424"/>
      <c r="QSR737" s="424"/>
      <c r="QSS737" s="423" t="s">
        <v>2795</v>
      </c>
      <c r="QST737" s="424"/>
      <c r="QSU737" s="424"/>
      <c r="QSV737" s="424"/>
      <c r="QSW737" s="423" t="s">
        <v>2795</v>
      </c>
      <c r="QSX737" s="424"/>
      <c r="QSY737" s="424"/>
      <c r="QSZ737" s="424"/>
      <c r="QTA737" s="423" t="s">
        <v>2795</v>
      </c>
      <c r="QTB737" s="424"/>
      <c r="QTC737" s="424"/>
      <c r="QTD737" s="424"/>
      <c r="QTE737" s="423" t="s">
        <v>2795</v>
      </c>
      <c r="QTF737" s="424"/>
      <c r="QTG737" s="424"/>
      <c r="QTH737" s="424"/>
      <c r="QTI737" s="423" t="s">
        <v>2795</v>
      </c>
      <c r="QTJ737" s="424"/>
      <c r="QTK737" s="424"/>
      <c r="QTL737" s="424"/>
      <c r="QTM737" s="423" t="s">
        <v>2795</v>
      </c>
      <c r="QTN737" s="424"/>
      <c r="QTO737" s="424"/>
      <c r="QTP737" s="424"/>
      <c r="QTQ737" s="423" t="s">
        <v>2795</v>
      </c>
      <c r="QTR737" s="424"/>
      <c r="QTS737" s="424"/>
      <c r="QTT737" s="424"/>
      <c r="QTU737" s="423" t="s">
        <v>2795</v>
      </c>
      <c r="QTV737" s="424"/>
      <c r="QTW737" s="424"/>
      <c r="QTX737" s="424"/>
      <c r="QTY737" s="423" t="s">
        <v>2795</v>
      </c>
      <c r="QTZ737" s="424"/>
      <c r="QUA737" s="424"/>
      <c r="QUB737" s="424"/>
      <c r="QUC737" s="423" t="s">
        <v>2795</v>
      </c>
      <c r="QUD737" s="424"/>
      <c r="QUE737" s="424"/>
      <c r="QUF737" s="424"/>
      <c r="QUG737" s="423" t="s">
        <v>2795</v>
      </c>
      <c r="QUH737" s="424"/>
      <c r="QUI737" s="424"/>
      <c r="QUJ737" s="424"/>
      <c r="QUK737" s="423" t="s">
        <v>2795</v>
      </c>
      <c r="QUL737" s="424"/>
      <c r="QUM737" s="424"/>
      <c r="QUN737" s="424"/>
      <c r="QUO737" s="423" t="s">
        <v>2795</v>
      </c>
      <c r="QUP737" s="424"/>
      <c r="QUQ737" s="424"/>
      <c r="QUR737" s="424"/>
      <c r="QUS737" s="423" t="s">
        <v>2795</v>
      </c>
      <c r="QUT737" s="424"/>
      <c r="QUU737" s="424"/>
      <c r="QUV737" s="424"/>
      <c r="QUW737" s="423" t="s">
        <v>2795</v>
      </c>
      <c r="QUX737" s="424"/>
      <c r="QUY737" s="424"/>
      <c r="QUZ737" s="424"/>
      <c r="QVA737" s="423" t="s">
        <v>2795</v>
      </c>
      <c r="QVB737" s="424"/>
      <c r="QVC737" s="424"/>
      <c r="QVD737" s="424"/>
      <c r="QVE737" s="423" t="s">
        <v>2795</v>
      </c>
      <c r="QVF737" s="424"/>
      <c r="QVG737" s="424"/>
      <c r="QVH737" s="424"/>
      <c r="QVI737" s="423" t="s">
        <v>2795</v>
      </c>
      <c r="QVJ737" s="424"/>
      <c r="QVK737" s="424"/>
      <c r="QVL737" s="424"/>
      <c r="QVM737" s="423" t="s">
        <v>2795</v>
      </c>
      <c r="QVN737" s="424"/>
      <c r="QVO737" s="424"/>
      <c r="QVP737" s="424"/>
      <c r="QVQ737" s="423" t="s">
        <v>2795</v>
      </c>
      <c r="QVR737" s="424"/>
      <c r="QVS737" s="424"/>
      <c r="QVT737" s="424"/>
      <c r="QVU737" s="423" t="s">
        <v>2795</v>
      </c>
      <c r="QVV737" s="424"/>
      <c r="QVW737" s="424"/>
      <c r="QVX737" s="424"/>
      <c r="QVY737" s="423" t="s">
        <v>2795</v>
      </c>
      <c r="QVZ737" s="424"/>
      <c r="QWA737" s="424"/>
      <c r="QWB737" s="424"/>
      <c r="QWC737" s="423" t="s">
        <v>2795</v>
      </c>
      <c r="QWD737" s="424"/>
      <c r="QWE737" s="424"/>
      <c r="QWF737" s="424"/>
      <c r="QWG737" s="423" t="s">
        <v>2795</v>
      </c>
      <c r="QWH737" s="424"/>
      <c r="QWI737" s="424"/>
      <c r="QWJ737" s="424"/>
      <c r="QWK737" s="423" t="s">
        <v>2795</v>
      </c>
      <c r="QWL737" s="424"/>
      <c r="QWM737" s="424"/>
      <c r="QWN737" s="424"/>
      <c r="QWO737" s="423" t="s">
        <v>2795</v>
      </c>
      <c r="QWP737" s="424"/>
      <c r="QWQ737" s="424"/>
      <c r="QWR737" s="424"/>
      <c r="QWS737" s="423" t="s">
        <v>2795</v>
      </c>
      <c r="QWT737" s="424"/>
      <c r="QWU737" s="424"/>
      <c r="QWV737" s="424"/>
      <c r="QWW737" s="423" t="s">
        <v>2795</v>
      </c>
      <c r="QWX737" s="424"/>
      <c r="QWY737" s="424"/>
      <c r="QWZ737" s="424"/>
      <c r="QXA737" s="423" t="s">
        <v>2795</v>
      </c>
      <c r="QXB737" s="424"/>
      <c r="QXC737" s="424"/>
      <c r="QXD737" s="424"/>
      <c r="QXE737" s="423" t="s">
        <v>2795</v>
      </c>
      <c r="QXF737" s="424"/>
      <c r="QXG737" s="424"/>
      <c r="QXH737" s="424"/>
      <c r="QXI737" s="423" t="s">
        <v>2795</v>
      </c>
      <c r="QXJ737" s="424"/>
      <c r="QXK737" s="424"/>
      <c r="QXL737" s="424"/>
      <c r="QXM737" s="423" t="s">
        <v>2795</v>
      </c>
      <c r="QXN737" s="424"/>
      <c r="QXO737" s="424"/>
      <c r="QXP737" s="424"/>
      <c r="QXQ737" s="423" t="s">
        <v>2795</v>
      </c>
      <c r="QXR737" s="424"/>
      <c r="QXS737" s="424"/>
      <c r="QXT737" s="424"/>
      <c r="QXU737" s="423" t="s">
        <v>2795</v>
      </c>
      <c r="QXV737" s="424"/>
      <c r="QXW737" s="424"/>
      <c r="QXX737" s="424"/>
      <c r="QXY737" s="423" t="s">
        <v>2795</v>
      </c>
      <c r="QXZ737" s="424"/>
      <c r="QYA737" s="424"/>
      <c r="QYB737" s="424"/>
      <c r="QYC737" s="423" t="s">
        <v>2795</v>
      </c>
      <c r="QYD737" s="424"/>
      <c r="QYE737" s="424"/>
      <c r="QYF737" s="424"/>
      <c r="QYG737" s="423" t="s">
        <v>2795</v>
      </c>
      <c r="QYH737" s="424"/>
      <c r="QYI737" s="424"/>
      <c r="QYJ737" s="424"/>
      <c r="QYK737" s="423" t="s">
        <v>2795</v>
      </c>
      <c r="QYL737" s="424"/>
      <c r="QYM737" s="424"/>
      <c r="QYN737" s="424"/>
      <c r="QYO737" s="423" t="s">
        <v>2795</v>
      </c>
      <c r="QYP737" s="424"/>
      <c r="QYQ737" s="424"/>
      <c r="QYR737" s="424"/>
      <c r="QYS737" s="423" t="s">
        <v>2795</v>
      </c>
      <c r="QYT737" s="424"/>
      <c r="QYU737" s="424"/>
      <c r="QYV737" s="424"/>
      <c r="QYW737" s="423" t="s">
        <v>2795</v>
      </c>
      <c r="QYX737" s="424"/>
      <c r="QYY737" s="424"/>
      <c r="QYZ737" s="424"/>
      <c r="QZA737" s="423" t="s">
        <v>2795</v>
      </c>
      <c r="QZB737" s="424"/>
      <c r="QZC737" s="424"/>
      <c r="QZD737" s="424"/>
      <c r="QZE737" s="423" t="s">
        <v>2795</v>
      </c>
      <c r="QZF737" s="424"/>
      <c r="QZG737" s="424"/>
      <c r="QZH737" s="424"/>
      <c r="QZI737" s="423" t="s">
        <v>2795</v>
      </c>
      <c r="QZJ737" s="424"/>
      <c r="QZK737" s="424"/>
      <c r="QZL737" s="424"/>
      <c r="QZM737" s="423" t="s">
        <v>2795</v>
      </c>
      <c r="QZN737" s="424"/>
      <c r="QZO737" s="424"/>
      <c r="QZP737" s="424"/>
      <c r="QZQ737" s="423" t="s">
        <v>2795</v>
      </c>
      <c r="QZR737" s="424"/>
      <c r="QZS737" s="424"/>
      <c r="QZT737" s="424"/>
      <c r="QZU737" s="423" t="s">
        <v>2795</v>
      </c>
      <c r="QZV737" s="424"/>
      <c r="QZW737" s="424"/>
      <c r="QZX737" s="424"/>
      <c r="QZY737" s="423" t="s">
        <v>2795</v>
      </c>
      <c r="QZZ737" s="424"/>
      <c r="RAA737" s="424"/>
      <c r="RAB737" s="424"/>
      <c r="RAC737" s="423" t="s">
        <v>2795</v>
      </c>
      <c r="RAD737" s="424"/>
      <c r="RAE737" s="424"/>
      <c r="RAF737" s="424"/>
      <c r="RAG737" s="423" t="s">
        <v>2795</v>
      </c>
      <c r="RAH737" s="424"/>
      <c r="RAI737" s="424"/>
      <c r="RAJ737" s="424"/>
      <c r="RAK737" s="423" t="s">
        <v>2795</v>
      </c>
      <c r="RAL737" s="424"/>
      <c r="RAM737" s="424"/>
      <c r="RAN737" s="424"/>
      <c r="RAO737" s="423" t="s">
        <v>2795</v>
      </c>
      <c r="RAP737" s="424"/>
      <c r="RAQ737" s="424"/>
      <c r="RAR737" s="424"/>
      <c r="RAS737" s="423" t="s">
        <v>2795</v>
      </c>
      <c r="RAT737" s="424"/>
      <c r="RAU737" s="424"/>
      <c r="RAV737" s="424"/>
      <c r="RAW737" s="423" t="s">
        <v>2795</v>
      </c>
      <c r="RAX737" s="424"/>
      <c r="RAY737" s="424"/>
      <c r="RAZ737" s="424"/>
      <c r="RBA737" s="423" t="s">
        <v>2795</v>
      </c>
      <c r="RBB737" s="424"/>
      <c r="RBC737" s="424"/>
      <c r="RBD737" s="424"/>
      <c r="RBE737" s="423" t="s">
        <v>2795</v>
      </c>
      <c r="RBF737" s="424"/>
      <c r="RBG737" s="424"/>
      <c r="RBH737" s="424"/>
      <c r="RBI737" s="423" t="s">
        <v>2795</v>
      </c>
      <c r="RBJ737" s="424"/>
      <c r="RBK737" s="424"/>
      <c r="RBL737" s="424"/>
      <c r="RBM737" s="423" t="s">
        <v>2795</v>
      </c>
      <c r="RBN737" s="424"/>
      <c r="RBO737" s="424"/>
      <c r="RBP737" s="424"/>
      <c r="RBQ737" s="423" t="s">
        <v>2795</v>
      </c>
      <c r="RBR737" s="424"/>
      <c r="RBS737" s="424"/>
      <c r="RBT737" s="424"/>
      <c r="RBU737" s="423" t="s">
        <v>2795</v>
      </c>
      <c r="RBV737" s="424"/>
      <c r="RBW737" s="424"/>
      <c r="RBX737" s="424"/>
      <c r="RBY737" s="423" t="s">
        <v>2795</v>
      </c>
      <c r="RBZ737" s="424"/>
      <c r="RCA737" s="424"/>
      <c r="RCB737" s="424"/>
      <c r="RCC737" s="423" t="s">
        <v>2795</v>
      </c>
      <c r="RCD737" s="424"/>
      <c r="RCE737" s="424"/>
      <c r="RCF737" s="424"/>
      <c r="RCG737" s="423" t="s">
        <v>2795</v>
      </c>
      <c r="RCH737" s="424"/>
      <c r="RCI737" s="424"/>
      <c r="RCJ737" s="424"/>
      <c r="RCK737" s="423" t="s">
        <v>2795</v>
      </c>
      <c r="RCL737" s="424"/>
      <c r="RCM737" s="424"/>
      <c r="RCN737" s="424"/>
      <c r="RCO737" s="423" t="s">
        <v>2795</v>
      </c>
      <c r="RCP737" s="424"/>
      <c r="RCQ737" s="424"/>
      <c r="RCR737" s="424"/>
      <c r="RCS737" s="423" t="s">
        <v>2795</v>
      </c>
      <c r="RCT737" s="424"/>
      <c r="RCU737" s="424"/>
      <c r="RCV737" s="424"/>
      <c r="RCW737" s="423" t="s">
        <v>2795</v>
      </c>
      <c r="RCX737" s="424"/>
      <c r="RCY737" s="424"/>
      <c r="RCZ737" s="424"/>
      <c r="RDA737" s="423" t="s">
        <v>2795</v>
      </c>
      <c r="RDB737" s="424"/>
      <c r="RDC737" s="424"/>
      <c r="RDD737" s="424"/>
      <c r="RDE737" s="423" t="s">
        <v>2795</v>
      </c>
      <c r="RDF737" s="424"/>
      <c r="RDG737" s="424"/>
      <c r="RDH737" s="424"/>
      <c r="RDI737" s="423" t="s">
        <v>2795</v>
      </c>
      <c r="RDJ737" s="424"/>
      <c r="RDK737" s="424"/>
      <c r="RDL737" s="424"/>
      <c r="RDM737" s="423" t="s">
        <v>2795</v>
      </c>
      <c r="RDN737" s="424"/>
      <c r="RDO737" s="424"/>
      <c r="RDP737" s="424"/>
      <c r="RDQ737" s="423" t="s">
        <v>2795</v>
      </c>
      <c r="RDR737" s="424"/>
      <c r="RDS737" s="424"/>
      <c r="RDT737" s="424"/>
      <c r="RDU737" s="423" t="s">
        <v>2795</v>
      </c>
      <c r="RDV737" s="424"/>
      <c r="RDW737" s="424"/>
      <c r="RDX737" s="424"/>
      <c r="RDY737" s="423" t="s">
        <v>2795</v>
      </c>
      <c r="RDZ737" s="424"/>
      <c r="REA737" s="424"/>
      <c r="REB737" s="424"/>
      <c r="REC737" s="423" t="s">
        <v>2795</v>
      </c>
      <c r="RED737" s="424"/>
      <c r="REE737" s="424"/>
      <c r="REF737" s="424"/>
      <c r="REG737" s="423" t="s">
        <v>2795</v>
      </c>
      <c r="REH737" s="424"/>
      <c r="REI737" s="424"/>
      <c r="REJ737" s="424"/>
      <c r="REK737" s="423" t="s">
        <v>2795</v>
      </c>
      <c r="REL737" s="424"/>
      <c r="REM737" s="424"/>
      <c r="REN737" s="424"/>
      <c r="REO737" s="423" t="s">
        <v>2795</v>
      </c>
      <c r="REP737" s="424"/>
      <c r="REQ737" s="424"/>
      <c r="RER737" s="424"/>
      <c r="RES737" s="423" t="s">
        <v>2795</v>
      </c>
      <c r="RET737" s="424"/>
      <c r="REU737" s="424"/>
      <c r="REV737" s="424"/>
      <c r="REW737" s="423" t="s">
        <v>2795</v>
      </c>
      <c r="REX737" s="424"/>
      <c r="REY737" s="424"/>
      <c r="REZ737" s="424"/>
      <c r="RFA737" s="423" t="s">
        <v>2795</v>
      </c>
      <c r="RFB737" s="424"/>
      <c r="RFC737" s="424"/>
      <c r="RFD737" s="424"/>
      <c r="RFE737" s="423" t="s">
        <v>2795</v>
      </c>
      <c r="RFF737" s="424"/>
      <c r="RFG737" s="424"/>
      <c r="RFH737" s="424"/>
      <c r="RFI737" s="423" t="s">
        <v>2795</v>
      </c>
      <c r="RFJ737" s="424"/>
      <c r="RFK737" s="424"/>
      <c r="RFL737" s="424"/>
      <c r="RFM737" s="423" t="s">
        <v>2795</v>
      </c>
      <c r="RFN737" s="424"/>
      <c r="RFO737" s="424"/>
      <c r="RFP737" s="424"/>
      <c r="RFQ737" s="423" t="s">
        <v>2795</v>
      </c>
      <c r="RFR737" s="424"/>
      <c r="RFS737" s="424"/>
      <c r="RFT737" s="424"/>
      <c r="RFU737" s="423" t="s">
        <v>2795</v>
      </c>
      <c r="RFV737" s="424"/>
      <c r="RFW737" s="424"/>
      <c r="RFX737" s="424"/>
      <c r="RFY737" s="423" t="s">
        <v>2795</v>
      </c>
      <c r="RFZ737" s="424"/>
      <c r="RGA737" s="424"/>
      <c r="RGB737" s="424"/>
      <c r="RGC737" s="423" t="s">
        <v>2795</v>
      </c>
      <c r="RGD737" s="424"/>
      <c r="RGE737" s="424"/>
      <c r="RGF737" s="424"/>
      <c r="RGG737" s="423" t="s">
        <v>2795</v>
      </c>
      <c r="RGH737" s="424"/>
      <c r="RGI737" s="424"/>
      <c r="RGJ737" s="424"/>
      <c r="RGK737" s="423" t="s">
        <v>2795</v>
      </c>
      <c r="RGL737" s="424"/>
      <c r="RGM737" s="424"/>
      <c r="RGN737" s="424"/>
      <c r="RGO737" s="423" t="s">
        <v>2795</v>
      </c>
      <c r="RGP737" s="424"/>
      <c r="RGQ737" s="424"/>
      <c r="RGR737" s="424"/>
      <c r="RGS737" s="423" t="s">
        <v>2795</v>
      </c>
      <c r="RGT737" s="424"/>
      <c r="RGU737" s="424"/>
      <c r="RGV737" s="424"/>
      <c r="RGW737" s="423" t="s">
        <v>2795</v>
      </c>
      <c r="RGX737" s="424"/>
      <c r="RGY737" s="424"/>
      <c r="RGZ737" s="424"/>
      <c r="RHA737" s="423" t="s">
        <v>2795</v>
      </c>
      <c r="RHB737" s="424"/>
      <c r="RHC737" s="424"/>
      <c r="RHD737" s="424"/>
      <c r="RHE737" s="423" t="s">
        <v>2795</v>
      </c>
      <c r="RHF737" s="424"/>
      <c r="RHG737" s="424"/>
      <c r="RHH737" s="424"/>
      <c r="RHI737" s="423" t="s">
        <v>2795</v>
      </c>
      <c r="RHJ737" s="424"/>
      <c r="RHK737" s="424"/>
      <c r="RHL737" s="424"/>
      <c r="RHM737" s="423" t="s">
        <v>2795</v>
      </c>
      <c r="RHN737" s="424"/>
      <c r="RHO737" s="424"/>
      <c r="RHP737" s="424"/>
      <c r="RHQ737" s="423" t="s">
        <v>2795</v>
      </c>
      <c r="RHR737" s="424"/>
      <c r="RHS737" s="424"/>
      <c r="RHT737" s="424"/>
      <c r="RHU737" s="423" t="s">
        <v>2795</v>
      </c>
      <c r="RHV737" s="424"/>
      <c r="RHW737" s="424"/>
      <c r="RHX737" s="424"/>
      <c r="RHY737" s="423" t="s">
        <v>2795</v>
      </c>
      <c r="RHZ737" s="424"/>
      <c r="RIA737" s="424"/>
      <c r="RIB737" s="424"/>
      <c r="RIC737" s="423" t="s">
        <v>2795</v>
      </c>
      <c r="RID737" s="424"/>
      <c r="RIE737" s="424"/>
      <c r="RIF737" s="424"/>
      <c r="RIG737" s="423" t="s">
        <v>2795</v>
      </c>
      <c r="RIH737" s="424"/>
      <c r="RII737" s="424"/>
      <c r="RIJ737" s="424"/>
      <c r="RIK737" s="423" t="s">
        <v>2795</v>
      </c>
      <c r="RIL737" s="424"/>
      <c r="RIM737" s="424"/>
      <c r="RIN737" s="424"/>
      <c r="RIO737" s="423" t="s">
        <v>2795</v>
      </c>
      <c r="RIP737" s="424"/>
      <c r="RIQ737" s="424"/>
      <c r="RIR737" s="424"/>
      <c r="RIS737" s="423" t="s">
        <v>2795</v>
      </c>
      <c r="RIT737" s="424"/>
      <c r="RIU737" s="424"/>
      <c r="RIV737" s="424"/>
      <c r="RIW737" s="423" t="s">
        <v>2795</v>
      </c>
      <c r="RIX737" s="424"/>
      <c r="RIY737" s="424"/>
      <c r="RIZ737" s="424"/>
      <c r="RJA737" s="423" t="s">
        <v>2795</v>
      </c>
      <c r="RJB737" s="424"/>
      <c r="RJC737" s="424"/>
      <c r="RJD737" s="424"/>
      <c r="RJE737" s="423" t="s">
        <v>2795</v>
      </c>
      <c r="RJF737" s="424"/>
      <c r="RJG737" s="424"/>
      <c r="RJH737" s="424"/>
      <c r="RJI737" s="423" t="s">
        <v>2795</v>
      </c>
      <c r="RJJ737" s="424"/>
      <c r="RJK737" s="424"/>
      <c r="RJL737" s="424"/>
      <c r="RJM737" s="423" t="s">
        <v>2795</v>
      </c>
      <c r="RJN737" s="424"/>
      <c r="RJO737" s="424"/>
      <c r="RJP737" s="424"/>
      <c r="RJQ737" s="423" t="s">
        <v>2795</v>
      </c>
      <c r="RJR737" s="424"/>
      <c r="RJS737" s="424"/>
      <c r="RJT737" s="424"/>
      <c r="RJU737" s="423" t="s">
        <v>2795</v>
      </c>
      <c r="RJV737" s="424"/>
      <c r="RJW737" s="424"/>
      <c r="RJX737" s="424"/>
      <c r="RJY737" s="423" t="s">
        <v>2795</v>
      </c>
      <c r="RJZ737" s="424"/>
      <c r="RKA737" s="424"/>
      <c r="RKB737" s="424"/>
      <c r="RKC737" s="423" t="s">
        <v>2795</v>
      </c>
      <c r="RKD737" s="424"/>
      <c r="RKE737" s="424"/>
      <c r="RKF737" s="424"/>
      <c r="RKG737" s="423" t="s">
        <v>2795</v>
      </c>
      <c r="RKH737" s="424"/>
      <c r="RKI737" s="424"/>
      <c r="RKJ737" s="424"/>
      <c r="RKK737" s="423" t="s">
        <v>2795</v>
      </c>
      <c r="RKL737" s="424"/>
      <c r="RKM737" s="424"/>
      <c r="RKN737" s="424"/>
      <c r="RKO737" s="423" t="s">
        <v>2795</v>
      </c>
      <c r="RKP737" s="424"/>
      <c r="RKQ737" s="424"/>
      <c r="RKR737" s="424"/>
      <c r="RKS737" s="423" t="s">
        <v>2795</v>
      </c>
      <c r="RKT737" s="424"/>
      <c r="RKU737" s="424"/>
      <c r="RKV737" s="424"/>
      <c r="RKW737" s="423" t="s">
        <v>2795</v>
      </c>
      <c r="RKX737" s="424"/>
      <c r="RKY737" s="424"/>
      <c r="RKZ737" s="424"/>
      <c r="RLA737" s="423" t="s">
        <v>2795</v>
      </c>
      <c r="RLB737" s="424"/>
      <c r="RLC737" s="424"/>
      <c r="RLD737" s="424"/>
      <c r="RLE737" s="423" t="s">
        <v>2795</v>
      </c>
      <c r="RLF737" s="424"/>
      <c r="RLG737" s="424"/>
      <c r="RLH737" s="424"/>
      <c r="RLI737" s="423" t="s">
        <v>2795</v>
      </c>
      <c r="RLJ737" s="424"/>
      <c r="RLK737" s="424"/>
      <c r="RLL737" s="424"/>
      <c r="RLM737" s="423" t="s">
        <v>2795</v>
      </c>
      <c r="RLN737" s="424"/>
      <c r="RLO737" s="424"/>
      <c r="RLP737" s="424"/>
      <c r="RLQ737" s="423" t="s">
        <v>2795</v>
      </c>
      <c r="RLR737" s="424"/>
      <c r="RLS737" s="424"/>
      <c r="RLT737" s="424"/>
      <c r="RLU737" s="423" t="s">
        <v>2795</v>
      </c>
      <c r="RLV737" s="424"/>
      <c r="RLW737" s="424"/>
      <c r="RLX737" s="424"/>
      <c r="RLY737" s="423" t="s">
        <v>2795</v>
      </c>
      <c r="RLZ737" s="424"/>
      <c r="RMA737" s="424"/>
      <c r="RMB737" s="424"/>
      <c r="RMC737" s="423" t="s">
        <v>2795</v>
      </c>
      <c r="RMD737" s="424"/>
      <c r="RME737" s="424"/>
      <c r="RMF737" s="424"/>
      <c r="RMG737" s="423" t="s">
        <v>2795</v>
      </c>
      <c r="RMH737" s="424"/>
      <c r="RMI737" s="424"/>
      <c r="RMJ737" s="424"/>
      <c r="RMK737" s="423" t="s">
        <v>2795</v>
      </c>
      <c r="RML737" s="424"/>
      <c r="RMM737" s="424"/>
      <c r="RMN737" s="424"/>
      <c r="RMO737" s="423" t="s">
        <v>2795</v>
      </c>
      <c r="RMP737" s="424"/>
      <c r="RMQ737" s="424"/>
      <c r="RMR737" s="424"/>
      <c r="RMS737" s="423" t="s">
        <v>2795</v>
      </c>
      <c r="RMT737" s="424"/>
      <c r="RMU737" s="424"/>
      <c r="RMV737" s="424"/>
      <c r="RMW737" s="423" t="s">
        <v>2795</v>
      </c>
      <c r="RMX737" s="424"/>
      <c r="RMY737" s="424"/>
      <c r="RMZ737" s="424"/>
      <c r="RNA737" s="423" t="s">
        <v>2795</v>
      </c>
      <c r="RNB737" s="424"/>
      <c r="RNC737" s="424"/>
      <c r="RND737" s="424"/>
      <c r="RNE737" s="423" t="s">
        <v>2795</v>
      </c>
      <c r="RNF737" s="424"/>
      <c r="RNG737" s="424"/>
      <c r="RNH737" s="424"/>
      <c r="RNI737" s="423" t="s">
        <v>2795</v>
      </c>
      <c r="RNJ737" s="424"/>
      <c r="RNK737" s="424"/>
      <c r="RNL737" s="424"/>
      <c r="RNM737" s="423" t="s">
        <v>2795</v>
      </c>
      <c r="RNN737" s="424"/>
      <c r="RNO737" s="424"/>
      <c r="RNP737" s="424"/>
      <c r="RNQ737" s="423" t="s">
        <v>2795</v>
      </c>
      <c r="RNR737" s="424"/>
      <c r="RNS737" s="424"/>
      <c r="RNT737" s="424"/>
      <c r="RNU737" s="423" t="s">
        <v>2795</v>
      </c>
      <c r="RNV737" s="424"/>
      <c r="RNW737" s="424"/>
      <c r="RNX737" s="424"/>
      <c r="RNY737" s="423" t="s">
        <v>2795</v>
      </c>
      <c r="RNZ737" s="424"/>
      <c r="ROA737" s="424"/>
      <c r="ROB737" s="424"/>
      <c r="ROC737" s="423" t="s">
        <v>2795</v>
      </c>
      <c r="ROD737" s="424"/>
      <c r="ROE737" s="424"/>
      <c r="ROF737" s="424"/>
      <c r="ROG737" s="423" t="s">
        <v>2795</v>
      </c>
      <c r="ROH737" s="424"/>
      <c r="ROI737" s="424"/>
      <c r="ROJ737" s="424"/>
      <c r="ROK737" s="423" t="s">
        <v>2795</v>
      </c>
      <c r="ROL737" s="424"/>
      <c r="ROM737" s="424"/>
      <c r="RON737" s="424"/>
      <c r="ROO737" s="423" t="s">
        <v>2795</v>
      </c>
      <c r="ROP737" s="424"/>
      <c r="ROQ737" s="424"/>
      <c r="ROR737" s="424"/>
      <c r="ROS737" s="423" t="s">
        <v>2795</v>
      </c>
      <c r="ROT737" s="424"/>
      <c r="ROU737" s="424"/>
      <c r="ROV737" s="424"/>
      <c r="ROW737" s="423" t="s">
        <v>2795</v>
      </c>
      <c r="ROX737" s="424"/>
      <c r="ROY737" s="424"/>
      <c r="ROZ737" s="424"/>
      <c r="RPA737" s="423" t="s">
        <v>2795</v>
      </c>
      <c r="RPB737" s="424"/>
      <c r="RPC737" s="424"/>
      <c r="RPD737" s="424"/>
      <c r="RPE737" s="423" t="s">
        <v>2795</v>
      </c>
      <c r="RPF737" s="424"/>
      <c r="RPG737" s="424"/>
      <c r="RPH737" s="424"/>
      <c r="RPI737" s="423" t="s">
        <v>2795</v>
      </c>
      <c r="RPJ737" s="424"/>
      <c r="RPK737" s="424"/>
      <c r="RPL737" s="424"/>
      <c r="RPM737" s="423" t="s">
        <v>2795</v>
      </c>
      <c r="RPN737" s="424"/>
      <c r="RPO737" s="424"/>
      <c r="RPP737" s="424"/>
      <c r="RPQ737" s="423" t="s">
        <v>2795</v>
      </c>
      <c r="RPR737" s="424"/>
      <c r="RPS737" s="424"/>
      <c r="RPT737" s="424"/>
      <c r="RPU737" s="423" t="s">
        <v>2795</v>
      </c>
      <c r="RPV737" s="424"/>
      <c r="RPW737" s="424"/>
      <c r="RPX737" s="424"/>
      <c r="RPY737" s="423" t="s">
        <v>2795</v>
      </c>
      <c r="RPZ737" s="424"/>
      <c r="RQA737" s="424"/>
      <c r="RQB737" s="424"/>
      <c r="RQC737" s="423" t="s">
        <v>2795</v>
      </c>
      <c r="RQD737" s="424"/>
      <c r="RQE737" s="424"/>
      <c r="RQF737" s="424"/>
      <c r="RQG737" s="423" t="s">
        <v>2795</v>
      </c>
      <c r="RQH737" s="424"/>
      <c r="RQI737" s="424"/>
      <c r="RQJ737" s="424"/>
      <c r="RQK737" s="423" t="s">
        <v>2795</v>
      </c>
      <c r="RQL737" s="424"/>
      <c r="RQM737" s="424"/>
      <c r="RQN737" s="424"/>
      <c r="RQO737" s="423" t="s">
        <v>2795</v>
      </c>
      <c r="RQP737" s="424"/>
      <c r="RQQ737" s="424"/>
      <c r="RQR737" s="424"/>
      <c r="RQS737" s="423" t="s">
        <v>2795</v>
      </c>
      <c r="RQT737" s="424"/>
      <c r="RQU737" s="424"/>
      <c r="RQV737" s="424"/>
      <c r="RQW737" s="423" t="s">
        <v>2795</v>
      </c>
      <c r="RQX737" s="424"/>
      <c r="RQY737" s="424"/>
      <c r="RQZ737" s="424"/>
      <c r="RRA737" s="423" t="s">
        <v>2795</v>
      </c>
      <c r="RRB737" s="424"/>
      <c r="RRC737" s="424"/>
      <c r="RRD737" s="424"/>
      <c r="RRE737" s="423" t="s">
        <v>2795</v>
      </c>
      <c r="RRF737" s="424"/>
      <c r="RRG737" s="424"/>
      <c r="RRH737" s="424"/>
      <c r="RRI737" s="423" t="s">
        <v>2795</v>
      </c>
      <c r="RRJ737" s="424"/>
      <c r="RRK737" s="424"/>
      <c r="RRL737" s="424"/>
      <c r="RRM737" s="423" t="s">
        <v>2795</v>
      </c>
      <c r="RRN737" s="424"/>
      <c r="RRO737" s="424"/>
      <c r="RRP737" s="424"/>
      <c r="RRQ737" s="423" t="s">
        <v>2795</v>
      </c>
      <c r="RRR737" s="424"/>
      <c r="RRS737" s="424"/>
      <c r="RRT737" s="424"/>
      <c r="RRU737" s="423" t="s">
        <v>2795</v>
      </c>
      <c r="RRV737" s="424"/>
      <c r="RRW737" s="424"/>
      <c r="RRX737" s="424"/>
      <c r="RRY737" s="423" t="s">
        <v>2795</v>
      </c>
      <c r="RRZ737" s="424"/>
      <c r="RSA737" s="424"/>
      <c r="RSB737" s="424"/>
      <c r="RSC737" s="423" t="s">
        <v>2795</v>
      </c>
      <c r="RSD737" s="424"/>
      <c r="RSE737" s="424"/>
      <c r="RSF737" s="424"/>
      <c r="RSG737" s="423" t="s">
        <v>2795</v>
      </c>
      <c r="RSH737" s="424"/>
      <c r="RSI737" s="424"/>
      <c r="RSJ737" s="424"/>
      <c r="RSK737" s="423" t="s">
        <v>2795</v>
      </c>
      <c r="RSL737" s="424"/>
      <c r="RSM737" s="424"/>
      <c r="RSN737" s="424"/>
      <c r="RSO737" s="423" t="s">
        <v>2795</v>
      </c>
      <c r="RSP737" s="424"/>
      <c r="RSQ737" s="424"/>
      <c r="RSR737" s="424"/>
      <c r="RSS737" s="423" t="s">
        <v>2795</v>
      </c>
      <c r="RST737" s="424"/>
      <c r="RSU737" s="424"/>
      <c r="RSV737" s="424"/>
      <c r="RSW737" s="423" t="s">
        <v>2795</v>
      </c>
      <c r="RSX737" s="424"/>
      <c r="RSY737" s="424"/>
      <c r="RSZ737" s="424"/>
      <c r="RTA737" s="423" t="s">
        <v>2795</v>
      </c>
      <c r="RTB737" s="424"/>
      <c r="RTC737" s="424"/>
      <c r="RTD737" s="424"/>
      <c r="RTE737" s="423" t="s">
        <v>2795</v>
      </c>
      <c r="RTF737" s="424"/>
      <c r="RTG737" s="424"/>
      <c r="RTH737" s="424"/>
      <c r="RTI737" s="423" t="s">
        <v>2795</v>
      </c>
      <c r="RTJ737" s="424"/>
      <c r="RTK737" s="424"/>
      <c r="RTL737" s="424"/>
      <c r="RTM737" s="423" t="s">
        <v>2795</v>
      </c>
      <c r="RTN737" s="424"/>
      <c r="RTO737" s="424"/>
      <c r="RTP737" s="424"/>
      <c r="RTQ737" s="423" t="s">
        <v>2795</v>
      </c>
      <c r="RTR737" s="424"/>
      <c r="RTS737" s="424"/>
      <c r="RTT737" s="424"/>
      <c r="RTU737" s="423" t="s">
        <v>2795</v>
      </c>
      <c r="RTV737" s="424"/>
      <c r="RTW737" s="424"/>
      <c r="RTX737" s="424"/>
      <c r="RTY737" s="423" t="s">
        <v>2795</v>
      </c>
      <c r="RTZ737" s="424"/>
      <c r="RUA737" s="424"/>
      <c r="RUB737" s="424"/>
      <c r="RUC737" s="423" t="s">
        <v>2795</v>
      </c>
      <c r="RUD737" s="424"/>
      <c r="RUE737" s="424"/>
      <c r="RUF737" s="424"/>
      <c r="RUG737" s="423" t="s">
        <v>2795</v>
      </c>
      <c r="RUH737" s="424"/>
      <c r="RUI737" s="424"/>
      <c r="RUJ737" s="424"/>
      <c r="RUK737" s="423" t="s">
        <v>2795</v>
      </c>
      <c r="RUL737" s="424"/>
      <c r="RUM737" s="424"/>
      <c r="RUN737" s="424"/>
      <c r="RUO737" s="423" t="s">
        <v>2795</v>
      </c>
      <c r="RUP737" s="424"/>
      <c r="RUQ737" s="424"/>
      <c r="RUR737" s="424"/>
      <c r="RUS737" s="423" t="s">
        <v>2795</v>
      </c>
      <c r="RUT737" s="424"/>
      <c r="RUU737" s="424"/>
      <c r="RUV737" s="424"/>
      <c r="RUW737" s="423" t="s">
        <v>2795</v>
      </c>
      <c r="RUX737" s="424"/>
      <c r="RUY737" s="424"/>
      <c r="RUZ737" s="424"/>
      <c r="RVA737" s="423" t="s">
        <v>2795</v>
      </c>
      <c r="RVB737" s="424"/>
      <c r="RVC737" s="424"/>
      <c r="RVD737" s="424"/>
      <c r="RVE737" s="423" t="s">
        <v>2795</v>
      </c>
      <c r="RVF737" s="424"/>
      <c r="RVG737" s="424"/>
      <c r="RVH737" s="424"/>
      <c r="RVI737" s="423" t="s">
        <v>2795</v>
      </c>
      <c r="RVJ737" s="424"/>
      <c r="RVK737" s="424"/>
      <c r="RVL737" s="424"/>
      <c r="RVM737" s="423" t="s">
        <v>2795</v>
      </c>
      <c r="RVN737" s="424"/>
      <c r="RVO737" s="424"/>
      <c r="RVP737" s="424"/>
      <c r="RVQ737" s="423" t="s">
        <v>2795</v>
      </c>
      <c r="RVR737" s="424"/>
      <c r="RVS737" s="424"/>
      <c r="RVT737" s="424"/>
      <c r="RVU737" s="423" t="s">
        <v>2795</v>
      </c>
      <c r="RVV737" s="424"/>
      <c r="RVW737" s="424"/>
      <c r="RVX737" s="424"/>
      <c r="RVY737" s="423" t="s">
        <v>2795</v>
      </c>
      <c r="RVZ737" s="424"/>
      <c r="RWA737" s="424"/>
      <c r="RWB737" s="424"/>
      <c r="RWC737" s="423" t="s">
        <v>2795</v>
      </c>
      <c r="RWD737" s="424"/>
      <c r="RWE737" s="424"/>
      <c r="RWF737" s="424"/>
      <c r="RWG737" s="423" t="s">
        <v>2795</v>
      </c>
      <c r="RWH737" s="424"/>
      <c r="RWI737" s="424"/>
      <c r="RWJ737" s="424"/>
      <c r="RWK737" s="423" t="s">
        <v>2795</v>
      </c>
      <c r="RWL737" s="424"/>
      <c r="RWM737" s="424"/>
      <c r="RWN737" s="424"/>
      <c r="RWO737" s="423" t="s">
        <v>2795</v>
      </c>
      <c r="RWP737" s="424"/>
      <c r="RWQ737" s="424"/>
      <c r="RWR737" s="424"/>
      <c r="RWS737" s="423" t="s">
        <v>2795</v>
      </c>
      <c r="RWT737" s="424"/>
      <c r="RWU737" s="424"/>
      <c r="RWV737" s="424"/>
      <c r="RWW737" s="423" t="s">
        <v>2795</v>
      </c>
      <c r="RWX737" s="424"/>
      <c r="RWY737" s="424"/>
      <c r="RWZ737" s="424"/>
      <c r="RXA737" s="423" t="s">
        <v>2795</v>
      </c>
      <c r="RXB737" s="424"/>
      <c r="RXC737" s="424"/>
      <c r="RXD737" s="424"/>
      <c r="RXE737" s="423" t="s">
        <v>2795</v>
      </c>
      <c r="RXF737" s="424"/>
      <c r="RXG737" s="424"/>
      <c r="RXH737" s="424"/>
      <c r="RXI737" s="423" t="s">
        <v>2795</v>
      </c>
      <c r="RXJ737" s="424"/>
      <c r="RXK737" s="424"/>
      <c r="RXL737" s="424"/>
      <c r="RXM737" s="423" t="s">
        <v>2795</v>
      </c>
      <c r="RXN737" s="424"/>
      <c r="RXO737" s="424"/>
      <c r="RXP737" s="424"/>
      <c r="RXQ737" s="423" t="s">
        <v>2795</v>
      </c>
      <c r="RXR737" s="424"/>
      <c r="RXS737" s="424"/>
      <c r="RXT737" s="424"/>
      <c r="RXU737" s="423" t="s">
        <v>2795</v>
      </c>
      <c r="RXV737" s="424"/>
      <c r="RXW737" s="424"/>
      <c r="RXX737" s="424"/>
      <c r="RXY737" s="423" t="s">
        <v>2795</v>
      </c>
      <c r="RXZ737" s="424"/>
      <c r="RYA737" s="424"/>
      <c r="RYB737" s="424"/>
      <c r="RYC737" s="423" t="s">
        <v>2795</v>
      </c>
      <c r="RYD737" s="424"/>
      <c r="RYE737" s="424"/>
      <c r="RYF737" s="424"/>
      <c r="RYG737" s="423" t="s">
        <v>2795</v>
      </c>
      <c r="RYH737" s="424"/>
      <c r="RYI737" s="424"/>
      <c r="RYJ737" s="424"/>
      <c r="RYK737" s="423" t="s">
        <v>2795</v>
      </c>
      <c r="RYL737" s="424"/>
      <c r="RYM737" s="424"/>
      <c r="RYN737" s="424"/>
      <c r="RYO737" s="423" t="s">
        <v>2795</v>
      </c>
      <c r="RYP737" s="424"/>
      <c r="RYQ737" s="424"/>
      <c r="RYR737" s="424"/>
      <c r="RYS737" s="423" t="s">
        <v>2795</v>
      </c>
      <c r="RYT737" s="424"/>
      <c r="RYU737" s="424"/>
      <c r="RYV737" s="424"/>
      <c r="RYW737" s="423" t="s">
        <v>2795</v>
      </c>
      <c r="RYX737" s="424"/>
      <c r="RYY737" s="424"/>
      <c r="RYZ737" s="424"/>
      <c r="RZA737" s="423" t="s">
        <v>2795</v>
      </c>
      <c r="RZB737" s="424"/>
      <c r="RZC737" s="424"/>
      <c r="RZD737" s="424"/>
      <c r="RZE737" s="423" t="s">
        <v>2795</v>
      </c>
      <c r="RZF737" s="424"/>
      <c r="RZG737" s="424"/>
      <c r="RZH737" s="424"/>
      <c r="RZI737" s="423" t="s">
        <v>2795</v>
      </c>
      <c r="RZJ737" s="424"/>
      <c r="RZK737" s="424"/>
      <c r="RZL737" s="424"/>
      <c r="RZM737" s="423" t="s">
        <v>2795</v>
      </c>
      <c r="RZN737" s="424"/>
      <c r="RZO737" s="424"/>
      <c r="RZP737" s="424"/>
      <c r="RZQ737" s="423" t="s">
        <v>2795</v>
      </c>
      <c r="RZR737" s="424"/>
      <c r="RZS737" s="424"/>
      <c r="RZT737" s="424"/>
      <c r="RZU737" s="423" t="s">
        <v>2795</v>
      </c>
      <c r="RZV737" s="424"/>
      <c r="RZW737" s="424"/>
      <c r="RZX737" s="424"/>
      <c r="RZY737" s="423" t="s">
        <v>2795</v>
      </c>
      <c r="RZZ737" s="424"/>
      <c r="SAA737" s="424"/>
      <c r="SAB737" s="424"/>
      <c r="SAC737" s="423" t="s">
        <v>2795</v>
      </c>
      <c r="SAD737" s="424"/>
      <c r="SAE737" s="424"/>
      <c r="SAF737" s="424"/>
      <c r="SAG737" s="423" t="s">
        <v>2795</v>
      </c>
      <c r="SAH737" s="424"/>
      <c r="SAI737" s="424"/>
      <c r="SAJ737" s="424"/>
      <c r="SAK737" s="423" t="s">
        <v>2795</v>
      </c>
      <c r="SAL737" s="424"/>
      <c r="SAM737" s="424"/>
      <c r="SAN737" s="424"/>
      <c r="SAO737" s="423" t="s">
        <v>2795</v>
      </c>
      <c r="SAP737" s="424"/>
      <c r="SAQ737" s="424"/>
      <c r="SAR737" s="424"/>
      <c r="SAS737" s="423" t="s">
        <v>2795</v>
      </c>
      <c r="SAT737" s="424"/>
      <c r="SAU737" s="424"/>
      <c r="SAV737" s="424"/>
      <c r="SAW737" s="423" t="s">
        <v>2795</v>
      </c>
      <c r="SAX737" s="424"/>
      <c r="SAY737" s="424"/>
      <c r="SAZ737" s="424"/>
      <c r="SBA737" s="423" t="s">
        <v>2795</v>
      </c>
      <c r="SBB737" s="424"/>
      <c r="SBC737" s="424"/>
      <c r="SBD737" s="424"/>
      <c r="SBE737" s="423" t="s">
        <v>2795</v>
      </c>
      <c r="SBF737" s="424"/>
      <c r="SBG737" s="424"/>
      <c r="SBH737" s="424"/>
      <c r="SBI737" s="423" t="s">
        <v>2795</v>
      </c>
      <c r="SBJ737" s="424"/>
      <c r="SBK737" s="424"/>
      <c r="SBL737" s="424"/>
      <c r="SBM737" s="423" t="s">
        <v>2795</v>
      </c>
      <c r="SBN737" s="424"/>
      <c r="SBO737" s="424"/>
      <c r="SBP737" s="424"/>
      <c r="SBQ737" s="423" t="s">
        <v>2795</v>
      </c>
      <c r="SBR737" s="424"/>
      <c r="SBS737" s="424"/>
      <c r="SBT737" s="424"/>
      <c r="SBU737" s="423" t="s">
        <v>2795</v>
      </c>
      <c r="SBV737" s="424"/>
      <c r="SBW737" s="424"/>
      <c r="SBX737" s="424"/>
      <c r="SBY737" s="423" t="s">
        <v>2795</v>
      </c>
      <c r="SBZ737" s="424"/>
      <c r="SCA737" s="424"/>
      <c r="SCB737" s="424"/>
      <c r="SCC737" s="423" t="s">
        <v>2795</v>
      </c>
      <c r="SCD737" s="424"/>
      <c r="SCE737" s="424"/>
      <c r="SCF737" s="424"/>
      <c r="SCG737" s="423" t="s">
        <v>2795</v>
      </c>
      <c r="SCH737" s="424"/>
      <c r="SCI737" s="424"/>
      <c r="SCJ737" s="424"/>
      <c r="SCK737" s="423" t="s">
        <v>2795</v>
      </c>
      <c r="SCL737" s="424"/>
      <c r="SCM737" s="424"/>
      <c r="SCN737" s="424"/>
      <c r="SCO737" s="423" t="s">
        <v>2795</v>
      </c>
      <c r="SCP737" s="424"/>
      <c r="SCQ737" s="424"/>
      <c r="SCR737" s="424"/>
      <c r="SCS737" s="423" t="s">
        <v>2795</v>
      </c>
      <c r="SCT737" s="424"/>
      <c r="SCU737" s="424"/>
      <c r="SCV737" s="424"/>
      <c r="SCW737" s="423" t="s">
        <v>2795</v>
      </c>
      <c r="SCX737" s="424"/>
      <c r="SCY737" s="424"/>
      <c r="SCZ737" s="424"/>
      <c r="SDA737" s="423" t="s">
        <v>2795</v>
      </c>
      <c r="SDB737" s="424"/>
      <c r="SDC737" s="424"/>
      <c r="SDD737" s="424"/>
      <c r="SDE737" s="423" t="s">
        <v>2795</v>
      </c>
      <c r="SDF737" s="424"/>
      <c r="SDG737" s="424"/>
      <c r="SDH737" s="424"/>
      <c r="SDI737" s="423" t="s">
        <v>2795</v>
      </c>
      <c r="SDJ737" s="424"/>
      <c r="SDK737" s="424"/>
      <c r="SDL737" s="424"/>
      <c r="SDM737" s="423" t="s">
        <v>2795</v>
      </c>
      <c r="SDN737" s="424"/>
      <c r="SDO737" s="424"/>
      <c r="SDP737" s="424"/>
      <c r="SDQ737" s="423" t="s">
        <v>2795</v>
      </c>
      <c r="SDR737" s="424"/>
      <c r="SDS737" s="424"/>
      <c r="SDT737" s="424"/>
      <c r="SDU737" s="423" t="s">
        <v>2795</v>
      </c>
      <c r="SDV737" s="424"/>
      <c r="SDW737" s="424"/>
      <c r="SDX737" s="424"/>
      <c r="SDY737" s="423" t="s">
        <v>2795</v>
      </c>
      <c r="SDZ737" s="424"/>
      <c r="SEA737" s="424"/>
      <c r="SEB737" s="424"/>
      <c r="SEC737" s="423" t="s">
        <v>2795</v>
      </c>
      <c r="SED737" s="424"/>
      <c r="SEE737" s="424"/>
      <c r="SEF737" s="424"/>
      <c r="SEG737" s="423" t="s">
        <v>2795</v>
      </c>
      <c r="SEH737" s="424"/>
      <c r="SEI737" s="424"/>
      <c r="SEJ737" s="424"/>
      <c r="SEK737" s="423" t="s">
        <v>2795</v>
      </c>
      <c r="SEL737" s="424"/>
      <c r="SEM737" s="424"/>
      <c r="SEN737" s="424"/>
      <c r="SEO737" s="423" t="s">
        <v>2795</v>
      </c>
      <c r="SEP737" s="424"/>
      <c r="SEQ737" s="424"/>
      <c r="SER737" s="424"/>
      <c r="SES737" s="423" t="s">
        <v>2795</v>
      </c>
      <c r="SET737" s="424"/>
      <c r="SEU737" s="424"/>
      <c r="SEV737" s="424"/>
      <c r="SEW737" s="423" t="s">
        <v>2795</v>
      </c>
      <c r="SEX737" s="424"/>
      <c r="SEY737" s="424"/>
      <c r="SEZ737" s="424"/>
      <c r="SFA737" s="423" t="s">
        <v>2795</v>
      </c>
      <c r="SFB737" s="424"/>
      <c r="SFC737" s="424"/>
      <c r="SFD737" s="424"/>
      <c r="SFE737" s="423" t="s">
        <v>2795</v>
      </c>
      <c r="SFF737" s="424"/>
      <c r="SFG737" s="424"/>
      <c r="SFH737" s="424"/>
      <c r="SFI737" s="423" t="s">
        <v>2795</v>
      </c>
      <c r="SFJ737" s="424"/>
      <c r="SFK737" s="424"/>
      <c r="SFL737" s="424"/>
      <c r="SFM737" s="423" t="s">
        <v>2795</v>
      </c>
      <c r="SFN737" s="424"/>
      <c r="SFO737" s="424"/>
      <c r="SFP737" s="424"/>
      <c r="SFQ737" s="423" t="s">
        <v>2795</v>
      </c>
      <c r="SFR737" s="424"/>
      <c r="SFS737" s="424"/>
      <c r="SFT737" s="424"/>
      <c r="SFU737" s="423" t="s">
        <v>2795</v>
      </c>
      <c r="SFV737" s="424"/>
      <c r="SFW737" s="424"/>
      <c r="SFX737" s="424"/>
      <c r="SFY737" s="423" t="s">
        <v>2795</v>
      </c>
      <c r="SFZ737" s="424"/>
      <c r="SGA737" s="424"/>
      <c r="SGB737" s="424"/>
      <c r="SGC737" s="423" t="s">
        <v>2795</v>
      </c>
      <c r="SGD737" s="424"/>
      <c r="SGE737" s="424"/>
      <c r="SGF737" s="424"/>
      <c r="SGG737" s="423" t="s">
        <v>2795</v>
      </c>
      <c r="SGH737" s="424"/>
      <c r="SGI737" s="424"/>
      <c r="SGJ737" s="424"/>
      <c r="SGK737" s="423" t="s">
        <v>2795</v>
      </c>
      <c r="SGL737" s="424"/>
      <c r="SGM737" s="424"/>
      <c r="SGN737" s="424"/>
      <c r="SGO737" s="423" t="s">
        <v>2795</v>
      </c>
      <c r="SGP737" s="424"/>
      <c r="SGQ737" s="424"/>
      <c r="SGR737" s="424"/>
      <c r="SGS737" s="423" t="s">
        <v>2795</v>
      </c>
      <c r="SGT737" s="424"/>
      <c r="SGU737" s="424"/>
      <c r="SGV737" s="424"/>
      <c r="SGW737" s="423" t="s">
        <v>2795</v>
      </c>
      <c r="SGX737" s="424"/>
      <c r="SGY737" s="424"/>
      <c r="SGZ737" s="424"/>
      <c r="SHA737" s="423" t="s">
        <v>2795</v>
      </c>
      <c r="SHB737" s="424"/>
      <c r="SHC737" s="424"/>
      <c r="SHD737" s="424"/>
      <c r="SHE737" s="423" t="s">
        <v>2795</v>
      </c>
      <c r="SHF737" s="424"/>
      <c r="SHG737" s="424"/>
      <c r="SHH737" s="424"/>
      <c r="SHI737" s="423" t="s">
        <v>2795</v>
      </c>
      <c r="SHJ737" s="424"/>
      <c r="SHK737" s="424"/>
      <c r="SHL737" s="424"/>
      <c r="SHM737" s="423" t="s">
        <v>2795</v>
      </c>
      <c r="SHN737" s="424"/>
      <c r="SHO737" s="424"/>
      <c r="SHP737" s="424"/>
      <c r="SHQ737" s="423" t="s">
        <v>2795</v>
      </c>
      <c r="SHR737" s="424"/>
      <c r="SHS737" s="424"/>
      <c r="SHT737" s="424"/>
      <c r="SHU737" s="423" t="s">
        <v>2795</v>
      </c>
      <c r="SHV737" s="424"/>
      <c r="SHW737" s="424"/>
      <c r="SHX737" s="424"/>
      <c r="SHY737" s="423" t="s">
        <v>2795</v>
      </c>
      <c r="SHZ737" s="424"/>
      <c r="SIA737" s="424"/>
      <c r="SIB737" s="424"/>
      <c r="SIC737" s="423" t="s">
        <v>2795</v>
      </c>
      <c r="SID737" s="424"/>
      <c r="SIE737" s="424"/>
      <c r="SIF737" s="424"/>
      <c r="SIG737" s="423" t="s">
        <v>2795</v>
      </c>
      <c r="SIH737" s="424"/>
      <c r="SII737" s="424"/>
      <c r="SIJ737" s="424"/>
      <c r="SIK737" s="423" t="s">
        <v>2795</v>
      </c>
      <c r="SIL737" s="424"/>
      <c r="SIM737" s="424"/>
      <c r="SIN737" s="424"/>
      <c r="SIO737" s="423" t="s">
        <v>2795</v>
      </c>
      <c r="SIP737" s="424"/>
      <c r="SIQ737" s="424"/>
      <c r="SIR737" s="424"/>
      <c r="SIS737" s="423" t="s">
        <v>2795</v>
      </c>
      <c r="SIT737" s="424"/>
      <c r="SIU737" s="424"/>
      <c r="SIV737" s="424"/>
      <c r="SIW737" s="423" t="s">
        <v>2795</v>
      </c>
      <c r="SIX737" s="424"/>
      <c r="SIY737" s="424"/>
      <c r="SIZ737" s="424"/>
      <c r="SJA737" s="423" t="s">
        <v>2795</v>
      </c>
      <c r="SJB737" s="424"/>
      <c r="SJC737" s="424"/>
      <c r="SJD737" s="424"/>
      <c r="SJE737" s="423" t="s">
        <v>2795</v>
      </c>
      <c r="SJF737" s="424"/>
      <c r="SJG737" s="424"/>
      <c r="SJH737" s="424"/>
      <c r="SJI737" s="423" t="s">
        <v>2795</v>
      </c>
      <c r="SJJ737" s="424"/>
      <c r="SJK737" s="424"/>
      <c r="SJL737" s="424"/>
      <c r="SJM737" s="423" t="s">
        <v>2795</v>
      </c>
      <c r="SJN737" s="424"/>
      <c r="SJO737" s="424"/>
      <c r="SJP737" s="424"/>
      <c r="SJQ737" s="423" t="s">
        <v>2795</v>
      </c>
      <c r="SJR737" s="424"/>
      <c r="SJS737" s="424"/>
      <c r="SJT737" s="424"/>
      <c r="SJU737" s="423" t="s">
        <v>2795</v>
      </c>
      <c r="SJV737" s="424"/>
      <c r="SJW737" s="424"/>
      <c r="SJX737" s="424"/>
      <c r="SJY737" s="423" t="s">
        <v>2795</v>
      </c>
      <c r="SJZ737" s="424"/>
      <c r="SKA737" s="424"/>
      <c r="SKB737" s="424"/>
      <c r="SKC737" s="423" t="s">
        <v>2795</v>
      </c>
      <c r="SKD737" s="424"/>
      <c r="SKE737" s="424"/>
      <c r="SKF737" s="424"/>
      <c r="SKG737" s="423" t="s">
        <v>2795</v>
      </c>
      <c r="SKH737" s="424"/>
      <c r="SKI737" s="424"/>
      <c r="SKJ737" s="424"/>
      <c r="SKK737" s="423" t="s">
        <v>2795</v>
      </c>
      <c r="SKL737" s="424"/>
      <c r="SKM737" s="424"/>
      <c r="SKN737" s="424"/>
      <c r="SKO737" s="423" t="s">
        <v>2795</v>
      </c>
      <c r="SKP737" s="424"/>
      <c r="SKQ737" s="424"/>
      <c r="SKR737" s="424"/>
      <c r="SKS737" s="423" t="s">
        <v>2795</v>
      </c>
      <c r="SKT737" s="424"/>
      <c r="SKU737" s="424"/>
      <c r="SKV737" s="424"/>
      <c r="SKW737" s="423" t="s">
        <v>2795</v>
      </c>
      <c r="SKX737" s="424"/>
      <c r="SKY737" s="424"/>
      <c r="SKZ737" s="424"/>
      <c r="SLA737" s="423" t="s">
        <v>2795</v>
      </c>
      <c r="SLB737" s="424"/>
      <c r="SLC737" s="424"/>
      <c r="SLD737" s="424"/>
      <c r="SLE737" s="423" t="s">
        <v>2795</v>
      </c>
      <c r="SLF737" s="424"/>
      <c r="SLG737" s="424"/>
      <c r="SLH737" s="424"/>
      <c r="SLI737" s="423" t="s">
        <v>2795</v>
      </c>
      <c r="SLJ737" s="424"/>
      <c r="SLK737" s="424"/>
      <c r="SLL737" s="424"/>
      <c r="SLM737" s="423" t="s">
        <v>2795</v>
      </c>
      <c r="SLN737" s="424"/>
      <c r="SLO737" s="424"/>
      <c r="SLP737" s="424"/>
      <c r="SLQ737" s="423" t="s">
        <v>2795</v>
      </c>
      <c r="SLR737" s="424"/>
      <c r="SLS737" s="424"/>
      <c r="SLT737" s="424"/>
      <c r="SLU737" s="423" t="s">
        <v>2795</v>
      </c>
      <c r="SLV737" s="424"/>
      <c r="SLW737" s="424"/>
      <c r="SLX737" s="424"/>
      <c r="SLY737" s="423" t="s">
        <v>2795</v>
      </c>
      <c r="SLZ737" s="424"/>
      <c r="SMA737" s="424"/>
      <c r="SMB737" s="424"/>
      <c r="SMC737" s="423" t="s">
        <v>2795</v>
      </c>
      <c r="SMD737" s="424"/>
      <c r="SME737" s="424"/>
      <c r="SMF737" s="424"/>
      <c r="SMG737" s="423" t="s">
        <v>2795</v>
      </c>
      <c r="SMH737" s="424"/>
      <c r="SMI737" s="424"/>
      <c r="SMJ737" s="424"/>
      <c r="SMK737" s="423" t="s">
        <v>2795</v>
      </c>
      <c r="SML737" s="424"/>
      <c r="SMM737" s="424"/>
      <c r="SMN737" s="424"/>
      <c r="SMO737" s="423" t="s">
        <v>2795</v>
      </c>
      <c r="SMP737" s="424"/>
      <c r="SMQ737" s="424"/>
      <c r="SMR737" s="424"/>
      <c r="SMS737" s="423" t="s">
        <v>2795</v>
      </c>
      <c r="SMT737" s="424"/>
      <c r="SMU737" s="424"/>
      <c r="SMV737" s="424"/>
      <c r="SMW737" s="423" t="s">
        <v>2795</v>
      </c>
      <c r="SMX737" s="424"/>
      <c r="SMY737" s="424"/>
      <c r="SMZ737" s="424"/>
      <c r="SNA737" s="423" t="s">
        <v>2795</v>
      </c>
      <c r="SNB737" s="424"/>
      <c r="SNC737" s="424"/>
      <c r="SND737" s="424"/>
      <c r="SNE737" s="423" t="s">
        <v>2795</v>
      </c>
      <c r="SNF737" s="424"/>
      <c r="SNG737" s="424"/>
      <c r="SNH737" s="424"/>
      <c r="SNI737" s="423" t="s">
        <v>2795</v>
      </c>
      <c r="SNJ737" s="424"/>
      <c r="SNK737" s="424"/>
      <c r="SNL737" s="424"/>
      <c r="SNM737" s="423" t="s">
        <v>2795</v>
      </c>
      <c r="SNN737" s="424"/>
      <c r="SNO737" s="424"/>
      <c r="SNP737" s="424"/>
      <c r="SNQ737" s="423" t="s">
        <v>2795</v>
      </c>
      <c r="SNR737" s="424"/>
      <c r="SNS737" s="424"/>
      <c r="SNT737" s="424"/>
      <c r="SNU737" s="423" t="s">
        <v>2795</v>
      </c>
      <c r="SNV737" s="424"/>
      <c r="SNW737" s="424"/>
      <c r="SNX737" s="424"/>
      <c r="SNY737" s="423" t="s">
        <v>2795</v>
      </c>
      <c r="SNZ737" s="424"/>
      <c r="SOA737" s="424"/>
      <c r="SOB737" s="424"/>
      <c r="SOC737" s="423" t="s">
        <v>2795</v>
      </c>
      <c r="SOD737" s="424"/>
      <c r="SOE737" s="424"/>
      <c r="SOF737" s="424"/>
      <c r="SOG737" s="423" t="s">
        <v>2795</v>
      </c>
      <c r="SOH737" s="424"/>
      <c r="SOI737" s="424"/>
      <c r="SOJ737" s="424"/>
      <c r="SOK737" s="423" t="s">
        <v>2795</v>
      </c>
      <c r="SOL737" s="424"/>
      <c r="SOM737" s="424"/>
      <c r="SON737" s="424"/>
      <c r="SOO737" s="423" t="s">
        <v>2795</v>
      </c>
      <c r="SOP737" s="424"/>
      <c r="SOQ737" s="424"/>
      <c r="SOR737" s="424"/>
      <c r="SOS737" s="423" t="s">
        <v>2795</v>
      </c>
      <c r="SOT737" s="424"/>
      <c r="SOU737" s="424"/>
      <c r="SOV737" s="424"/>
      <c r="SOW737" s="423" t="s">
        <v>2795</v>
      </c>
      <c r="SOX737" s="424"/>
      <c r="SOY737" s="424"/>
      <c r="SOZ737" s="424"/>
      <c r="SPA737" s="423" t="s">
        <v>2795</v>
      </c>
      <c r="SPB737" s="424"/>
      <c r="SPC737" s="424"/>
      <c r="SPD737" s="424"/>
      <c r="SPE737" s="423" t="s">
        <v>2795</v>
      </c>
      <c r="SPF737" s="424"/>
      <c r="SPG737" s="424"/>
      <c r="SPH737" s="424"/>
      <c r="SPI737" s="423" t="s">
        <v>2795</v>
      </c>
      <c r="SPJ737" s="424"/>
      <c r="SPK737" s="424"/>
      <c r="SPL737" s="424"/>
      <c r="SPM737" s="423" t="s">
        <v>2795</v>
      </c>
      <c r="SPN737" s="424"/>
      <c r="SPO737" s="424"/>
      <c r="SPP737" s="424"/>
      <c r="SPQ737" s="423" t="s">
        <v>2795</v>
      </c>
      <c r="SPR737" s="424"/>
      <c r="SPS737" s="424"/>
      <c r="SPT737" s="424"/>
      <c r="SPU737" s="423" t="s">
        <v>2795</v>
      </c>
      <c r="SPV737" s="424"/>
      <c r="SPW737" s="424"/>
      <c r="SPX737" s="424"/>
      <c r="SPY737" s="423" t="s">
        <v>2795</v>
      </c>
      <c r="SPZ737" s="424"/>
      <c r="SQA737" s="424"/>
      <c r="SQB737" s="424"/>
      <c r="SQC737" s="423" t="s">
        <v>2795</v>
      </c>
      <c r="SQD737" s="424"/>
      <c r="SQE737" s="424"/>
      <c r="SQF737" s="424"/>
      <c r="SQG737" s="423" t="s">
        <v>2795</v>
      </c>
      <c r="SQH737" s="424"/>
      <c r="SQI737" s="424"/>
      <c r="SQJ737" s="424"/>
      <c r="SQK737" s="423" t="s">
        <v>2795</v>
      </c>
      <c r="SQL737" s="424"/>
      <c r="SQM737" s="424"/>
      <c r="SQN737" s="424"/>
      <c r="SQO737" s="423" t="s">
        <v>2795</v>
      </c>
      <c r="SQP737" s="424"/>
      <c r="SQQ737" s="424"/>
      <c r="SQR737" s="424"/>
      <c r="SQS737" s="423" t="s">
        <v>2795</v>
      </c>
      <c r="SQT737" s="424"/>
      <c r="SQU737" s="424"/>
      <c r="SQV737" s="424"/>
      <c r="SQW737" s="423" t="s">
        <v>2795</v>
      </c>
      <c r="SQX737" s="424"/>
      <c r="SQY737" s="424"/>
      <c r="SQZ737" s="424"/>
      <c r="SRA737" s="423" t="s">
        <v>2795</v>
      </c>
      <c r="SRB737" s="424"/>
      <c r="SRC737" s="424"/>
      <c r="SRD737" s="424"/>
      <c r="SRE737" s="423" t="s">
        <v>2795</v>
      </c>
      <c r="SRF737" s="424"/>
      <c r="SRG737" s="424"/>
      <c r="SRH737" s="424"/>
      <c r="SRI737" s="423" t="s">
        <v>2795</v>
      </c>
      <c r="SRJ737" s="424"/>
      <c r="SRK737" s="424"/>
      <c r="SRL737" s="424"/>
      <c r="SRM737" s="423" t="s">
        <v>2795</v>
      </c>
      <c r="SRN737" s="424"/>
      <c r="SRO737" s="424"/>
      <c r="SRP737" s="424"/>
      <c r="SRQ737" s="423" t="s">
        <v>2795</v>
      </c>
      <c r="SRR737" s="424"/>
      <c r="SRS737" s="424"/>
      <c r="SRT737" s="424"/>
      <c r="SRU737" s="423" t="s">
        <v>2795</v>
      </c>
      <c r="SRV737" s="424"/>
      <c r="SRW737" s="424"/>
      <c r="SRX737" s="424"/>
      <c r="SRY737" s="423" t="s">
        <v>2795</v>
      </c>
      <c r="SRZ737" s="424"/>
      <c r="SSA737" s="424"/>
      <c r="SSB737" s="424"/>
      <c r="SSC737" s="423" t="s">
        <v>2795</v>
      </c>
      <c r="SSD737" s="424"/>
      <c r="SSE737" s="424"/>
      <c r="SSF737" s="424"/>
      <c r="SSG737" s="423" t="s">
        <v>2795</v>
      </c>
      <c r="SSH737" s="424"/>
      <c r="SSI737" s="424"/>
      <c r="SSJ737" s="424"/>
      <c r="SSK737" s="423" t="s">
        <v>2795</v>
      </c>
      <c r="SSL737" s="424"/>
      <c r="SSM737" s="424"/>
      <c r="SSN737" s="424"/>
      <c r="SSO737" s="423" t="s">
        <v>2795</v>
      </c>
      <c r="SSP737" s="424"/>
      <c r="SSQ737" s="424"/>
      <c r="SSR737" s="424"/>
      <c r="SSS737" s="423" t="s">
        <v>2795</v>
      </c>
      <c r="SST737" s="424"/>
      <c r="SSU737" s="424"/>
      <c r="SSV737" s="424"/>
      <c r="SSW737" s="423" t="s">
        <v>2795</v>
      </c>
      <c r="SSX737" s="424"/>
      <c r="SSY737" s="424"/>
      <c r="SSZ737" s="424"/>
      <c r="STA737" s="423" t="s">
        <v>2795</v>
      </c>
      <c r="STB737" s="424"/>
      <c r="STC737" s="424"/>
      <c r="STD737" s="424"/>
      <c r="STE737" s="423" t="s">
        <v>2795</v>
      </c>
      <c r="STF737" s="424"/>
      <c r="STG737" s="424"/>
      <c r="STH737" s="424"/>
      <c r="STI737" s="423" t="s">
        <v>2795</v>
      </c>
      <c r="STJ737" s="424"/>
      <c r="STK737" s="424"/>
      <c r="STL737" s="424"/>
      <c r="STM737" s="423" t="s">
        <v>2795</v>
      </c>
      <c r="STN737" s="424"/>
      <c r="STO737" s="424"/>
      <c r="STP737" s="424"/>
      <c r="STQ737" s="423" t="s">
        <v>2795</v>
      </c>
      <c r="STR737" s="424"/>
      <c r="STS737" s="424"/>
      <c r="STT737" s="424"/>
      <c r="STU737" s="423" t="s">
        <v>2795</v>
      </c>
      <c r="STV737" s="424"/>
      <c r="STW737" s="424"/>
      <c r="STX737" s="424"/>
      <c r="STY737" s="423" t="s">
        <v>2795</v>
      </c>
      <c r="STZ737" s="424"/>
      <c r="SUA737" s="424"/>
      <c r="SUB737" s="424"/>
      <c r="SUC737" s="423" t="s">
        <v>2795</v>
      </c>
      <c r="SUD737" s="424"/>
      <c r="SUE737" s="424"/>
      <c r="SUF737" s="424"/>
      <c r="SUG737" s="423" t="s">
        <v>2795</v>
      </c>
      <c r="SUH737" s="424"/>
      <c r="SUI737" s="424"/>
      <c r="SUJ737" s="424"/>
      <c r="SUK737" s="423" t="s">
        <v>2795</v>
      </c>
      <c r="SUL737" s="424"/>
      <c r="SUM737" s="424"/>
      <c r="SUN737" s="424"/>
      <c r="SUO737" s="423" t="s">
        <v>2795</v>
      </c>
      <c r="SUP737" s="424"/>
      <c r="SUQ737" s="424"/>
      <c r="SUR737" s="424"/>
      <c r="SUS737" s="423" t="s">
        <v>2795</v>
      </c>
      <c r="SUT737" s="424"/>
      <c r="SUU737" s="424"/>
      <c r="SUV737" s="424"/>
      <c r="SUW737" s="423" t="s">
        <v>2795</v>
      </c>
      <c r="SUX737" s="424"/>
      <c r="SUY737" s="424"/>
      <c r="SUZ737" s="424"/>
      <c r="SVA737" s="423" t="s">
        <v>2795</v>
      </c>
      <c r="SVB737" s="424"/>
      <c r="SVC737" s="424"/>
      <c r="SVD737" s="424"/>
      <c r="SVE737" s="423" t="s">
        <v>2795</v>
      </c>
      <c r="SVF737" s="424"/>
      <c r="SVG737" s="424"/>
      <c r="SVH737" s="424"/>
      <c r="SVI737" s="423" t="s">
        <v>2795</v>
      </c>
      <c r="SVJ737" s="424"/>
      <c r="SVK737" s="424"/>
      <c r="SVL737" s="424"/>
      <c r="SVM737" s="423" t="s">
        <v>2795</v>
      </c>
      <c r="SVN737" s="424"/>
      <c r="SVO737" s="424"/>
      <c r="SVP737" s="424"/>
      <c r="SVQ737" s="423" t="s">
        <v>2795</v>
      </c>
      <c r="SVR737" s="424"/>
      <c r="SVS737" s="424"/>
      <c r="SVT737" s="424"/>
      <c r="SVU737" s="423" t="s">
        <v>2795</v>
      </c>
      <c r="SVV737" s="424"/>
      <c r="SVW737" s="424"/>
      <c r="SVX737" s="424"/>
      <c r="SVY737" s="423" t="s">
        <v>2795</v>
      </c>
      <c r="SVZ737" s="424"/>
      <c r="SWA737" s="424"/>
      <c r="SWB737" s="424"/>
      <c r="SWC737" s="423" t="s">
        <v>2795</v>
      </c>
      <c r="SWD737" s="424"/>
      <c r="SWE737" s="424"/>
      <c r="SWF737" s="424"/>
      <c r="SWG737" s="423" t="s">
        <v>2795</v>
      </c>
      <c r="SWH737" s="424"/>
      <c r="SWI737" s="424"/>
      <c r="SWJ737" s="424"/>
      <c r="SWK737" s="423" t="s">
        <v>2795</v>
      </c>
      <c r="SWL737" s="424"/>
      <c r="SWM737" s="424"/>
      <c r="SWN737" s="424"/>
      <c r="SWO737" s="423" t="s">
        <v>2795</v>
      </c>
      <c r="SWP737" s="424"/>
      <c r="SWQ737" s="424"/>
      <c r="SWR737" s="424"/>
      <c r="SWS737" s="423" t="s">
        <v>2795</v>
      </c>
      <c r="SWT737" s="424"/>
      <c r="SWU737" s="424"/>
      <c r="SWV737" s="424"/>
      <c r="SWW737" s="423" t="s">
        <v>2795</v>
      </c>
      <c r="SWX737" s="424"/>
      <c r="SWY737" s="424"/>
      <c r="SWZ737" s="424"/>
      <c r="SXA737" s="423" t="s">
        <v>2795</v>
      </c>
      <c r="SXB737" s="424"/>
      <c r="SXC737" s="424"/>
      <c r="SXD737" s="424"/>
      <c r="SXE737" s="423" t="s">
        <v>2795</v>
      </c>
      <c r="SXF737" s="424"/>
      <c r="SXG737" s="424"/>
      <c r="SXH737" s="424"/>
      <c r="SXI737" s="423" t="s">
        <v>2795</v>
      </c>
      <c r="SXJ737" s="424"/>
      <c r="SXK737" s="424"/>
      <c r="SXL737" s="424"/>
      <c r="SXM737" s="423" t="s">
        <v>2795</v>
      </c>
      <c r="SXN737" s="424"/>
      <c r="SXO737" s="424"/>
      <c r="SXP737" s="424"/>
      <c r="SXQ737" s="423" t="s">
        <v>2795</v>
      </c>
      <c r="SXR737" s="424"/>
      <c r="SXS737" s="424"/>
      <c r="SXT737" s="424"/>
      <c r="SXU737" s="423" t="s">
        <v>2795</v>
      </c>
      <c r="SXV737" s="424"/>
      <c r="SXW737" s="424"/>
      <c r="SXX737" s="424"/>
      <c r="SXY737" s="423" t="s">
        <v>2795</v>
      </c>
      <c r="SXZ737" s="424"/>
      <c r="SYA737" s="424"/>
      <c r="SYB737" s="424"/>
      <c r="SYC737" s="423" t="s">
        <v>2795</v>
      </c>
      <c r="SYD737" s="424"/>
      <c r="SYE737" s="424"/>
      <c r="SYF737" s="424"/>
      <c r="SYG737" s="423" t="s">
        <v>2795</v>
      </c>
      <c r="SYH737" s="424"/>
      <c r="SYI737" s="424"/>
      <c r="SYJ737" s="424"/>
      <c r="SYK737" s="423" t="s">
        <v>2795</v>
      </c>
      <c r="SYL737" s="424"/>
      <c r="SYM737" s="424"/>
      <c r="SYN737" s="424"/>
      <c r="SYO737" s="423" t="s">
        <v>2795</v>
      </c>
      <c r="SYP737" s="424"/>
      <c r="SYQ737" s="424"/>
      <c r="SYR737" s="424"/>
      <c r="SYS737" s="423" t="s">
        <v>2795</v>
      </c>
      <c r="SYT737" s="424"/>
      <c r="SYU737" s="424"/>
      <c r="SYV737" s="424"/>
      <c r="SYW737" s="423" t="s">
        <v>2795</v>
      </c>
      <c r="SYX737" s="424"/>
      <c r="SYY737" s="424"/>
      <c r="SYZ737" s="424"/>
      <c r="SZA737" s="423" t="s">
        <v>2795</v>
      </c>
      <c r="SZB737" s="424"/>
      <c r="SZC737" s="424"/>
      <c r="SZD737" s="424"/>
      <c r="SZE737" s="423" t="s">
        <v>2795</v>
      </c>
      <c r="SZF737" s="424"/>
      <c r="SZG737" s="424"/>
      <c r="SZH737" s="424"/>
      <c r="SZI737" s="423" t="s">
        <v>2795</v>
      </c>
      <c r="SZJ737" s="424"/>
      <c r="SZK737" s="424"/>
      <c r="SZL737" s="424"/>
      <c r="SZM737" s="423" t="s">
        <v>2795</v>
      </c>
      <c r="SZN737" s="424"/>
      <c r="SZO737" s="424"/>
      <c r="SZP737" s="424"/>
      <c r="SZQ737" s="423" t="s">
        <v>2795</v>
      </c>
      <c r="SZR737" s="424"/>
      <c r="SZS737" s="424"/>
      <c r="SZT737" s="424"/>
      <c r="SZU737" s="423" t="s">
        <v>2795</v>
      </c>
      <c r="SZV737" s="424"/>
      <c r="SZW737" s="424"/>
      <c r="SZX737" s="424"/>
      <c r="SZY737" s="423" t="s">
        <v>2795</v>
      </c>
      <c r="SZZ737" s="424"/>
      <c r="TAA737" s="424"/>
      <c r="TAB737" s="424"/>
      <c r="TAC737" s="423" t="s">
        <v>2795</v>
      </c>
      <c r="TAD737" s="424"/>
      <c r="TAE737" s="424"/>
      <c r="TAF737" s="424"/>
      <c r="TAG737" s="423" t="s">
        <v>2795</v>
      </c>
      <c r="TAH737" s="424"/>
      <c r="TAI737" s="424"/>
      <c r="TAJ737" s="424"/>
      <c r="TAK737" s="423" t="s">
        <v>2795</v>
      </c>
      <c r="TAL737" s="424"/>
      <c r="TAM737" s="424"/>
      <c r="TAN737" s="424"/>
      <c r="TAO737" s="423" t="s">
        <v>2795</v>
      </c>
      <c r="TAP737" s="424"/>
      <c r="TAQ737" s="424"/>
      <c r="TAR737" s="424"/>
      <c r="TAS737" s="423" t="s">
        <v>2795</v>
      </c>
      <c r="TAT737" s="424"/>
      <c r="TAU737" s="424"/>
      <c r="TAV737" s="424"/>
      <c r="TAW737" s="423" t="s">
        <v>2795</v>
      </c>
      <c r="TAX737" s="424"/>
      <c r="TAY737" s="424"/>
      <c r="TAZ737" s="424"/>
      <c r="TBA737" s="423" t="s">
        <v>2795</v>
      </c>
      <c r="TBB737" s="424"/>
      <c r="TBC737" s="424"/>
      <c r="TBD737" s="424"/>
      <c r="TBE737" s="423" t="s">
        <v>2795</v>
      </c>
      <c r="TBF737" s="424"/>
      <c r="TBG737" s="424"/>
      <c r="TBH737" s="424"/>
      <c r="TBI737" s="423" t="s">
        <v>2795</v>
      </c>
      <c r="TBJ737" s="424"/>
      <c r="TBK737" s="424"/>
      <c r="TBL737" s="424"/>
      <c r="TBM737" s="423" t="s">
        <v>2795</v>
      </c>
      <c r="TBN737" s="424"/>
      <c r="TBO737" s="424"/>
      <c r="TBP737" s="424"/>
      <c r="TBQ737" s="423" t="s">
        <v>2795</v>
      </c>
      <c r="TBR737" s="424"/>
      <c r="TBS737" s="424"/>
      <c r="TBT737" s="424"/>
      <c r="TBU737" s="423" t="s">
        <v>2795</v>
      </c>
      <c r="TBV737" s="424"/>
      <c r="TBW737" s="424"/>
      <c r="TBX737" s="424"/>
      <c r="TBY737" s="423" t="s">
        <v>2795</v>
      </c>
      <c r="TBZ737" s="424"/>
      <c r="TCA737" s="424"/>
      <c r="TCB737" s="424"/>
      <c r="TCC737" s="423" t="s">
        <v>2795</v>
      </c>
      <c r="TCD737" s="424"/>
      <c r="TCE737" s="424"/>
      <c r="TCF737" s="424"/>
      <c r="TCG737" s="423" t="s">
        <v>2795</v>
      </c>
      <c r="TCH737" s="424"/>
      <c r="TCI737" s="424"/>
      <c r="TCJ737" s="424"/>
      <c r="TCK737" s="423" t="s">
        <v>2795</v>
      </c>
      <c r="TCL737" s="424"/>
      <c r="TCM737" s="424"/>
      <c r="TCN737" s="424"/>
      <c r="TCO737" s="423" t="s">
        <v>2795</v>
      </c>
      <c r="TCP737" s="424"/>
      <c r="TCQ737" s="424"/>
      <c r="TCR737" s="424"/>
      <c r="TCS737" s="423" t="s">
        <v>2795</v>
      </c>
      <c r="TCT737" s="424"/>
      <c r="TCU737" s="424"/>
      <c r="TCV737" s="424"/>
      <c r="TCW737" s="423" t="s">
        <v>2795</v>
      </c>
      <c r="TCX737" s="424"/>
      <c r="TCY737" s="424"/>
      <c r="TCZ737" s="424"/>
      <c r="TDA737" s="423" t="s">
        <v>2795</v>
      </c>
      <c r="TDB737" s="424"/>
      <c r="TDC737" s="424"/>
      <c r="TDD737" s="424"/>
      <c r="TDE737" s="423" t="s">
        <v>2795</v>
      </c>
      <c r="TDF737" s="424"/>
      <c r="TDG737" s="424"/>
      <c r="TDH737" s="424"/>
      <c r="TDI737" s="423" t="s">
        <v>2795</v>
      </c>
      <c r="TDJ737" s="424"/>
      <c r="TDK737" s="424"/>
      <c r="TDL737" s="424"/>
      <c r="TDM737" s="423" t="s">
        <v>2795</v>
      </c>
      <c r="TDN737" s="424"/>
      <c r="TDO737" s="424"/>
      <c r="TDP737" s="424"/>
      <c r="TDQ737" s="423" t="s">
        <v>2795</v>
      </c>
      <c r="TDR737" s="424"/>
      <c r="TDS737" s="424"/>
      <c r="TDT737" s="424"/>
      <c r="TDU737" s="423" t="s">
        <v>2795</v>
      </c>
      <c r="TDV737" s="424"/>
      <c r="TDW737" s="424"/>
      <c r="TDX737" s="424"/>
      <c r="TDY737" s="423" t="s">
        <v>2795</v>
      </c>
      <c r="TDZ737" s="424"/>
      <c r="TEA737" s="424"/>
      <c r="TEB737" s="424"/>
      <c r="TEC737" s="423" t="s">
        <v>2795</v>
      </c>
      <c r="TED737" s="424"/>
      <c r="TEE737" s="424"/>
      <c r="TEF737" s="424"/>
      <c r="TEG737" s="423" t="s">
        <v>2795</v>
      </c>
      <c r="TEH737" s="424"/>
      <c r="TEI737" s="424"/>
      <c r="TEJ737" s="424"/>
      <c r="TEK737" s="423" t="s">
        <v>2795</v>
      </c>
      <c r="TEL737" s="424"/>
      <c r="TEM737" s="424"/>
      <c r="TEN737" s="424"/>
      <c r="TEO737" s="423" t="s">
        <v>2795</v>
      </c>
      <c r="TEP737" s="424"/>
      <c r="TEQ737" s="424"/>
      <c r="TER737" s="424"/>
      <c r="TES737" s="423" t="s">
        <v>2795</v>
      </c>
      <c r="TET737" s="424"/>
      <c r="TEU737" s="424"/>
      <c r="TEV737" s="424"/>
      <c r="TEW737" s="423" t="s">
        <v>2795</v>
      </c>
      <c r="TEX737" s="424"/>
      <c r="TEY737" s="424"/>
      <c r="TEZ737" s="424"/>
      <c r="TFA737" s="423" t="s">
        <v>2795</v>
      </c>
      <c r="TFB737" s="424"/>
      <c r="TFC737" s="424"/>
      <c r="TFD737" s="424"/>
      <c r="TFE737" s="423" t="s">
        <v>2795</v>
      </c>
      <c r="TFF737" s="424"/>
      <c r="TFG737" s="424"/>
      <c r="TFH737" s="424"/>
      <c r="TFI737" s="423" t="s">
        <v>2795</v>
      </c>
      <c r="TFJ737" s="424"/>
      <c r="TFK737" s="424"/>
      <c r="TFL737" s="424"/>
      <c r="TFM737" s="423" t="s">
        <v>2795</v>
      </c>
      <c r="TFN737" s="424"/>
      <c r="TFO737" s="424"/>
      <c r="TFP737" s="424"/>
      <c r="TFQ737" s="423" t="s">
        <v>2795</v>
      </c>
      <c r="TFR737" s="424"/>
      <c r="TFS737" s="424"/>
      <c r="TFT737" s="424"/>
      <c r="TFU737" s="423" t="s">
        <v>2795</v>
      </c>
      <c r="TFV737" s="424"/>
      <c r="TFW737" s="424"/>
      <c r="TFX737" s="424"/>
      <c r="TFY737" s="423" t="s">
        <v>2795</v>
      </c>
      <c r="TFZ737" s="424"/>
      <c r="TGA737" s="424"/>
      <c r="TGB737" s="424"/>
      <c r="TGC737" s="423" t="s">
        <v>2795</v>
      </c>
      <c r="TGD737" s="424"/>
      <c r="TGE737" s="424"/>
      <c r="TGF737" s="424"/>
      <c r="TGG737" s="423" t="s">
        <v>2795</v>
      </c>
      <c r="TGH737" s="424"/>
      <c r="TGI737" s="424"/>
      <c r="TGJ737" s="424"/>
      <c r="TGK737" s="423" t="s">
        <v>2795</v>
      </c>
      <c r="TGL737" s="424"/>
      <c r="TGM737" s="424"/>
      <c r="TGN737" s="424"/>
      <c r="TGO737" s="423" t="s">
        <v>2795</v>
      </c>
      <c r="TGP737" s="424"/>
      <c r="TGQ737" s="424"/>
      <c r="TGR737" s="424"/>
      <c r="TGS737" s="423" t="s">
        <v>2795</v>
      </c>
      <c r="TGT737" s="424"/>
      <c r="TGU737" s="424"/>
      <c r="TGV737" s="424"/>
      <c r="TGW737" s="423" t="s">
        <v>2795</v>
      </c>
      <c r="TGX737" s="424"/>
      <c r="TGY737" s="424"/>
      <c r="TGZ737" s="424"/>
      <c r="THA737" s="423" t="s">
        <v>2795</v>
      </c>
      <c r="THB737" s="424"/>
      <c r="THC737" s="424"/>
      <c r="THD737" s="424"/>
      <c r="THE737" s="423" t="s">
        <v>2795</v>
      </c>
      <c r="THF737" s="424"/>
      <c r="THG737" s="424"/>
      <c r="THH737" s="424"/>
      <c r="THI737" s="423" t="s">
        <v>2795</v>
      </c>
      <c r="THJ737" s="424"/>
      <c r="THK737" s="424"/>
      <c r="THL737" s="424"/>
      <c r="THM737" s="423" t="s">
        <v>2795</v>
      </c>
      <c r="THN737" s="424"/>
      <c r="THO737" s="424"/>
      <c r="THP737" s="424"/>
      <c r="THQ737" s="423" t="s">
        <v>2795</v>
      </c>
      <c r="THR737" s="424"/>
      <c r="THS737" s="424"/>
      <c r="THT737" s="424"/>
      <c r="THU737" s="423" t="s">
        <v>2795</v>
      </c>
      <c r="THV737" s="424"/>
      <c r="THW737" s="424"/>
      <c r="THX737" s="424"/>
      <c r="THY737" s="423" t="s">
        <v>2795</v>
      </c>
      <c r="THZ737" s="424"/>
      <c r="TIA737" s="424"/>
      <c r="TIB737" s="424"/>
      <c r="TIC737" s="423" t="s">
        <v>2795</v>
      </c>
      <c r="TID737" s="424"/>
      <c r="TIE737" s="424"/>
      <c r="TIF737" s="424"/>
      <c r="TIG737" s="423" t="s">
        <v>2795</v>
      </c>
      <c r="TIH737" s="424"/>
      <c r="TII737" s="424"/>
      <c r="TIJ737" s="424"/>
      <c r="TIK737" s="423" t="s">
        <v>2795</v>
      </c>
      <c r="TIL737" s="424"/>
      <c r="TIM737" s="424"/>
      <c r="TIN737" s="424"/>
      <c r="TIO737" s="423" t="s">
        <v>2795</v>
      </c>
      <c r="TIP737" s="424"/>
      <c r="TIQ737" s="424"/>
      <c r="TIR737" s="424"/>
      <c r="TIS737" s="423" t="s">
        <v>2795</v>
      </c>
      <c r="TIT737" s="424"/>
      <c r="TIU737" s="424"/>
      <c r="TIV737" s="424"/>
      <c r="TIW737" s="423" t="s">
        <v>2795</v>
      </c>
      <c r="TIX737" s="424"/>
      <c r="TIY737" s="424"/>
      <c r="TIZ737" s="424"/>
      <c r="TJA737" s="423" t="s">
        <v>2795</v>
      </c>
      <c r="TJB737" s="424"/>
      <c r="TJC737" s="424"/>
      <c r="TJD737" s="424"/>
      <c r="TJE737" s="423" t="s">
        <v>2795</v>
      </c>
      <c r="TJF737" s="424"/>
      <c r="TJG737" s="424"/>
      <c r="TJH737" s="424"/>
      <c r="TJI737" s="423" t="s">
        <v>2795</v>
      </c>
      <c r="TJJ737" s="424"/>
      <c r="TJK737" s="424"/>
      <c r="TJL737" s="424"/>
      <c r="TJM737" s="423" t="s">
        <v>2795</v>
      </c>
      <c r="TJN737" s="424"/>
      <c r="TJO737" s="424"/>
      <c r="TJP737" s="424"/>
      <c r="TJQ737" s="423" t="s">
        <v>2795</v>
      </c>
      <c r="TJR737" s="424"/>
      <c r="TJS737" s="424"/>
      <c r="TJT737" s="424"/>
      <c r="TJU737" s="423" t="s">
        <v>2795</v>
      </c>
      <c r="TJV737" s="424"/>
      <c r="TJW737" s="424"/>
      <c r="TJX737" s="424"/>
      <c r="TJY737" s="423" t="s">
        <v>2795</v>
      </c>
      <c r="TJZ737" s="424"/>
      <c r="TKA737" s="424"/>
      <c r="TKB737" s="424"/>
      <c r="TKC737" s="423" t="s">
        <v>2795</v>
      </c>
      <c r="TKD737" s="424"/>
      <c r="TKE737" s="424"/>
      <c r="TKF737" s="424"/>
      <c r="TKG737" s="423" t="s">
        <v>2795</v>
      </c>
      <c r="TKH737" s="424"/>
      <c r="TKI737" s="424"/>
      <c r="TKJ737" s="424"/>
      <c r="TKK737" s="423" t="s">
        <v>2795</v>
      </c>
      <c r="TKL737" s="424"/>
      <c r="TKM737" s="424"/>
      <c r="TKN737" s="424"/>
      <c r="TKO737" s="423" t="s">
        <v>2795</v>
      </c>
      <c r="TKP737" s="424"/>
      <c r="TKQ737" s="424"/>
      <c r="TKR737" s="424"/>
      <c r="TKS737" s="423" t="s">
        <v>2795</v>
      </c>
      <c r="TKT737" s="424"/>
      <c r="TKU737" s="424"/>
      <c r="TKV737" s="424"/>
      <c r="TKW737" s="423" t="s">
        <v>2795</v>
      </c>
      <c r="TKX737" s="424"/>
      <c r="TKY737" s="424"/>
      <c r="TKZ737" s="424"/>
      <c r="TLA737" s="423" t="s">
        <v>2795</v>
      </c>
      <c r="TLB737" s="424"/>
      <c r="TLC737" s="424"/>
      <c r="TLD737" s="424"/>
      <c r="TLE737" s="423" t="s">
        <v>2795</v>
      </c>
      <c r="TLF737" s="424"/>
      <c r="TLG737" s="424"/>
      <c r="TLH737" s="424"/>
      <c r="TLI737" s="423" t="s">
        <v>2795</v>
      </c>
      <c r="TLJ737" s="424"/>
      <c r="TLK737" s="424"/>
      <c r="TLL737" s="424"/>
      <c r="TLM737" s="423" t="s">
        <v>2795</v>
      </c>
      <c r="TLN737" s="424"/>
      <c r="TLO737" s="424"/>
      <c r="TLP737" s="424"/>
      <c r="TLQ737" s="423" t="s">
        <v>2795</v>
      </c>
      <c r="TLR737" s="424"/>
      <c r="TLS737" s="424"/>
      <c r="TLT737" s="424"/>
      <c r="TLU737" s="423" t="s">
        <v>2795</v>
      </c>
      <c r="TLV737" s="424"/>
      <c r="TLW737" s="424"/>
      <c r="TLX737" s="424"/>
      <c r="TLY737" s="423" t="s">
        <v>2795</v>
      </c>
      <c r="TLZ737" s="424"/>
      <c r="TMA737" s="424"/>
      <c r="TMB737" s="424"/>
      <c r="TMC737" s="423" t="s">
        <v>2795</v>
      </c>
      <c r="TMD737" s="424"/>
      <c r="TME737" s="424"/>
      <c r="TMF737" s="424"/>
      <c r="TMG737" s="423" t="s">
        <v>2795</v>
      </c>
      <c r="TMH737" s="424"/>
      <c r="TMI737" s="424"/>
      <c r="TMJ737" s="424"/>
      <c r="TMK737" s="423" t="s">
        <v>2795</v>
      </c>
      <c r="TML737" s="424"/>
      <c r="TMM737" s="424"/>
      <c r="TMN737" s="424"/>
      <c r="TMO737" s="423" t="s">
        <v>2795</v>
      </c>
      <c r="TMP737" s="424"/>
      <c r="TMQ737" s="424"/>
      <c r="TMR737" s="424"/>
      <c r="TMS737" s="423" t="s">
        <v>2795</v>
      </c>
      <c r="TMT737" s="424"/>
      <c r="TMU737" s="424"/>
      <c r="TMV737" s="424"/>
      <c r="TMW737" s="423" t="s">
        <v>2795</v>
      </c>
      <c r="TMX737" s="424"/>
      <c r="TMY737" s="424"/>
      <c r="TMZ737" s="424"/>
      <c r="TNA737" s="423" t="s">
        <v>2795</v>
      </c>
      <c r="TNB737" s="424"/>
      <c r="TNC737" s="424"/>
      <c r="TND737" s="424"/>
      <c r="TNE737" s="423" t="s">
        <v>2795</v>
      </c>
      <c r="TNF737" s="424"/>
      <c r="TNG737" s="424"/>
      <c r="TNH737" s="424"/>
      <c r="TNI737" s="423" t="s">
        <v>2795</v>
      </c>
      <c r="TNJ737" s="424"/>
      <c r="TNK737" s="424"/>
      <c r="TNL737" s="424"/>
      <c r="TNM737" s="423" t="s">
        <v>2795</v>
      </c>
      <c r="TNN737" s="424"/>
      <c r="TNO737" s="424"/>
      <c r="TNP737" s="424"/>
      <c r="TNQ737" s="423" t="s">
        <v>2795</v>
      </c>
      <c r="TNR737" s="424"/>
      <c r="TNS737" s="424"/>
      <c r="TNT737" s="424"/>
      <c r="TNU737" s="423" t="s">
        <v>2795</v>
      </c>
      <c r="TNV737" s="424"/>
      <c r="TNW737" s="424"/>
      <c r="TNX737" s="424"/>
      <c r="TNY737" s="423" t="s">
        <v>2795</v>
      </c>
      <c r="TNZ737" s="424"/>
      <c r="TOA737" s="424"/>
      <c r="TOB737" s="424"/>
      <c r="TOC737" s="423" t="s">
        <v>2795</v>
      </c>
      <c r="TOD737" s="424"/>
      <c r="TOE737" s="424"/>
      <c r="TOF737" s="424"/>
      <c r="TOG737" s="423" t="s">
        <v>2795</v>
      </c>
      <c r="TOH737" s="424"/>
      <c r="TOI737" s="424"/>
      <c r="TOJ737" s="424"/>
      <c r="TOK737" s="423" t="s">
        <v>2795</v>
      </c>
      <c r="TOL737" s="424"/>
      <c r="TOM737" s="424"/>
      <c r="TON737" s="424"/>
      <c r="TOO737" s="423" t="s">
        <v>2795</v>
      </c>
      <c r="TOP737" s="424"/>
      <c r="TOQ737" s="424"/>
      <c r="TOR737" s="424"/>
      <c r="TOS737" s="423" t="s">
        <v>2795</v>
      </c>
      <c r="TOT737" s="424"/>
      <c r="TOU737" s="424"/>
      <c r="TOV737" s="424"/>
      <c r="TOW737" s="423" t="s">
        <v>2795</v>
      </c>
      <c r="TOX737" s="424"/>
      <c r="TOY737" s="424"/>
      <c r="TOZ737" s="424"/>
      <c r="TPA737" s="423" t="s">
        <v>2795</v>
      </c>
      <c r="TPB737" s="424"/>
      <c r="TPC737" s="424"/>
      <c r="TPD737" s="424"/>
      <c r="TPE737" s="423" t="s">
        <v>2795</v>
      </c>
      <c r="TPF737" s="424"/>
      <c r="TPG737" s="424"/>
      <c r="TPH737" s="424"/>
      <c r="TPI737" s="423" t="s">
        <v>2795</v>
      </c>
      <c r="TPJ737" s="424"/>
      <c r="TPK737" s="424"/>
      <c r="TPL737" s="424"/>
      <c r="TPM737" s="423" t="s">
        <v>2795</v>
      </c>
      <c r="TPN737" s="424"/>
      <c r="TPO737" s="424"/>
      <c r="TPP737" s="424"/>
      <c r="TPQ737" s="423" t="s">
        <v>2795</v>
      </c>
      <c r="TPR737" s="424"/>
      <c r="TPS737" s="424"/>
      <c r="TPT737" s="424"/>
      <c r="TPU737" s="423" t="s">
        <v>2795</v>
      </c>
      <c r="TPV737" s="424"/>
      <c r="TPW737" s="424"/>
      <c r="TPX737" s="424"/>
      <c r="TPY737" s="423" t="s">
        <v>2795</v>
      </c>
      <c r="TPZ737" s="424"/>
      <c r="TQA737" s="424"/>
      <c r="TQB737" s="424"/>
      <c r="TQC737" s="423" t="s">
        <v>2795</v>
      </c>
      <c r="TQD737" s="424"/>
      <c r="TQE737" s="424"/>
      <c r="TQF737" s="424"/>
      <c r="TQG737" s="423" t="s">
        <v>2795</v>
      </c>
      <c r="TQH737" s="424"/>
      <c r="TQI737" s="424"/>
      <c r="TQJ737" s="424"/>
      <c r="TQK737" s="423" t="s">
        <v>2795</v>
      </c>
      <c r="TQL737" s="424"/>
      <c r="TQM737" s="424"/>
      <c r="TQN737" s="424"/>
      <c r="TQO737" s="423" t="s">
        <v>2795</v>
      </c>
      <c r="TQP737" s="424"/>
      <c r="TQQ737" s="424"/>
      <c r="TQR737" s="424"/>
      <c r="TQS737" s="423" t="s">
        <v>2795</v>
      </c>
      <c r="TQT737" s="424"/>
      <c r="TQU737" s="424"/>
      <c r="TQV737" s="424"/>
      <c r="TQW737" s="423" t="s">
        <v>2795</v>
      </c>
      <c r="TQX737" s="424"/>
      <c r="TQY737" s="424"/>
      <c r="TQZ737" s="424"/>
      <c r="TRA737" s="423" t="s">
        <v>2795</v>
      </c>
      <c r="TRB737" s="424"/>
      <c r="TRC737" s="424"/>
      <c r="TRD737" s="424"/>
      <c r="TRE737" s="423" t="s">
        <v>2795</v>
      </c>
      <c r="TRF737" s="424"/>
      <c r="TRG737" s="424"/>
      <c r="TRH737" s="424"/>
      <c r="TRI737" s="423" t="s">
        <v>2795</v>
      </c>
      <c r="TRJ737" s="424"/>
      <c r="TRK737" s="424"/>
      <c r="TRL737" s="424"/>
      <c r="TRM737" s="423" t="s">
        <v>2795</v>
      </c>
      <c r="TRN737" s="424"/>
      <c r="TRO737" s="424"/>
      <c r="TRP737" s="424"/>
      <c r="TRQ737" s="423" t="s">
        <v>2795</v>
      </c>
      <c r="TRR737" s="424"/>
      <c r="TRS737" s="424"/>
      <c r="TRT737" s="424"/>
      <c r="TRU737" s="423" t="s">
        <v>2795</v>
      </c>
      <c r="TRV737" s="424"/>
      <c r="TRW737" s="424"/>
      <c r="TRX737" s="424"/>
      <c r="TRY737" s="423" t="s">
        <v>2795</v>
      </c>
      <c r="TRZ737" s="424"/>
      <c r="TSA737" s="424"/>
      <c r="TSB737" s="424"/>
      <c r="TSC737" s="423" t="s">
        <v>2795</v>
      </c>
      <c r="TSD737" s="424"/>
      <c r="TSE737" s="424"/>
      <c r="TSF737" s="424"/>
      <c r="TSG737" s="423" t="s">
        <v>2795</v>
      </c>
      <c r="TSH737" s="424"/>
      <c r="TSI737" s="424"/>
      <c r="TSJ737" s="424"/>
      <c r="TSK737" s="423" t="s">
        <v>2795</v>
      </c>
      <c r="TSL737" s="424"/>
      <c r="TSM737" s="424"/>
      <c r="TSN737" s="424"/>
      <c r="TSO737" s="423" t="s">
        <v>2795</v>
      </c>
      <c r="TSP737" s="424"/>
      <c r="TSQ737" s="424"/>
      <c r="TSR737" s="424"/>
      <c r="TSS737" s="423" t="s">
        <v>2795</v>
      </c>
      <c r="TST737" s="424"/>
      <c r="TSU737" s="424"/>
      <c r="TSV737" s="424"/>
      <c r="TSW737" s="423" t="s">
        <v>2795</v>
      </c>
      <c r="TSX737" s="424"/>
      <c r="TSY737" s="424"/>
      <c r="TSZ737" s="424"/>
      <c r="TTA737" s="423" t="s">
        <v>2795</v>
      </c>
      <c r="TTB737" s="424"/>
      <c r="TTC737" s="424"/>
      <c r="TTD737" s="424"/>
      <c r="TTE737" s="423" t="s">
        <v>2795</v>
      </c>
      <c r="TTF737" s="424"/>
      <c r="TTG737" s="424"/>
      <c r="TTH737" s="424"/>
      <c r="TTI737" s="423" t="s">
        <v>2795</v>
      </c>
      <c r="TTJ737" s="424"/>
      <c r="TTK737" s="424"/>
      <c r="TTL737" s="424"/>
      <c r="TTM737" s="423" t="s">
        <v>2795</v>
      </c>
      <c r="TTN737" s="424"/>
      <c r="TTO737" s="424"/>
      <c r="TTP737" s="424"/>
      <c r="TTQ737" s="423" t="s">
        <v>2795</v>
      </c>
      <c r="TTR737" s="424"/>
      <c r="TTS737" s="424"/>
      <c r="TTT737" s="424"/>
      <c r="TTU737" s="423" t="s">
        <v>2795</v>
      </c>
      <c r="TTV737" s="424"/>
      <c r="TTW737" s="424"/>
      <c r="TTX737" s="424"/>
      <c r="TTY737" s="423" t="s">
        <v>2795</v>
      </c>
      <c r="TTZ737" s="424"/>
      <c r="TUA737" s="424"/>
      <c r="TUB737" s="424"/>
      <c r="TUC737" s="423" t="s">
        <v>2795</v>
      </c>
      <c r="TUD737" s="424"/>
      <c r="TUE737" s="424"/>
      <c r="TUF737" s="424"/>
      <c r="TUG737" s="423" t="s">
        <v>2795</v>
      </c>
      <c r="TUH737" s="424"/>
      <c r="TUI737" s="424"/>
      <c r="TUJ737" s="424"/>
      <c r="TUK737" s="423" t="s">
        <v>2795</v>
      </c>
      <c r="TUL737" s="424"/>
      <c r="TUM737" s="424"/>
      <c r="TUN737" s="424"/>
      <c r="TUO737" s="423" t="s">
        <v>2795</v>
      </c>
      <c r="TUP737" s="424"/>
      <c r="TUQ737" s="424"/>
      <c r="TUR737" s="424"/>
      <c r="TUS737" s="423" t="s">
        <v>2795</v>
      </c>
      <c r="TUT737" s="424"/>
      <c r="TUU737" s="424"/>
      <c r="TUV737" s="424"/>
      <c r="TUW737" s="423" t="s">
        <v>2795</v>
      </c>
      <c r="TUX737" s="424"/>
      <c r="TUY737" s="424"/>
      <c r="TUZ737" s="424"/>
      <c r="TVA737" s="423" t="s">
        <v>2795</v>
      </c>
      <c r="TVB737" s="424"/>
      <c r="TVC737" s="424"/>
      <c r="TVD737" s="424"/>
      <c r="TVE737" s="423" t="s">
        <v>2795</v>
      </c>
      <c r="TVF737" s="424"/>
      <c r="TVG737" s="424"/>
      <c r="TVH737" s="424"/>
      <c r="TVI737" s="423" t="s">
        <v>2795</v>
      </c>
      <c r="TVJ737" s="424"/>
      <c r="TVK737" s="424"/>
      <c r="TVL737" s="424"/>
      <c r="TVM737" s="423" t="s">
        <v>2795</v>
      </c>
      <c r="TVN737" s="424"/>
      <c r="TVO737" s="424"/>
      <c r="TVP737" s="424"/>
      <c r="TVQ737" s="423" t="s">
        <v>2795</v>
      </c>
      <c r="TVR737" s="424"/>
      <c r="TVS737" s="424"/>
      <c r="TVT737" s="424"/>
      <c r="TVU737" s="423" t="s">
        <v>2795</v>
      </c>
      <c r="TVV737" s="424"/>
      <c r="TVW737" s="424"/>
      <c r="TVX737" s="424"/>
      <c r="TVY737" s="423" t="s">
        <v>2795</v>
      </c>
      <c r="TVZ737" s="424"/>
      <c r="TWA737" s="424"/>
      <c r="TWB737" s="424"/>
      <c r="TWC737" s="423" t="s">
        <v>2795</v>
      </c>
      <c r="TWD737" s="424"/>
      <c r="TWE737" s="424"/>
      <c r="TWF737" s="424"/>
      <c r="TWG737" s="423" t="s">
        <v>2795</v>
      </c>
      <c r="TWH737" s="424"/>
      <c r="TWI737" s="424"/>
      <c r="TWJ737" s="424"/>
      <c r="TWK737" s="423" t="s">
        <v>2795</v>
      </c>
      <c r="TWL737" s="424"/>
      <c r="TWM737" s="424"/>
      <c r="TWN737" s="424"/>
      <c r="TWO737" s="423" t="s">
        <v>2795</v>
      </c>
      <c r="TWP737" s="424"/>
      <c r="TWQ737" s="424"/>
      <c r="TWR737" s="424"/>
      <c r="TWS737" s="423" t="s">
        <v>2795</v>
      </c>
      <c r="TWT737" s="424"/>
      <c r="TWU737" s="424"/>
      <c r="TWV737" s="424"/>
      <c r="TWW737" s="423" t="s">
        <v>2795</v>
      </c>
      <c r="TWX737" s="424"/>
      <c r="TWY737" s="424"/>
      <c r="TWZ737" s="424"/>
      <c r="TXA737" s="423" t="s">
        <v>2795</v>
      </c>
      <c r="TXB737" s="424"/>
      <c r="TXC737" s="424"/>
      <c r="TXD737" s="424"/>
      <c r="TXE737" s="423" t="s">
        <v>2795</v>
      </c>
      <c r="TXF737" s="424"/>
      <c r="TXG737" s="424"/>
      <c r="TXH737" s="424"/>
      <c r="TXI737" s="423" t="s">
        <v>2795</v>
      </c>
      <c r="TXJ737" s="424"/>
      <c r="TXK737" s="424"/>
      <c r="TXL737" s="424"/>
      <c r="TXM737" s="423" t="s">
        <v>2795</v>
      </c>
      <c r="TXN737" s="424"/>
      <c r="TXO737" s="424"/>
      <c r="TXP737" s="424"/>
      <c r="TXQ737" s="423" t="s">
        <v>2795</v>
      </c>
      <c r="TXR737" s="424"/>
      <c r="TXS737" s="424"/>
      <c r="TXT737" s="424"/>
      <c r="TXU737" s="423" t="s">
        <v>2795</v>
      </c>
      <c r="TXV737" s="424"/>
      <c r="TXW737" s="424"/>
      <c r="TXX737" s="424"/>
      <c r="TXY737" s="423" t="s">
        <v>2795</v>
      </c>
      <c r="TXZ737" s="424"/>
      <c r="TYA737" s="424"/>
      <c r="TYB737" s="424"/>
      <c r="TYC737" s="423" t="s">
        <v>2795</v>
      </c>
      <c r="TYD737" s="424"/>
      <c r="TYE737" s="424"/>
      <c r="TYF737" s="424"/>
      <c r="TYG737" s="423" t="s">
        <v>2795</v>
      </c>
      <c r="TYH737" s="424"/>
      <c r="TYI737" s="424"/>
      <c r="TYJ737" s="424"/>
      <c r="TYK737" s="423" t="s">
        <v>2795</v>
      </c>
      <c r="TYL737" s="424"/>
      <c r="TYM737" s="424"/>
      <c r="TYN737" s="424"/>
      <c r="TYO737" s="423" t="s">
        <v>2795</v>
      </c>
      <c r="TYP737" s="424"/>
      <c r="TYQ737" s="424"/>
      <c r="TYR737" s="424"/>
      <c r="TYS737" s="423" t="s">
        <v>2795</v>
      </c>
      <c r="TYT737" s="424"/>
      <c r="TYU737" s="424"/>
      <c r="TYV737" s="424"/>
      <c r="TYW737" s="423" t="s">
        <v>2795</v>
      </c>
      <c r="TYX737" s="424"/>
      <c r="TYY737" s="424"/>
      <c r="TYZ737" s="424"/>
      <c r="TZA737" s="423" t="s">
        <v>2795</v>
      </c>
      <c r="TZB737" s="424"/>
      <c r="TZC737" s="424"/>
      <c r="TZD737" s="424"/>
      <c r="TZE737" s="423" t="s">
        <v>2795</v>
      </c>
      <c r="TZF737" s="424"/>
      <c r="TZG737" s="424"/>
      <c r="TZH737" s="424"/>
      <c r="TZI737" s="423" t="s">
        <v>2795</v>
      </c>
      <c r="TZJ737" s="424"/>
      <c r="TZK737" s="424"/>
      <c r="TZL737" s="424"/>
      <c r="TZM737" s="423" t="s">
        <v>2795</v>
      </c>
      <c r="TZN737" s="424"/>
      <c r="TZO737" s="424"/>
      <c r="TZP737" s="424"/>
      <c r="TZQ737" s="423" t="s">
        <v>2795</v>
      </c>
      <c r="TZR737" s="424"/>
      <c r="TZS737" s="424"/>
      <c r="TZT737" s="424"/>
      <c r="TZU737" s="423" t="s">
        <v>2795</v>
      </c>
      <c r="TZV737" s="424"/>
      <c r="TZW737" s="424"/>
      <c r="TZX737" s="424"/>
      <c r="TZY737" s="423" t="s">
        <v>2795</v>
      </c>
      <c r="TZZ737" s="424"/>
      <c r="UAA737" s="424"/>
      <c r="UAB737" s="424"/>
      <c r="UAC737" s="423" t="s">
        <v>2795</v>
      </c>
      <c r="UAD737" s="424"/>
      <c r="UAE737" s="424"/>
      <c r="UAF737" s="424"/>
      <c r="UAG737" s="423" t="s">
        <v>2795</v>
      </c>
      <c r="UAH737" s="424"/>
      <c r="UAI737" s="424"/>
      <c r="UAJ737" s="424"/>
      <c r="UAK737" s="423" t="s">
        <v>2795</v>
      </c>
      <c r="UAL737" s="424"/>
      <c r="UAM737" s="424"/>
      <c r="UAN737" s="424"/>
      <c r="UAO737" s="423" t="s">
        <v>2795</v>
      </c>
      <c r="UAP737" s="424"/>
      <c r="UAQ737" s="424"/>
      <c r="UAR737" s="424"/>
      <c r="UAS737" s="423" t="s">
        <v>2795</v>
      </c>
      <c r="UAT737" s="424"/>
      <c r="UAU737" s="424"/>
      <c r="UAV737" s="424"/>
      <c r="UAW737" s="423" t="s">
        <v>2795</v>
      </c>
      <c r="UAX737" s="424"/>
      <c r="UAY737" s="424"/>
      <c r="UAZ737" s="424"/>
      <c r="UBA737" s="423" t="s">
        <v>2795</v>
      </c>
      <c r="UBB737" s="424"/>
      <c r="UBC737" s="424"/>
      <c r="UBD737" s="424"/>
      <c r="UBE737" s="423" t="s">
        <v>2795</v>
      </c>
      <c r="UBF737" s="424"/>
      <c r="UBG737" s="424"/>
      <c r="UBH737" s="424"/>
      <c r="UBI737" s="423" t="s">
        <v>2795</v>
      </c>
      <c r="UBJ737" s="424"/>
      <c r="UBK737" s="424"/>
      <c r="UBL737" s="424"/>
      <c r="UBM737" s="423" t="s">
        <v>2795</v>
      </c>
      <c r="UBN737" s="424"/>
      <c r="UBO737" s="424"/>
      <c r="UBP737" s="424"/>
      <c r="UBQ737" s="423" t="s">
        <v>2795</v>
      </c>
      <c r="UBR737" s="424"/>
      <c r="UBS737" s="424"/>
      <c r="UBT737" s="424"/>
      <c r="UBU737" s="423" t="s">
        <v>2795</v>
      </c>
      <c r="UBV737" s="424"/>
      <c r="UBW737" s="424"/>
      <c r="UBX737" s="424"/>
      <c r="UBY737" s="423" t="s">
        <v>2795</v>
      </c>
      <c r="UBZ737" s="424"/>
      <c r="UCA737" s="424"/>
      <c r="UCB737" s="424"/>
      <c r="UCC737" s="423" t="s">
        <v>2795</v>
      </c>
      <c r="UCD737" s="424"/>
      <c r="UCE737" s="424"/>
      <c r="UCF737" s="424"/>
      <c r="UCG737" s="423" t="s">
        <v>2795</v>
      </c>
      <c r="UCH737" s="424"/>
      <c r="UCI737" s="424"/>
      <c r="UCJ737" s="424"/>
      <c r="UCK737" s="423" t="s">
        <v>2795</v>
      </c>
      <c r="UCL737" s="424"/>
      <c r="UCM737" s="424"/>
      <c r="UCN737" s="424"/>
      <c r="UCO737" s="423" t="s">
        <v>2795</v>
      </c>
      <c r="UCP737" s="424"/>
      <c r="UCQ737" s="424"/>
      <c r="UCR737" s="424"/>
      <c r="UCS737" s="423" t="s">
        <v>2795</v>
      </c>
      <c r="UCT737" s="424"/>
      <c r="UCU737" s="424"/>
      <c r="UCV737" s="424"/>
      <c r="UCW737" s="423" t="s">
        <v>2795</v>
      </c>
      <c r="UCX737" s="424"/>
      <c r="UCY737" s="424"/>
      <c r="UCZ737" s="424"/>
      <c r="UDA737" s="423" t="s">
        <v>2795</v>
      </c>
      <c r="UDB737" s="424"/>
      <c r="UDC737" s="424"/>
      <c r="UDD737" s="424"/>
      <c r="UDE737" s="423" t="s">
        <v>2795</v>
      </c>
      <c r="UDF737" s="424"/>
      <c r="UDG737" s="424"/>
      <c r="UDH737" s="424"/>
      <c r="UDI737" s="423" t="s">
        <v>2795</v>
      </c>
      <c r="UDJ737" s="424"/>
      <c r="UDK737" s="424"/>
      <c r="UDL737" s="424"/>
      <c r="UDM737" s="423" t="s">
        <v>2795</v>
      </c>
      <c r="UDN737" s="424"/>
      <c r="UDO737" s="424"/>
      <c r="UDP737" s="424"/>
      <c r="UDQ737" s="423" t="s">
        <v>2795</v>
      </c>
      <c r="UDR737" s="424"/>
      <c r="UDS737" s="424"/>
      <c r="UDT737" s="424"/>
      <c r="UDU737" s="423" t="s">
        <v>2795</v>
      </c>
      <c r="UDV737" s="424"/>
      <c r="UDW737" s="424"/>
      <c r="UDX737" s="424"/>
      <c r="UDY737" s="423" t="s">
        <v>2795</v>
      </c>
      <c r="UDZ737" s="424"/>
      <c r="UEA737" s="424"/>
      <c r="UEB737" s="424"/>
      <c r="UEC737" s="423" t="s">
        <v>2795</v>
      </c>
      <c r="UED737" s="424"/>
      <c r="UEE737" s="424"/>
      <c r="UEF737" s="424"/>
      <c r="UEG737" s="423" t="s">
        <v>2795</v>
      </c>
      <c r="UEH737" s="424"/>
      <c r="UEI737" s="424"/>
      <c r="UEJ737" s="424"/>
      <c r="UEK737" s="423" t="s">
        <v>2795</v>
      </c>
      <c r="UEL737" s="424"/>
      <c r="UEM737" s="424"/>
      <c r="UEN737" s="424"/>
      <c r="UEO737" s="423" t="s">
        <v>2795</v>
      </c>
      <c r="UEP737" s="424"/>
      <c r="UEQ737" s="424"/>
      <c r="UER737" s="424"/>
      <c r="UES737" s="423" t="s">
        <v>2795</v>
      </c>
      <c r="UET737" s="424"/>
      <c r="UEU737" s="424"/>
      <c r="UEV737" s="424"/>
      <c r="UEW737" s="423" t="s">
        <v>2795</v>
      </c>
      <c r="UEX737" s="424"/>
      <c r="UEY737" s="424"/>
      <c r="UEZ737" s="424"/>
      <c r="UFA737" s="423" t="s">
        <v>2795</v>
      </c>
      <c r="UFB737" s="424"/>
      <c r="UFC737" s="424"/>
      <c r="UFD737" s="424"/>
      <c r="UFE737" s="423" t="s">
        <v>2795</v>
      </c>
      <c r="UFF737" s="424"/>
      <c r="UFG737" s="424"/>
      <c r="UFH737" s="424"/>
      <c r="UFI737" s="423" t="s">
        <v>2795</v>
      </c>
      <c r="UFJ737" s="424"/>
      <c r="UFK737" s="424"/>
      <c r="UFL737" s="424"/>
      <c r="UFM737" s="423" t="s">
        <v>2795</v>
      </c>
      <c r="UFN737" s="424"/>
      <c r="UFO737" s="424"/>
      <c r="UFP737" s="424"/>
      <c r="UFQ737" s="423" t="s">
        <v>2795</v>
      </c>
      <c r="UFR737" s="424"/>
      <c r="UFS737" s="424"/>
      <c r="UFT737" s="424"/>
      <c r="UFU737" s="423" t="s">
        <v>2795</v>
      </c>
      <c r="UFV737" s="424"/>
      <c r="UFW737" s="424"/>
      <c r="UFX737" s="424"/>
      <c r="UFY737" s="423" t="s">
        <v>2795</v>
      </c>
      <c r="UFZ737" s="424"/>
      <c r="UGA737" s="424"/>
      <c r="UGB737" s="424"/>
      <c r="UGC737" s="423" t="s">
        <v>2795</v>
      </c>
      <c r="UGD737" s="424"/>
      <c r="UGE737" s="424"/>
      <c r="UGF737" s="424"/>
      <c r="UGG737" s="423" t="s">
        <v>2795</v>
      </c>
      <c r="UGH737" s="424"/>
      <c r="UGI737" s="424"/>
      <c r="UGJ737" s="424"/>
      <c r="UGK737" s="423" t="s">
        <v>2795</v>
      </c>
      <c r="UGL737" s="424"/>
      <c r="UGM737" s="424"/>
      <c r="UGN737" s="424"/>
      <c r="UGO737" s="423" t="s">
        <v>2795</v>
      </c>
      <c r="UGP737" s="424"/>
      <c r="UGQ737" s="424"/>
      <c r="UGR737" s="424"/>
      <c r="UGS737" s="423" t="s">
        <v>2795</v>
      </c>
      <c r="UGT737" s="424"/>
      <c r="UGU737" s="424"/>
      <c r="UGV737" s="424"/>
      <c r="UGW737" s="423" t="s">
        <v>2795</v>
      </c>
      <c r="UGX737" s="424"/>
      <c r="UGY737" s="424"/>
      <c r="UGZ737" s="424"/>
      <c r="UHA737" s="423" t="s">
        <v>2795</v>
      </c>
      <c r="UHB737" s="424"/>
      <c r="UHC737" s="424"/>
      <c r="UHD737" s="424"/>
      <c r="UHE737" s="423" t="s">
        <v>2795</v>
      </c>
      <c r="UHF737" s="424"/>
      <c r="UHG737" s="424"/>
      <c r="UHH737" s="424"/>
      <c r="UHI737" s="423" t="s">
        <v>2795</v>
      </c>
      <c r="UHJ737" s="424"/>
      <c r="UHK737" s="424"/>
      <c r="UHL737" s="424"/>
      <c r="UHM737" s="423" t="s">
        <v>2795</v>
      </c>
      <c r="UHN737" s="424"/>
      <c r="UHO737" s="424"/>
      <c r="UHP737" s="424"/>
      <c r="UHQ737" s="423" t="s">
        <v>2795</v>
      </c>
      <c r="UHR737" s="424"/>
      <c r="UHS737" s="424"/>
      <c r="UHT737" s="424"/>
      <c r="UHU737" s="423" t="s">
        <v>2795</v>
      </c>
      <c r="UHV737" s="424"/>
      <c r="UHW737" s="424"/>
      <c r="UHX737" s="424"/>
      <c r="UHY737" s="423" t="s">
        <v>2795</v>
      </c>
      <c r="UHZ737" s="424"/>
      <c r="UIA737" s="424"/>
      <c r="UIB737" s="424"/>
      <c r="UIC737" s="423" t="s">
        <v>2795</v>
      </c>
      <c r="UID737" s="424"/>
      <c r="UIE737" s="424"/>
      <c r="UIF737" s="424"/>
      <c r="UIG737" s="423" t="s">
        <v>2795</v>
      </c>
      <c r="UIH737" s="424"/>
      <c r="UII737" s="424"/>
      <c r="UIJ737" s="424"/>
      <c r="UIK737" s="423" t="s">
        <v>2795</v>
      </c>
      <c r="UIL737" s="424"/>
      <c r="UIM737" s="424"/>
      <c r="UIN737" s="424"/>
      <c r="UIO737" s="423" t="s">
        <v>2795</v>
      </c>
      <c r="UIP737" s="424"/>
      <c r="UIQ737" s="424"/>
      <c r="UIR737" s="424"/>
      <c r="UIS737" s="423" t="s">
        <v>2795</v>
      </c>
      <c r="UIT737" s="424"/>
      <c r="UIU737" s="424"/>
      <c r="UIV737" s="424"/>
      <c r="UIW737" s="423" t="s">
        <v>2795</v>
      </c>
      <c r="UIX737" s="424"/>
      <c r="UIY737" s="424"/>
      <c r="UIZ737" s="424"/>
      <c r="UJA737" s="423" t="s">
        <v>2795</v>
      </c>
      <c r="UJB737" s="424"/>
      <c r="UJC737" s="424"/>
      <c r="UJD737" s="424"/>
      <c r="UJE737" s="423" t="s">
        <v>2795</v>
      </c>
      <c r="UJF737" s="424"/>
      <c r="UJG737" s="424"/>
      <c r="UJH737" s="424"/>
      <c r="UJI737" s="423" t="s">
        <v>2795</v>
      </c>
      <c r="UJJ737" s="424"/>
      <c r="UJK737" s="424"/>
      <c r="UJL737" s="424"/>
      <c r="UJM737" s="423" t="s">
        <v>2795</v>
      </c>
      <c r="UJN737" s="424"/>
      <c r="UJO737" s="424"/>
      <c r="UJP737" s="424"/>
      <c r="UJQ737" s="423" t="s">
        <v>2795</v>
      </c>
      <c r="UJR737" s="424"/>
      <c r="UJS737" s="424"/>
      <c r="UJT737" s="424"/>
      <c r="UJU737" s="423" t="s">
        <v>2795</v>
      </c>
      <c r="UJV737" s="424"/>
      <c r="UJW737" s="424"/>
      <c r="UJX737" s="424"/>
      <c r="UJY737" s="423" t="s">
        <v>2795</v>
      </c>
      <c r="UJZ737" s="424"/>
      <c r="UKA737" s="424"/>
      <c r="UKB737" s="424"/>
      <c r="UKC737" s="423" t="s">
        <v>2795</v>
      </c>
      <c r="UKD737" s="424"/>
      <c r="UKE737" s="424"/>
      <c r="UKF737" s="424"/>
      <c r="UKG737" s="423" t="s">
        <v>2795</v>
      </c>
      <c r="UKH737" s="424"/>
      <c r="UKI737" s="424"/>
      <c r="UKJ737" s="424"/>
      <c r="UKK737" s="423" t="s">
        <v>2795</v>
      </c>
      <c r="UKL737" s="424"/>
      <c r="UKM737" s="424"/>
      <c r="UKN737" s="424"/>
      <c r="UKO737" s="423" t="s">
        <v>2795</v>
      </c>
      <c r="UKP737" s="424"/>
      <c r="UKQ737" s="424"/>
      <c r="UKR737" s="424"/>
      <c r="UKS737" s="423" t="s">
        <v>2795</v>
      </c>
      <c r="UKT737" s="424"/>
      <c r="UKU737" s="424"/>
      <c r="UKV737" s="424"/>
      <c r="UKW737" s="423" t="s">
        <v>2795</v>
      </c>
      <c r="UKX737" s="424"/>
      <c r="UKY737" s="424"/>
      <c r="UKZ737" s="424"/>
      <c r="ULA737" s="423" t="s">
        <v>2795</v>
      </c>
      <c r="ULB737" s="424"/>
      <c r="ULC737" s="424"/>
      <c r="ULD737" s="424"/>
      <c r="ULE737" s="423" t="s">
        <v>2795</v>
      </c>
      <c r="ULF737" s="424"/>
      <c r="ULG737" s="424"/>
      <c r="ULH737" s="424"/>
      <c r="ULI737" s="423" t="s">
        <v>2795</v>
      </c>
      <c r="ULJ737" s="424"/>
      <c r="ULK737" s="424"/>
      <c r="ULL737" s="424"/>
      <c r="ULM737" s="423" t="s">
        <v>2795</v>
      </c>
      <c r="ULN737" s="424"/>
      <c r="ULO737" s="424"/>
      <c r="ULP737" s="424"/>
      <c r="ULQ737" s="423" t="s">
        <v>2795</v>
      </c>
      <c r="ULR737" s="424"/>
      <c r="ULS737" s="424"/>
      <c r="ULT737" s="424"/>
      <c r="ULU737" s="423" t="s">
        <v>2795</v>
      </c>
      <c r="ULV737" s="424"/>
      <c r="ULW737" s="424"/>
      <c r="ULX737" s="424"/>
      <c r="ULY737" s="423" t="s">
        <v>2795</v>
      </c>
      <c r="ULZ737" s="424"/>
      <c r="UMA737" s="424"/>
      <c r="UMB737" s="424"/>
      <c r="UMC737" s="423" t="s">
        <v>2795</v>
      </c>
      <c r="UMD737" s="424"/>
      <c r="UME737" s="424"/>
      <c r="UMF737" s="424"/>
      <c r="UMG737" s="423" t="s">
        <v>2795</v>
      </c>
      <c r="UMH737" s="424"/>
      <c r="UMI737" s="424"/>
      <c r="UMJ737" s="424"/>
      <c r="UMK737" s="423" t="s">
        <v>2795</v>
      </c>
      <c r="UML737" s="424"/>
      <c r="UMM737" s="424"/>
      <c r="UMN737" s="424"/>
      <c r="UMO737" s="423" t="s">
        <v>2795</v>
      </c>
      <c r="UMP737" s="424"/>
      <c r="UMQ737" s="424"/>
      <c r="UMR737" s="424"/>
      <c r="UMS737" s="423" t="s">
        <v>2795</v>
      </c>
      <c r="UMT737" s="424"/>
      <c r="UMU737" s="424"/>
      <c r="UMV737" s="424"/>
      <c r="UMW737" s="423" t="s">
        <v>2795</v>
      </c>
      <c r="UMX737" s="424"/>
      <c r="UMY737" s="424"/>
      <c r="UMZ737" s="424"/>
      <c r="UNA737" s="423" t="s">
        <v>2795</v>
      </c>
      <c r="UNB737" s="424"/>
      <c r="UNC737" s="424"/>
      <c r="UND737" s="424"/>
      <c r="UNE737" s="423" t="s">
        <v>2795</v>
      </c>
      <c r="UNF737" s="424"/>
      <c r="UNG737" s="424"/>
      <c r="UNH737" s="424"/>
      <c r="UNI737" s="423" t="s">
        <v>2795</v>
      </c>
      <c r="UNJ737" s="424"/>
      <c r="UNK737" s="424"/>
      <c r="UNL737" s="424"/>
      <c r="UNM737" s="423" t="s">
        <v>2795</v>
      </c>
      <c r="UNN737" s="424"/>
      <c r="UNO737" s="424"/>
      <c r="UNP737" s="424"/>
      <c r="UNQ737" s="423" t="s">
        <v>2795</v>
      </c>
      <c r="UNR737" s="424"/>
      <c r="UNS737" s="424"/>
      <c r="UNT737" s="424"/>
      <c r="UNU737" s="423" t="s">
        <v>2795</v>
      </c>
      <c r="UNV737" s="424"/>
      <c r="UNW737" s="424"/>
      <c r="UNX737" s="424"/>
      <c r="UNY737" s="423" t="s">
        <v>2795</v>
      </c>
      <c r="UNZ737" s="424"/>
      <c r="UOA737" s="424"/>
      <c r="UOB737" s="424"/>
      <c r="UOC737" s="423" t="s">
        <v>2795</v>
      </c>
      <c r="UOD737" s="424"/>
      <c r="UOE737" s="424"/>
      <c r="UOF737" s="424"/>
      <c r="UOG737" s="423" t="s">
        <v>2795</v>
      </c>
      <c r="UOH737" s="424"/>
      <c r="UOI737" s="424"/>
      <c r="UOJ737" s="424"/>
      <c r="UOK737" s="423" t="s">
        <v>2795</v>
      </c>
      <c r="UOL737" s="424"/>
      <c r="UOM737" s="424"/>
      <c r="UON737" s="424"/>
      <c r="UOO737" s="423" t="s">
        <v>2795</v>
      </c>
      <c r="UOP737" s="424"/>
      <c r="UOQ737" s="424"/>
      <c r="UOR737" s="424"/>
      <c r="UOS737" s="423" t="s">
        <v>2795</v>
      </c>
      <c r="UOT737" s="424"/>
      <c r="UOU737" s="424"/>
      <c r="UOV737" s="424"/>
      <c r="UOW737" s="423" t="s">
        <v>2795</v>
      </c>
      <c r="UOX737" s="424"/>
      <c r="UOY737" s="424"/>
      <c r="UOZ737" s="424"/>
      <c r="UPA737" s="423" t="s">
        <v>2795</v>
      </c>
      <c r="UPB737" s="424"/>
      <c r="UPC737" s="424"/>
      <c r="UPD737" s="424"/>
      <c r="UPE737" s="423" t="s">
        <v>2795</v>
      </c>
      <c r="UPF737" s="424"/>
      <c r="UPG737" s="424"/>
      <c r="UPH737" s="424"/>
      <c r="UPI737" s="423" t="s">
        <v>2795</v>
      </c>
      <c r="UPJ737" s="424"/>
      <c r="UPK737" s="424"/>
      <c r="UPL737" s="424"/>
      <c r="UPM737" s="423" t="s">
        <v>2795</v>
      </c>
      <c r="UPN737" s="424"/>
      <c r="UPO737" s="424"/>
      <c r="UPP737" s="424"/>
      <c r="UPQ737" s="423" t="s">
        <v>2795</v>
      </c>
      <c r="UPR737" s="424"/>
      <c r="UPS737" s="424"/>
      <c r="UPT737" s="424"/>
      <c r="UPU737" s="423" t="s">
        <v>2795</v>
      </c>
      <c r="UPV737" s="424"/>
      <c r="UPW737" s="424"/>
      <c r="UPX737" s="424"/>
      <c r="UPY737" s="423" t="s">
        <v>2795</v>
      </c>
      <c r="UPZ737" s="424"/>
      <c r="UQA737" s="424"/>
      <c r="UQB737" s="424"/>
      <c r="UQC737" s="423" t="s">
        <v>2795</v>
      </c>
      <c r="UQD737" s="424"/>
      <c r="UQE737" s="424"/>
      <c r="UQF737" s="424"/>
      <c r="UQG737" s="423" t="s">
        <v>2795</v>
      </c>
      <c r="UQH737" s="424"/>
      <c r="UQI737" s="424"/>
      <c r="UQJ737" s="424"/>
      <c r="UQK737" s="423" t="s">
        <v>2795</v>
      </c>
      <c r="UQL737" s="424"/>
      <c r="UQM737" s="424"/>
      <c r="UQN737" s="424"/>
      <c r="UQO737" s="423" t="s">
        <v>2795</v>
      </c>
      <c r="UQP737" s="424"/>
      <c r="UQQ737" s="424"/>
      <c r="UQR737" s="424"/>
      <c r="UQS737" s="423" t="s">
        <v>2795</v>
      </c>
      <c r="UQT737" s="424"/>
      <c r="UQU737" s="424"/>
      <c r="UQV737" s="424"/>
      <c r="UQW737" s="423" t="s">
        <v>2795</v>
      </c>
      <c r="UQX737" s="424"/>
      <c r="UQY737" s="424"/>
      <c r="UQZ737" s="424"/>
      <c r="URA737" s="423" t="s">
        <v>2795</v>
      </c>
      <c r="URB737" s="424"/>
      <c r="URC737" s="424"/>
      <c r="URD737" s="424"/>
      <c r="URE737" s="423" t="s">
        <v>2795</v>
      </c>
      <c r="URF737" s="424"/>
      <c r="URG737" s="424"/>
      <c r="URH737" s="424"/>
      <c r="URI737" s="423" t="s">
        <v>2795</v>
      </c>
      <c r="URJ737" s="424"/>
      <c r="URK737" s="424"/>
      <c r="URL737" s="424"/>
      <c r="URM737" s="423" t="s">
        <v>2795</v>
      </c>
      <c r="URN737" s="424"/>
      <c r="URO737" s="424"/>
      <c r="URP737" s="424"/>
      <c r="URQ737" s="423" t="s">
        <v>2795</v>
      </c>
      <c r="URR737" s="424"/>
      <c r="URS737" s="424"/>
      <c r="URT737" s="424"/>
      <c r="URU737" s="423" t="s">
        <v>2795</v>
      </c>
      <c r="URV737" s="424"/>
      <c r="URW737" s="424"/>
      <c r="URX737" s="424"/>
      <c r="URY737" s="423" t="s">
        <v>2795</v>
      </c>
      <c r="URZ737" s="424"/>
      <c r="USA737" s="424"/>
      <c r="USB737" s="424"/>
      <c r="USC737" s="423" t="s">
        <v>2795</v>
      </c>
      <c r="USD737" s="424"/>
      <c r="USE737" s="424"/>
      <c r="USF737" s="424"/>
      <c r="USG737" s="423" t="s">
        <v>2795</v>
      </c>
      <c r="USH737" s="424"/>
      <c r="USI737" s="424"/>
      <c r="USJ737" s="424"/>
      <c r="USK737" s="423" t="s">
        <v>2795</v>
      </c>
      <c r="USL737" s="424"/>
      <c r="USM737" s="424"/>
      <c r="USN737" s="424"/>
      <c r="USO737" s="423" t="s">
        <v>2795</v>
      </c>
      <c r="USP737" s="424"/>
      <c r="USQ737" s="424"/>
      <c r="USR737" s="424"/>
      <c r="USS737" s="423" t="s">
        <v>2795</v>
      </c>
      <c r="UST737" s="424"/>
      <c r="USU737" s="424"/>
      <c r="USV737" s="424"/>
      <c r="USW737" s="423" t="s">
        <v>2795</v>
      </c>
      <c r="USX737" s="424"/>
      <c r="USY737" s="424"/>
      <c r="USZ737" s="424"/>
      <c r="UTA737" s="423" t="s">
        <v>2795</v>
      </c>
      <c r="UTB737" s="424"/>
      <c r="UTC737" s="424"/>
      <c r="UTD737" s="424"/>
      <c r="UTE737" s="423" t="s">
        <v>2795</v>
      </c>
      <c r="UTF737" s="424"/>
      <c r="UTG737" s="424"/>
      <c r="UTH737" s="424"/>
      <c r="UTI737" s="423" t="s">
        <v>2795</v>
      </c>
      <c r="UTJ737" s="424"/>
      <c r="UTK737" s="424"/>
      <c r="UTL737" s="424"/>
      <c r="UTM737" s="423" t="s">
        <v>2795</v>
      </c>
      <c r="UTN737" s="424"/>
      <c r="UTO737" s="424"/>
      <c r="UTP737" s="424"/>
      <c r="UTQ737" s="423" t="s">
        <v>2795</v>
      </c>
      <c r="UTR737" s="424"/>
      <c r="UTS737" s="424"/>
      <c r="UTT737" s="424"/>
      <c r="UTU737" s="423" t="s">
        <v>2795</v>
      </c>
      <c r="UTV737" s="424"/>
      <c r="UTW737" s="424"/>
      <c r="UTX737" s="424"/>
      <c r="UTY737" s="423" t="s">
        <v>2795</v>
      </c>
      <c r="UTZ737" s="424"/>
      <c r="UUA737" s="424"/>
      <c r="UUB737" s="424"/>
      <c r="UUC737" s="423" t="s">
        <v>2795</v>
      </c>
      <c r="UUD737" s="424"/>
      <c r="UUE737" s="424"/>
      <c r="UUF737" s="424"/>
      <c r="UUG737" s="423" t="s">
        <v>2795</v>
      </c>
      <c r="UUH737" s="424"/>
      <c r="UUI737" s="424"/>
      <c r="UUJ737" s="424"/>
      <c r="UUK737" s="423" t="s">
        <v>2795</v>
      </c>
      <c r="UUL737" s="424"/>
      <c r="UUM737" s="424"/>
      <c r="UUN737" s="424"/>
      <c r="UUO737" s="423" t="s">
        <v>2795</v>
      </c>
      <c r="UUP737" s="424"/>
      <c r="UUQ737" s="424"/>
      <c r="UUR737" s="424"/>
      <c r="UUS737" s="423" t="s">
        <v>2795</v>
      </c>
      <c r="UUT737" s="424"/>
      <c r="UUU737" s="424"/>
      <c r="UUV737" s="424"/>
      <c r="UUW737" s="423" t="s">
        <v>2795</v>
      </c>
      <c r="UUX737" s="424"/>
      <c r="UUY737" s="424"/>
      <c r="UUZ737" s="424"/>
      <c r="UVA737" s="423" t="s">
        <v>2795</v>
      </c>
      <c r="UVB737" s="424"/>
      <c r="UVC737" s="424"/>
      <c r="UVD737" s="424"/>
      <c r="UVE737" s="423" t="s">
        <v>2795</v>
      </c>
      <c r="UVF737" s="424"/>
      <c r="UVG737" s="424"/>
      <c r="UVH737" s="424"/>
      <c r="UVI737" s="423" t="s">
        <v>2795</v>
      </c>
      <c r="UVJ737" s="424"/>
      <c r="UVK737" s="424"/>
      <c r="UVL737" s="424"/>
      <c r="UVM737" s="423" t="s">
        <v>2795</v>
      </c>
      <c r="UVN737" s="424"/>
      <c r="UVO737" s="424"/>
      <c r="UVP737" s="424"/>
      <c r="UVQ737" s="423" t="s">
        <v>2795</v>
      </c>
      <c r="UVR737" s="424"/>
      <c r="UVS737" s="424"/>
      <c r="UVT737" s="424"/>
      <c r="UVU737" s="423" t="s">
        <v>2795</v>
      </c>
      <c r="UVV737" s="424"/>
      <c r="UVW737" s="424"/>
      <c r="UVX737" s="424"/>
      <c r="UVY737" s="423" t="s">
        <v>2795</v>
      </c>
      <c r="UVZ737" s="424"/>
      <c r="UWA737" s="424"/>
      <c r="UWB737" s="424"/>
      <c r="UWC737" s="423" t="s">
        <v>2795</v>
      </c>
      <c r="UWD737" s="424"/>
      <c r="UWE737" s="424"/>
      <c r="UWF737" s="424"/>
      <c r="UWG737" s="423" t="s">
        <v>2795</v>
      </c>
      <c r="UWH737" s="424"/>
      <c r="UWI737" s="424"/>
      <c r="UWJ737" s="424"/>
      <c r="UWK737" s="423" t="s">
        <v>2795</v>
      </c>
      <c r="UWL737" s="424"/>
      <c r="UWM737" s="424"/>
      <c r="UWN737" s="424"/>
      <c r="UWO737" s="423" t="s">
        <v>2795</v>
      </c>
      <c r="UWP737" s="424"/>
      <c r="UWQ737" s="424"/>
      <c r="UWR737" s="424"/>
      <c r="UWS737" s="423" t="s">
        <v>2795</v>
      </c>
      <c r="UWT737" s="424"/>
      <c r="UWU737" s="424"/>
      <c r="UWV737" s="424"/>
      <c r="UWW737" s="423" t="s">
        <v>2795</v>
      </c>
      <c r="UWX737" s="424"/>
      <c r="UWY737" s="424"/>
      <c r="UWZ737" s="424"/>
      <c r="UXA737" s="423" t="s">
        <v>2795</v>
      </c>
      <c r="UXB737" s="424"/>
      <c r="UXC737" s="424"/>
      <c r="UXD737" s="424"/>
      <c r="UXE737" s="423" t="s">
        <v>2795</v>
      </c>
      <c r="UXF737" s="424"/>
      <c r="UXG737" s="424"/>
      <c r="UXH737" s="424"/>
      <c r="UXI737" s="423" t="s">
        <v>2795</v>
      </c>
      <c r="UXJ737" s="424"/>
      <c r="UXK737" s="424"/>
      <c r="UXL737" s="424"/>
      <c r="UXM737" s="423" t="s">
        <v>2795</v>
      </c>
      <c r="UXN737" s="424"/>
      <c r="UXO737" s="424"/>
      <c r="UXP737" s="424"/>
      <c r="UXQ737" s="423" t="s">
        <v>2795</v>
      </c>
      <c r="UXR737" s="424"/>
      <c r="UXS737" s="424"/>
      <c r="UXT737" s="424"/>
      <c r="UXU737" s="423" t="s">
        <v>2795</v>
      </c>
      <c r="UXV737" s="424"/>
      <c r="UXW737" s="424"/>
      <c r="UXX737" s="424"/>
      <c r="UXY737" s="423" t="s">
        <v>2795</v>
      </c>
      <c r="UXZ737" s="424"/>
      <c r="UYA737" s="424"/>
      <c r="UYB737" s="424"/>
      <c r="UYC737" s="423" t="s">
        <v>2795</v>
      </c>
      <c r="UYD737" s="424"/>
      <c r="UYE737" s="424"/>
      <c r="UYF737" s="424"/>
      <c r="UYG737" s="423" t="s">
        <v>2795</v>
      </c>
      <c r="UYH737" s="424"/>
      <c r="UYI737" s="424"/>
      <c r="UYJ737" s="424"/>
      <c r="UYK737" s="423" t="s">
        <v>2795</v>
      </c>
      <c r="UYL737" s="424"/>
      <c r="UYM737" s="424"/>
      <c r="UYN737" s="424"/>
      <c r="UYO737" s="423" t="s">
        <v>2795</v>
      </c>
      <c r="UYP737" s="424"/>
      <c r="UYQ737" s="424"/>
      <c r="UYR737" s="424"/>
      <c r="UYS737" s="423" t="s">
        <v>2795</v>
      </c>
      <c r="UYT737" s="424"/>
      <c r="UYU737" s="424"/>
      <c r="UYV737" s="424"/>
      <c r="UYW737" s="423" t="s">
        <v>2795</v>
      </c>
      <c r="UYX737" s="424"/>
      <c r="UYY737" s="424"/>
      <c r="UYZ737" s="424"/>
      <c r="UZA737" s="423" t="s">
        <v>2795</v>
      </c>
      <c r="UZB737" s="424"/>
      <c r="UZC737" s="424"/>
      <c r="UZD737" s="424"/>
      <c r="UZE737" s="423" t="s">
        <v>2795</v>
      </c>
      <c r="UZF737" s="424"/>
      <c r="UZG737" s="424"/>
      <c r="UZH737" s="424"/>
      <c r="UZI737" s="423" t="s">
        <v>2795</v>
      </c>
      <c r="UZJ737" s="424"/>
      <c r="UZK737" s="424"/>
      <c r="UZL737" s="424"/>
      <c r="UZM737" s="423" t="s">
        <v>2795</v>
      </c>
      <c r="UZN737" s="424"/>
      <c r="UZO737" s="424"/>
      <c r="UZP737" s="424"/>
      <c r="UZQ737" s="423" t="s">
        <v>2795</v>
      </c>
      <c r="UZR737" s="424"/>
      <c r="UZS737" s="424"/>
      <c r="UZT737" s="424"/>
      <c r="UZU737" s="423" t="s">
        <v>2795</v>
      </c>
      <c r="UZV737" s="424"/>
      <c r="UZW737" s="424"/>
      <c r="UZX737" s="424"/>
      <c r="UZY737" s="423" t="s">
        <v>2795</v>
      </c>
      <c r="UZZ737" s="424"/>
      <c r="VAA737" s="424"/>
      <c r="VAB737" s="424"/>
      <c r="VAC737" s="423" t="s">
        <v>2795</v>
      </c>
      <c r="VAD737" s="424"/>
      <c r="VAE737" s="424"/>
      <c r="VAF737" s="424"/>
      <c r="VAG737" s="423" t="s">
        <v>2795</v>
      </c>
      <c r="VAH737" s="424"/>
      <c r="VAI737" s="424"/>
      <c r="VAJ737" s="424"/>
      <c r="VAK737" s="423" t="s">
        <v>2795</v>
      </c>
      <c r="VAL737" s="424"/>
      <c r="VAM737" s="424"/>
      <c r="VAN737" s="424"/>
      <c r="VAO737" s="423" t="s">
        <v>2795</v>
      </c>
      <c r="VAP737" s="424"/>
      <c r="VAQ737" s="424"/>
      <c r="VAR737" s="424"/>
      <c r="VAS737" s="423" t="s">
        <v>2795</v>
      </c>
      <c r="VAT737" s="424"/>
      <c r="VAU737" s="424"/>
      <c r="VAV737" s="424"/>
      <c r="VAW737" s="423" t="s">
        <v>2795</v>
      </c>
      <c r="VAX737" s="424"/>
      <c r="VAY737" s="424"/>
      <c r="VAZ737" s="424"/>
      <c r="VBA737" s="423" t="s">
        <v>2795</v>
      </c>
      <c r="VBB737" s="424"/>
      <c r="VBC737" s="424"/>
      <c r="VBD737" s="424"/>
      <c r="VBE737" s="423" t="s">
        <v>2795</v>
      </c>
      <c r="VBF737" s="424"/>
      <c r="VBG737" s="424"/>
      <c r="VBH737" s="424"/>
      <c r="VBI737" s="423" t="s">
        <v>2795</v>
      </c>
      <c r="VBJ737" s="424"/>
      <c r="VBK737" s="424"/>
      <c r="VBL737" s="424"/>
      <c r="VBM737" s="423" t="s">
        <v>2795</v>
      </c>
      <c r="VBN737" s="424"/>
      <c r="VBO737" s="424"/>
      <c r="VBP737" s="424"/>
      <c r="VBQ737" s="423" t="s">
        <v>2795</v>
      </c>
      <c r="VBR737" s="424"/>
      <c r="VBS737" s="424"/>
      <c r="VBT737" s="424"/>
      <c r="VBU737" s="423" t="s">
        <v>2795</v>
      </c>
      <c r="VBV737" s="424"/>
      <c r="VBW737" s="424"/>
      <c r="VBX737" s="424"/>
      <c r="VBY737" s="423" t="s">
        <v>2795</v>
      </c>
      <c r="VBZ737" s="424"/>
      <c r="VCA737" s="424"/>
      <c r="VCB737" s="424"/>
      <c r="VCC737" s="423" t="s">
        <v>2795</v>
      </c>
      <c r="VCD737" s="424"/>
      <c r="VCE737" s="424"/>
      <c r="VCF737" s="424"/>
      <c r="VCG737" s="423" t="s">
        <v>2795</v>
      </c>
      <c r="VCH737" s="424"/>
      <c r="VCI737" s="424"/>
      <c r="VCJ737" s="424"/>
      <c r="VCK737" s="423" t="s">
        <v>2795</v>
      </c>
      <c r="VCL737" s="424"/>
      <c r="VCM737" s="424"/>
      <c r="VCN737" s="424"/>
      <c r="VCO737" s="423" t="s">
        <v>2795</v>
      </c>
      <c r="VCP737" s="424"/>
      <c r="VCQ737" s="424"/>
      <c r="VCR737" s="424"/>
      <c r="VCS737" s="423" t="s">
        <v>2795</v>
      </c>
      <c r="VCT737" s="424"/>
      <c r="VCU737" s="424"/>
      <c r="VCV737" s="424"/>
      <c r="VCW737" s="423" t="s">
        <v>2795</v>
      </c>
      <c r="VCX737" s="424"/>
      <c r="VCY737" s="424"/>
      <c r="VCZ737" s="424"/>
      <c r="VDA737" s="423" t="s">
        <v>2795</v>
      </c>
      <c r="VDB737" s="424"/>
      <c r="VDC737" s="424"/>
      <c r="VDD737" s="424"/>
      <c r="VDE737" s="423" t="s">
        <v>2795</v>
      </c>
      <c r="VDF737" s="424"/>
      <c r="VDG737" s="424"/>
      <c r="VDH737" s="424"/>
      <c r="VDI737" s="423" t="s">
        <v>2795</v>
      </c>
      <c r="VDJ737" s="424"/>
      <c r="VDK737" s="424"/>
      <c r="VDL737" s="424"/>
      <c r="VDM737" s="423" t="s">
        <v>2795</v>
      </c>
      <c r="VDN737" s="424"/>
      <c r="VDO737" s="424"/>
      <c r="VDP737" s="424"/>
      <c r="VDQ737" s="423" t="s">
        <v>2795</v>
      </c>
      <c r="VDR737" s="424"/>
      <c r="VDS737" s="424"/>
      <c r="VDT737" s="424"/>
      <c r="VDU737" s="423" t="s">
        <v>2795</v>
      </c>
      <c r="VDV737" s="424"/>
      <c r="VDW737" s="424"/>
      <c r="VDX737" s="424"/>
      <c r="VDY737" s="423" t="s">
        <v>2795</v>
      </c>
      <c r="VDZ737" s="424"/>
      <c r="VEA737" s="424"/>
      <c r="VEB737" s="424"/>
      <c r="VEC737" s="423" t="s">
        <v>2795</v>
      </c>
      <c r="VED737" s="424"/>
      <c r="VEE737" s="424"/>
      <c r="VEF737" s="424"/>
      <c r="VEG737" s="423" t="s">
        <v>2795</v>
      </c>
      <c r="VEH737" s="424"/>
      <c r="VEI737" s="424"/>
      <c r="VEJ737" s="424"/>
      <c r="VEK737" s="423" t="s">
        <v>2795</v>
      </c>
      <c r="VEL737" s="424"/>
      <c r="VEM737" s="424"/>
      <c r="VEN737" s="424"/>
      <c r="VEO737" s="423" t="s">
        <v>2795</v>
      </c>
      <c r="VEP737" s="424"/>
      <c r="VEQ737" s="424"/>
      <c r="VER737" s="424"/>
      <c r="VES737" s="423" t="s">
        <v>2795</v>
      </c>
      <c r="VET737" s="424"/>
      <c r="VEU737" s="424"/>
      <c r="VEV737" s="424"/>
      <c r="VEW737" s="423" t="s">
        <v>2795</v>
      </c>
      <c r="VEX737" s="424"/>
      <c r="VEY737" s="424"/>
      <c r="VEZ737" s="424"/>
      <c r="VFA737" s="423" t="s">
        <v>2795</v>
      </c>
      <c r="VFB737" s="424"/>
      <c r="VFC737" s="424"/>
      <c r="VFD737" s="424"/>
      <c r="VFE737" s="423" t="s">
        <v>2795</v>
      </c>
      <c r="VFF737" s="424"/>
      <c r="VFG737" s="424"/>
      <c r="VFH737" s="424"/>
      <c r="VFI737" s="423" t="s">
        <v>2795</v>
      </c>
      <c r="VFJ737" s="424"/>
      <c r="VFK737" s="424"/>
      <c r="VFL737" s="424"/>
      <c r="VFM737" s="423" t="s">
        <v>2795</v>
      </c>
      <c r="VFN737" s="424"/>
      <c r="VFO737" s="424"/>
      <c r="VFP737" s="424"/>
      <c r="VFQ737" s="423" t="s">
        <v>2795</v>
      </c>
      <c r="VFR737" s="424"/>
      <c r="VFS737" s="424"/>
      <c r="VFT737" s="424"/>
      <c r="VFU737" s="423" t="s">
        <v>2795</v>
      </c>
      <c r="VFV737" s="424"/>
      <c r="VFW737" s="424"/>
      <c r="VFX737" s="424"/>
      <c r="VFY737" s="423" t="s">
        <v>2795</v>
      </c>
      <c r="VFZ737" s="424"/>
      <c r="VGA737" s="424"/>
      <c r="VGB737" s="424"/>
      <c r="VGC737" s="423" t="s">
        <v>2795</v>
      </c>
      <c r="VGD737" s="424"/>
      <c r="VGE737" s="424"/>
      <c r="VGF737" s="424"/>
      <c r="VGG737" s="423" t="s">
        <v>2795</v>
      </c>
      <c r="VGH737" s="424"/>
      <c r="VGI737" s="424"/>
      <c r="VGJ737" s="424"/>
      <c r="VGK737" s="423" t="s">
        <v>2795</v>
      </c>
      <c r="VGL737" s="424"/>
      <c r="VGM737" s="424"/>
      <c r="VGN737" s="424"/>
      <c r="VGO737" s="423" t="s">
        <v>2795</v>
      </c>
      <c r="VGP737" s="424"/>
      <c r="VGQ737" s="424"/>
      <c r="VGR737" s="424"/>
      <c r="VGS737" s="423" t="s">
        <v>2795</v>
      </c>
      <c r="VGT737" s="424"/>
      <c r="VGU737" s="424"/>
      <c r="VGV737" s="424"/>
      <c r="VGW737" s="423" t="s">
        <v>2795</v>
      </c>
      <c r="VGX737" s="424"/>
      <c r="VGY737" s="424"/>
      <c r="VGZ737" s="424"/>
      <c r="VHA737" s="423" t="s">
        <v>2795</v>
      </c>
      <c r="VHB737" s="424"/>
      <c r="VHC737" s="424"/>
      <c r="VHD737" s="424"/>
      <c r="VHE737" s="423" t="s">
        <v>2795</v>
      </c>
      <c r="VHF737" s="424"/>
      <c r="VHG737" s="424"/>
      <c r="VHH737" s="424"/>
      <c r="VHI737" s="423" t="s">
        <v>2795</v>
      </c>
      <c r="VHJ737" s="424"/>
      <c r="VHK737" s="424"/>
      <c r="VHL737" s="424"/>
      <c r="VHM737" s="423" t="s">
        <v>2795</v>
      </c>
      <c r="VHN737" s="424"/>
      <c r="VHO737" s="424"/>
      <c r="VHP737" s="424"/>
      <c r="VHQ737" s="423" t="s">
        <v>2795</v>
      </c>
      <c r="VHR737" s="424"/>
      <c r="VHS737" s="424"/>
      <c r="VHT737" s="424"/>
      <c r="VHU737" s="423" t="s">
        <v>2795</v>
      </c>
      <c r="VHV737" s="424"/>
      <c r="VHW737" s="424"/>
      <c r="VHX737" s="424"/>
      <c r="VHY737" s="423" t="s">
        <v>2795</v>
      </c>
      <c r="VHZ737" s="424"/>
      <c r="VIA737" s="424"/>
      <c r="VIB737" s="424"/>
      <c r="VIC737" s="423" t="s">
        <v>2795</v>
      </c>
      <c r="VID737" s="424"/>
      <c r="VIE737" s="424"/>
      <c r="VIF737" s="424"/>
      <c r="VIG737" s="423" t="s">
        <v>2795</v>
      </c>
      <c r="VIH737" s="424"/>
      <c r="VII737" s="424"/>
      <c r="VIJ737" s="424"/>
      <c r="VIK737" s="423" t="s">
        <v>2795</v>
      </c>
      <c r="VIL737" s="424"/>
      <c r="VIM737" s="424"/>
      <c r="VIN737" s="424"/>
      <c r="VIO737" s="423" t="s">
        <v>2795</v>
      </c>
      <c r="VIP737" s="424"/>
      <c r="VIQ737" s="424"/>
      <c r="VIR737" s="424"/>
      <c r="VIS737" s="423" t="s">
        <v>2795</v>
      </c>
      <c r="VIT737" s="424"/>
      <c r="VIU737" s="424"/>
      <c r="VIV737" s="424"/>
      <c r="VIW737" s="423" t="s">
        <v>2795</v>
      </c>
      <c r="VIX737" s="424"/>
      <c r="VIY737" s="424"/>
      <c r="VIZ737" s="424"/>
      <c r="VJA737" s="423" t="s">
        <v>2795</v>
      </c>
      <c r="VJB737" s="424"/>
      <c r="VJC737" s="424"/>
      <c r="VJD737" s="424"/>
      <c r="VJE737" s="423" t="s">
        <v>2795</v>
      </c>
      <c r="VJF737" s="424"/>
      <c r="VJG737" s="424"/>
      <c r="VJH737" s="424"/>
      <c r="VJI737" s="423" t="s">
        <v>2795</v>
      </c>
      <c r="VJJ737" s="424"/>
      <c r="VJK737" s="424"/>
      <c r="VJL737" s="424"/>
      <c r="VJM737" s="423" t="s">
        <v>2795</v>
      </c>
      <c r="VJN737" s="424"/>
      <c r="VJO737" s="424"/>
      <c r="VJP737" s="424"/>
      <c r="VJQ737" s="423" t="s">
        <v>2795</v>
      </c>
      <c r="VJR737" s="424"/>
      <c r="VJS737" s="424"/>
      <c r="VJT737" s="424"/>
      <c r="VJU737" s="423" t="s">
        <v>2795</v>
      </c>
      <c r="VJV737" s="424"/>
      <c r="VJW737" s="424"/>
      <c r="VJX737" s="424"/>
      <c r="VJY737" s="423" t="s">
        <v>2795</v>
      </c>
      <c r="VJZ737" s="424"/>
      <c r="VKA737" s="424"/>
      <c r="VKB737" s="424"/>
      <c r="VKC737" s="423" t="s">
        <v>2795</v>
      </c>
      <c r="VKD737" s="424"/>
      <c r="VKE737" s="424"/>
      <c r="VKF737" s="424"/>
      <c r="VKG737" s="423" t="s">
        <v>2795</v>
      </c>
      <c r="VKH737" s="424"/>
      <c r="VKI737" s="424"/>
      <c r="VKJ737" s="424"/>
      <c r="VKK737" s="423" t="s">
        <v>2795</v>
      </c>
      <c r="VKL737" s="424"/>
      <c r="VKM737" s="424"/>
      <c r="VKN737" s="424"/>
      <c r="VKO737" s="423" t="s">
        <v>2795</v>
      </c>
      <c r="VKP737" s="424"/>
      <c r="VKQ737" s="424"/>
      <c r="VKR737" s="424"/>
      <c r="VKS737" s="423" t="s">
        <v>2795</v>
      </c>
      <c r="VKT737" s="424"/>
      <c r="VKU737" s="424"/>
      <c r="VKV737" s="424"/>
      <c r="VKW737" s="423" t="s">
        <v>2795</v>
      </c>
      <c r="VKX737" s="424"/>
      <c r="VKY737" s="424"/>
      <c r="VKZ737" s="424"/>
      <c r="VLA737" s="423" t="s">
        <v>2795</v>
      </c>
      <c r="VLB737" s="424"/>
      <c r="VLC737" s="424"/>
      <c r="VLD737" s="424"/>
      <c r="VLE737" s="423" t="s">
        <v>2795</v>
      </c>
      <c r="VLF737" s="424"/>
      <c r="VLG737" s="424"/>
      <c r="VLH737" s="424"/>
      <c r="VLI737" s="423" t="s">
        <v>2795</v>
      </c>
      <c r="VLJ737" s="424"/>
      <c r="VLK737" s="424"/>
      <c r="VLL737" s="424"/>
      <c r="VLM737" s="423" t="s">
        <v>2795</v>
      </c>
      <c r="VLN737" s="424"/>
      <c r="VLO737" s="424"/>
      <c r="VLP737" s="424"/>
      <c r="VLQ737" s="423" t="s">
        <v>2795</v>
      </c>
      <c r="VLR737" s="424"/>
      <c r="VLS737" s="424"/>
      <c r="VLT737" s="424"/>
      <c r="VLU737" s="423" t="s">
        <v>2795</v>
      </c>
      <c r="VLV737" s="424"/>
      <c r="VLW737" s="424"/>
      <c r="VLX737" s="424"/>
      <c r="VLY737" s="423" t="s">
        <v>2795</v>
      </c>
      <c r="VLZ737" s="424"/>
      <c r="VMA737" s="424"/>
      <c r="VMB737" s="424"/>
      <c r="VMC737" s="423" t="s">
        <v>2795</v>
      </c>
      <c r="VMD737" s="424"/>
      <c r="VME737" s="424"/>
      <c r="VMF737" s="424"/>
      <c r="VMG737" s="423" t="s">
        <v>2795</v>
      </c>
      <c r="VMH737" s="424"/>
      <c r="VMI737" s="424"/>
      <c r="VMJ737" s="424"/>
      <c r="VMK737" s="423" t="s">
        <v>2795</v>
      </c>
      <c r="VML737" s="424"/>
      <c r="VMM737" s="424"/>
      <c r="VMN737" s="424"/>
      <c r="VMO737" s="423" t="s">
        <v>2795</v>
      </c>
      <c r="VMP737" s="424"/>
      <c r="VMQ737" s="424"/>
      <c r="VMR737" s="424"/>
      <c r="VMS737" s="423" t="s">
        <v>2795</v>
      </c>
      <c r="VMT737" s="424"/>
      <c r="VMU737" s="424"/>
      <c r="VMV737" s="424"/>
      <c r="VMW737" s="423" t="s">
        <v>2795</v>
      </c>
      <c r="VMX737" s="424"/>
      <c r="VMY737" s="424"/>
      <c r="VMZ737" s="424"/>
      <c r="VNA737" s="423" t="s">
        <v>2795</v>
      </c>
      <c r="VNB737" s="424"/>
      <c r="VNC737" s="424"/>
      <c r="VND737" s="424"/>
      <c r="VNE737" s="423" t="s">
        <v>2795</v>
      </c>
      <c r="VNF737" s="424"/>
      <c r="VNG737" s="424"/>
      <c r="VNH737" s="424"/>
      <c r="VNI737" s="423" t="s">
        <v>2795</v>
      </c>
      <c r="VNJ737" s="424"/>
      <c r="VNK737" s="424"/>
      <c r="VNL737" s="424"/>
      <c r="VNM737" s="423" t="s">
        <v>2795</v>
      </c>
      <c r="VNN737" s="424"/>
      <c r="VNO737" s="424"/>
      <c r="VNP737" s="424"/>
      <c r="VNQ737" s="423" t="s">
        <v>2795</v>
      </c>
      <c r="VNR737" s="424"/>
      <c r="VNS737" s="424"/>
      <c r="VNT737" s="424"/>
      <c r="VNU737" s="423" t="s">
        <v>2795</v>
      </c>
      <c r="VNV737" s="424"/>
      <c r="VNW737" s="424"/>
      <c r="VNX737" s="424"/>
      <c r="VNY737" s="423" t="s">
        <v>2795</v>
      </c>
      <c r="VNZ737" s="424"/>
      <c r="VOA737" s="424"/>
      <c r="VOB737" s="424"/>
      <c r="VOC737" s="423" t="s">
        <v>2795</v>
      </c>
      <c r="VOD737" s="424"/>
      <c r="VOE737" s="424"/>
      <c r="VOF737" s="424"/>
      <c r="VOG737" s="423" t="s">
        <v>2795</v>
      </c>
      <c r="VOH737" s="424"/>
      <c r="VOI737" s="424"/>
      <c r="VOJ737" s="424"/>
      <c r="VOK737" s="423" t="s">
        <v>2795</v>
      </c>
      <c r="VOL737" s="424"/>
      <c r="VOM737" s="424"/>
      <c r="VON737" s="424"/>
      <c r="VOO737" s="423" t="s">
        <v>2795</v>
      </c>
      <c r="VOP737" s="424"/>
      <c r="VOQ737" s="424"/>
      <c r="VOR737" s="424"/>
      <c r="VOS737" s="423" t="s">
        <v>2795</v>
      </c>
      <c r="VOT737" s="424"/>
      <c r="VOU737" s="424"/>
      <c r="VOV737" s="424"/>
      <c r="VOW737" s="423" t="s">
        <v>2795</v>
      </c>
      <c r="VOX737" s="424"/>
      <c r="VOY737" s="424"/>
      <c r="VOZ737" s="424"/>
      <c r="VPA737" s="423" t="s">
        <v>2795</v>
      </c>
      <c r="VPB737" s="424"/>
      <c r="VPC737" s="424"/>
      <c r="VPD737" s="424"/>
      <c r="VPE737" s="423" t="s">
        <v>2795</v>
      </c>
      <c r="VPF737" s="424"/>
      <c r="VPG737" s="424"/>
      <c r="VPH737" s="424"/>
      <c r="VPI737" s="423" t="s">
        <v>2795</v>
      </c>
      <c r="VPJ737" s="424"/>
      <c r="VPK737" s="424"/>
      <c r="VPL737" s="424"/>
      <c r="VPM737" s="423" t="s">
        <v>2795</v>
      </c>
      <c r="VPN737" s="424"/>
      <c r="VPO737" s="424"/>
      <c r="VPP737" s="424"/>
      <c r="VPQ737" s="423" t="s">
        <v>2795</v>
      </c>
      <c r="VPR737" s="424"/>
      <c r="VPS737" s="424"/>
      <c r="VPT737" s="424"/>
      <c r="VPU737" s="423" t="s">
        <v>2795</v>
      </c>
      <c r="VPV737" s="424"/>
      <c r="VPW737" s="424"/>
      <c r="VPX737" s="424"/>
      <c r="VPY737" s="423" t="s">
        <v>2795</v>
      </c>
      <c r="VPZ737" s="424"/>
      <c r="VQA737" s="424"/>
      <c r="VQB737" s="424"/>
      <c r="VQC737" s="423" t="s">
        <v>2795</v>
      </c>
      <c r="VQD737" s="424"/>
      <c r="VQE737" s="424"/>
      <c r="VQF737" s="424"/>
      <c r="VQG737" s="423" t="s">
        <v>2795</v>
      </c>
      <c r="VQH737" s="424"/>
      <c r="VQI737" s="424"/>
      <c r="VQJ737" s="424"/>
      <c r="VQK737" s="423" t="s">
        <v>2795</v>
      </c>
      <c r="VQL737" s="424"/>
      <c r="VQM737" s="424"/>
      <c r="VQN737" s="424"/>
      <c r="VQO737" s="423" t="s">
        <v>2795</v>
      </c>
      <c r="VQP737" s="424"/>
      <c r="VQQ737" s="424"/>
      <c r="VQR737" s="424"/>
      <c r="VQS737" s="423" t="s">
        <v>2795</v>
      </c>
      <c r="VQT737" s="424"/>
      <c r="VQU737" s="424"/>
      <c r="VQV737" s="424"/>
      <c r="VQW737" s="423" t="s">
        <v>2795</v>
      </c>
      <c r="VQX737" s="424"/>
      <c r="VQY737" s="424"/>
      <c r="VQZ737" s="424"/>
      <c r="VRA737" s="423" t="s">
        <v>2795</v>
      </c>
      <c r="VRB737" s="424"/>
      <c r="VRC737" s="424"/>
      <c r="VRD737" s="424"/>
      <c r="VRE737" s="423" t="s">
        <v>2795</v>
      </c>
      <c r="VRF737" s="424"/>
      <c r="VRG737" s="424"/>
      <c r="VRH737" s="424"/>
      <c r="VRI737" s="423" t="s">
        <v>2795</v>
      </c>
      <c r="VRJ737" s="424"/>
      <c r="VRK737" s="424"/>
      <c r="VRL737" s="424"/>
      <c r="VRM737" s="423" t="s">
        <v>2795</v>
      </c>
      <c r="VRN737" s="424"/>
      <c r="VRO737" s="424"/>
      <c r="VRP737" s="424"/>
      <c r="VRQ737" s="423" t="s">
        <v>2795</v>
      </c>
      <c r="VRR737" s="424"/>
      <c r="VRS737" s="424"/>
      <c r="VRT737" s="424"/>
      <c r="VRU737" s="423" t="s">
        <v>2795</v>
      </c>
      <c r="VRV737" s="424"/>
      <c r="VRW737" s="424"/>
      <c r="VRX737" s="424"/>
      <c r="VRY737" s="423" t="s">
        <v>2795</v>
      </c>
      <c r="VRZ737" s="424"/>
      <c r="VSA737" s="424"/>
      <c r="VSB737" s="424"/>
      <c r="VSC737" s="423" t="s">
        <v>2795</v>
      </c>
      <c r="VSD737" s="424"/>
      <c r="VSE737" s="424"/>
      <c r="VSF737" s="424"/>
      <c r="VSG737" s="423" t="s">
        <v>2795</v>
      </c>
      <c r="VSH737" s="424"/>
      <c r="VSI737" s="424"/>
      <c r="VSJ737" s="424"/>
      <c r="VSK737" s="423" t="s">
        <v>2795</v>
      </c>
      <c r="VSL737" s="424"/>
      <c r="VSM737" s="424"/>
      <c r="VSN737" s="424"/>
      <c r="VSO737" s="423" t="s">
        <v>2795</v>
      </c>
      <c r="VSP737" s="424"/>
      <c r="VSQ737" s="424"/>
      <c r="VSR737" s="424"/>
      <c r="VSS737" s="423" t="s">
        <v>2795</v>
      </c>
      <c r="VST737" s="424"/>
      <c r="VSU737" s="424"/>
      <c r="VSV737" s="424"/>
      <c r="VSW737" s="423" t="s">
        <v>2795</v>
      </c>
      <c r="VSX737" s="424"/>
      <c r="VSY737" s="424"/>
      <c r="VSZ737" s="424"/>
      <c r="VTA737" s="423" t="s">
        <v>2795</v>
      </c>
      <c r="VTB737" s="424"/>
      <c r="VTC737" s="424"/>
      <c r="VTD737" s="424"/>
      <c r="VTE737" s="423" t="s">
        <v>2795</v>
      </c>
      <c r="VTF737" s="424"/>
      <c r="VTG737" s="424"/>
      <c r="VTH737" s="424"/>
      <c r="VTI737" s="423" t="s">
        <v>2795</v>
      </c>
      <c r="VTJ737" s="424"/>
      <c r="VTK737" s="424"/>
      <c r="VTL737" s="424"/>
      <c r="VTM737" s="423" t="s">
        <v>2795</v>
      </c>
      <c r="VTN737" s="424"/>
      <c r="VTO737" s="424"/>
      <c r="VTP737" s="424"/>
      <c r="VTQ737" s="423" t="s">
        <v>2795</v>
      </c>
      <c r="VTR737" s="424"/>
      <c r="VTS737" s="424"/>
      <c r="VTT737" s="424"/>
      <c r="VTU737" s="423" t="s">
        <v>2795</v>
      </c>
      <c r="VTV737" s="424"/>
      <c r="VTW737" s="424"/>
      <c r="VTX737" s="424"/>
      <c r="VTY737" s="423" t="s">
        <v>2795</v>
      </c>
      <c r="VTZ737" s="424"/>
      <c r="VUA737" s="424"/>
      <c r="VUB737" s="424"/>
      <c r="VUC737" s="423" t="s">
        <v>2795</v>
      </c>
      <c r="VUD737" s="424"/>
      <c r="VUE737" s="424"/>
      <c r="VUF737" s="424"/>
      <c r="VUG737" s="423" t="s">
        <v>2795</v>
      </c>
      <c r="VUH737" s="424"/>
      <c r="VUI737" s="424"/>
      <c r="VUJ737" s="424"/>
      <c r="VUK737" s="423" t="s">
        <v>2795</v>
      </c>
      <c r="VUL737" s="424"/>
      <c r="VUM737" s="424"/>
      <c r="VUN737" s="424"/>
      <c r="VUO737" s="423" t="s">
        <v>2795</v>
      </c>
      <c r="VUP737" s="424"/>
      <c r="VUQ737" s="424"/>
      <c r="VUR737" s="424"/>
      <c r="VUS737" s="423" t="s">
        <v>2795</v>
      </c>
      <c r="VUT737" s="424"/>
      <c r="VUU737" s="424"/>
      <c r="VUV737" s="424"/>
      <c r="VUW737" s="423" t="s">
        <v>2795</v>
      </c>
      <c r="VUX737" s="424"/>
      <c r="VUY737" s="424"/>
      <c r="VUZ737" s="424"/>
      <c r="VVA737" s="423" t="s">
        <v>2795</v>
      </c>
      <c r="VVB737" s="424"/>
      <c r="VVC737" s="424"/>
      <c r="VVD737" s="424"/>
      <c r="VVE737" s="423" t="s">
        <v>2795</v>
      </c>
      <c r="VVF737" s="424"/>
      <c r="VVG737" s="424"/>
      <c r="VVH737" s="424"/>
      <c r="VVI737" s="423" t="s">
        <v>2795</v>
      </c>
      <c r="VVJ737" s="424"/>
      <c r="VVK737" s="424"/>
      <c r="VVL737" s="424"/>
      <c r="VVM737" s="423" t="s">
        <v>2795</v>
      </c>
      <c r="VVN737" s="424"/>
      <c r="VVO737" s="424"/>
      <c r="VVP737" s="424"/>
      <c r="VVQ737" s="423" t="s">
        <v>2795</v>
      </c>
      <c r="VVR737" s="424"/>
      <c r="VVS737" s="424"/>
      <c r="VVT737" s="424"/>
      <c r="VVU737" s="423" t="s">
        <v>2795</v>
      </c>
      <c r="VVV737" s="424"/>
      <c r="VVW737" s="424"/>
      <c r="VVX737" s="424"/>
      <c r="VVY737" s="423" t="s">
        <v>2795</v>
      </c>
      <c r="VVZ737" s="424"/>
      <c r="VWA737" s="424"/>
      <c r="VWB737" s="424"/>
      <c r="VWC737" s="423" t="s">
        <v>2795</v>
      </c>
      <c r="VWD737" s="424"/>
      <c r="VWE737" s="424"/>
      <c r="VWF737" s="424"/>
      <c r="VWG737" s="423" t="s">
        <v>2795</v>
      </c>
      <c r="VWH737" s="424"/>
      <c r="VWI737" s="424"/>
      <c r="VWJ737" s="424"/>
      <c r="VWK737" s="423" t="s">
        <v>2795</v>
      </c>
      <c r="VWL737" s="424"/>
      <c r="VWM737" s="424"/>
      <c r="VWN737" s="424"/>
      <c r="VWO737" s="423" t="s">
        <v>2795</v>
      </c>
      <c r="VWP737" s="424"/>
      <c r="VWQ737" s="424"/>
      <c r="VWR737" s="424"/>
      <c r="VWS737" s="423" t="s">
        <v>2795</v>
      </c>
      <c r="VWT737" s="424"/>
      <c r="VWU737" s="424"/>
      <c r="VWV737" s="424"/>
      <c r="VWW737" s="423" t="s">
        <v>2795</v>
      </c>
      <c r="VWX737" s="424"/>
      <c r="VWY737" s="424"/>
      <c r="VWZ737" s="424"/>
      <c r="VXA737" s="423" t="s">
        <v>2795</v>
      </c>
      <c r="VXB737" s="424"/>
      <c r="VXC737" s="424"/>
      <c r="VXD737" s="424"/>
      <c r="VXE737" s="423" t="s">
        <v>2795</v>
      </c>
      <c r="VXF737" s="424"/>
      <c r="VXG737" s="424"/>
      <c r="VXH737" s="424"/>
      <c r="VXI737" s="423" t="s">
        <v>2795</v>
      </c>
      <c r="VXJ737" s="424"/>
      <c r="VXK737" s="424"/>
      <c r="VXL737" s="424"/>
      <c r="VXM737" s="423" t="s">
        <v>2795</v>
      </c>
      <c r="VXN737" s="424"/>
      <c r="VXO737" s="424"/>
      <c r="VXP737" s="424"/>
      <c r="VXQ737" s="423" t="s">
        <v>2795</v>
      </c>
      <c r="VXR737" s="424"/>
      <c r="VXS737" s="424"/>
      <c r="VXT737" s="424"/>
      <c r="VXU737" s="423" t="s">
        <v>2795</v>
      </c>
      <c r="VXV737" s="424"/>
      <c r="VXW737" s="424"/>
      <c r="VXX737" s="424"/>
      <c r="VXY737" s="423" t="s">
        <v>2795</v>
      </c>
      <c r="VXZ737" s="424"/>
      <c r="VYA737" s="424"/>
      <c r="VYB737" s="424"/>
      <c r="VYC737" s="423" t="s">
        <v>2795</v>
      </c>
      <c r="VYD737" s="424"/>
      <c r="VYE737" s="424"/>
      <c r="VYF737" s="424"/>
      <c r="VYG737" s="423" t="s">
        <v>2795</v>
      </c>
      <c r="VYH737" s="424"/>
      <c r="VYI737" s="424"/>
      <c r="VYJ737" s="424"/>
      <c r="VYK737" s="423" t="s">
        <v>2795</v>
      </c>
      <c r="VYL737" s="424"/>
      <c r="VYM737" s="424"/>
      <c r="VYN737" s="424"/>
      <c r="VYO737" s="423" t="s">
        <v>2795</v>
      </c>
      <c r="VYP737" s="424"/>
      <c r="VYQ737" s="424"/>
      <c r="VYR737" s="424"/>
      <c r="VYS737" s="423" t="s">
        <v>2795</v>
      </c>
      <c r="VYT737" s="424"/>
      <c r="VYU737" s="424"/>
      <c r="VYV737" s="424"/>
      <c r="VYW737" s="423" t="s">
        <v>2795</v>
      </c>
      <c r="VYX737" s="424"/>
      <c r="VYY737" s="424"/>
      <c r="VYZ737" s="424"/>
      <c r="VZA737" s="423" t="s">
        <v>2795</v>
      </c>
      <c r="VZB737" s="424"/>
      <c r="VZC737" s="424"/>
      <c r="VZD737" s="424"/>
      <c r="VZE737" s="423" t="s">
        <v>2795</v>
      </c>
      <c r="VZF737" s="424"/>
      <c r="VZG737" s="424"/>
      <c r="VZH737" s="424"/>
      <c r="VZI737" s="423" t="s">
        <v>2795</v>
      </c>
      <c r="VZJ737" s="424"/>
      <c r="VZK737" s="424"/>
      <c r="VZL737" s="424"/>
      <c r="VZM737" s="423" t="s">
        <v>2795</v>
      </c>
      <c r="VZN737" s="424"/>
      <c r="VZO737" s="424"/>
      <c r="VZP737" s="424"/>
      <c r="VZQ737" s="423" t="s">
        <v>2795</v>
      </c>
      <c r="VZR737" s="424"/>
      <c r="VZS737" s="424"/>
      <c r="VZT737" s="424"/>
      <c r="VZU737" s="423" t="s">
        <v>2795</v>
      </c>
      <c r="VZV737" s="424"/>
      <c r="VZW737" s="424"/>
      <c r="VZX737" s="424"/>
      <c r="VZY737" s="423" t="s">
        <v>2795</v>
      </c>
      <c r="VZZ737" s="424"/>
      <c r="WAA737" s="424"/>
      <c r="WAB737" s="424"/>
      <c r="WAC737" s="423" t="s">
        <v>2795</v>
      </c>
      <c r="WAD737" s="424"/>
      <c r="WAE737" s="424"/>
      <c r="WAF737" s="424"/>
      <c r="WAG737" s="423" t="s">
        <v>2795</v>
      </c>
      <c r="WAH737" s="424"/>
      <c r="WAI737" s="424"/>
      <c r="WAJ737" s="424"/>
      <c r="WAK737" s="423" t="s">
        <v>2795</v>
      </c>
      <c r="WAL737" s="424"/>
      <c r="WAM737" s="424"/>
      <c r="WAN737" s="424"/>
      <c r="WAO737" s="423" t="s">
        <v>2795</v>
      </c>
      <c r="WAP737" s="424"/>
      <c r="WAQ737" s="424"/>
      <c r="WAR737" s="424"/>
      <c r="WAS737" s="423" t="s">
        <v>2795</v>
      </c>
      <c r="WAT737" s="424"/>
      <c r="WAU737" s="424"/>
      <c r="WAV737" s="424"/>
      <c r="WAW737" s="423" t="s">
        <v>2795</v>
      </c>
      <c r="WAX737" s="424"/>
      <c r="WAY737" s="424"/>
      <c r="WAZ737" s="424"/>
      <c r="WBA737" s="423" t="s">
        <v>2795</v>
      </c>
      <c r="WBB737" s="424"/>
      <c r="WBC737" s="424"/>
      <c r="WBD737" s="424"/>
      <c r="WBE737" s="423" t="s">
        <v>2795</v>
      </c>
      <c r="WBF737" s="424"/>
      <c r="WBG737" s="424"/>
      <c r="WBH737" s="424"/>
      <c r="WBI737" s="423" t="s">
        <v>2795</v>
      </c>
      <c r="WBJ737" s="424"/>
      <c r="WBK737" s="424"/>
      <c r="WBL737" s="424"/>
      <c r="WBM737" s="423" t="s">
        <v>2795</v>
      </c>
      <c r="WBN737" s="424"/>
      <c r="WBO737" s="424"/>
      <c r="WBP737" s="424"/>
      <c r="WBQ737" s="423" t="s">
        <v>2795</v>
      </c>
      <c r="WBR737" s="424"/>
      <c r="WBS737" s="424"/>
      <c r="WBT737" s="424"/>
      <c r="WBU737" s="423" t="s">
        <v>2795</v>
      </c>
      <c r="WBV737" s="424"/>
      <c r="WBW737" s="424"/>
      <c r="WBX737" s="424"/>
      <c r="WBY737" s="423" t="s">
        <v>2795</v>
      </c>
      <c r="WBZ737" s="424"/>
      <c r="WCA737" s="424"/>
      <c r="WCB737" s="424"/>
      <c r="WCC737" s="423" t="s">
        <v>2795</v>
      </c>
      <c r="WCD737" s="424"/>
      <c r="WCE737" s="424"/>
      <c r="WCF737" s="424"/>
      <c r="WCG737" s="423" t="s">
        <v>2795</v>
      </c>
      <c r="WCH737" s="424"/>
      <c r="WCI737" s="424"/>
      <c r="WCJ737" s="424"/>
      <c r="WCK737" s="423" t="s">
        <v>2795</v>
      </c>
      <c r="WCL737" s="424"/>
      <c r="WCM737" s="424"/>
      <c r="WCN737" s="424"/>
      <c r="WCO737" s="423" t="s">
        <v>2795</v>
      </c>
      <c r="WCP737" s="424"/>
      <c r="WCQ737" s="424"/>
      <c r="WCR737" s="424"/>
      <c r="WCS737" s="423" t="s">
        <v>2795</v>
      </c>
      <c r="WCT737" s="424"/>
      <c r="WCU737" s="424"/>
      <c r="WCV737" s="424"/>
      <c r="WCW737" s="423" t="s">
        <v>2795</v>
      </c>
      <c r="WCX737" s="424"/>
      <c r="WCY737" s="424"/>
      <c r="WCZ737" s="424"/>
      <c r="WDA737" s="423" t="s">
        <v>2795</v>
      </c>
      <c r="WDB737" s="424"/>
      <c r="WDC737" s="424"/>
      <c r="WDD737" s="424"/>
      <c r="WDE737" s="423" t="s">
        <v>2795</v>
      </c>
      <c r="WDF737" s="424"/>
      <c r="WDG737" s="424"/>
      <c r="WDH737" s="424"/>
      <c r="WDI737" s="423" t="s">
        <v>2795</v>
      </c>
      <c r="WDJ737" s="424"/>
      <c r="WDK737" s="424"/>
      <c r="WDL737" s="424"/>
      <c r="WDM737" s="423" t="s">
        <v>2795</v>
      </c>
      <c r="WDN737" s="424"/>
      <c r="WDO737" s="424"/>
      <c r="WDP737" s="424"/>
      <c r="WDQ737" s="423" t="s">
        <v>2795</v>
      </c>
      <c r="WDR737" s="424"/>
      <c r="WDS737" s="424"/>
      <c r="WDT737" s="424"/>
      <c r="WDU737" s="423" t="s">
        <v>2795</v>
      </c>
      <c r="WDV737" s="424"/>
      <c r="WDW737" s="424"/>
      <c r="WDX737" s="424"/>
      <c r="WDY737" s="423" t="s">
        <v>2795</v>
      </c>
      <c r="WDZ737" s="424"/>
      <c r="WEA737" s="424"/>
      <c r="WEB737" s="424"/>
      <c r="WEC737" s="423" t="s">
        <v>2795</v>
      </c>
      <c r="WED737" s="424"/>
      <c r="WEE737" s="424"/>
      <c r="WEF737" s="424"/>
      <c r="WEG737" s="423" t="s">
        <v>2795</v>
      </c>
      <c r="WEH737" s="424"/>
      <c r="WEI737" s="424"/>
      <c r="WEJ737" s="424"/>
      <c r="WEK737" s="423" t="s">
        <v>2795</v>
      </c>
      <c r="WEL737" s="424"/>
      <c r="WEM737" s="424"/>
      <c r="WEN737" s="424"/>
      <c r="WEO737" s="423" t="s">
        <v>2795</v>
      </c>
      <c r="WEP737" s="424"/>
      <c r="WEQ737" s="424"/>
      <c r="WER737" s="424"/>
      <c r="WES737" s="423" t="s">
        <v>2795</v>
      </c>
      <c r="WET737" s="424"/>
      <c r="WEU737" s="424"/>
      <c r="WEV737" s="424"/>
      <c r="WEW737" s="423" t="s">
        <v>2795</v>
      </c>
      <c r="WEX737" s="424"/>
      <c r="WEY737" s="424"/>
      <c r="WEZ737" s="424"/>
      <c r="WFA737" s="423" t="s">
        <v>2795</v>
      </c>
      <c r="WFB737" s="424"/>
      <c r="WFC737" s="424"/>
      <c r="WFD737" s="424"/>
      <c r="WFE737" s="423" t="s">
        <v>2795</v>
      </c>
      <c r="WFF737" s="424"/>
      <c r="WFG737" s="424"/>
      <c r="WFH737" s="424"/>
      <c r="WFI737" s="423" t="s">
        <v>2795</v>
      </c>
      <c r="WFJ737" s="424"/>
      <c r="WFK737" s="424"/>
      <c r="WFL737" s="424"/>
      <c r="WFM737" s="423" t="s">
        <v>2795</v>
      </c>
      <c r="WFN737" s="424"/>
      <c r="WFO737" s="424"/>
      <c r="WFP737" s="424"/>
      <c r="WFQ737" s="423" t="s">
        <v>2795</v>
      </c>
      <c r="WFR737" s="424"/>
      <c r="WFS737" s="424"/>
      <c r="WFT737" s="424"/>
      <c r="WFU737" s="423" t="s">
        <v>2795</v>
      </c>
      <c r="WFV737" s="424"/>
      <c r="WFW737" s="424"/>
      <c r="WFX737" s="424"/>
      <c r="WFY737" s="423" t="s">
        <v>2795</v>
      </c>
      <c r="WFZ737" s="424"/>
      <c r="WGA737" s="424"/>
      <c r="WGB737" s="424"/>
      <c r="WGC737" s="423" t="s">
        <v>2795</v>
      </c>
      <c r="WGD737" s="424"/>
      <c r="WGE737" s="424"/>
      <c r="WGF737" s="424"/>
      <c r="WGG737" s="423" t="s">
        <v>2795</v>
      </c>
      <c r="WGH737" s="424"/>
      <c r="WGI737" s="424"/>
      <c r="WGJ737" s="424"/>
      <c r="WGK737" s="423" t="s">
        <v>2795</v>
      </c>
      <c r="WGL737" s="424"/>
      <c r="WGM737" s="424"/>
      <c r="WGN737" s="424"/>
      <c r="WGO737" s="423" t="s">
        <v>2795</v>
      </c>
      <c r="WGP737" s="424"/>
      <c r="WGQ737" s="424"/>
      <c r="WGR737" s="424"/>
      <c r="WGS737" s="423" t="s">
        <v>2795</v>
      </c>
      <c r="WGT737" s="424"/>
      <c r="WGU737" s="424"/>
      <c r="WGV737" s="424"/>
      <c r="WGW737" s="423" t="s">
        <v>2795</v>
      </c>
      <c r="WGX737" s="424"/>
      <c r="WGY737" s="424"/>
      <c r="WGZ737" s="424"/>
      <c r="WHA737" s="423" t="s">
        <v>2795</v>
      </c>
      <c r="WHB737" s="424"/>
      <c r="WHC737" s="424"/>
      <c r="WHD737" s="424"/>
      <c r="WHE737" s="423" t="s">
        <v>2795</v>
      </c>
      <c r="WHF737" s="424"/>
      <c r="WHG737" s="424"/>
      <c r="WHH737" s="424"/>
      <c r="WHI737" s="423" t="s">
        <v>2795</v>
      </c>
      <c r="WHJ737" s="424"/>
      <c r="WHK737" s="424"/>
      <c r="WHL737" s="424"/>
      <c r="WHM737" s="423" t="s">
        <v>2795</v>
      </c>
      <c r="WHN737" s="424"/>
      <c r="WHO737" s="424"/>
      <c r="WHP737" s="424"/>
      <c r="WHQ737" s="423" t="s">
        <v>2795</v>
      </c>
      <c r="WHR737" s="424"/>
      <c r="WHS737" s="424"/>
      <c r="WHT737" s="424"/>
      <c r="WHU737" s="423" t="s">
        <v>2795</v>
      </c>
      <c r="WHV737" s="424"/>
      <c r="WHW737" s="424"/>
      <c r="WHX737" s="424"/>
      <c r="WHY737" s="423" t="s">
        <v>2795</v>
      </c>
      <c r="WHZ737" s="424"/>
      <c r="WIA737" s="424"/>
      <c r="WIB737" s="424"/>
      <c r="WIC737" s="423" t="s">
        <v>2795</v>
      </c>
      <c r="WID737" s="424"/>
      <c r="WIE737" s="424"/>
      <c r="WIF737" s="424"/>
      <c r="WIG737" s="423" t="s">
        <v>2795</v>
      </c>
      <c r="WIH737" s="424"/>
      <c r="WII737" s="424"/>
      <c r="WIJ737" s="424"/>
      <c r="WIK737" s="423" t="s">
        <v>2795</v>
      </c>
      <c r="WIL737" s="424"/>
      <c r="WIM737" s="424"/>
      <c r="WIN737" s="424"/>
      <c r="WIO737" s="423" t="s">
        <v>2795</v>
      </c>
      <c r="WIP737" s="424"/>
      <c r="WIQ737" s="424"/>
      <c r="WIR737" s="424"/>
      <c r="WIS737" s="423" t="s">
        <v>2795</v>
      </c>
      <c r="WIT737" s="424"/>
      <c r="WIU737" s="424"/>
      <c r="WIV737" s="424"/>
      <c r="WIW737" s="423" t="s">
        <v>2795</v>
      </c>
      <c r="WIX737" s="424"/>
      <c r="WIY737" s="424"/>
      <c r="WIZ737" s="424"/>
      <c r="WJA737" s="423" t="s">
        <v>2795</v>
      </c>
      <c r="WJB737" s="424"/>
      <c r="WJC737" s="424"/>
      <c r="WJD737" s="424"/>
      <c r="WJE737" s="423" t="s">
        <v>2795</v>
      </c>
      <c r="WJF737" s="424"/>
      <c r="WJG737" s="424"/>
      <c r="WJH737" s="424"/>
      <c r="WJI737" s="423" t="s">
        <v>2795</v>
      </c>
      <c r="WJJ737" s="424"/>
      <c r="WJK737" s="424"/>
      <c r="WJL737" s="424"/>
      <c r="WJM737" s="423" t="s">
        <v>2795</v>
      </c>
      <c r="WJN737" s="424"/>
      <c r="WJO737" s="424"/>
      <c r="WJP737" s="424"/>
      <c r="WJQ737" s="423" t="s">
        <v>2795</v>
      </c>
      <c r="WJR737" s="424"/>
      <c r="WJS737" s="424"/>
      <c r="WJT737" s="424"/>
      <c r="WJU737" s="423" t="s">
        <v>2795</v>
      </c>
      <c r="WJV737" s="424"/>
      <c r="WJW737" s="424"/>
      <c r="WJX737" s="424"/>
      <c r="WJY737" s="423" t="s">
        <v>2795</v>
      </c>
      <c r="WJZ737" s="424"/>
      <c r="WKA737" s="424"/>
      <c r="WKB737" s="424"/>
      <c r="WKC737" s="423" t="s">
        <v>2795</v>
      </c>
      <c r="WKD737" s="424"/>
      <c r="WKE737" s="424"/>
      <c r="WKF737" s="424"/>
      <c r="WKG737" s="423" t="s">
        <v>2795</v>
      </c>
      <c r="WKH737" s="424"/>
      <c r="WKI737" s="424"/>
      <c r="WKJ737" s="424"/>
      <c r="WKK737" s="423" t="s">
        <v>2795</v>
      </c>
      <c r="WKL737" s="424"/>
      <c r="WKM737" s="424"/>
      <c r="WKN737" s="424"/>
      <c r="WKO737" s="423" t="s">
        <v>2795</v>
      </c>
      <c r="WKP737" s="424"/>
      <c r="WKQ737" s="424"/>
      <c r="WKR737" s="424"/>
      <c r="WKS737" s="423" t="s">
        <v>2795</v>
      </c>
      <c r="WKT737" s="424"/>
      <c r="WKU737" s="424"/>
      <c r="WKV737" s="424"/>
      <c r="WKW737" s="423" t="s">
        <v>2795</v>
      </c>
      <c r="WKX737" s="424"/>
      <c r="WKY737" s="424"/>
      <c r="WKZ737" s="424"/>
      <c r="WLA737" s="423" t="s">
        <v>2795</v>
      </c>
      <c r="WLB737" s="424"/>
      <c r="WLC737" s="424"/>
      <c r="WLD737" s="424"/>
      <c r="WLE737" s="423" t="s">
        <v>2795</v>
      </c>
      <c r="WLF737" s="424"/>
      <c r="WLG737" s="424"/>
      <c r="WLH737" s="424"/>
      <c r="WLI737" s="423" t="s">
        <v>2795</v>
      </c>
      <c r="WLJ737" s="424"/>
      <c r="WLK737" s="424"/>
      <c r="WLL737" s="424"/>
      <c r="WLM737" s="423" t="s">
        <v>2795</v>
      </c>
      <c r="WLN737" s="424"/>
      <c r="WLO737" s="424"/>
      <c r="WLP737" s="424"/>
      <c r="WLQ737" s="423" t="s">
        <v>2795</v>
      </c>
      <c r="WLR737" s="424"/>
      <c r="WLS737" s="424"/>
      <c r="WLT737" s="424"/>
      <c r="WLU737" s="423" t="s">
        <v>2795</v>
      </c>
      <c r="WLV737" s="424"/>
      <c r="WLW737" s="424"/>
      <c r="WLX737" s="424"/>
      <c r="WLY737" s="423" t="s">
        <v>2795</v>
      </c>
      <c r="WLZ737" s="424"/>
      <c r="WMA737" s="424"/>
      <c r="WMB737" s="424"/>
      <c r="WMC737" s="423" t="s">
        <v>2795</v>
      </c>
      <c r="WMD737" s="424"/>
      <c r="WME737" s="424"/>
      <c r="WMF737" s="424"/>
      <c r="WMG737" s="423" t="s">
        <v>2795</v>
      </c>
      <c r="WMH737" s="424"/>
      <c r="WMI737" s="424"/>
      <c r="WMJ737" s="424"/>
      <c r="WMK737" s="423" t="s">
        <v>2795</v>
      </c>
      <c r="WML737" s="424"/>
      <c r="WMM737" s="424"/>
      <c r="WMN737" s="424"/>
      <c r="WMO737" s="423" t="s">
        <v>2795</v>
      </c>
      <c r="WMP737" s="424"/>
      <c r="WMQ737" s="424"/>
      <c r="WMR737" s="424"/>
      <c r="WMS737" s="423" t="s">
        <v>2795</v>
      </c>
      <c r="WMT737" s="424"/>
      <c r="WMU737" s="424"/>
      <c r="WMV737" s="424"/>
      <c r="WMW737" s="423" t="s">
        <v>2795</v>
      </c>
      <c r="WMX737" s="424"/>
      <c r="WMY737" s="424"/>
      <c r="WMZ737" s="424"/>
      <c r="WNA737" s="423" t="s">
        <v>2795</v>
      </c>
      <c r="WNB737" s="424"/>
      <c r="WNC737" s="424"/>
      <c r="WND737" s="424"/>
      <c r="WNE737" s="423" t="s">
        <v>2795</v>
      </c>
      <c r="WNF737" s="424"/>
      <c r="WNG737" s="424"/>
      <c r="WNH737" s="424"/>
      <c r="WNI737" s="423" t="s">
        <v>2795</v>
      </c>
      <c r="WNJ737" s="424"/>
      <c r="WNK737" s="424"/>
      <c r="WNL737" s="424"/>
      <c r="WNM737" s="423" t="s">
        <v>2795</v>
      </c>
      <c r="WNN737" s="424"/>
      <c r="WNO737" s="424"/>
      <c r="WNP737" s="424"/>
      <c r="WNQ737" s="423" t="s">
        <v>2795</v>
      </c>
      <c r="WNR737" s="424"/>
      <c r="WNS737" s="424"/>
      <c r="WNT737" s="424"/>
      <c r="WNU737" s="423" t="s">
        <v>2795</v>
      </c>
      <c r="WNV737" s="424"/>
      <c r="WNW737" s="424"/>
      <c r="WNX737" s="424"/>
      <c r="WNY737" s="423" t="s">
        <v>2795</v>
      </c>
      <c r="WNZ737" s="424"/>
      <c r="WOA737" s="424"/>
      <c r="WOB737" s="424"/>
      <c r="WOC737" s="423" t="s">
        <v>2795</v>
      </c>
      <c r="WOD737" s="424"/>
      <c r="WOE737" s="424"/>
      <c r="WOF737" s="424"/>
      <c r="WOG737" s="423" t="s">
        <v>2795</v>
      </c>
      <c r="WOH737" s="424"/>
      <c r="WOI737" s="424"/>
      <c r="WOJ737" s="424"/>
      <c r="WOK737" s="423" t="s">
        <v>2795</v>
      </c>
      <c r="WOL737" s="424"/>
      <c r="WOM737" s="424"/>
      <c r="WON737" s="424"/>
      <c r="WOO737" s="423" t="s">
        <v>2795</v>
      </c>
      <c r="WOP737" s="424"/>
      <c r="WOQ737" s="424"/>
      <c r="WOR737" s="424"/>
      <c r="WOS737" s="423" t="s">
        <v>2795</v>
      </c>
      <c r="WOT737" s="424"/>
      <c r="WOU737" s="424"/>
      <c r="WOV737" s="424"/>
      <c r="WOW737" s="423" t="s">
        <v>2795</v>
      </c>
      <c r="WOX737" s="424"/>
      <c r="WOY737" s="424"/>
      <c r="WOZ737" s="424"/>
      <c r="WPA737" s="423" t="s">
        <v>2795</v>
      </c>
      <c r="WPB737" s="424"/>
      <c r="WPC737" s="424"/>
      <c r="WPD737" s="424"/>
      <c r="WPE737" s="423" t="s">
        <v>2795</v>
      </c>
      <c r="WPF737" s="424"/>
      <c r="WPG737" s="424"/>
      <c r="WPH737" s="424"/>
      <c r="WPI737" s="423" t="s">
        <v>2795</v>
      </c>
      <c r="WPJ737" s="424"/>
      <c r="WPK737" s="424"/>
      <c r="WPL737" s="424"/>
      <c r="WPM737" s="423" t="s">
        <v>2795</v>
      </c>
      <c r="WPN737" s="424"/>
      <c r="WPO737" s="424"/>
      <c r="WPP737" s="424"/>
      <c r="WPQ737" s="423" t="s">
        <v>2795</v>
      </c>
      <c r="WPR737" s="424"/>
      <c r="WPS737" s="424"/>
      <c r="WPT737" s="424"/>
      <c r="WPU737" s="423" t="s">
        <v>2795</v>
      </c>
      <c r="WPV737" s="424"/>
      <c r="WPW737" s="424"/>
      <c r="WPX737" s="424"/>
      <c r="WPY737" s="423" t="s">
        <v>2795</v>
      </c>
      <c r="WPZ737" s="424"/>
      <c r="WQA737" s="424"/>
      <c r="WQB737" s="424"/>
      <c r="WQC737" s="423" t="s">
        <v>2795</v>
      </c>
      <c r="WQD737" s="424"/>
      <c r="WQE737" s="424"/>
      <c r="WQF737" s="424"/>
      <c r="WQG737" s="423" t="s">
        <v>2795</v>
      </c>
      <c r="WQH737" s="424"/>
      <c r="WQI737" s="424"/>
      <c r="WQJ737" s="424"/>
      <c r="WQK737" s="423" t="s">
        <v>2795</v>
      </c>
      <c r="WQL737" s="424"/>
      <c r="WQM737" s="424"/>
      <c r="WQN737" s="424"/>
      <c r="WQO737" s="423" t="s">
        <v>2795</v>
      </c>
      <c r="WQP737" s="424"/>
      <c r="WQQ737" s="424"/>
      <c r="WQR737" s="424"/>
      <c r="WQS737" s="423" t="s">
        <v>2795</v>
      </c>
      <c r="WQT737" s="424"/>
      <c r="WQU737" s="424"/>
      <c r="WQV737" s="424"/>
      <c r="WQW737" s="423" t="s">
        <v>2795</v>
      </c>
      <c r="WQX737" s="424"/>
      <c r="WQY737" s="424"/>
      <c r="WQZ737" s="424"/>
      <c r="WRA737" s="423" t="s">
        <v>2795</v>
      </c>
      <c r="WRB737" s="424"/>
      <c r="WRC737" s="424"/>
      <c r="WRD737" s="424"/>
      <c r="WRE737" s="423" t="s">
        <v>2795</v>
      </c>
      <c r="WRF737" s="424"/>
      <c r="WRG737" s="424"/>
      <c r="WRH737" s="424"/>
      <c r="WRI737" s="423" t="s">
        <v>2795</v>
      </c>
      <c r="WRJ737" s="424"/>
      <c r="WRK737" s="424"/>
      <c r="WRL737" s="424"/>
      <c r="WRM737" s="423" t="s">
        <v>2795</v>
      </c>
      <c r="WRN737" s="424"/>
      <c r="WRO737" s="424"/>
      <c r="WRP737" s="424"/>
      <c r="WRQ737" s="423" t="s">
        <v>2795</v>
      </c>
      <c r="WRR737" s="424"/>
      <c r="WRS737" s="424"/>
      <c r="WRT737" s="424"/>
      <c r="WRU737" s="423" t="s">
        <v>2795</v>
      </c>
      <c r="WRV737" s="424"/>
      <c r="WRW737" s="424"/>
      <c r="WRX737" s="424"/>
      <c r="WRY737" s="423" t="s">
        <v>2795</v>
      </c>
      <c r="WRZ737" s="424"/>
      <c r="WSA737" s="424"/>
      <c r="WSB737" s="424"/>
      <c r="WSC737" s="423" t="s">
        <v>2795</v>
      </c>
      <c r="WSD737" s="424"/>
      <c r="WSE737" s="424"/>
      <c r="WSF737" s="424"/>
      <c r="WSG737" s="423" t="s">
        <v>2795</v>
      </c>
      <c r="WSH737" s="424"/>
      <c r="WSI737" s="424"/>
      <c r="WSJ737" s="424"/>
      <c r="WSK737" s="423" t="s">
        <v>2795</v>
      </c>
      <c r="WSL737" s="424"/>
      <c r="WSM737" s="424"/>
      <c r="WSN737" s="424"/>
      <c r="WSO737" s="423" t="s">
        <v>2795</v>
      </c>
      <c r="WSP737" s="424"/>
      <c r="WSQ737" s="424"/>
      <c r="WSR737" s="424"/>
      <c r="WSS737" s="423" t="s">
        <v>2795</v>
      </c>
      <c r="WST737" s="424"/>
      <c r="WSU737" s="424"/>
      <c r="WSV737" s="424"/>
      <c r="WSW737" s="423" t="s">
        <v>2795</v>
      </c>
      <c r="WSX737" s="424"/>
      <c r="WSY737" s="424"/>
      <c r="WSZ737" s="424"/>
      <c r="WTA737" s="423" t="s">
        <v>2795</v>
      </c>
      <c r="WTB737" s="424"/>
      <c r="WTC737" s="424"/>
      <c r="WTD737" s="424"/>
      <c r="WTE737" s="423" t="s">
        <v>2795</v>
      </c>
      <c r="WTF737" s="424"/>
      <c r="WTG737" s="424"/>
      <c r="WTH737" s="424"/>
      <c r="WTI737" s="423" t="s">
        <v>2795</v>
      </c>
      <c r="WTJ737" s="424"/>
      <c r="WTK737" s="424"/>
      <c r="WTL737" s="424"/>
      <c r="WTM737" s="423" t="s">
        <v>2795</v>
      </c>
      <c r="WTN737" s="424"/>
      <c r="WTO737" s="424"/>
      <c r="WTP737" s="424"/>
      <c r="WTQ737" s="423" t="s">
        <v>2795</v>
      </c>
      <c r="WTR737" s="424"/>
      <c r="WTS737" s="424"/>
      <c r="WTT737" s="424"/>
      <c r="WTU737" s="423" t="s">
        <v>2795</v>
      </c>
      <c r="WTV737" s="424"/>
      <c r="WTW737" s="424"/>
      <c r="WTX737" s="424"/>
      <c r="WTY737" s="423" t="s">
        <v>2795</v>
      </c>
      <c r="WTZ737" s="424"/>
      <c r="WUA737" s="424"/>
      <c r="WUB737" s="424"/>
      <c r="WUC737" s="423" t="s">
        <v>2795</v>
      </c>
      <c r="WUD737" s="424"/>
      <c r="WUE737" s="424"/>
      <c r="WUF737" s="424"/>
      <c r="WUG737" s="423" t="s">
        <v>2795</v>
      </c>
      <c r="WUH737" s="424"/>
      <c r="WUI737" s="424"/>
      <c r="WUJ737" s="424"/>
      <c r="WUK737" s="423" t="s">
        <v>2795</v>
      </c>
      <c r="WUL737" s="424"/>
      <c r="WUM737" s="424"/>
      <c r="WUN737" s="424"/>
      <c r="WUO737" s="423" t="s">
        <v>2795</v>
      </c>
      <c r="WUP737" s="424"/>
      <c r="WUQ737" s="424"/>
      <c r="WUR737" s="424"/>
      <c r="WUS737" s="423" t="s">
        <v>2795</v>
      </c>
      <c r="WUT737" s="424"/>
      <c r="WUU737" s="424"/>
      <c r="WUV737" s="424"/>
      <c r="WUW737" s="423" t="s">
        <v>2795</v>
      </c>
      <c r="WUX737" s="424"/>
      <c r="WUY737" s="424"/>
      <c r="WUZ737" s="424"/>
      <c r="WVA737" s="423" t="s">
        <v>2795</v>
      </c>
      <c r="WVB737" s="424"/>
      <c r="WVC737" s="424"/>
      <c r="WVD737" s="424"/>
      <c r="WVE737" s="423" t="s">
        <v>2795</v>
      </c>
      <c r="WVF737" s="424"/>
      <c r="WVG737" s="424"/>
      <c r="WVH737" s="424"/>
      <c r="WVI737" s="423" t="s">
        <v>2795</v>
      </c>
      <c r="WVJ737" s="424"/>
      <c r="WVK737" s="424"/>
      <c r="WVL737" s="424"/>
      <c r="WVM737" s="423" t="s">
        <v>2795</v>
      </c>
      <c r="WVN737" s="424"/>
      <c r="WVO737" s="424"/>
      <c r="WVP737" s="424"/>
      <c r="WVQ737" s="423" t="s">
        <v>2795</v>
      </c>
      <c r="WVR737" s="424"/>
      <c r="WVS737" s="424"/>
      <c r="WVT737" s="424"/>
      <c r="WVU737" s="423" t="s">
        <v>2795</v>
      </c>
      <c r="WVV737" s="424"/>
      <c r="WVW737" s="424"/>
      <c r="WVX737" s="424"/>
      <c r="WVY737" s="423" t="s">
        <v>2795</v>
      </c>
      <c r="WVZ737" s="424"/>
      <c r="WWA737" s="424"/>
      <c r="WWB737" s="424"/>
      <c r="WWC737" s="423" t="s">
        <v>2795</v>
      </c>
      <c r="WWD737" s="424"/>
      <c r="WWE737" s="424"/>
      <c r="WWF737" s="424"/>
      <c r="WWG737" s="423" t="s">
        <v>2795</v>
      </c>
      <c r="WWH737" s="424"/>
      <c r="WWI737" s="424"/>
      <c r="WWJ737" s="424"/>
      <c r="WWK737" s="423" t="s">
        <v>2795</v>
      </c>
      <c r="WWL737" s="424"/>
      <c r="WWM737" s="424"/>
      <c r="WWN737" s="424"/>
      <c r="WWO737" s="423" t="s">
        <v>2795</v>
      </c>
      <c r="WWP737" s="424"/>
      <c r="WWQ737" s="424"/>
      <c r="WWR737" s="424"/>
      <c r="WWS737" s="423" t="s">
        <v>2795</v>
      </c>
      <c r="WWT737" s="424"/>
      <c r="WWU737" s="424"/>
      <c r="WWV737" s="424"/>
      <c r="WWW737" s="423" t="s">
        <v>2795</v>
      </c>
      <c r="WWX737" s="424"/>
      <c r="WWY737" s="424"/>
      <c r="WWZ737" s="424"/>
      <c r="WXA737" s="423" t="s">
        <v>2795</v>
      </c>
      <c r="WXB737" s="424"/>
      <c r="WXC737" s="424"/>
      <c r="WXD737" s="424"/>
      <c r="WXE737" s="423" t="s">
        <v>2795</v>
      </c>
      <c r="WXF737" s="424"/>
      <c r="WXG737" s="424"/>
      <c r="WXH737" s="424"/>
      <c r="WXI737" s="423" t="s">
        <v>2795</v>
      </c>
      <c r="WXJ737" s="424"/>
      <c r="WXK737" s="424"/>
      <c r="WXL737" s="424"/>
      <c r="WXM737" s="423" t="s">
        <v>2795</v>
      </c>
      <c r="WXN737" s="424"/>
      <c r="WXO737" s="424"/>
      <c r="WXP737" s="424"/>
      <c r="WXQ737" s="423" t="s">
        <v>2795</v>
      </c>
      <c r="WXR737" s="424"/>
      <c r="WXS737" s="424"/>
      <c r="WXT737" s="424"/>
      <c r="WXU737" s="423" t="s">
        <v>2795</v>
      </c>
      <c r="WXV737" s="424"/>
      <c r="WXW737" s="424"/>
      <c r="WXX737" s="424"/>
      <c r="WXY737" s="423" t="s">
        <v>2795</v>
      </c>
      <c r="WXZ737" s="424"/>
      <c r="WYA737" s="424"/>
      <c r="WYB737" s="424"/>
      <c r="WYC737" s="423" t="s">
        <v>2795</v>
      </c>
      <c r="WYD737" s="424"/>
      <c r="WYE737" s="424"/>
      <c r="WYF737" s="424"/>
      <c r="WYG737" s="423" t="s">
        <v>2795</v>
      </c>
      <c r="WYH737" s="424"/>
      <c r="WYI737" s="424"/>
      <c r="WYJ737" s="424"/>
      <c r="WYK737" s="423" t="s">
        <v>2795</v>
      </c>
      <c r="WYL737" s="424"/>
      <c r="WYM737" s="424"/>
      <c r="WYN737" s="424"/>
      <c r="WYO737" s="423" t="s">
        <v>2795</v>
      </c>
      <c r="WYP737" s="424"/>
      <c r="WYQ737" s="424"/>
      <c r="WYR737" s="424"/>
      <c r="WYS737" s="423" t="s">
        <v>2795</v>
      </c>
      <c r="WYT737" s="424"/>
      <c r="WYU737" s="424"/>
      <c r="WYV737" s="424"/>
      <c r="WYW737" s="423" t="s">
        <v>2795</v>
      </c>
      <c r="WYX737" s="424"/>
      <c r="WYY737" s="424"/>
      <c r="WYZ737" s="424"/>
      <c r="WZA737" s="423" t="s">
        <v>2795</v>
      </c>
      <c r="WZB737" s="424"/>
      <c r="WZC737" s="424"/>
      <c r="WZD737" s="424"/>
      <c r="WZE737" s="423" t="s">
        <v>2795</v>
      </c>
      <c r="WZF737" s="424"/>
      <c r="WZG737" s="424"/>
      <c r="WZH737" s="424"/>
      <c r="WZI737" s="423" t="s">
        <v>2795</v>
      </c>
      <c r="WZJ737" s="424"/>
      <c r="WZK737" s="424"/>
      <c r="WZL737" s="424"/>
      <c r="WZM737" s="423" t="s">
        <v>2795</v>
      </c>
      <c r="WZN737" s="424"/>
      <c r="WZO737" s="424"/>
      <c r="WZP737" s="424"/>
      <c r="WZQ737" s="423" t="s">
        <v>2795</v>
      </c>
      <c r="WZR737" s="424"/>
      <c r="WZS737" s="424"/>
      <c r="WZT737" s="424"/>
      <c r="WZU737" s="423" t="s">
        <v>2795</v>
      </c>
      <c r="WZV737" s="424"/>
      <c r="WZW737" s="424"/>
      <c r="WZX737" s="424"/>
      <c r="WZY737" s="423" t="s">
        <v>2795</v>
      </c>
      <c r="WZZ737" s="424"/>
      <c r="XAA737" s="424"/>
      <c r="XAB737" s="424"/>
      <c r="XAC737" s="423" t="s">
        <v>2795</v>
      </c>
      <c r="XAD737" s="424"/>
      <c r="XAE737" s="424"/>
      <c r="XAF737" s="424"/>
      <c r="XAG737" s="423" t="s">
        <v>2795</v>
      </c>
      <c r="XAH737" s="424"/>
      <c r="XAI737" s="424"/>
      <c r="XAJ737" s="424"/>
      <c r="XAK737" s="423" t="s">
        <v>2795</v>
      </c>
      <c r="XAL737" s="424"/>
      <c r="XAM737" s="424"/>
      <c r="XAN737" s="424"/>
      <c r="XAO737" s="423" t="s">
        <v>2795</v>
      </c>
      <c r="XAP737" s="424"/>
      <c r="XAQ737" s="424"/>
      <c r="XAR737" s="424"/>
      <c r="XAS737" s="423" t="s">
        <v>2795</v>
      </c>
      <c r="XAT737" s="424"/>
      <c r="XAU737" s="424"/>
      <c r="XAV737" s="424"/>
      <c r="XAW737" s="423" t="s">
        <v>2795</v>
      </c>
      <c r="XAX737" s="424"/>
      <c r="XAY737" s="424"/>
      <c r="XAZ737" s="424"/>
      <c r="XBA737" s="423" t="s">
        <v>2795</v>
      </c>
      <c r="XBB737" s="424"/>
      <c r="XBC737" s="424"/>
      <c r="XBD737" s="424"/>
      <c r="XBE737" s="423" t="s">
        <v>2795</v>
      </c>
      <c r="XBF737" s="424"/>
      <c r="XBG737" s="424"/>
      <c r="XBH737" s="424"/>
      <c r="XBI737" s="423" t="s">
        <v>2795</v>
      </c>
      <c r="XBJ737" s="424"/>
      <c r="XBK737" s="424"/>
      <c r="XBL737" s="424"/>
      <c r="XBM737" s="423" t="s">
        <v>2795</v>
      </c>
      <c r="XBN737" s="424"/>
      <c r="XBO737" s="424"/>
      <c r="XBP737" s="424"/>
      <c r="XBQ737" s="423" t="s">
        <v>2795</v>
      </c>
      <c r="XBR737" s="424"/>
      <c r="XBS737" s="424"/>
      <c r="XBT737" s="424"/>
      <c r="XBU737" s="423" t="s">
        <v>2795</v>
      </c>
      <c r="XBV737" s="424"/>
      <c r="XBW737" s="424"/>
      <c r="XBX737" s="424"/>
      <c r="XBY737" s="423" t="s">
        <v>2795</v>
      </c>
      <c r="XBZ737" s="424"/>
      <c r="XCA737" s="424"/>
      <c r="XCB737" s="424"/>
      <c r="XCC737" s="423" t="s">
        <v>2795</v>
      </c>
      <c r="XCD737" s="424"/>
      <c r="XCE737" s="424"/>
      <c r="XCF737" s="424"/>
      <c r="XCG737" s="423" t="s">
        <v>2795</v>
      </c>
      <c r="XCH737" s="424"/>
      <c r="XCI737" s="424"/>
      <c r="XCJ737" s="424"/>
      <c r="XCK737" s="423" t="s">
        <v>2795</v>
      </c>
      <c r="XCL737" s="424"/>
      <c r="XCM737" s="424"/>
      <c r="XCN737" s="424"/>
      <c r="XCO737" s="423" t="s">
        <v>2795</v>
      </c>
      <c r="XCP737" s="424"/>
      <c r="XCQ737" s="424"/>
      <c r="XCR737" s="424"/>
      <c r="XCS737" s="423" t="s">
        <v>2795</v>
      </c>
      <c r="XCT737" s="424"/>
      <c r="XCU737" s="424"/>
      <c r="XCV737" s="424"/>
      <c r="XCW737" s="423" t="s">
        <v>2795</v>
      </c>
      <c r="XCX737" s="424"/>
      <c r="XCY737" s="424"/>
      <c r="XCZ737" s="424"/>
      <c r="XDA737" s="423" t="s">
        <v>2795</v>
      </c>
      <c r="XDB737" s="424"/>
      <c r="XDC737" s="424"/>
      <c r="XDD737" s="424"/>
      <c r="XDE737" s="423" t="s">
        <v>2795</v>
      </c>
      <c r="XDF737" s="424"/>
      <c r="XDG737" s="424"/>
      <c r="XDH737" s="424"/>
      <c r="XDI737" s="423" t="s">
        <v>2795</v>
      </c>
      <c r="XDJ737" s="424"/>
      <c r="XDK737" s="424"/>
      <c r="XDL737" s="424"/>
      <c r="XDM737" s="423" t="s">
        <v>2795</v>
      </c>
      <c r="XDN737" s="424"/>
      <c r="XDO737" s="424"/>
      <c r="XDP737" s="424"/>
      <c r="XDQ737" s="423" t="s">
        <v>2795</v>
      </c>
      <c r="XDR737" s="424"/>
      <c r="XDS737" s="424"/>
      <c r="XDT737" s="424"/>
      <c r="XDU737" s="423" t="s">
        <v>2795</v>
      </c>
      <c r="XDV737" s="424"/>
      <c r="XDW737" s="424"/>
      <c r="XDX737" s="424"/>
      <c r="XDY737" s="423" t="s">
        <v>2795</v>
      </c>
      <c r="XDZ737" s="424"/>
      <c r="XEA737" s="424"/>
      <c r="XEB737" s="424"/>
      <c r="XEC737" s="423" t="s">
        <v>2795</v>
      </c>
      <c r="XED737" s="424"/>
      <c r="XEE737" s="424"/>
      <c r="XEF737" s="424"/>
      <c r="XEG737" s="423" t="s">
        <v>2795</v>
      </c>
      <c r="XEH737" s="424"/>
      <c r="XEI737" s="424"/>
      <c r="XEJ737" s="424"/>
      <c r="XEK737" s="423" t="s">
        <v>2795</v>
      </c>
      <c r="XEL737" s="424"/>
      <c r="XEM737" s="424"/>
      <c r="XEN737" s="424"/>
      <c r="XEO737" s="423" t="s">
        <v>2795</v>
      </c>
      <c r="XEP737" s="424"/>
      <c r="XEQ737" s="424"/>
      <c r="XER737" s="424"/>
      <c r="XES737" s="423" t="s">
        <v>2795</v>
      </c>
      <c r="XET737" s="424"/>
      <c r="XEU737" s="424"/>
      <c r="XEV737" s="424"/>
      <c r="XEW737" s="423" t="s">
        <v>2795</v>
      </c>
      <c r="XEX737" s="424"/>
      <c r="XEY737" s="424"/>
      <c r="XEZ737" s="424"/>
      <c r="XFA737" s="423" t="s">
        <v>2795</v>
      </c>
      <c r="XFB737" s="424"/>
      <c r="XFC737" s="424"/>
      <c r="XFD737" s="424"/>
    </row>
    <row r="738" spans="1:16384" s="271" customFormat="1">
      <c r="A738" s="84"/>
      <c r="B738" s="84"/>
      <c r="C738" s="85" t="s">
        <v>72</v>
      </c>
      <c r="D738" s="85" t="s">
        <v>67</v>
      </c>
      <c r="E738" s="85"/>
      <c r="F738" s="85"/>
      <c r="G738" s="85"/>
      <c r="H738" s="85"/>
      <c r="I738" s="85"/>
      <c r="J738" s="85"/>
      <c r="K738" s="85" t="s">
        <v>17</v>
      </c>
      <c r="L738" s="75" t="s">
        <v>71</v>
      </c>
      <c r="M738" s="85" t="s">
        <v>525</v>
      </c>
      <c r="N738" s="85"/>
      <c r="O738" s="85"/>
      <c r="P738" s="85"/>
      <c r="Q738" s="390"/>
      <c r="R738" s="385" t="s">
        <v>1199</v>
      </c>
      <c r="S738" s="385" t="s">
        <v>1444</v>
      </c>
      <c r="T738" s="391"/>
      <c r="U738" s="207"/>
      <c r="V738" s="99"/>
      <c r="W738" s="99"/>
    </row>
    <row r="739" spans="1:16384" s="271" customFormat="1" outlineLevel="1">
      <c r="A739" s="88"/>
      <c r="B739" s="88"/>
      <c r="C739" s="87"/>
      <c r="D739" s="87"/>
      <c r="E739" s="87"/>
      <c r="F739" s="87"/>
      <c r="G739" s="87"/>
      <c r="H739" s="87">
        <v>1</v>
      </c>
      <c r="I739" s="87">
        <v>522</v>
      </c>
      <c r="J739" s="87" t="s">
        <v>69</v>
      </c>
      <c r="K739" s="87" t="s">
        <v>66</v>
      </c>
      <c r="L739" s="11" t="s">
        <v>65</v>
      </c>
      <c r="M739" s="87">
        <v>1</v>
      </c>
      <c r="N739" s="87" t="s">
        <v>514</v>
      </c>
      <c r="O739" s="87">
        <v>1</v>
      </c>
      <c r="P739" s="87">
        <v>3</v>
      </c>
      <c r="Q739" s="390" t="s">
        <v>765</v>
      </c>
      <c r="R739" s="385" t="s">
        <v>1200</v>
      </c>
      <c r="S739" s="385" t="s">
        <v>2815</v>
      </c>
      <c r="T739" s="391"/>
      <c r="U739" s="207"/>
      <c r="V739" s="99"/>
      <c r="W739" s="99"/>
    </row>
    <row r="740" spans="1:16384" s="271" customFormat="1" hidden="1" outlineLevel="1">
      <c r="A740" s="88"/>
      <c r="B740" s="88"/>
      <c r="C740" s="87"/>
      <c r="D740" s="87"/>
      <c r="E740" s="87"/>
      <c r="F740" s="87"/>
      <c r="G740" s="87"/>
      <c r="H740" s="87">
        <v>2</v>
      </c>
      <c r="I740" s="87">
        <v>782</v>
      </c>
      <c r="J740" s="87" t="s">
        <v>67</v>
      </c>
      <c r="K740" s="87" t="s">
        <v>66</v>
      </c>
      <c r="L740" s="11" t="s">
        <v>65</v>
      </c>
      <c r="M740" s="87">
        <v>1</v>
      </c>
      <c r="N740" s="87" t="s">
        <v>438</v>
      </c>
      <c r="O740" s="87">
        <v>1</v>
      </c>
      <c r="P740" s="87">
        <v>18</v>
      </c>
      <c r="Q740" s="390"/>
      <c r="R740" s="385"/>
      <c r="S740" s="385"/>
      <c r="T740" s="391"/>
      <c r="U740" s="207"/>
      <c r="V740" s="99"/>
      <c r="W740" s="99"/>
    </row>
    <row r="741" spans="1:16384" s="271" customFormat="1">
      <c r="A741" s="84"/>
      <c r="B741" s="84"/>
      <c r="C741" s="85" t="s">
        <v>72</v>
      </c>
      <c r="D741" s="85" t="s">
        <v>67</v>
      </c>
      <c r="E741" s="85"/>
      <c r="F741" s="85"/>
      <c r="G741" s="85"/>
      <c r="H741" s="85"/>
      <c r="I741" s="85"/>
      <c r="J741" s="85"/>
      <c r="K741" s="85" t="s">
        <v>17</v>
      </c>
      <c r="L741" s="75" t="s">
        <v>71</v>
      </c>
      <c r="M741" s="85" t="s">
        <v>525</v>
      </c>
      <c r="N741" s="85"/>
      <c r="O741" s="85"/>
      <c r="P741" s="85"/>
      <c r="Q741" s="390"/>
      <c r="R741" s="385" t="s">
        <v>1201</v>
      </c>
      <c r="S741" s="385" t="s">
        <v>1445</v>
      </c>
      <c r="T741" s="391"/>
      <c r="U741" s="207" t="s">
        <v>2397</v>
      </c>
      <c r="V741" s="203"/>
      <c r="W741" s="203"/>
    </row>
    <row r="742" spans="1:16384" s="271" customFormat="1" ht="17.25" customHeight="1" outlineLevel="1">
      <c r="A742" s="88"/>
      <c r="B742" s="88"/>
      <c r="C742" s="87"/>
      <c r="D742" s="87"/>
      <c r="E742" s="87"/>
      <c r="F742" s="87"/>
      <c r="G742" s="87"/>
      <c r="H742" s="87">
        <v>1</v>
      </c>
      <c r="I742" s="87">
        <v>522</v>
      </c>
      <c r="J742" s="87" t="s">
        <v>69</v>
      </c>
      <c r="K742" s="87" t="s">
        <v>66</v>
      </c>
      <c r="L742" s="11" t="s">
        <v>65</v>
      </c>
      <c r="M742" s="87">
        <v>1</v>
      </c>
      <c r="N742" s="87" t="s">
        <v>514</v>
      </c>
      <c r="O742" s="87">
        <v>1</v>
      </c>
      <c r="P742" s="87">
        <v>3</v>
      </c>
      <c r="Q742" s="390" t="s">
        <v>863</v>
      </c>
      <c r="R742" s="385" t="s">
        <v>1202</v>
      </c>
      <c r="S742" s="385" t="s">
        <v>2816</v>
      </c>
      <c r="T742" s="391"/>
      <c r="U742" s="207"/>
      <c r="V742" s="99"/>
      <c r="W742" s="99"/>
    </row>
    <row r="743" spans="1:16384" s="271" customFormat="1" hidden="1" outlineLevel="1">
      <c r="A743" s="88"/>
      <c r="B743" s="88"/>
      <c r="C743" s="87"/>
      <c r="D743" s="87"/>
      <c r="E743" s="87"/>
      <c r="F743" s="87"/>
      <c r="G743" s="87"/>
      <c r="H743" s="87">
        <v>2</v>
      </c>
      <c r="I743" s="87">
        <v>782</v>
      </c>
      <c r="J743" s="87" t="s">
        <v>67</v>
      </c>
      <c r="K743" s="87" t="s">
        <v>66</v>
      </c>
      <c r="L743" s="11" t="s">
        <v>65</v>
      </c>
      <c r="M743" s="87">
        <v>1</v>
      </c>
      <c r="N743" s="87" t="s">
        <v>438</v>
      </c>
      <c r="O743" s="87">
        <v>1</v>
      </c>
      <c r="P743" s="87">
        <v>18</v>
      </c>
      <c r="Q743" s="390"/>
      <c r="R743" s="385"/>
      <c r="S743" s="385"/>
      <c r="T743" s="391"/>
      <c r="U743" s="207"/>
      <c r="V743" s="99"/>
      <c r="W743" s="99"/>
    </row>
    <row r="744" spans="1:16384" s="8" customFormat="1" ht="35">
      <c r="A744" s="84"/>
      <c r="B744" s="84"/>
      <c r="C744" s="85" t="s">
        <v>72</v>
      </c>
      <c r="D744" s="85" t="s">
        <v>67</v>
      </c>
      <c r="E744" s="85"/>
      <c r="F744" s="85"/>
      <c r="G744" s="85"/>
      <c r="H744" s="85"/>
      <c r="I744" s="85"/>
      <c r="J744" s="85"/>
      <c r="K744" s="85" t="s">
        <v>17</v>
      </c>
      <c r="L744" s="75" t="s">
        <v>71</v>
      </c>
      <c r="M744" s="85" t="s">
        <v>525</v>
      </c>
      <c r="N744" s="85"/>
      <c r="O744" s="85"/>
      <c r="P744" s="85"/>
      <c r="Q744" s="389"/>
      <c r="R744" s="385" t="s">
        <v>1203</v>
      </c>
      <c r="S744" s="387" t="s">
        <v>2344</v>
      </c>
      <c r="T744" s="386"/>
      <c r="U744" s="207" t="s">
        <v>2399</v>
      </c>
      <c r="V744" s="203"/>
      <c r="W744" s="203" t="s">
        <v>2398</v>
      </c>
    </row>
    <row r="745" spans="1:16384" s="8" customFormat="1" outlineLevel="1">
      <c r="A745" s="88"/>
      <c r="B745" s="88"/>
      <c r="C745" s="87"/>
      <c r="D745" s="87"/>
      <c r="E745" s="87"/>
      <c r="F745" s="87"/>
      <c r="G745" s="87"/>
      <c r="H745" s="87">
        <v>1</v>
      </c>
      <c r="I745" s="87">
        <v>522</v>
      </c>
      <c r="J745" s="87" t="s">
        <v>69</v>
      </c>
      <c r="K745" s="87" t="s">
        <v>66</v>
      </c>
      <c r="L745" s="11" t="s">
        <v>65</v>
      </c>
      <c r="M745" s="87">
        <v>1</v>
      </c>
      <c r="N745" s="87" t="s">
        <v>514</v>
      </c>
      <c r="O745" s="87">
        <v>1</v>
      </c>
      <c r="P745" s="87">
        <v>3</v>
      </c>
      <c r="Q745" s="389" t="s">
        <v>643</v>
      </c>
      <c r="R745" s="385" t="s">
        <v>1204</v>
      </c>
      <c r="S745" s="385" t="s">
        <v>2817</v>
      </c>
      <c r="T745" s="386"/>
      <c r="U745" s="207"/>
      <c r="V745" s="99"/>
      <c r="W745" s="99"/>
    </row>
    <row r="746" spans="1:16384" s="8" customFormat="1" hidden="1" outlineLevel="1">
      <c r="A746" s="88"/>
      <c r="B746" s="88"/>
      <c r="C746" s="87"/>
      <c r="D746" s="87"/>
      <c r="E746" s="87"/>
      <c r="F746" s="87"/>
      <c r="G746" s="87"/>
      <c r="H746" s="87">
        <v>2</v>
      </c>
      <c r="I746" s="87">
        <v>782</v>
      </c>
      <c r="J746" s="87" t="s">
        <v>67</v>
      </c>
      <c r="K746" s="87" t="s">
        <v>66</v>
      </c>
      <c r="L746" s="11" t="s">
        <v>65</v>
      </c>
      <c r="M746" s="87">
        <v>1</v>
      </c>
      <c r="N746" s="87" t="s">
        <v>438</v>
      </c>
      <c r="O746" s="87">
        <v>1</v>
      </c>
      <c r="P746" s="87">
        <v>18</v>
      </c>
      <c r="Q746" s="89"/>
      <c r="R746" s="207"/>
      <c r="S746" s="207"/>
      <c r="U746" s="207"/>
      <c r="V746" s="99"/>
      <c r="W746" s="99"/>
    </row>
    <row r="747" spans="1:16384" s="8" customFormat="1" hidden="1">
      <c r="A747" s="84" t="s">
        <v>278</v>
      </c>
      <c r="B747" s="84" t="s">
        <v>524</v>
      </c>
      <c r="C747" s="85"/>
      <c r="D747" s="85"/>
      <c r="E747" s="85"/>
      <c r="F747" s="85"/>
      <c r="G747" s="85"/>
      <c r="H747" s="85"/>
      <c r="I747" s="85"/>
      <c r="J747" s="85"/>
      <c r="K747" s="85" t="s">
        <v>17</v>
      </c>
      <c r="L747" s="75" t="s">
        <v>71</v>
      </c>
      <c r="M747" s="85">
        <v>25</v>
      </c>
      <c r="N747" s="85"/>
      <c r="O747" s="85"/>
      <c r="P747" s="85"/>
      <c r="Q747" s="86"/>
      <c r="R747" s="207"/>
      <c r="S747" s="207"/>
      <c r="U747" s="207"/>
      <c r="V747" s="99"/>
      <c r="W747" s="99"/>
    </row>
    <row r="748" spans="1:16384" s="8" customFormat="1">
      <c r="A748" s="84"/>
      <c r="B748" s="84"/>
      <c r="C748" s="85" t="s">
        <v>278</v>
      </c>
      <c r="D748" s="85" t="s">
        <v>524</v>
      </c>
      <c r="E748" s="85"/>
      <c r="F748" s="85"/>
      <c r="G748" s="85"/>
      <c r="H748" s="85"/>
      <c r="I748" s="85"/>
      <c r="J748" s="85"/>
      <c r="K748" s="85" t="s">
        <v>66</v>
      </c>
      <c r="L748" s="75" t="s">
        <v>65</v>
      </c>
      <c r="M748" s="85">
        <v>1</v>
      </c>
      <c r="N748" s="85"/>
      <c r="O748" s="85"/>
      <c r="P748" s="85"/>
      <c r="Q748" s="86"/>
      <c r="R748" s="207" t="s">
        <v>1205</v>
      </c>
      <c r="S748" s="207"/>
      <c r="U748" s="207"/>
      <c r="V748" s="99"/>
      <c r="W748" s="99"/>
    </row>
    <row r="749" spans="1:16384" s="8" customFormat="1" ht="70" hidden="1" outlineLevel="1">
      <c r="A749" s="88"/>
      <c r="B749" s="88"/>
      <c r="C749" s="87"/>
      <c r="D749" s="87"/>
      <c r="E749" s="87"/>
      <c r="F749" s="87"/>
      <c r="G749" s="87"/>
      <c r="H749" s="87">
        <v>1</v>
      </c>
      <c r="I749" s="87">
        <v>248</v>
      </c>
      <c r="J749" s="87" t="s">
        <v>276</v>
      </c>
      <c r="K749" s="87" t="s">
        <v>66</v>
      </c>
      <c r="L749" s="11" t="s">
        <v>65</v>
      </c>
      <c r="M749" s="87">
        <v>1</v>
      </c>
      <c r="N749" s="87" t="s">
        <v>514</v>
      </c>
      <c r="O749" s="87">
        <v>1</v>
      </c>
      <c r="P749" s="87">
        <v>1</v>
      </c>
      <c r="Q749" s="270" t="s">
        <v>624</v>
      </c>
      <c r="R749" s="207"/>
      <c r="S749" s="207"/>
      <c r="U749" s="207"/>
      <c r="V749" s="99"/>
      <c r="W749" s="99"/>
    </row>
    <row r="750" spans="1:16384" s="8" customFormat="1" ht="70" hidden="1" outlineLevel="1">
      <c r="A750" s="88"/>
      <c r="B750" s="88"/>
      <c r="C750" s="87"/>
      <c r="D750" s="87"/>
      <c r="E750" s="87"/>
      <c r="F750" s="87"/>
      <c r="G750" s="87"/>
      <c r="H750" s="87">
        <v>2</v>
      </c>
      <c r="I750" s="87">
        <v>1300</v>
      </c>
      <c r="J750" s="87" t="s">
        <v>274</v>
      </c>
      <c r="K750" s="87" t="s">
        <v>78</v>
      </c>
      <c r="L750" s="11" t="s">
        <v>71</v>
      </c>
      <c r="M750" s="87">
        <v>1</v>
      </c>
      <c r="N750" s="87" t="s">
        <v>514</v>
      </c>
      <c r="O750" s="87">
        <v>4</v>
      </c>
      <c r="P750" s="87">
        <v>4</v>
      </c>
      <c r="Q750" s="270" t="s">
        <v>624</v>
      </c>
      <c r="R750" s="207"/>
      <c r="S750" s="207"/>
      <c r="U750" s="207"/>
      <c r="V750" s="99"/>
      <c r="W750" s="99"/>
    </row>
    <row r="751" spans="1:16384" s="8" customFormat="1" hidden="1" outlineLevel="1">
      <c r="A751" s="88"/>
      <c r="B751" s="88"/>
      <c r="C751" s="87"/>
      <c r="D751" s="87"/>
      <c r="E751" s="19"/>
      <c r="F751" s="19"/>
      <c r="G751" s="19"/>
      <c r="H751" s="19">
        <v>3</v>
      </c>
      <c r="I751" s="19">
        <v>559</v>
      </c>
      <c r="J751" s="19" t="s">
        <v>197</v>
      </c>
      <c r="K751" s="19" t="s">
        <v>78</v>
      </c>
      <c r="L751" s="25" t="s">
        <v>96</v>
      </c>
      <c r="M751" s="91">
        <v>1</v>
      </c>
      <c r="N751" s="91" t="s">
        <v>514</v>
      </c>
      <c r="O751" s="91">
        <v>2</v>
      </c>
      <c r="P751" s="91">
        <v>2</v>
      </c>
      <c r="Q751" s="25"/>
      <c r="R751" s="207"/>
      <c r="S751" s="207"/>
      <c r="U751" s="207"/>
      <c r="V751" s="99"/>
      <c r="W751" s="99"/>
    </row>
    <row r="752" spans="1:16384" s="8" customFormat="1" hidden="1" outlineLevel="1">
      <c r="A752" s="88"/>
      <c r="B752" s="88"/>
      <c r="C752" s="87"/>
      <c r="D752" s="87"/>
      <c r="E752" s="19"/>
      <c r="F752" s="19"/>
      <c r="G752" s="19"/>
      <c r="H752" s="19">
        <v>4</v>
      </c>
      <c r="I752" s="19">
        <v>1301</v>
      </c>
      <c r="J752" s="19" t="s">
        <v>271</v>
      </c>
      <c r="K752" s="19" t="s">
        <v>78</v>
      </c>
      <c r="L752" s="25" t="s">
        <v>96</v>
      </c>
      <c r="M752" s="19">
        <v>1</v>
      </c>
      <c r="N752" s="19" t="s">
        <v>509</v>
      </c>
      <c r="O752" s="19">
        <v>1</v>
      </c>
      <c r="P752" s="19">
        <v>10</v>
      </c>
      <c r="Q752" s="25"/>
      <c r="R752" s="207"/>
      <c r="S752" s="207"/>
      <c r="U752" s="207"/>
      <c r="V752" s="99"/>
      <c r="W752" s="99"/>
    </row>
    <row r="753" spans="1:23" s="8" customFormat="1" hidden="1" outlineLevel="1">
      <c r="A753" s="88"/>
      <c r="B753" s="88"/>
      <c r="C753" s="87"/>
      <c r="D753" s="87"/>
      <c r="E753" s="87"/>
      <c r="F753" s="87"/>
      <c r="G753" s="87"/>
      <c r="H753" s="87">
        <v>5</v>
      </c>
      <c r="I753" s="87">
        <v>610</v>
      </c>
      <c r="J753" s="87" t="s">
        <v>269</v>
      </c>
      <c r="K753" s="87" t="s">
        <v>17</v>
      </c>
      <c r="L753" s="11" t="s">
        <v>71</v>
      </c>
      <c r="M753" s="87">
        <v>1</v>
      </c>
      <c r="N753" s="87" t="s">
        <v>150</v>
      </c>
      <c r="O753" s="87">
        <v>1</v>
      </c>
      <c r="P753" s="87">
        <v>15</v>
      </c>
      <c r="Q753" s="89"/>
      <c r="R753" s="207"/>
      <c r="S753" s="207"/>
      <c r="U753" s="207"/>
      <c r="V753" s="99"/>
      <c r="W753" s="99"/>
    </row>
    <row r="754" spans="1:23" s="8" customFormat="1" hidden="1" outlineLevel="1">
      <c r="A754" s="88"/>
      <c r="B754" s="88"/>
      <c r="C754" s="87"/>
      <c r="D754" s="87"/>
      <c r="E754" s="11"/>
      <c r="F754" s="11"/>
      <c r="G754" s="11"/>
      <c r="H754" s="11">
        <v>6</v>
      </c>
      <c r="I754" s="11">
        <v>378</v>
      </c>
      <c r="J754" s="11" t="s">
        <v>267</v>
      </c>
      <c r="K754" s="11" t="s">
        <v>78</v>
      </c>
      <c r="L754" s="11" t="s">
        <v>71</v>
      </c>
      <c r="M754" s="11">
        <v>1</v>
      </c>
      <c r="N754" s="11" t="s">
        <v>514</v>
      </c>
      <c r="O754" s="11">
        <v>1</v>
      </c>
      <c r="P754" s="11">
        <v>1</v>
      </c>
      <c r="Q754" s="18" t="s">
        <v>658</v>
      </c>
      <c r="R754" s="207"/>
      <c r="S754" s="207"/>
      <c r="U754" s="207"/>
      <c r="V754" s="99"/>
      <c r="W754" s="99"/>
    </row>
    <row r="755" spans="1:23" s="8" customFormat="1" hidden="1" outlineLevel="1">
      <c r="A755" s="88"/>
      <c r="B755" s="88"/>
      <c r="C755" s="87"/>
      <c r="D755" s="87"/>
      <c r="E755" s="11"/>
      <c r="F755" s="11"/>
      <c r="G755" s="11"/>
      <c r="H755" s="11">
        <v>7</v>
      </c>
      <c r="I755" s="11">
        <v>332</v>
      </c>
      <c r="J755" s="11" t="s">
        <v>232</v>
      </c>
      <c r="K755" s="11" t="s">
        <v>78</v>
      </c>
      <c r="L755" s="11" t="s">
        <v>71</v>
      </c>
      <c r="M755" s="11">
        <v>1</v>
      </c>
      <c r="N755" s="11" t="s">
        <v>438</v>
      </c>
      <c r="O755" s="11">
        <v>1</v>
      </c>
      <c r="P755" s="11">
        <v>6</v>
      </c>
      <c r="Q755" s="18"/>
      <c r="R755" s="207"/>
      <c r="S755" s="207"/>
      <c r="U755" s="207"/>
      <c r="V755" s="99"/>
      <c r="W755" s="99"/>
    </row>
    <row r="756" spans="1:23" s="8" customFormat="1" hidden="1" outlineLevel="1">
      <c r="A756" s="88"/>
      <c r="B756" s="88"/>
      <c r="C756" s="87"/>
      <c r="D756" s="87"/>
      <c r="E756" s="19"/>
      <c r="F756" s="19"/>
      <c r="G756" s="19"/>
      <c r="H756" s="19">
        <v>8</v>
      </c>
      <c r="I756" s="19">
        <v>118</v>
      </c>
      <c r="J756" s="19" t="s">
        <v>264</v>
      </c>
      <c r="K756" s="19" t="s">
        <v>17</v>
      </c>
      <c r="L756" s="25" t="s">
        <v>96</v>
      </c>
      <c r="M756" s="19">
        <v>1</v>
      </c>
      <c r="N756" s="19" t="s">
        <v>438</v>
      </c>
      <c r="O756" s="19">
        <v>1</v>
      </c>
      <c r="P756" s="19">
        <v>9</v>
      </c>
      <c r="Q756" s="25"/>
      <c r="R756" s="207"/>
      <c r="S756" s="207"/>
      <c r="U756" s="207"/>
      <c r="V756" s="99"/>
      <c r="W756" s="99"/>
    </row>
    <row r="757" spans="1:23" s="8" customFormat="1" hidden="1" outlineLevel="1">
      <c r="A757" s="88"/>
      <c r="B757" s="88"/>
      <c r="C757" s="87"/>
      <c r="D757" s="87"/>
      <c r="E757" s="19"/>
      <c r="F757" s="19"/>
      <c r="G757" s="19"/>
      <c r="H757" s="19">
        <v>9</v>
      </c>
      <c r="I757" s="19">
        <v>355</v>
      </c>
      <c r="J757" s="19" t="s">
        <v>103</v>
      </c>
      <c r="K757" s="19" t="s">
        <v>78</v>
      </c>
      <c r="L757" s="25" t="s">
        <v>96</v>
      </c>
      <c r="M757" s="19">
        <v>1</v>
      </c>
      <c r="N757" s="19" t="s">
        <v>514</v>
      </c>
      <c r="O757" s="19">
        <v>2</v>
      </c>
      <c r="P757" s="19">
        <v>2</v>
      </c>
      <c r="Q757" s="25"/>
      <c r="R757" s="207"/>
      <c r="S757" s="207"/>
      <c r="U757" s="207"/>
      <c r="V757" s="99"/>
      <c r="W757" s="99"/>
    </row>
    <row r="758" spans="1:23" s="8" customFormat="1" hidden="1" outlineLevel="1">
      <c r="A758" s="88"/>
      <c r="B758" s="88"/>
      <c r="C758" s="87"/>
      <c r="D758" s="87"/>
      <c r="E758" s="19"/>
      <c r="F758" s="19"/>
      <c r="G758" s="19"/>
      <c r="H758" s="19">
        <v>10</v>
      </c>
      <c r="I758" s="19">
        <v>380</v>
      </c>
      <c r="J758" s="19" t="s">
        <v>105</v>
      </c>
      <c r="K758" s="19" t="s">
        <v>78</v>
      </c>
      <c r="L758" s="25" t="s">
        <v>96</v>
      </c>
      <c r="M758" s="19">
        <v>1</v>
      </c>
      <c r="N758" s="19" t="s">
        <v>438</v>
      </c>
      <c r="O758" s="19">
        <v>1</v>
      </c>
      <c r="P758" s="19">
        <v>15</v>
      </c>
      <c r="Q758" s="25"/>
      <c r="R758" s="207"/>
      <c r="S758" s="207"/>
      <c r="U758" s="207"/>
      <c r="V758" s="99"/>
      <c r="W758" s="99"/>
    </row>
    <row r="759" spans="1:23" s="8" customFormat="1" hidden="1" outlineLevel="1">
      <c r="A759" s="88"/>
      <c r="B759" s="88"/>
      <c r="C759" s="87"/>
      <c r="D759" s="87"/>
      <c r="E759" s="19"/>
      <c r="F759" s="19"/>
      <c r="G759" s="19"/>
      <c r="H759" s="19">
        <v>11</v>
      </c>
      <c r="I759" s="19">
        <v>380</v>
      </c>
      <c r="J759" s="19" t="s">
        <v>105</v>
      </c>
      <c r="K759" s="19" t="s">
        <v>17</v>
      </c>
      <c r="L759" s="25" t="s">
        <v>96</v>
      </c>
      <c r="M759" s="19">
        <v>1</v>
      </c>
      <c r="N759" s="19" t="s">
        <v>438</v>
      </c>
      <c r="O759" s="19">
        <v>1</v>
      </c>
      <c r="P759" s="19">
        <v>15</v>
      </c>
      <c r="Q759" s="25"/>
      <c r="R759" s="207"/>
      <c r="S759" s="207"/>
      <c r="U759" s="207"/>
      <c r="V759" s="99"/>
      <c r="W759" s="99"/>
    </row>
    <row r="760" spans="1:23" s="8" customFormat="1" ht="126" hidden="1" outlineLevel="1">
      <c r="A760" s="88"/>
      <c r="B760" s="88"/>
      <c r="C760" s="87"/>
      <c r="D760" s="87"/>
      <c r="E760" s="89"/>
      <c r="F760" s="89"/>
      <c r="G760" s="89"/>
      <c r="H760" s="89">
        <v>12</v>
      </c>
      <c r="I760" s="89">
        <v>331</v>
      </c>
      <c r="J760" s="89" t="s">
        <v>259</v>
      </c>
      <c r="K760" s="87" t="s">
        <v>17</v>
      </c>
      <c r="L760" s="11" t="s">
        <v>71</v>
      </c>
      <c r="M760" s="11">
        <v>1</v>
      </c>
      <c r="N760" s="11" t="s">
        <v>514</v>
      </c>
      <c r="O760" s="11">
        <v>2</v>
      </c>
      <c r="P760" s="11">
        <v>2</v>
      </c>
      <c r="Q760" s="18" t="s">
        <v>811</v>
      </c>
      <c r="R760" s="207"/>
      <c r="S760" s="207"/>
      <c r="U760" s="207"/>
      <c r="V760" s="99"/>
      <c r="W760" s="99"/>
    </row>
    <row r="761" spans="1:23" s="8" customFormat="1" ht="56" hidden="1" outlineLevel="1">
      <c r="A761" s="88"/>
      <c r="B761" s="88"/>
      <c r="C761" s="87"/>
      <c r="D761" s="87"/>
      <c r="E761" s="89"/>
      <c r="F761" s="89"/>
      <c r="G761" s="89"/>
      <c r="H761" s="89">
        <v>13</v>
      </c>
      <c r="I761" s="89">
        <v>127</v>
      </c>
      <c r="J761" s="89" t="s">
        <v>126</v>
      </c>
      <c r="K761" s="87" t="s">
        <v>78</v>
      </c>
      <c r="L761" s="11" t="s">
        <v>71</v>
      </c>
      <c r="M761" s="11">
        <v>1</v>
      </c>
      <c r="N761" s="11" t="s">
        <v>509</v>
      </c>
      <c r="O761" s="11">
        <v>1</v>
      </c>
      <c r="P761" s="11">
        <v>30</v>
      </c>
      <c r="Q761" s="18"/>
      <c r="R761" s="207"/>
      <c r="S761" s="207"/>
      <c r="U761" s="207"/>
      <c r="V761" s="99"/>
      <c r="W761" s="99"/>
    </row>
    <row r="762" spans="1:23" s="8" customFormat="1" ht="42" hidden="1" outlineLevel="1">
      <c r="A762" s="88"/>
      <c r="B762" s="88"/>
      <c r="C762" s="87"/>
      <c r="D762" s="87"/>
      <c r="E762" s="89"/>
      <c r="F762" s="89"/>
      <c r="G762" s="89"/>
      <c r="H762" s="89">
        <v>14</v>
      </c>
      <c r="I762" s="89">
        <v>770</v>
      </c>
      <c r="J762" s="89" t="s">
        <v>256</v>
      </c>
      <c r="K762" s="87" t="s">
        <v>17</v>
      </c>
      <c r="L762" s="11" t="s">
        <v>71</v>
      </c>
      <c r="M762" s="11">
        <v>1</v>
      </c>
      <c r="N762" s="11" t="s">
        <v>509</v>
      </c>
      <c r="O762" s="11">
        <v>1</v>
      </c>
      <c r="P762" s="11">
        <v>20</v>
      </c>
      <c r="Q762" s="18"/>
      <c r="R762" s="207"/>
      <c r="S762" s="207"/>
      <c r="U762" s="207"/>
      <c r="V762" s="99"/>
      <c r="W762" s="99"/>
    </row>
    <row r="763" spans="1:23" s="8" customFormat="1" hidden="1" outlineLevel="1">
      <c r="A763" s="88"/>
      <c r="B763" s="88"/>
      <c r="C763" s="87"/>
      <c r="D763" s="87"/>
      <c r="E763" s="87"/>
      <c r="F763" s="87"/>
      <c r="G763" s="87"/>
      <c r="H763" s="87">
        <v>15</v>
      </c>
      <c r="I763" s="87">
        <v>352</v>
      </c>
      <c r="J763" s="87" t="s">
        <v>3</v>
      </c>
      <c r="K763" s="87" t="s">
        <v>78</v>
      </c>
      <c r="L763" s="11" t="s">
        <v>71</v>
      </c>
      <c r="M763" s="87">
        <v>1</v>
      </c>
      <c r="N763" s="87" t="s">
        <v>509</v>
      </c>
      <c r="O763" s="87">
        <v>1</v>
      </c>
      <c r="P763" s="87">
        <v>80</v>
      </c>
      <c r="Q763" s="89"/>
      <c r="R763" s="207"/>
      <c r="S763" s="207"/>
      <c r="U763" s="207"/>
      <c r="V763" s="99"/>
      <c r="W763" s="99"/>
    </row>
    <row r="764" spans="1:23" s="8" customFormat="1" hidden="1" outlineLevel="1">
      <c r="A764" s="88"/>
      <c r="B764" s="88"/>
      <c r="C764" s="87"/>
      <c r="D764" s="87"/>
      <c r="E764" s="87"/>
      <c r="F764" s="87"/>
      <c r="G764" s="87"/>
      <c r="H764" s="87">
        <v>16</v>
      </c>
      <c r="I764" s="87">
        <v>819</v>
      </c>
      <c r="J764" s="87" t="s">
        <v>253</v>
      </c>
      <c r="K764" s="87" t="s">
        <v>17</v>
      </c>
      <c r="L764" s="11" t="s">
        <v>71</v>
      </c>
      <c r="M764" s="87">
        <v>1</v>
      </c>
      <c r="N764" s="87" t="s">
        <v>514</v>
      </c>
      <c r="O764" s="87">
        <v>2</v>
      </c>
      <c r="P764" s="87">
        <v>3</v>
      </c>
      <c r="Q764" s="89"/>
      <c r="R764" s="207"/>
      <c r="S764" s="207"/>
      <c r="U764" s="207"/>
      <c r="V764" s="99"/>
      <c r="W764" s="99"/>
    </row>
    <row r="765" spans="1:23" s="8" customFormat="1" collapsed="1">
      <c r="A765" s="84"/>
      <c r="B765" s="84"/>
      <c r="C765" s="85" t="s">
        <v>237</v>
      </c>
      <c r="D765" s="85" t="s">
        <v>517</v>
      </c>
      <c r="E765" s="85"/>
      <c r="F765" s="85"/>
      <c r="G765" s="85"/>
      <c r="H765" s="85"/>
      <c r="I765" s="85"/>
      <c r="J765" s="85"/>
      <c r="K765" s="85" t="s">
        <v>17</v>
      </c>
      <c r="L765" s="75" t="s">
        <v>71</v>
      </c>
      <c r="M765" s="85">
        <v>10</v>
      </c>
      <c r="N765" s="85"/>
      <c r="O765" s="85"/>
      <c r="P765" s="85"/>
      <c r="Q765" s="86"/>
      <c r="R765" s="207" t="s">
        <v>1206</v>
      </c>
      <c r="S765" s="207"/>
      <c r="U765" s="207" t="s">
        <v>2397</v>
      </c>
      <c r="V765" s="203"/>
      <c r="W765" s="203"/>
    </row>
    <row r="766" spans="1:23" s="8" customFormat="1" hidden="1" outlineLevel="1">
      <c r="A766" s="88"/>
      <c r="B766" s="88"/>
      <c r="C766" s="87"/>
      <c r="D766" s="87"/>
      <c r="E766" s="87"/>
      <c r="F766" s="87"/>
      <c r="G766" s="87"/>
      <c r="H766" s="87">
        <v>1</v>
      </c>
      <c r="I766" s="87">
        <v>963</v>
      </c>
      <c r="J766" s="87" t="s">
        <v>235</v>
      </c>
      <c r="K766" s="87" t="s">
        <v>66</v>
      </c>
      <c r="L766" s="11" t="s">
        <v>65</v>
      </c>
      <c r="M766" s="87">
        <v>1</v>
      </c>
      <c r="N766" s="87" t="s">
        <v>514</v>
      </c>
      <c r="O766" s="87">
        <v>2</v>
      </c>
      <c r="P766" s="87">
        <v>2</v>
      </c>
      <c r="Q766" s="89" t="s">
        <v>864</v>
      </c>
      <c r="R766" s="207"/>
      <c r="S766" s="207"/>
      <c r="U766" s="207"/>
      <c r="V766" s="99"/>
      <c r="W766" s="99"/>
    </row>
    <row r="767" spans="1:23" s="8" customFormat="1" hidden="1" outlineLevel="1">
      <c r="A767" s="88"/>
      <c r="B767" s="88"/>
      <c r="C767" s="87"/>
      <c r="D767" s="87"/>
      <c r="E767" s="87"/>
      <c r="F767" s="87"/>
      <c r="G767" s="87"/>
      <c r="H767" s="87">
        <v>2</v>
      </c>
      <c r="I767" s="87">
        <v>782</v>
      </c>
      <c r="J767" s="87" t="s">
        <v>67</v>
      </c>
      <c r="K767" s="87" t="s">
        <v>78</v>
      </c>
      <c r="L767" s="11" t="s">
        <v>71</v>
      </c>
      <c r="M767" s="87">
        <v>1</v>
      </c>
      <c r="N767" s="87" t="s">
        <v>438</v>
      </c>
      <c r="O767" s="87">
        <v>1</v>
      </c>
      <c r="P767" s="87">
        <v>18</v>
      </c>
      <c r="Q767" s="89"/>
      <c r="R767" s="207"/>
      <c r="S767" s="207"/>
      <c r="U767" s="207"/>
      <c r="V767" s="99"/>
      <c r="W767" s="99"/>
    </row>
    <row r="768" spans="1:23" s="8" customFormat="1" hidden="1" outlineLevel="1">
      <c r="A768" s="88"/>
      <c r="B768" s="88"/>
      <c r="C768" s="87"/>
      <c r="D768" s="87"/>
      <c r="E768" s="19"/>
      <c r="F768" s="19"/>
      <c r="G768" s="19"/>
      <c r="H768" s="19">
        <v>3</v>
      </c>
      <c r="I768" s="19">
        <v>954</v>
      </c>
      <c r="J768" s="19" t="s">
        <v>232</v>
      </c>
      <c r="K768" s="19" t="s">
        <v>78</v>
      </c>
      <c r="L768" s="25" t="s">
        <v>96</v>
      </c>
      <c r="M768" s="91">
        <v>1</v>
      </c>
      <c r="N768" s="91" t="s">
        <v>438</v>
      </c>
      <c r="O768" s="91">
        <v>1</v>
      </c>
      <c r="P768" s="91">
        <v>10</v>
      </c>
      <c r="Q768" s="25"/>
      <c r="R768" s="207"/>
      <c r="S768" s="207"/>
      <c r="U768" s="207"/>
      <c r="V768" s="99"/>
      <c r="W768" s="99"/>
    </row>
    <row r="769" spans="1:23" s="8" customFormat="1" hidden="1" outlineLevel="1">
      <c r="A769" s="88"/>
      <c r="B769" s="88"/>
      <c r="C769" s="87"/>
      <c r="D769" s="87"/>
      <c r="E769" s="19"/>
      <c r="F769" s="19"/>
      <c r="G769" s="19"/>
      <c r="H769" s="19">
        <v>4</v>
      </c>
      <c r="I769" s="19">
        <v>955</v>
      </c>
      <c r="J769" s="19" t="s">
        <v>230</v>
      </c>
      <c r="K769" s="19" t="s">
        <v>78</v>
      </c>
      <c r="L769" s="25" t="s">
        <v>96</v>
      </c>
      <c r="M769" s="91">
        <v>1</v>
      </c>
      <c r="N769" s="91" t="s">
        <v>514</v>
      </c>
      <c r="O769" s="91">
        <v>2</v>
      </c>
      <c r="P769" s="91">
        <v>2</v>
      </c>
      <c r="Q769" s="25"/>
      <c r="R769" s="207"/>
      <c r="S769" s="207"/>
      <c r="U769" s="207"/>
      <c r="V769" s="99"/>
      <c r="W769" s="99"/>
    </row>
    <row r="770" spans="1:23" s="8" customFormat="1" hidden="1" outlineLevel="1">
      <c r="A770" s="88"/>
      <c r="B770" s="88"/>
      <c r="C770" s="87"/>
      <c r="D770" s="87"/>
      <c r="E770" s="19"/>
      <c r="F770" s="19"/>
      <c r="G770" s="19"/>
      <c r="H770" s="19">
        <v>5</v>
      </c>
      <c r="I770" s="19">
        <v>956</v>
      </c>
      <c r="J770" s="19" t="s">
        <v>228</v>
      </c>
      <c r="K770" s="19" t="s">
        <v>78</v>
      </c>
      <c r="L770" s="25" t="s">
        <v>96</v>
      </c>
      <c r="M770" s="91">
        <v>1</v>
      </c>
      <c r="N770" s="91" t="s">
        <v>509</v>
      </c>
      <c r="O770" s="91">
        <v>1</v>
      </c>
      <c r="P770" s="91">
        <v>10</v>
      </c>
      <c r="Q770" s="25"/>
      <c r="R770" s="207"/>
      <c r="S770" s="207"/>
      <c r="U770" s="207"/>
      <c r="V770" s="99"/>
      <c r="W770" s="99"/>
    </row>
    <row r="771" spans="1:23" s="8" customFormat="1" hidden="1" outlineLevel="1">
      <c r="A771" s="88"/>
      <c r="B771" s="88"/>
      <c r="C771" s="87"/>
      <c r="D771" s="87"/>
      <c r="E771" s="19"/>
      <c r="F771" s="19"/>
      <c r="G771" s="19"/>
      <c r="H771" s="19">
        <v>6</v>
      </c>
      <c r="I771" s="19">
        <v>441</v>
      </c>
      <c r="J771" s="19" t="s">
        <v>226</v>
      </c>
      <c r="K771" s="19" t="s">
        <v>78</v>
      </c>
      <c r="L771" s="25" t="s">
        <v>96</v>
      </c>
      <c r="M771" s="91">
        <v>1</v>
      </c>
      <c r="N771" s="91" t="s">
        <v>514</v>
      </c>
      <c r="O771" s="91">
        <v>1</v>
      </c>
      <c r="P771" s="91">
        <v>1</v>
      </c>
      <c r="Q771" s="25"/>
      <c r="R771" s="207"/>
      <c r="S771" s="207"/>
      <c r="U771" s="207"/>
      <c r="V771" s="99"/>
      <c r="W771" s="99"/>
    </row>
    <row r="772" spans="1:23" s="8" customFormat="1" hidden="1" outlineLevel="1">
      <c r="A772" s="88"/>
      <c r="B772" s="88"/>
      <c r="C772" s="87"/>
      <c r="D772" s="87"/>
      <c r="E772" s="19"/>
      <c r="F772" s="19"/>
      <c r="G772" s="19"/>
      <c r="H772" s="19">
        <v>7</v>
      </c>
      <c r="I772" s="19">
        <v>662</v>
      </c>
      <c r="J772" s="19" t="s">
        <v>97</v>
      </c>
      <c r="K772" s="19" t="s">
        <v>17</v>
      </c>
      <c r="L772" s="25" t="s">
        <v>96</v>
      </c>
      <c r="M772" s="91">
        <v>1</v>
      </c>
      <c r="N772" s="91" t="s">
        <v>514</v>
      </c>
      <c r="O772" s="91">
        <v>1</v>
      </c>
      <c r="P772" s="91">
        <v>1</v>
      </c>
      <c r="Q772" s="25"/>
      <c r="R772" s="207"/>
      <c r="S772" s="207"/>
      <c r="U772" s="207"/>
      <c r="V772" s="99"/>
      <c r="W772" s="99"/>
    </row>
    <row r="773" spans="1:23" s="8" customFormat="1" hidden="1" outlineLevel="1">
      <c r="A773" s="88"/>
      <c r="B773" s="88"/>
      <c r="C773" s="87"/>
      <c r="D773" s="87"/>
      <c r="E773" s="19"/>
      <c r="F773" s="19"/>
      <c r="G773" s="19"/>
      <c r="H773" s="19">
        <v>8</v>
      </c>
      <c r="I773" s="19">
        <v>828</v>
      </c>
      <c r="J773" s="19" t="s">
        <v>223</v>
      </c>
      <c r="K773" s="19" t="s">
        <v>17</v>
      </c>
      <c r="L773" s="25" t="s">
        <v>96</v>
      </c>
      <c r="M773" s="91">
        <v>1</v>
      </c>
      <c r="N773" s="91" t="s">
        <v>438</v>
      </c>
      <c r="O773" s="91">
        <v>1</v>
      </c>
      <c r="P773" s="91">
        <v>9</v>
      </c>
      <c r="Q773" s="25"/>
      <c r="R773" s="207"/>
      <c r="S773" s="207"/>
      <c r="U773" s="207"/>
      <c r="V773" s="99"/>
      <c r="W773" s="99"/>
    </row>
    <row r="774" spans="1:23" s="8" customFormat="1" hidden="1" outlineLevel="1">
      <c r="A774" s="88"/>
      <c r="B774" s="88"/>
      <c r="C774" s="87"/>
      <c r="D774" s="87"/>
      <c r="E774" s="19"/>
      <c r="F774" s="19"/>
      <c r="G774" s="19"/>
      <c r="H774" s="19">
        <v>9</v>
      </c>
      <c r="I774" s="19">
        <v>325</v>
      </c>
      <c r="J774" s="19" t="s">
        <v>221</v>
      </c>
      <c r="K774" s="19" t="s">
        <v>17</v>
      </c>
      <c r="L774" s="25" t="s">
        <v>96</v>
      </c>
      <c r="M774" s="91">
        <v>1</v>
      </c>
      <c r="N774" s="91" t="s">
        <v>509</v>
      </c>
      <c r="O774" s="91">
        <v>1</v>
      </c>
      <c r="P774" s="91">
        <v>20</v>
      </c>
      <c r="Q774" s="25"/>
      <c r="R774" s="207"/>
      <c r="S774" s="207"/>
      <c r="U774" s="207"/>
      <c r="V774" s="99"/>
      <c r="W774" s="99"/>
    </row>
    <row r="775" spans="1:23" s="8" customFormat="1" hidden="1" outlineLevel="1">
      <c r="A775" s="88"/>
      <c r="B775" s="88"/>
      <c r="C775" s="87"/>
      <c r="D775" s="87"/>
      <c r="E775" s="87"/>
      <c r="F775" s="87"/>
      <c r="G775" s="87"/>
      <c r="H775" s="87">
        <v>10</v>
      </c>
      <c r="I775" s="87">
        <v>350</v>
      </c>
      <c r="J775" s="87" t="s">
        <v>108</v>
      </c>
      <c r="K775" s="87" t="s">
        <v>17</v>
      </c>
      <c r="L775" s="11" t="s">
        <v>71</v>
      </c>
      <c r="M775" s="87">
        <v>1</v>
      </c>
      <c r="N775" s="87" t="s">
        <v>509</v>
      </c>
      <c r="O775" s="87">
        <v>1</v>
      </c>
      <c r="P775" s="87">
        <v>20</v>
      </c>
      <c r="Q775" s="89"/>
      <c r="R775" s="207"/>
      <c r="S775" s="207"/>
      <c r="U775" s="207"/>
      <c r="V775" s="99"/>
      <c r="W775" s="99"/>
    </row>
    <row r="776" spans="1:23" s="8" customFormat="1" collapsed="1">
      <c r="A776" s="84"/>
      <c r="B776" s="84"/>
      <c r="C776" s="85" t="s">
        <v>237</v>
      </c>
      <c r="D776" s="85" t="s">
        <v>517</v>
      </c>
      <c r="E776" s="85"/>
      <c r="F776" s="85"/>
      <c r="G776" s="85"/>
      <c r="H776" s="85"/>
      <c r="I776" s="85"/>
      <c r="J776" s="85"/>
      <c r="K776" s="85" t="s">
        <v>17</v>
      </c>
      <c r="L776" s="75" t="s">
        <v>71</v>
      </c>
      <c r="M776" s="85">
        <v>10</v>
      </c>
      <c r="N776" s="85"/>
      <c r="O776" s="85"/>
      <c r="P776" s="85"/>
      <c r="Q776" s="86"/>
      <c r="R776" s="380" t="s">
        <v>1207</v>
      </c>
      <c r="S776" s="380" t="s">
        <v>2839</v>
      </c>
      <c r="T776" s="382" t="s">
        <v>2837</v>
      </c>
      <c r="U776" s="380" t="s">
        <v>2399</v>
      </c>
      <c r="V776" s="381" t="s">
        <v>2838</v>
      </c>
      <c r="W776" s="203"/>
    </row>
    <row r="777" spans="1:23" s="8" customFormat="1" ht="70" hidden="1" outlineLevel="1">
      <c r="A777" s="88"/>
      <c r="B777" s="88"/>
      <c r="C777" s="87"/>
      <c r="D777" s="87"/>
      <c r="E777" s="87"/>
      <c r="F777" s="87"/>
      <c r="G777" s="87"/>
      <c r="H777" s="87">
        <v>1</v>
      </c>
      <c r="I777" s="87">
        <v>963</v>
      </c>
      <c r="J777" s="87" t="s">
        <v>235</v>
      </c>
      <c r="K777" s="87" t="s">
        <v>66</v>
      </c>
      <c r="L777" s="11" t="s">
        <v>65</v>
      </c>
      <c r="M777" s="87">
        <v>1</v>
      </c>
      <c r="N777" s="87" t="s">
        <v>514</v>
      </c>
      <c r="O777" s="87">
        <v>2</v>
      </c>
      <c r="P777" s="87">
        <v>2</v>
      </c>
      <c r="Q777" s="270" t="s">
        <v>624</v>
      </c>
      <c r="R777" s="207"/>
      <c r="S777" s="207"/>
      <c r="U777" s="207"/>
      <c r="V777" s="99"/>
      <c r="W777" s="99"/>
    </row>
    <row r="778" spans="1:23" s="8" customFormat="1" hidden="1" outlineLevel="1">
      <c r="A778" s="88"/>
      <c r="B778" s="88"/>
      <c r="C778" s="87"/>
      <c r="D778" s="87"/>
      <c r="E778" s="87"/>
      <c r="F778" s="87"/>
      <c r="G778" s="87"/>
      <c r="H778" s="87">
        <v>2</v>
      </c>
      <c r="I778" s="87">
        <v>782</v>
      </c>
      <c r="J778" s="87" t="s">
        <v>67</v>
      </c>
      <c r="K778" s="87" t="s">
        <v>78</v>
      </c>
      <c r="L778" s="11" t="s">
        <v>71</v>
      </c>
      <c r="M778" s="87">
        <v>1</v>
      </c>
      <c r="N778" s="87" t="s">
        <v>438</v>
      </c>
      <c r="O778" s="87">
        <v>1</v>
      </c>
      <c r="P778" s="87">
        <v>18</v>
      </c>
      <c r="Q778" s="89"/>
      <c r="R778" s="207"/>
      <c r="S778" s="207"/>
      <c r="U778" s="207"/>
      <c r="V778" s="99"/>
      <c r="W778" s="99"/>
    </row>
    <row r="779" spans="1:23" s="8" customFormat="1" hidden="1" outlineLevel="1">
      <c r="A779" s="88"/>
      <c r="B779" s="88"/>
      <c r="C779" s="87"/>
      <c r="D779" s="87"/>
      <c r="E779" s="87"/>
      <c r="F779" s="87"/>
      <c r="G779" s="87"/>
      <c r="H779" s="87">
        <v>3</v>
      </c>
      <c r="I779" s="87">
        <v>954</v>
      </c>
      <c r="J779" s="87" t="s">
        <v>232</v>
      </c>
      <c r="K779" s="87" t="s">
        <v>78</v>
      </c>
      <c r="L779" s="11" t="s">
        <v>71</v>
      </c>
      <c r="M779" s="11">
        <v>1</v>
      </c>
      <c r="N779" s="11" t="s">
        <v>438</v>
      </c>
      <c r="O779" s="11">
        <v>1</v>
      </c>
      <c r="P779" s="11">
        <v>10</v>
      </c>
      <c r="Q779" s="89"/>
      <c r="R779" s="207"/>
      <c r="S779" s="207"/>
      <c r="U779" s="207"/>
      <c r="V779" s="99"/>
      <c r="W779" s="99"/>
    </row>
    <row r="780" spans="1:23" s="8" customFormat="1" hidden="1" outlineLevel="1">
      <c r="A780" s="88"/>
      <c r="B780" s="88"/>
      <c r="C780" s="87"/>
      <c r="D780" s="87"/>
      <c r="E780" s="87"/>
      <c r="F780" s="87"/>
      <c r="G780" s="87"/>
      <c r="H780" s="87">
        <v>4</v>
      </c>
      <c r="I780" s="87">
        <v>955</v>
      </c>
      <c r="J780" s="87" t="s">
        <v>230</v>
      </c>
      <c r="K780" s="87" t="s">
        <v>78</v>
      </c>
      <c r="L780" s="11" t="s">
        <v>71</v>
      </c>
      <c r="M780" s="11">
        <v>1</v>
      </c>
      <c r="N780" s="11" t="s">
        <v>514</v>
      </c>
      <c r="O780" s="11">
        <v>2</v>
      </c>
      <c r="P780" s="11">
        <v>2</v>
      </c>
      <c r="Q780" s="89" t="s">
        <v>813</v>
      </c>
      <c r="R780" s="207"/>
      <c r="S780" s="207"/>
      <c r="U780" s="207"/>
      <c r="V780" s="99"/>
      <c r="W780" s="99"/>
    </row>
    <row r="781" spans="1:23" s="8" customFormat="1" hidden="1" outlineLevel="1">
      <c r="A781" s="88"/>
      <c r="B781" s="88"/>
      <c r="C781" s="87"/>
      <c r="D781" s="87"/>
      <c r="E781" s="87"/>
      <c r="F781" s="87"/>
      <c r="G781" s="87"/>
      <c r="H781" s="87">
        <v>5</v>
      </c>
      <c r="I781" s="87">
        <v>956</v>
      </c>
      <c r="J781" s="87" t="s">
        <v>228</v>
      </c>
      <c r="K781" s="87" t="s">
        <v>78</v>
      </c>
      <c r="L781" s="11" t="s">
        <v>71</v>
      </c>
      <c r="M781" s="11">
        <v>1</v>
      </c>
      <c r="N781" s="11" t="s">
        <v>509</v>
      </c>
      <c r="O781" s="11">
        <v>1</v>
      </c>
      <c r="P781" s="11">
        <v>10</v>
      </c>
      <c r="Q781" s="89"/>
      <c r="R781" s="207"/>
      <c r="S781" s="207"/>
      <c r="U781" s="207"/>
      <c r="V781" s="99"/>
      <c r="W781" s="99"/>
    </row>
    <row r="782" spans="1:23" s="8" customFormat="1" ht="70" hidden="1" outlineLevel="1">
      <c r="A782" s="88"/>
      <c r="B782" s="88"/>
      <c r="C782" s="87"/>
      <c r="D782" s="87"/>
      <c r="E782" s="87"/>
      <c r="F782" s="87"/>
      <c r="G782" s="87"/>
      <c r="H782" s="87">
        <v>6</v>
      </c>
      <c r="I782" s="87">
        <v>441</v>
      </c>
      <c r="J782" s="87" t="s">
        <v>226</v>
      </c>
      <c r="K782" s="87" t="s">
        <v>78</v>
      </c>
      <c r="L782" s="11" t="s">
        <v>71</v>
      </c>
      <c r="M782" s="11">
        <v>1</v>
      </c>
      <c r="N782" s="11" t="s">
        <v>514</v>
      </c>
      <c r="O782" s="11">
        <v>1</v>
      </c>
      <c r="P782" s="11">
        <v>1</v>
      </c>
      <c r="Q782" s="270" t="s">
        <v>624</v>
      </c>
      <c r="R782" s="207"/>
      <c r="S782" s="207"/>
      <c r="U782" s="207"/>
      <c r="V782" s="99"/>
      <c r="W782" s="99"/>
    </row>
    <row r="783" spans="1:23" s="8" customFormat="1" hidden="1" outlineLevel="1">
      <c r="A783" s="88"/>
      <c r="B783" s="88"/>
      <c r="C783" s="87"/>
      <c r="D783" s="87"/>
      <c r="E783" s="19"/>
      <c r="F783" s="19"/>
      <c r="G783" s="19"/>
      <c r="H783" s="19">
        <v>7</v>
      </c>
      <c r="I783" s="19">
        <v>662</v>
      </c>
      <c r="J783" s="19" t="s">
        <v>97</v>
      </c>
      <c r="K783" s="19" t="s">
        <v>17</v>
      </c>
      <c r="L783" s="25" t="s">
        <v>96</v>
      </c>
      <c r="M783" s="91">
        <v>1</v>
      </c>
      <c r="N783" s="91" t="s">
        <v>514</v>
      </c>
      <c r="O783" s="91">
        <v>1</v>
      </c>
      <c r="P783" s="91">
        <v>1</v>
      </c>
      <c r="Q783" s="25"/>
      <c r="R783" s="207"/>
      <c r="S783" s="207"/>
      <c r="U783" s="207"/>
      <c r="V783" s="99"/>
      <c r="W783" s="99"/>
    </row>
    <row r="784" spans="1:23" s="8" customFormat="1" hidden="1" outlineLevel="1">
      <c r="A784" s="88"/>
      <c r="B784" s="88"/>
      <c r="C784" s="87"/>
      <c r="D784" s="87"/>
      <c r="E784" s="87"/>
      <c r="F784" s="87"/>
      <c r="G784" s="87"/>
      <c r="H784" s="87">
        <v>8</v>
      </c>
      <c r="I784" s="87">
        <v>828</v>
      </c>
      <c r="J784" s="87" t="s">
        <v>223</v>
      </c>
      <c r="K784" s="87" t="s">
        <v>17</v>
      </c>
      <c r="L784" s="11" t="s">
        <v>71</v>
      </c>
      <c r="M784" s="11">
        <v>1</v>
      </c>
      <c r="N784" s="11" t="s">
        <v>438</v>
      </c>
      <c r="O784" s="11">
        <v>1</v>
      </c>
      <c r="P784" s="11">
        <v>9</v>
      </c>
      <c r="Q784" s="89"/>
      <c r="R784" s="207"/>
      <c r="S784" s="207"/>
      <c r="U784" s="207"/>
      <c r="V784" s="99"/>
      <c r="W784" s="99"/>
    </row>
    <row r="785" spans="1:23" s="8" customFormat="1" hidden="1" outlineLevel="1">
      <c r="A785" s="88"/>
      <c r="B785" s="88"/>
      <c r="C785" s="87"/>
      <c r="D785" s="87"/>
      <c r="E785" s="87"/>
      <c r="F785" s="87"/>
      <c r="G785" s="87"/>
      <c r="H785" s="87">
        <v>9</v>
      </c>
      <c r="I785" s="87">
        <v>325</v>
      </c>
      <c r="J785" s="87" t="s">
        <v>221</v>
      </c>
      <c r="K785" s="87" t="s">
        <v>17</v>
      </c>
      <c r="L785" s="11" t="s">
        <v>71</v>
      </c>
      <c r="M785" s="11">
        <v>1</v>
      </c>
      <c r="N785" s="11" t="s">
        <v>509</v>
      </c>
      <c r="O785" s="11">
        <v>1</v>
      </c>
      <c r="P785" s="11">
        <v>20</v>
      </c>
      <c r="Q785" s="89"/>
      <c r="R785" s="207"/>
      <c r="S785" s="207"/>
      <c r="U785" s="207"/>
      <c r="V785" s="99"/>
      <c r="W785" s="99"/>
    </row>
    <row r="786" spans="1:23" s="8" customFormat="1" hidden="1" collapsed="1">
      <c r="A786" s="84" t="s">
        <v>278</v>
      </c>
      <c r="B786" s="84" t="s">
        <v>524</v>
      </c>
      <c r="C786" s="85"/>
      <c r="D786" s="85"/>
      <c r="E786" s="85"/>
      <c r="F786" s="85"/>
      <c r="G786" s="85"/>
      <c r="H786" s="85"/>
      <c r="I786" s="85"/>
      <c r="J786" s="85"/>
      <c r="K786" s="85" t="s">
        <v>17</v>
      </c>
      <c r="L786" s="75" t="s">
        <v>71</v>
      </c>
      <c r="M786" s="85">
        <v>25</v>
      </c>
      <c r="N786" s="85"/>
      <c r="O786" s="85"/>
      <c r="P786" s="85"/>
      <c r="Q786" s="86"/>
      <c r="R786" s="207"/>
      <c r="S786" s="207"/>
      <c r="U786" s="207"/>
      <c r="V786" s="99"/>
      <c r="W786" s="99"/>
    </row>
    <row r="787" spans="1:23" s="8" customFormat="1" hidden="1">
      <c r="A787" s="84"/>
      <c r="B787" s="84"/>
      <c r="C787" s="85" t="s">
        <v>278</v>
      </c>
      <c r="D787" s="85" t="s">
        <v>524</v>
      </c>
      <c r="E787" s="85"/>
      <c r="F787" s="85"/>
      <c r="G787" s="85"/>
      <c r="H787" s="85"/>
      <c r="I787" s="85"/>
      <c r="J787" s="85"/>
      <c r="K787" s="85" t="s">
        <v>66</v>
      </c>
      <c r="L787" s="75" t="s">
        <v>65</v>
      </c>
      <c r="M787" s="85">
        <v>1</v>
      </c>
      <c r="N787" s="85"/>
      <c r="O787" s="85"/>
      <c r="P787" s="85"/>
      <c r="Q787" s="86"/>
      <c r="R787" s="207"/>
      <c r="S787" s="207"/>
      <c r="U787" s="207"/>
      <c r="V787" s="99"/>
      <c r="W787" s="99"/>
    </row>
    <row r="788" spans="1:23" s="8" customFormat="1" hidden="1">
      <c r="A788" s="88"/>
      <c r="B788" s="88"/>
      <c r="C788" s="87"/>
      <c r="D788" s="87"/>
      <c r="E788" s="87"/>
      <c r="F788" s="87"/>
      <c r="G788" s="87"/>
      <c r="H788" s="87">
        <v>1</v>
      </c>
      <c r="I788" s="87">
        <v>248</v>
      </c>
      <c r="J788" s="87" t="s">
        <v>276</v>
      </c>
      <c r="K788" s="87" t="s">
        <v>66</v>
      </c>
      <c r="L788" s="11" t="s">
        <v>65</v>
      </c>
      <c r="M788" s="87">
        <v>1</v>
      </c>
      <c r="N788" s="87" t="s">
        <v>514</v>
      </c>
      <c r="O788" s="87">
        <v>1</v>
      </c>
      <c r="P788" s="87">
        <v>1</v>
      </c>
      <c r="Q788" s="89" t="s">
        <v>859</v>
      </c>
      <c r="R788" s="207"/>
      <c r="S788" s="207"/>
      <c r="U788" s="207"/>
      <c r="V788" s="99"/>
      <c r="W788" s="99"/>
    </row>
    <row r="789" spans="1:23" s="8" customFormat="1" hidden="1">
      <c r="A789" s="88"/>
      <c r="B789" s="88"/>
      <c r="C789" s="87"/>
      <c r="D789" s="87"/>
      <c r="E789" s="87"/>
      <c r="F789" s="87"/>
      <c r="G789" s="87"/>
      <c r="H789" s="87">
        <v>2</v>
      </c>
      <c r="I789" s="87">
        <v>1300</v>
      </c>
      <c r="J789" s="87" t="s">
        <v>274</v>
      </c>
      <c r="K789" s="87" t="s">
        <v>78</v>
      </c>
      <c r="L789" s="11" t="s">
        <v>71</v>
      </c>
      <c r="M789" s="87">
        <v>1</v>
      </c>
      <c r="N789" s="87" t="s">
        <v>514</v>
      </c>
      <c r="O789" s="87">
        <v>4</v>
      </c>
      <c r="P789" s="87">
        <v>4</v>
      </c>
      <c r="Q789" s="89" t="s">
        <v>860</v>
      </c>
      <c r="R789" s="207"/>
      <c r="S789" s="207"/>
      <c r="U789" s="207"/>
      <c r="V789" s="99"/>
      <c r="W789" s="99"/>
    </row>
    <row r="790" spans="1:23" s="8" customFormat="1" hidden="1">
      <c r="A790" s="88"/>
      <c r="B790" s="88"/>
      <c r="C790" s="87"/>
      <c r="D790" s="87"/>
      <c r="E790" s="19"/>
      <c r="F790" s="19"/>
      <c r="G790" s="19"/>
      <c r="H790" s="19">
        <v>3</v>
      </c>
      <c r="I790" s="19">
        <v>559</v>
      </c>
      <c r="J790" s="19" t="s">
        <v>197</v>
      </c>
      <c r="K790" s="19" t="s">
        <v>78</v>
      </c>
      <c r="L790" s="25" t="s">
        <v>96</v>
      </c>
      <c r="M790" s="91">
        <v>1</v>
      </c>
      <c r="N790" s="91" t="s">
        <v>514</v>
      </c>
      <c r="O790" s="91">
        <v>2</v>
      </c>
      <c r="P790" s="91">
        <v>2</v>
      </c>
      <c r="Q790" s="25"/>
      <c r="R790" s="207"/>
      <c r="S790" s="207"/>
      <c r="U790" s="207"/>
      <c r="V790" s="99"/>
      <c r="W790" s="99"/>
    </row>
    <row r="791" spans="1:23" s="8" customFormat="1" hidden="1">
      <c r="A791" s="88"/>
      <c r="B791" s="88"/>
      <c r="C791" s="87"/>
      <c r="D791" s="87"/>
      <c r="E791" s="19"/>
      <c r="F791" s="19"/>
      <c r="G791" s="19"/>
      <c r="H791" s="19">
        <v>4</v>
      </c>
      <c r="I791" s="19">
        <v>1301</v>
      </c>
      <c r="J791" s="19" t="s">
        <v>271</v>
      </c>
      <c r="K791" s="19" t="s">
        <v>78</v>
      </c>
      <c r="L791" s="25" t="s">
        <v>96</v>
      </c>
      <c r="M791" s="19">
        <v>1</v>
      </c>
      <c r="N791" s="19" t="s">
        <v>509</v>
      </c>
      <c r="O791" s="19">
        <v>1</v>
      </c>
      <c r="P791" s="19">
        <v>10</v>
      </c>
      <c r="Q791" s="25"/>
      <c r="R791" s="207"/>
      <c r="S791" s="207"/>
      <c r="U791" s="207"/>
      <c r="V791" s="99"/>
      <c r="W791" s="99"/>
    </row>
    <row r="792" spans="1:23" s="8" customFormat="1" hidden="1">
      <c r="A792" s="88"/>
      <c r="B792" s="88"/>
      <c r="C792" s="87"/>
      <c r="D792" s="87"/>
      <c r="E792" s="87"/>
      <c r="F792" s="87"/>
      <c r="G792" s="87"/>
      <c r="H792" s="87">
        <v>5</v>
      </c>
      <c r="I792" s="87">
        <v>610</v>
      </c>
      <c r="J792" s="87" t="s">
        <v>269</v>
      </c>
      <c r="K792" s="87" t="s">
        <v>17</v>
      </c>
      <c r="L792" s="11" t="s">
        <v>71</v>
      </c>
      <c r="M792" s="87">
        <v>1</v>
      </c>
      <c r="N792" s="87" t="s">
        <v>150</v>
      </c>
      <c r="O792" s="87">
        <v>1</v>
      </c>
      <c r="P792" s="87">
        <v>15</v>
      </c>
      <c r="Q792" s="89"/>
      <c r="R792" s="207"/>
      <c r="S792" s="207"/>
      <c r="U792" s="207"/>
      <c r="V792" s="99"/>
      <c r="W792" s="99"/>
    </row>
    <row r="793" spans="1:23" s="8" customFormat="1" hidden="1">
      <c r="A793" s="88"/>
      <c r="B793" s="88"/>
      <c r="C793" s="87"/>
      <c r="D793" s="87"/>
      <c r="E793" s="87"/>
      <c r="F793" s="87"/>
      <c r="G793" s="87"/>
      <c r="H793" s="87">
        <v>6</v>
      </c>
      <c r="I793" s="87">
        <v>378</v>
      </c>
      <c r="J793" s="87" t="s">
        <v>267</v>
      </c>
      <c r="K793" s="87" t="s">
        <v>78</v>
      </c>
      <c r="L793" s="11" t="s">
        <v>71</v>
      </c>
      <c r="M793" s="11">
        <v>1</v>
      </c>
      <c r="N793" s="11" t="s">
        <v>514</v>
      </c>
      <c r="O793" s="11">
        <v>1</v>
      </c>
      <c r="P793" s="11">
        <v>1</v>
      </c>
      <c r="Q793" s="89" t="s">
        <v>658</v>
      </c>
      <c r="R793" s="207"/>
      <c r="S793" s="207"/>
      <c r="U793" s="207"/>
      <c r="V793" s="99"/>
      <c r="W793" s="99"/>
    </row>
    <row r="794" spans="1:23" s="8" customFormat="1" hidden="1">
      <c r="A794" s="88"/>
      <c r="B794" s="88"/>
      <c r="C794" s="87"/>
      <c r="D794" s="87"/>
      <c r="E794" s="87"/>
      <c r="F794" s="87"/>
      <c r="G794" s="87"/>
      <c r="H794" s="87">
        <v>7</v>
      </c>
      <c r="I794" s="87">
        <v>332</v>
      </c>
      <c r="J794" s="87" t="s">
        <v>232</v>
      </c>
      <c r="K794" s="87" t="s">
        <v>78</v>
      </c>
      <c r="L794" s="11" t="s">
        <v>71</v>
      </c>
      <c r="M794" s="11">
        <v>1</v>
      </c>
      <c r="N794" s="11" t="s">
        <v>438</v>
      </c>
      <c r="O794" s="11">
        <v>1</v>
      </c>
      <c r="P794" s="11">
        <v>6</v>
      </c>
      <c r="Q794" s="89"/>
      <c r="R794" s="207"/>
      <c r="S794" s="207"/>
      <c r="U794" s="207"/>
      <c r="V794" s="99"/>
      <c r="W794" s="99"/>
    </row>
    <row r="795" spans="1:23" s="8" customFormat="1" hidden="1">
      <c r="A795" s="84" t="s">
        <v>278</v>
      </c>
      <c r="B795" s="84" t="s">
        <v>524</v>
      </c>
      <c r="C795" s="85"/>
      <c r="D795" s="85"/>
      <c r="E795" s="85"/>
      <c r="F795" s="85"/>
      <c r="G795" s="85"/>
      <c r="H795" s="85"/>
      <c r="I795" s="85"/>
      <c r="J795" s="85"/>
      <c r="K795" s="85" t="s">
        <v>17</v>
      </c>
      <c r="L795" s="75" t="s">
        <v>71</v>
      </c>
      <c r="M795" s="85">
        <v>25</v>
      </c>
      <c r="N795" s="85"/>
      <c r="O795" s="85"/>
      <c r="P795" s="85"/>
      <c r="Q795" s="86"/>
      <c r="R795" s="207"/>
      <c r="S795" s="207"/>
      <c r="U795" s="207"/>
      <c r="V795" s="99"/>
      <c r="W795" s="99"/>
    </row>
    <row r="796" spans="1:23" s="8" customFormat="1" hidden="1">
      <c r="A796" s="84"/>
      <c r="B796" s="84"/>
      <c r="C796" s="85" t="s">
        <v>278</v>
      </c>
      <c r="D796" s="85" t="s">
        <v>524</v>
      </c>
      <c r="E796" s="85"/>
      <c r="F796" s="85"/>
      <c r="G796" s="85"/>
      <c r="H796" s="85"/>
      <c r="I796" s="85"/>
      <c r="J796" s="85"/>
      <c r="K796" s="85" t="s">
        <v>66</v>
      </c>
      <c r="L796" s="75" t="s">
        <v>65</v>
      </c>
      <c r="M796" s="85">
        <v>1</v>
      </c>
      <c r="N796" s="85"/>
      <c r="O796" s="85"/>
      <c r="P796" s="85"/>
      <c r="Q796" s="86"/>
      <c r="R796" s="207"/>
      <c r="S796" s="207"/>
      <c r="U796" s="207"/>
      <c r="V796" s="99"/>
      <c r="W796" s="99"/>
    </row>
    <row r="797" spans="1:23" s="8" customFormat="1" hidden="1">
      <c r="A797" s="88"/>
      <c r="B797" s="88"/>
      <c r="C797" s="87"/>
      <c r="D797" s="87"/>
      <c r="E797" s="87"/>
      <c r="F797" s="87"/>
      <c r="G797" s="87"/>
      <c r="H797" s="87">
        <v>1</v>
      </c>
      <c r="I797" s="87">
        <v>248</v>
      </c>
      <c r="J797" s="87" t="s">
        <v>276</v>
      </c>
      <c r="K797" s="87" t="s">
        <v>66</v>
      </c>
      <c r="L797" s="11" t="s">
        <v>65</v>
      </c>
      <c r="M797" s="87">
        <v>1</v>
      </c>
      <c r="N797" s="87" t="s">
        <v>514</v>
      </c>
      <c r="O797" s="87">
        <v>1</v>
      </c>
      <c r="P797" s="87">
        <v>1</v>
      </c>
      <c r="Q797" s="89" t="s">
        <v>649</v>
      </c>
      <c r="R797" s="207"/>
      <c r="S797" s="207"/>
      <c r="U797" s="207"/>
      <c r="V797" s="99"/>
      <c r="W797" s="99"/>
    </row>
    <row r="798" spans="1:23" s="8" customFormat="1" hidden="1">
      <c r="A798" s="88"/>
      <c r="B798" s="88"/>
      <c r="C798" s="87"/>
      <c r="D798" s="87"/>
      <c r="E798" s="87"/>
      <c r="F798" s="87"/>
      <c r="G798" s="87"/>
      <c r="H798" s="87">
        <v>2</v>
      </c>
      <c r="I798" s="87">
        <v>1300</v>
      </c>
      <c r="J798" s="87" t="s">
        <v>274</v>
      </c>
      <c r="K798" s="87" t="s">
        <v>78</v>
      </c>
      <c r="L798" s="11" t="s">
        <v>71</v>
      </c>
      <c r="M798" s="87">
        <v>1</v>
      </c>
      <c r="N798" s="87" t="s">
        <v>514</v>
      </c>
      <c r="O798" s="87">
        <v>4</v>
      </c>
      <c r="P798" s="87">
        <v>4</v>
      </c>
      <c r="Q798" s="89" t="s">
        <v>650</v>
      </c>
      <c r="R798" s="207"/>
      <c r="S798" s="207"/>
      <c r="U798" s="207"/>
      <c r="V798" s="99"/>
      <c r="W798" s="99"/>
    </row>
    <row r="799" spans="1:23" s="8" customFormat="1" hidden="1">
      <c r="A799" s="88"/>
      <c r="B799" s="88"/>
      <c r="C799" s="87"/>
      <c r="D799" s="87"/>
      <c r="E799" s="19"/>
      <c r="F799" s="19"/>
      <c r="G799" s="19"/>
      <c r="H799" s="19">
        <v>3</v>
      </c>
      <c r="I799" s="19">
        <v>559</v>
      </c>
      <c r="J799" s="19" t="s">
        <v>197</v>
      </c>
      <c r="K799" s="19" t="s">
        <v>78</v>
      </c>
      <c r="L799" s="25" t="s">
        <v>96</v>
      </c>
      <c r="M799" s="91">
        <v>1</v>
      </c>
      <c r="N799" s="91" t="s">
        <v>514</v>
      </c>
      <c r="O799" s="91">
        <v>2</v>
      </c>
      <c r="P799" s="91">
        <v>2</v>
      </c>
      <c r="Q799" s="25"/>
      <c r="R799" s="207"/>
      <c r="S799" s="207"/>
      <c r="U799" s="207"/>
      <c r="V799" s="99"/>
      <c r="W799" s="99"/>
    </row>
    <row r="800" spans="1:23" s="8" customFormat="1" hidden="1">
      <c r="A800" s="88"/>
      <c r="B800" s="88"/>
      <c r="C800" s="87"/>
      <c r="D800" s="87"/>
      <c r="E800" s="19"/>
      <c r="F800" s="19"/>
      <c r="G800" s="19"/>
      <c r="H800" s="19">
        <v>4</v>
      </c>
      <c r="I800" s="19">
        <v>1301</v>
      </c>
      <c r="J800" s="19" t="s">
        <v>271</v>
      </c>
      <c r="K800" s="19" t="s">
        <v>78</v>
      </c>
      <c r="L800" s="25" t="s">
        <v>96</v>
      </c>
      <c r="M800" s="19">
        <v>1</v>
      </c>
      <c r="N800" s="19" t="s">
        <v>509</v>
      </c>
      <c r="O800" s="19">
        <v>1</v>
      </c>
      <c r="P800" s="19">
        <v>10</v>
      </c>
      <c r="Q800" s="25"/>
      <c r="R800" s="207"/>
      <c r="S800" s="207"/>
      <c r="U800" s="207"/>
      <c r="V800" s="99"/>
      <c r="W800" s="99"/>
    </row>
    <row r="801" spans="1:23" s="8" customFormat="1" hidden="1">
      <c r="A801" s="88"/>
      <c r="B801" s="88"/>
      <c r="C801" s="87"/>
      <c r="D801" s="87"/>
      <c r="E801" s="87"/>
      <c r="F801" s="87"/>
      <c r="G801" s="87"/>
      <c r="H801" s="87">
        <v>5</v>
      </c>
      <c r="I801" s="87">
        <v>610</v>
      </c>
      <c r="J801" s="87" t="s">
        <v>269</v>
      </c>
      <c r="K801" s="87" t="s">
        <v>17</v>
      </c>
      <c r="L801" s="11" t="s">
        <v>71</v>
      </c>
      <c r="M801" s="87">
        <v>1</v>
      </c>
      <c r="N801" s="87" t="s">
        <v>150</v>
      </c>
      <c r="O801" s="87">
        <v>1</v>
      </c>
      <c r="P801" s="87">
        <v>15</v>
      </c>
      <c r="Q801" s="89"/>
      <c r="R801" s="207"/>
      <c r="S801" s="207"/>
      <c r="U801" s="207"/>
      <c r="V801" s="99"/>
      <c r="W801" s="99"/>
    </row>
    <row r="802" spans="1:23" s="8" customFormat="1" hidden="1">
      <c r="A802" s="84" t="s">
        <v>278</v>
      </c>
      <c r="B802" s="84" t="s">
        <v>524</v>
      </c>
      <c r="C802" s="85"/>
      <c r="D802" s="85"/>
      <c r="E802" s="85"/>
      <c r="F802" s="85"/>
      <c r="G802" s="85"/>
      <c r="H802" s="85"/>
      <c r="I802" s="85"/>
      <c r="J802" s="85"/>
      <c r="K802" s="85" t="s">
        <v>17</v>
      </c>
      <c r="L802" s="75" t="s">
        <v>71</v>
      </c>
      <c r="M802" s="85">
        <v>25</v>
      </c>
      <c r="N802" s="85"/>
      <c r="O802" s="85"/>
      <c r="P802" s="85"/>
      <c r="Q802" s="86"/>
      <c r="R802" s="207"/>
      <c r="S802" s="207"/>
      <c r="U802" s="207"/>
      <c r="V802" s="99"/>
      <c r="W802" s="99"/>
    </row>
    <row r="803" spans="1:23" s="8" customFormat="1" hidden="1">
      <c r="A803" s="84"/>
      <c r="B803" s="84"/>
      <c r="C803" s="85" t="s">
        <v>278</v>
      </c>
      <c r="D803" s="85" t="s">
        <v>524</v>
      </c>
      <c r="E803" s="85"/>
      <c r="F803" s="85"/>
      <c r="G803" s="85"/>
      <c r="H803" s="85"/>
      <c r="I803" s="85"/>
      <c r="J803" s="85"/>
      <c r="K803" s="85" t="s">
        <v>66</v>
      </c>
      <c r="L803" s="75" t="s">
        <v>65</v>
      </c>
      <c r="M803" s="85">
        <v>1</v>
      </c>
      <c r="N803" s="85"/>
      <c r="O803" s="85"/>
      <c r="P803" s="85"/>
      <c r="Q803" s="86"/>
      <c r="R803" s="207"/>
      <c r="S803" s="207"/>
      <c r="U803" s="207"/>
      <c r="V803" s="99"/>
      <c r="W803" s="99"/>
    </row>
    <row r="804" spans="1:23" s="8" customFormat="1" hidden="1">
      <c r="A804" s="88"/>
      <c r="B804" s="88"/>
      <c r="C804" s="87"/>
      <c r="D804" s="87"/>
      <c r="E804" s="87"/>
      <c r="F804" s="87"/>
      <c r="G804" s="87"/>
      <c r="H804" s="87">
        <v>1</v>
      </c>
      <c r="I804" s="87">
        <v>248</v>
      </c>
      <c r="J804" s="87" t="s">
        <v>276</v>
      </c>
      <c r="K804" s="87" t="s">
        <v>66</v>
      </c>
      <c r="L804" s="11" t="s">
        <v>65</v>
      </c>
      <c r="M804" s="87">
        <v>1</v>
      </c>
      <c r="N804" s="87" t="s">
        <v>514</v>
      </c>
      <c r="O804" s="87">
        <v>1</v>
      </c>
      <c r="P804" s="87">
        <v>1</v>
      </c>
      <c r="Q804" s="89" t="s">
        <v>649</v>
      </c>
      <c r="R804" s="207"/>
      <c r="S804" s="207"/>
      <c r="U804" s="207"/>
      <c r="V804" s="99"/>
      <c r="W804" s="99"/>
    </row>
    <row r="805" spans="1:23" s="8" customFormat="1" hidden="1">
      <c r="A805" s="88"/>
      <c r="B805" s="88"/>
      <c r="C805" s="87"/>
      <c r="D805" s="87"/>
      <c r="E805" s="87"/>
      <c r="F805" s="87"/>
      <c r="G805" s="87"/>
      <c r="H805" s="87">
        <v>2</v>
      </c>
      <c r="I805" s="87">
        <v>1300</v>
      </c>
      <c r="J805" s="87" t="s">
        <v>274</v>
      </c>
      <c r="K805" s="87" t="s">
        <v>78</v>
      </c>
      <c r="L805" s="11" t="s">
        <v>71</v>
      </c>
      <c r="M805" s="87">
        <v>1</v>
      </c>
      <c r="N805" s="87" t="s">
        <v>514</v>
      </c>
      <c r="O805" s="87">
        <v>4</v>
      </c>
      <c r="P805" s="87">
        <v>4</v>
      </c>
      <c r="Q805" s="89" t="s">
        <v>861</v>
      </c>
      <c r="R805" s="207"/>
      <c r="S805" s="207"/>
      <c r="U805" s="207"/>
      <c r="V805" s="99"/>
      <c r="W805" s="99"/>
    </row>
    <row r="806" spans="1:23" s="8" customFormat="1" hidden="1">
      <c r="A806" s="88"/>
      <c r="B806" s="88"/>
      <c r="C806" s="87"/>
      <c r="D806" s="87"/>
      <c r="E806" s="19"/>
      <c r="F806" s="19"/>
      <c r="G806" s="19"/>
      <c r="H806" s="19">
        <v>3</v>
      </c>
      <c r="I806" s="19">
        <v>559</v>
      </c>
      <c r="J806" s="19" t="s">
        <v>197</v>
      </c>
      <c r="K806" s="19" t="s">
        <v>78</v>
      </c>
      <c r="L806" s="25" t="s">
        <v>96</v>
      </c>
      <c r="M806" s="91">
        <v>1</v>
      </c>
      <c r="N806" s="91" t="s">
        <v>514</v>
      </c>
      <c r="O806" s="91">
        <v>2</v>
      </c>
      <c r="P806" s="91">
        <v>2</v>
      </c>
      <c r="Q806" s="25"/>
      <c r="R806" s="207"/>
      <c r="S806" s="207"/>
      <c r="U806" s="207"/>
      <c r="V806" s="99"/>
      <c r="W806" s="99"/>
    </row>
    <row r="807" spans="1:23" s="8" customFormat="1" hidden="1">
      <c r="A807" s="88"/>
      <c r="B807" s="88"/>
      <c r="C807" s="87"/>
      <c r="D807" s="87"/>
      <c r="E807" s="19"/>
      <c r="F807" s="19"/>
      <c r="G807" s="19"/>
      <c r="H807" s="19">
        <v>4</v>
      </c>
      <c r="I807" s="19">
        <v>1301</v>
      </c>
      <c r="J807" s="19" t="s">
        <v>271</v>
      </c>
      <c r="K807" s="19" t="s">
        <v>78</v>
      </c>
      <c r="L807" s="25" t="s">
        <v>96</v>
      </c>
      <c r="M807" s="19">
        <v>1</v>
      </c>
      <c r="N807" s="19" t="s">
        <v>509</v>
      </c>
      <c r="O807" s="19">
        <v>1</v>
      </c>
      <c r="P807" s="19">
        <v>10</v>
      </c>
      <c r="Q807" s="25"/>
      <c r="R807" s="207"/>
      <c r="S807" s="207"/>
      <c r="U807" s="207"/>
      <c r="V807" s="99"/>
      <c r="W807" s="99"/>
    </row>
    <row r="808" spans="1:23" s="8" customFormat="1" hidden="1">
      <c r="A808" s="88"/>
      <c r="B808" s="88"/>
      <c r="C808" s="87"/>
      <c r="D808" s="87"/>
      <c r="E808" s="87"/>
      <c r="F808" s="87"/>
      <c r="G808" s="87"/>
      <c r="H808" s="87">
        <v>5</v>
      </c>
      <c r="I808" s="87">
        <v>610</v>
      </c>
      <c r="J808" s="87" t="s">
        <v>269</v>
      </c>
      <c r="K808" s="87" t="s">
        <v>17</v>
      </c>
      <c r="L808" s="11" t="s">
        <v>71</v>
      </c>
      <c r="M808" s="87">
        <v>1</v>
      </c>
      <c r="N808" s="87" t="s">
        <v>150</v>
      </c>
      <c r="O808" s="87">
        <v>1</v>
      </c>
      <c r="P808" s="87">
        <v>15</v>
      </c>
      <c r="Q808" s="89"/>
      <c r="R808" s="207"/>
      <c r="S808" s="207"/>
      <c r="U808" s="207"/>
      <c r="V808" s="99"/>
      <c r="W808" s="99"/>
    </row>
    <row r="809" spans="1:23" s="8" customFormat="1" hidden="1">
      <c r="A809" s="88"/>
      <c r="B809" s="88"/>
      <c r="C809" s="87"/>
      <c r="D809" s="87"/>
      <c r="E809" s="19"/>
      <c r="F809" s="19"/>
      <c r="G809" s="19"/>
      <c r="H809" s="19">
        <v>6</v>
      </c>
      <c r="I809" s="19">
        <v>378</v>
      </c>
      <c r="J809" s="19" t="s">
        <v>267</v>
      </c>
      <c r="K809" s="19" t="s">
        <v>78</v>
      </c>
      <c r="L809" s="25" t="s">
        <v>96</v>
      </c>
      <c r="M809" s="91">
        <v>1</v>
      </c>
      <c r="N809" s="91" t="s">
        <v>514</v>
      </c>
      <c r="O809" s="91">
        <v>1</v>
      </c>
      <c r="P809" s="91">
        <v>1</v>
      </c>
      <c r="Q809" s="25"/>
      <c r="R809" s="207"/>
      <c r="S809" s="207"/>
      <c r="U809" s="207"/>
      <c r="V809" s="99"/>
      <c r="W809" s="99"/>
    </row>
    <row r="810" spans="1:23" s="8" customFormat="1" hidden="1">
      <c r="A810" s="88"/>
      <c r="B810" s="88"/>
      <c r="C810" s="87"/>
      <c r="D810" s="87"/>
      <c r="E810" s="19"/>
      <c r="F810" s="19"/>
      <c r="G810" s="19"/>
      <c r="H810" s="19">
        <v>7</v>
      </c>
      <c r="I810" s="19">
        <v>332</v>
      </c>
      <c r="J810" s="19" t="s">
        <v>232</v>
      </c>
      <c r="K810" s="19" t="s">
        <v>78</v>
      </c>
      <c r="L810" s="25" t="s">
        <v>96</v>
      </c>
      <c r="M810" s="91">
        <v>1</v>
      </c>
      <c r="N810" s="91" t="s">
        <v>438</v>
      </c>
      <c r="O810" s="91">
        <v>1</v>
      </c>
      <c r="P810" s="91">
        <v>6</v>
      </c>
      <c r="Q810" s="25"/>
      <c r="R810" s="207"/>
      <c r="S810" s="207"/>
      <c r="U810" s="207"/>
      <c r="V810" s="99"/>
      <c r="W810" s="99"/>
    </row>
    <row r="811" spans="1:23" s="8" customFormat="1" hidden="1">
      <c r="A811" s="88"/>
      <c r="B811" s="88"/>
      <c r="C811" s="87"/>
      <c r="D811" s="87"/>
      <c r="E811" s="19"/>
      <c r="F811" s="19"/>
      <c r="G811" s="19"/>
      <c r="H811" s="19">
        <v>8</v>
      </c>
      <c r="I811" s="19">
        <v>118</v>
      </c>
      <c r="J811" s="19" t="s">
        <v>264</v>
      </c>
      <c r="K811" s="19" t="s">
        <v>17</v>
      </c>
      <c r="L811" s="25" t="s">
        <v>96</v>
      </c>
      <c r="M811" s="19">
        <v>1</v>
      </c>
      <c r="N811" s="19" t="s">
        <v>438</v>
      </c>
      <c r="O811" s="19">
        <v>1</v>
      </c>
      <c r="P811" s="19">
        <v>9</v>
      </c>
      <c r="Q811" s="25"/>
      <c r="R811" s="207"/>
      <c r="S811" s="207"/>
      <c r="U811" s="207"/>
      <c r="V811" s="99"/>
      <c r="W811" s="99"/>
    </row>
    <row r="812" spans="1:23" s="8" customFormat="1" hidden="1">
      <c r="A812" s="88"/>
      <c r="B812" s="88"/>
      <c r="C812" s="87"/>
      <c r="D812" s="87"/>
      <c r="E812" s="19"/>
      <c r="F812" s="19"/>
      <c r="G812" s="19"/>
      <c r="H812" s="19">
        <v>9</v>
      </c>
      <c r="I812" s="19">
        <v>355</v>
      </c>
      <c r="J812" s="19" t="s">
        <v>103</v>
      </c>
      <c r="K812" s="19" t="s">
        <v>78</v>
      </c>
      <c r="L812" s="25" t="s">
        <v>96</v>
      </c>
      <c r="M812" s="19">
        <v>1</v>
      </c>
      <c r="N812" s="19" t="s">
        <v>514</v>
      </c>
      <c r="O812" s="19">
        <v>2</v>
      </c>
      <c r="P812" s="19">
        <v>2</v>
      </c>
      <c r="Q812" s="25"/>
      <c r="R812" s="207"/>
      <c r="S812" s="207"/>
      <c r="U812" s="207"/>
      <c r="V812" s="99"/>
      <c r="W812" s="99"/>
    </row>
    <row r="813" spans="1:23" s="8" customFormat="1" hidden="1">
      <c r="A813" s="88"/>
      <c r="B813" s="88"/>
      <c r="C813" s="87"/>
      <c r="D813" s="87"/>
      <c r="E813" s="19"/>
      <c r="F813" s="19"/>
      <c r="G813" s="19"/>
      <c r="H813" s="19">
        <v>10</v>
      </c>
      <c r="I813" s="19">
        <v>380</v>
      </c>
      <c r="J813" s="19" t="s">
        <v>105</v>
      </c>
      <c r="K813" s="19" t="s">
        <v>78</v>
      </c>
      <c r="L813" s="25" t="s">
        <v>96</v>
      </c>
      <c r="M813" s="19">
        <v>1</v>
      </c>
      <c r="N813" s="19" t="s">
        <v>438</v>
      </c>
      <c r="O813" s="19">
        <v>1</v>
      </c>
      <c r="P813" s="19">
        <v>15</v>
      </c>
      <c r="Q813" s="25"/>
      <c r="R813" s="207"/>
      <c r="S813" s="207"/>
      <c r="U813" s="207"/>
      <c r="V813" s="99"/>
      <c r="W813" s="99"/>
    </row>
    <row r="814" spans="1:23" s="8" customFormat="1" hidden="1">
      <c r="A814" s="88"/>
      <c r="B814" s="88"/>
      <c r="C814" s="87"/>
      <c r="D814" s="87"/>
      <c r="E814" s="19"/>
      <c r="F814" s="19"/>
      <c r="G814" s="19"/>
      <c r="H814" s="19">
        <v>11</v>
      </c>
      <c r="I814" s="19">
        <v>380</v>
      </c>
      <c r="J814" s="19" t="s">
        <v>105</v>
      </c>
      <c r="K814" s="19" t="s">
        <v>17</v>
      </c>
      <c r="L814" s="25" t="s">
        <v>96</v>
      </c>
      <c r="M814" s="19">
        <v>1</v>
      </c>
      <c r="N814" s="19" t="s">
        <v>438</v>
      </c>
      <c r="O814" s="19">
        <v>1</v>
      </c>
      <c r="P814" s="19">
        <v>15</v>
      </c>
      <c r="Q814" s="25"/>
      <c r="R814" s="207"/>
      <c r="S814" s="207"/>
      <c r="U814" s="207"/>
      <c r="V814" s="99"/>
      <c r="W814" s="99"/>
    </row>
    <row r="815" spans="1:23" s="8" customFormat="1" hidden="1">
      <c r="A815" s="88"/>
      <c r="B815" s="88"/>
      <c r="C815" s="87"/>
      <c r="D815" s="87"/>
      <c r="E815" s="19"/>
      <c r="F815" s="19"/>
      <c r="G815" s="19"/>
      <c r="H815" s="19">
        <v>12</v>
      </c>
      <c r="I815" s="19">
        <v>331</v>
      </c>
      <c r="J815" s="19" t="s">
        <v>259</v>
      </c>
      <c r="K815" s="19" t="s">
        <v>17</v>
      </c>
      <c r="L815" s="25" t="s">
        <v>96</v>
      </c>
      <c r="M815" s="19">
        <v>1</v>
      </c>
      <c r="N815" s="19" t="s">
        <v>514</v>
      </c>
      <c r="O815" s="19">
        <v>2</v>
      </c>
      <c r="P815" s="19">
        <v>2</v>
      </c>
      <c r="Q815" s="25"/>
      <c r="R815" s="207"/>
      <c r="S815" s="207"/>
      <c r="U815" s="207"/>
      <c r="V815" s="99"/>
      <c r="W815" s="99"/>
    </row>
    <row r="816" spans="1:23" s="8" customFormat="1" hidden="1">
      <c r="A816" s="88"/>
      <c r="B816" s="88"/>
      <c r="C816" s="87"/>
      <c r="D816" s="87"/>
      <c r="E816" s="19"/>
      <c r="F816" s="19"/>
      <c r="G816" s="19"/>
      <c r="H816" s="19">
        <v>13</v>
      </c>
      <c r="I816" s="19">
        <v>127</v>
      </c>
      <c r="J816" s="19" t="s">
        <v>126</v>
      </c>
      <c r="K816" s="19" t="s">
        <v>78</v>
      </c>
      <c r="L816" s="25" t="s">
        <v>96</v>
      </c>
      <c r="M816" s="91">
        <v>1</v>
      </c>
      <c r="N816" s="91" t="s">
        <v>509</v>
      </c>
      <c r="O816" s="91">
        <v>1</v>
      </c>
      <c r="P816" s="91">
        <v>30</v>
      </c>
      <c r="Q816" s="25"/>
      <c r="R816" s="207"/>
      <c r="S816" s="207"/>
      <c r="U816" s="207"/>
      <c r="V816" s="99"/>
      <c r="W816" s="99"/>
    </row>
    <row r="817" spans="1:23" s="8" customFormat="1" hidden="1">
      <c r="A817" s="88"/>
      <c r="B817" s="88"/>
      <c r="C817" s="87"/>
      <c r="D817" s="87"/>
      <c r="E817" s="19"/>
      <c r="F817" s="19"/>
      <c r="G817" s="19"/>
      <c r="H817" s="19">
        <v>14</v>
      </c>
      <c r="I817" s="19">
        <v>770</v>
      </c>
      <c r="J817" s="19" t="s">
        <v>256</v>
      </c>
      <c r="K817" s="19" t="s">
        <v>17</v>
      </c>
      <c r="L817" s="25" t="s">
        <v>96</v>
      </c>
      <c r="M817" s="91">
        <v>1</v>
      </c>
      <c r="N817" s="91" t="s">
        <v>509</v>
      </c>
      <c r="O817" s="91">
        <v>1</v>
      </c>
      <c r="P817" s="91">
        <v>20</v>
      </c>
      <c r="Q817" s="25"/>
      <c r="R817" s="207"/>
      <c r="S817" s="207"/>
      <c r="U817" s="207"/>
      <c r="V817" s="99"/>
      <c r="W817" s="99"/>
    </row>
    <row r="818" spans="1:23" s="8" customFormat="1" hidden="1">
      <c r="A818" s="88"/>
      <c r="B818" s="88"/>
      <c r="C818" s="87"/>
      <c r="D818" s="87"/>
      <c r="E818" s="87"/>
      <c r="F818" s="87"/>
      <c r="G818" s="87"/>
      <c r="H818" s="87">
        <v>15</v>
      </c>
      <c r="I818" s="87">
        <v>352</v>
      </c>
      <c r="J818" s="87" t="s">
        <v>3</v>
      </c>
      <c r="K818" s="87" t="s">
        <v>78</v>
      </c>
      <c r="L818" s="11" t="s">
        <v>71</v>
      </c>
      <c r="M818" s="87">
        <v>1</v>
      </c>
      <c r="N818" s="87" t="s">
        <v>509</v>
      </c>
      <c r="O818" s="87">
        <v>1</v>
      </c>
      <c r="P818" s="87">
        <v>80</v>
      </c>
      <c r="Q818" s="89"/>
      <c r="R818" s="207"/>
      <c r="S818" s="207"/>
      <c r="U818" s="207"/>
      <c r="V818" s="99"/>
      <c r="W818" s="99"/>
    </row>
    <row r="819" spans="1:23" s="8" customFormat="1" hidden="1">
      <c r="A819" s="88"/>
      <c r="B819" s="88"/>
      <c r="C819" s="87"/>
      <c r="D819" s="87"/>
      <c r="E819" s="87"/>
      <c r="F819" s="87"/>
      <c r="G819" s="87"/>
      <c r="H819" s="87">
        <v>16</v>
      </c>
      <c r="I819" s="87">
        <v>819</v>
      </c>
      <c r="J819" s="87" t="s">
        <v>253</v>
      </c>
      <c r="K819" s="87" t="s">
        <v>17</v>
      </c>
      <c r="L819" s="11" t="s">
        <v>71</v>
      </c>
      <c r="M819" s="87">
        <v>1</v>
      </c>
      <c r="N819" s="87" t="s">
        <v>514</v>
      </c>
      <c r="O819" s="87">
        <v>2</v>
      </c>
      <c r="P819" s="87">
        <v>3</v>
      </c>
      <c r="Q819" s="89"/>
      <c r="R819" s="207"/>
      <c r="S819" s="207"/>
      <c r="U819" s="207"/>
      <c r="V819" s="99"/>
      <c r="W819" s="99"/>
    </row>
    <row r="820" spans="1:23" s="8" customFormat="1" hidden="1">
      <c r="A820" s="84" t="s">
        <v>278</v>
      </c>
      <c r="B820" s="84" t="s">
        <v>524</v>
      </c>
      <c r="C820" s="85"/>
      <c r="D820" s="85"/>
      <c r="E820" s="85"/>
      <c r="F820" s="85"/>
      <c r="G820" s="85"/>
      <c r="H820" s="85"/>
      <c r="I820" s="85"/>
      <c r="J820" s="85"/>
      <c r="K820" s="85" t="s">
        <v>17</v>
      </c>
      <c r="L820" s="75" t="s">
        <v>71</v>
      </c>
      <c r="M820" s="85">
        <v>25</v>
      </c>
      <c r="N820" s="85"/>
      <c r="O820" s="85"/>
      <c r="P820" s="85"/>
      <c r="Q820" s="86"/>
      <c r="R820" s="207"/>
      <c r="S820" s="207"/>
      <c r="U820" s="207"/>
      <c r="V820" s="99"/>
      <c r="W820" s="99"/>
    </row>
    <row r="821" spans="1:23" s="8" customFormat="1" hidden="1">
      <c r="A821" s="84"/>
      <c r="B821" s="84"/>
      <c r="C821" s="85" t="s">
        <v>278</v>
      </c>
      <c r="D821" s="85" t="s">
        <v>524</v>
      </c>
      <c r="E821" s="85"/>
      <c r="F821" s="85"/>
      <c r="G821" s="85"/>
      <c r="H821" s="85"/>
      <c r="I821" s="85"/>
      <c r="J821" s="85"/>
      <c r="K821" s="85" t="s">
        <v>66</v>
      </c>
      <c r="L821" s="75" t="s">
        <v>65</v>
      </c>
      <c r="M821" s="85">
        <v>1</v>
      </c>
      <c r="N821" s="85"/>
      <c r="O821" s="85"/>
      <c r="P821" s="85"/>
      <c r="Q821" s="86"/>
      <c r="R821" s="207"/>
      <c r="S821" s="207"/>
      <c r="U821" s="207"/>
      <c r="V821" s="99"/>
      <c r="W821" s="99"/>
    </row>
    <row r="822" spans="1:23" s="8" customFormat="1" hidden="1">
      <c r="A822" s="88"/>
      <c r="B822" s="88"/>
      <c r="C822" s="87"/>
      <c r="D822" s="87"/>
      <c r="E822" s="87"/>
      <c r="F822" s="87"/>
      <c r="G822" s="87"/>
      <c r="H822" s="87">
        <v>1</v>
      </c>
      <c r="I822" s="87">
        <v>248</v>
      </c>
      <c r="J822" s="87" t="s">
        <v>276</v>
      </c>
      <c r="K822" s="87" t="s">
        <v>66</v>
      </c>
      <c r="L822" s="11" t="s">
        <v>65</v>
      </c>
      <c r="M822" s="87">
        <v>1</v>
      </c>
      <c r="N822" s="87" t="s">
        <v>514</v>
      </c>
      <c r="O822" s="87">
        <v>1</v>
      </c>
      <c r="P822" s="87">
        <v>1</v>
      </c>
      <c r="Q822" s="89" t="s">
        <v>649</v>
      </c>
      <c r="R822" s="207"/>
      <c r="S822" s="207"/>
      <c r="U822" s="207"/>
      <c r="V822" s="99"/>
      <c r="W822" s="99"/>
    </row>
    <row r="823" spans="1:23" s="8" customFormat="1" hidden="1">
      <c r="A823" s="88"/>
      <c r="B823" s="88"/>
      <c r="C823" s="87"/>
      <c r="D823" s="87"/>
      <c r="E823" s="87"/>
      <c r="F823" s="87"/>
      <c r="G823" s="87"/>
      <c r="H823" s="87">
        <v>2</v>
      </c>
      <c r="I823" s="87">
        <v>1300</v>
      </c>
      <c r="J823" s="87" t="s">
        <v>274</v>
      </c>
      <c r="K823" s="87" t="s">
        <v>78</v>
      </c>
      <c r="L823" s="11" t="s">
        <v>71</v>
      </c>
      <c r="M823" s="87">
        <v>1</v>
      </c>
      <c r="N823" s="87" t="s">
        <v>514</v>
      </c>
      <c r="O823" s="87">
        <v>4</v>
      </c>
      <c r="P823" s="87">
        <v>4</v>
      </c>
      <c r="Q823" s="89" t="s">
        <v>810</v>
      </c>
      <c r="R823" s="207"/>
      <c r="S823" s="207"/>
      <c r="U823" s="207"/>
      <c r="V823" s="99"/>
      <c r="W823" s="99"/>
    </row>
    <row r="824" spans="1:23" s="8" customFormat="1" hidden="1">
      <c r="A824" s="88"/>
      <c r="B824" s="88"/>
      <c r="C824" s="87"/>
      <c r="D824" s="87"/>
      <c r="E824" s="19"/>
      <c r="F824" s="19"/>
      <c r="G824" s="19"/>
      <c r="H824" s="19">
        <v>3</v>
      </c>
      <c r="I824" s="19">
        <v>559</v>
      </c>
      <c r="J824" s="19" t="s">
        <v>197</v>
      </c>
      <c r="K824" s="19" t="s">
        <v>78</v>
      </c>
      <c r="L824" s="25" t="s">
        <v>96</v>
      </c>
      <c r="M824" s="91">
        <v>1</v>
      </c>
      <c r="N824" s="91" t="s">
        <v>514</v>
      </c>
      <c r="O824" s="91">
        <v>2</v>
      </c>
      <c r="P824" s="91">
        <v>2</v>
      </c>
      <c r="Q824" s="25"/>
      <c r="R824" s="207"/>
      <c r="S824" s="207"/>
      <c r="U824" s="207"/>
      <c r="V824" s="99"/>
      <c r="W824" s="99"/>
    </row>
    <row r="825" spans="1:23" s="8" customFormat="1" hidden="1">
      <c r="A825" s="88"/>
      <c r="B825" s="88"/>
      <c r="C825" s="87"/>
      <c r="D825" s="87"/>
      <c r="E825" s="19"/>
      <c r="F825" s="19"/>
      <c r="G825" s="19"/>
      <c r="H825" s="19">
        <v>4</v>
      </c>
      <c r="I825" s="19">
        <v>1301</v>
      </c>
      <c r="J825" s="19" t="s">
        <v>271</v>
      </c>
      <c r="K825" s="19" t="s">
        <v>78</v>
      </c>
      <c r="L825" s="25" t="s">
        <v>96</v>
      </c>
      <c r="M825" s="19">
        <v>1</v>
      </c>
      <c r="N825" s="19" t="s">
        <v>509</v>
      </c>
      <c r="O825" s="19">
        <v>1</v>
      </c>
      <c r="P825" s="19">
        <v>10</v>
      </c>
      <c r="Q825" s="25"/>
      <c r="R825" s="207"/>
      <c r="S825" s="207"/>
      <c r="U825" s="207"/>
      <c r="V825" s="99"/>
      <c r="W825" s="99"/>
    </row>
    <row r="826" spans="1:23" s="8" customFormat="1" hidden="1">
      <c r="A826" s="88"/>
      <c r="B826" s="88"/>
      <c r="C826" s="87"/>
      <c r="D826" s="87"/>
      <c r="E826" s="87"/>
      <c r="F826" s="87"/>
      <c r="G826" s="87"/>
      <c r="H826" s="87">
        <v>5</v>
      </c>
      <c r="I826" s="87">
        <v>610</v>
      </c>
      <c r="J826" s="87" t="s">
        <v>269</v>
      </c>
      <c r="K826" s="87" t="s">
        <v>17</v>
      </c>
      <c r="L826" s="11" t="s">
        <v>71</v>
      </c>
      <c r="M826" s="87">
        <v>1</v>
      </c>
      <c r="N826" s="87" t="s">
        <v>150</v>
      </c>
      <c r="O826" s="87">
        <v>1</v>
      </c>
      <c r="P826" s="87">
        <v>15</v>
      </c>
      <c r="Q826" s="89"/>
      <c r="R826" s="207"/>
      <c r="S826" s="207"/>
      <c r="U826" s="207"/>
      <c r="V826" s="99"/>
      <c r="W826" s="99"/>
    </row>
    <row r="827" spans="1:23" s="8" customFormat="1" hidden="1">
      <c r="A827" s="88"/>
      <c r="B827" s="88"/>
      <c r="C827" s="87"/>
      <c r="D827" s="87"/>
      <c r="E827" s="19"/>
      <c r="F827" s="19"/>
      <c r="G827" s="19"/>
      <c r="H827" s="19">
        <v>6</v>
      </c>
      <c r="I827" s="19">
        <v>378</v>
      </c>
      <c r="J827" s="19" t="s">
        <v>267</v>
      </c>
      <c r="K827" s="19" t="s">
        <v>78</v>
      </c>
      <c r="L827" s="25" t="s">
        <v>96</v>
      </c>
      <c r="M827" s="91">
        <v>1</v>
      </c>
      <c r="N827" s="91" t="s">
        <v>514</v>
      </c>
      <c r="O827" s="91">
        <v>1</v>
      </c>
      <c r="P827" s="91">
        <v>1</v>
      </c>
      <c r="Q827" s="25"/>
      <c r="R827" s="207"/>
      <c r="S827" s="207"/>
      <c r="U827" s="207"/>
      <c r="V827" s="99"/>
      <c r="W827" s="99"/>
    </row>
    <row r="828" spans="1:23" s="8" customFormat="1" hidden="1">
      <c r="A828" s="88"/>
      <c r="B828" s="88"/>
      <c r="C828" s="87"/>
      <c r="D828" s="87"/>
      <c r="E828" s="19"/>
      <c r="F828" s="19"/>
      <c r="G828" s="19"/>
      <c r="H828" s="19">
        <v>7</v>
      </c>
      <c r="I828" s="19">
        <v>332</v>
      </c>
      <c r="J828" s="19" t="s">
        <v>232</v>
      </c>
      <c r="K828" s="19" t="s">
        <v>78</v>
      </c>
      <c r="L828" s="25" t="s">
        <v>96</v>
      </c>
      <c r="M828" s="91">
        <v>1</v>
      </c>
      <c r="N828" s="91" t="s">
        <v>438</v>
      </c>
      <c r="O828" s="91">
        <v>1</v>
      </c>
      <c r="P828" s="91">
        <v>6</v>
      </c>
      <c r="Q828" s="25"/>
      <c r="R828" s="207"/>
      <c r="S828" s="207"/>
      <c r="U828" s="207"/>
      <c r="V828" s="99"/>
      <c r="W828" s="99"/>
    </row>
    <row r="829" spans="1:23" s="8" customFormat="1" hidden="1">
      <c r="A829" s="88"/>
      <c r="B829" s="88"/>
      <c r="C829" s="87"/>
      <c r="D829" s="87"/>
      <c r="E829" s="19"/>
      <c r="F829" s="19"/>
      <c r="G829" s="19"/>
      <c r="H829" s="19">
        <v>8</v>
      </c>
      <c r="I829" s="19">
        <v>118</v>
      </c>
      <c r="J829" s="19" t="s">
        <v>264</v>
      </c>
      <c r="K829" s="19" t="s">
        <v>17</v>
      </c>
      <c r="L829" s="25" t="s">
        <v>96</v>
      </c>
      <c r="M829" s="19">
        <v>1</v>
      </c>
      <c r="N829" s="19" t="s">
        <v>438</v>
      </c>
      <c r="O829" s="19">
        <v>1</v>
      </c>
      <c r="P829" s="19">
        <v>9</v>
      </c>
      <c r="Q829" s="25"/>
      <c r="R829" s="207"/>
      <c r="S829" s="207"/>
      <c r="U829" s="207"/>
      <c r="V829" s="99"/>
      <c r="W829" s="99"/>
    </row>
    <row r="830" spans="1:23" s="8" customFormat="1" hidden="1">
      <c r="A830" s="88"/>
      <c r="B830" s="88"/>
      <c r="C830" s="87"/>
      <c r="D830" s="87"/>
      <c r="E830" s="19"/>
      <c r="F830" s="19"/>
      <c r="G830" s="19"/>
      <c r="H830" s="19">
        <v>9</v>
      </c>
      <c r="I830" s="19">
        <v>355</v>
      </c>
      <c r="J830" s="19" t="s">
        <v>103</v>
      </c>
      <c r="K830" s="19" t="s">
        <v>78</v>
      </c>
      <c r="L830" s="25" t="s">
        <v>96</v>
      </c>
      <c r="M830" s="19">
        <v>1</v>
      </c>
      <c r="N830" s="19" t="s">
        <v>514</v>
      </c>
      <c r="O830" s="19">
        <v>2</v>
      </c>
      <c r="P830" s="19">
        <v>2</v>
      </c>
      <c r="Q830" s="25"/>
      <c r="R830" s="207"/>
      <c r="S830" s="207"/>
      <c r="U830" s="207"/>
      <c r="V830" s="99"/>
      <c r="W830" s="99"/>
    </row>
    <row r="831" spans="1:23" s="8" customFormat="1" hidden="1">
      <c r="A831" s="88"/>
      <c r="B831" s="88"/>
      <c r="C831" s="87"/>
      <c r="D831" s="87"/>
      <c r="E831" s="19"/>
      <c r="F831" s="19"/>
      <c r="G831" s="19"/>
      <c r="H831" s="19">
        <v>10</v>
      </c>
      <c r="I831" s="19">
        <v>380</v>
      </c>
      <c r="J831" s="19" t="s">
        <v>105</v>
      </c>
      <c r="K831" s="19" t="s">
        <v>78</v>
      </c>
      <c r="L831" s="25" t="s">
        <v>96</v>
      </c>
      <c r="M831" s="19">
        <v>1</v>
      </c>
      <c r="N831" s="19" t="s">
        <v>438</v>
      </c>
      <c r="O831" s="19">
        <v>1</v>
      </c>
      <c r="P831" s="19">
        <v>15</v>
      </c>
      <c r="Q831" s="25"/>
      <c r="R831" s="207"/>
      <c r="S831" s="207"/>
      <c r="U831" s="207"/>
      <c r="V831" s="99"/>
      <c r="W831" s="99"/>
    </row>
    <row r="832" spans="1:23" s="8" customFormat="1" hidden="1">
      <c r="A832" s="88"/>
      <c r="B832" s="88"/>
      <c r="C832" s="87"/>
      <c r="D832" s="87"/>
      <c r="E832" s="19"/>
      <c r="F832" s="19"/>
      <c r="G832" s="19"/>
      <c r="H832" s="19">
        <v>11</v>
      </c>
      <c r="I832" s="19">
        <v>380</v>
      </c>
      <c r="J832" s="19" t="s">
        <v>105</v>
      </c>
      <c r="K832" s="19" t="s">
        <v>17</v>
      </c>
      <c r="L832" s="25" t="s">
        <v>96</v>
      </c>
      <c r="M832" s="19">
        <v>1</v>
      </c>
      <c r="N832" s="19" t="s">
        <v>438</v>
      </c>
      <c r="O832" s="19">
        <v>1</v>
      </c>
      <c r="P832" s="19">
        <v>15</v>
      </c>
      <c r="Q832" s="25"/>
      <c r="R832" s="207"/>
      <c r="S832" s="207"/>
      <c r="U832" s="207"/>
      <c r="V832" s="99"/>
      <c r="W832" s="99"/>
    </row>
    <row r="833" spans="1:23" s="8" customFormat="1" hidden="1">
      <c r="A833" s="88"/>
      <c r="B833" s="88"/>
      <c r="C833" s="87"/>
      <c r="D833" s="87"/>
      <c r="E833" s="19"/>
      <c r="F833" s="19"/>
      <c r="G833" s="19"/>
      <c r="H833" s="19">
        <v>12</v>
      </c>
      <c r="I833" s="19">
        <v>331</v>
      </c>
      <c r="J833" s="19" t="s">
        <v>259</v>
      </c>
      <c r="K833" s="19" t="s">
        <v>17</v>
      </c>
      <c r="L833" s="25" t="s">
        <v>96</v>
      </c>
      <c r="M833" s="19">
        <v>1</v>
      </c>
      <c r="N833" s="19" t="s">
        <v>514</v>
      </c>
      <c r="O833" s="19">
        <v>2</v>
      </c>
      <c r="P833" s="19">
        <v>2</v>
      </c>
      <c r="Q833" s="25"/>
      <c r="R833" s="207"/>
      <c r="S833" s="207"/>
      <c r="U833" s="207"/>
      <c r="V833" s="99"/>
      <c r="W833" s="99"/>
    </row>
    <row r="834" spans="1:23" s="8" customFormat="1" hidden="1">
      <c r="A834" s="88"/>
      <c r="B834" s="88"/>
      <c r="C834" s="87"/>
      <c r="D834" s="87"/>
      <c r="E834" s="87"/>
      <c r="F834" s="87"/>
      <c r="G834" s="87"/>
      <c r="H834" s="87">
        <v>13</v>
      </c>
      <c r="I834" s="87">
        <v>127</v>
      </c>
      <c r="J834" s="87" t="s">
        <v>126</v>
      </c>
      <c r="K834" s="87" t="s">
        <v>78</v>
      </c>
      <c r="L834" s="11" t="s">
        <v>71</v>
      </c>
      <c r="M834" s="87">
        <v>1</v>
      </c>
      <c r="N834" s="87" t="s">
        <v>509</v>
      </c>
      <c r="O834" s="87">
        <v>1</v>
      </c>
      <c r="P834" s="87">
        <v>30</v>
      </c>
      <c r="Q834" s="89"/>
      <c r="R834" s="207"/>
      <c r="S834" s="207"/>
      <c r="U834" s="207"/>
      <c r="V834" s="99"/>
      <c r="W834" s="99"/>
    </row>
    <row r="835" spans="1:23" s="8" customFormat="1" hidden="1">
      <c r="A835" s="88"/>
      <c r="B835" s="88"/>
      <c r="C835" s="87"/>
      <c r="D835" s="87"/>
      <c r="E835" s="19"/>
      <c r="F835" s="19"/>
      <c r="G835" s="19"/>
      <c r="H835" s="19">
        <v>14</v>
      </c>
      <c r="I835" s="19">
        <v>770</v>
      </c>
      <c r="J835" s="19" t="s">
        <v>256</v>
      </c>
      <c r="K835" s="19" t="s">
        <v>17</v>
      </c>
      <c r="L835" s="25" t="s">
        <v>96</v>
      </c>
      <c r="M835" s="91">
        <v>1</v>
      </c>
      <c r="N835" s="91" t="s">
        <v>509</v>
      </c>
      <c r="O835" s="91">
        <v>1</v>
      </c>
      <c r="P835" s="91">
        <v>20</v>
      </c>
      <c r="Q835" s="25"/>
      <c r="R835" s="207"/>
      <c r="S835" s="207"/>
      <c r="U835" s="207"/>
      <c r="V835" s="99"/>
      <c r="W835" s="99"/>
    </row>
    <row r="836" spans="1:23" s="8" customFormat="1" hidden="1">
      <c r="A836" s="88"/>
      <c r="B836" s="88"/>
      <c r="C836" s="87"/>
      <c r="D836" s="87"/>
      <c r="E836" s="87"/>
      <c r="F836" s="87"/>
      <c r="G836" s="87"/>
      <c r="H836" s="87">
        <v>15</v>
      </c>
      <c r="I836" s="87">
        <v>352</v>
      </c>
      <c r="J836" s="87" t="s">
        <v>3</v>
      </c>
      <c r="K836" s="87" t="s">
        <v>78</v>
      </c>
      <c r="L836" s="11" t="s">
        <v>71</v>
      </c>
      <c r="M836" s="87">
        <v>1</v>
      </c>
      <c r="N836" s="87" t="s">
        <v>509</v>
      </c>
      <c r="O836" s="87">
        <v>1</v>
      </c>
      <c r="P836" s="87">
        <v>80</v>
      </c>
      <c r="Q836" s="89"/>
      <c r="R836" s="207"/>
      <c r="S836" s="207"/>
      <c r="U836" s="207"/>
      <c r="V836" s="99"/>
      <c r="W836" s="99"/>
    </row>
    <row r="837" spans="1:23" s="8" customFormat="1" hidden="1">
      <c r="A837" s="88"/>
      <c r="B837" s="88"/>
      <c r="C837" s="87"/>
      <c r="D837" s="87"/>
      <c r="E837" s="87"/>
      <c r="F837" s="87"/>
      <c r="G837" s="87"/>
      <c r="H837" s="87">
        <v>16</v>
      </c>
      <c r="I837" s="87">
        <v>819</v>
      </c>
      <c r="J837" s="87" t="s">
        <v>253</v>
      </c>
      <c r="K837" s="87" t="s">
        <v>17</v>
      </c>
      <c r="L837" s="11" t="s">
        <v>71</v>
      </c>
      <c r="M837" s="87">
        <v>1</v>
      </c>
      <c r="N837" s="87" t="s">
        <v>514</v>
      </c>
      <c r="O837" s="87">
        <v>2</v>
      </c>
      <c r="P837" s="87">
        <v>3</v>
      </c>
      <c r="Q837" s="89"/>
      <c r="R837" s="207"/>
      <c r="S837" s="207"/>
      <c r="U837" s="207"/>
      <c r="V837" s="99"/>
      <c r="W837" s="99"/>
    </row>
    <row r="838" spans="1:23" s="8" customFormat="1" hidden="1">
      <c r="A838" s="84"/>
      <c r="B838" s="84"/>
      <c r="C838" s="85" t="s">
        <v>237</v>
      </c>
      <c r="D838" s="85" t="s">
        <v>517</v>
      </c>
      <c r="E838" s="85"/>
      <c r="F838" s="85"/>
      <c r="G838" s="85"/>
      <c r="H838" s="85"/>
      <c r="I838" s="85"/>
      <c r="J838" s="85"/>
      <c r="K838" s="85" t="s">
        <v>17</v>
      </c>
      <c r="L838" s="75" t="s">
        <v>71</v>
      </c>
      <c r="M838" s="85">
        <v>10</v>
      </c>
      <c r="N838" s="85"/>
      <c r="O838" s="85"/>
      <c r="P838" s="85"/>
      <c r="Q838" s="86"/>
      <c r="R838" s="207"/>
      <c r="S838" s="207"/>
      <c r="U838" s="207"/>
      <c r="V838" s="99"/>
      <c r="W838" s="99"/>
    </row>
    <row r="839" spans="1:23" s="8" customFormat="1" ht="70" hidden="1">
      <c r="A839" s="88"/>
      <c r="B839" s="88"/>
      <c r="C839" s="87"/>
      <c r="D839" s="87"/>
      <c r="E839" s="87"/>
      <c r="F839" s="87"/>
      <c r="G839" s="87"/>
      <c r="H839" s="87">
        <v>1</v>
      </c>
      <c r="I839" s="87">
        <v>963</v>
      </c>
      <c r="J839" s="87" t="s">
        <v>235</v>
      </c>
      <c r="K839" s="87" t="s">
        <v>66</v>
      </c>
      <c r="L839" s="11" t="s">
        <v>65</v>
      </c>
      <c r="M839" s="87">
        <v>1</v>
      </c>
      <c r="N839" s="87" t="s">
        <v>514</v>
      </c>
      <c r="O839" s="87">
        <v>2</v>
      </c>
      <c r="P839" s="87">
        <v>2</v>
      </c>
      <c r="Q839" s="270" t="s">
        <v>624</v>
      </c>
      <c r="R839" s="207"/>
      <c r="S839" s="207"/>
      <c r="U839" s="207"/>
      <c r="V839" s="99"/>
      <c r="W839" s="99"/>
    </row>
    <row r="840" spans="1:23" s="8" customFormat="1" hidden="1">
      <c r="A840" s="88"/>
      <c r="B840" s="88"/>
      <c r="C840" s="87"/>
      <c r="D840" s="87"/>
      <c r="E840" s="87"/>
      <c r="F840" s="87"/>
      <c r="G840" s="87"/>
      <c r="H840" s="87">
        <v>2</v>
      </c>
      <c r="I840" s="87">
        <v>782</v>
      </c>
      <c r="J840" s="87" t="s">
        <v>67</v>
      </c>
      <c r="K840" s="87" t="s">
        <v>78</v>
      </c>
      <c r="L840" s="11" t="s">
        <v>71</v>
      </c>
      <c r="M840" s="87">
        <v>1</v>
      </c>
      <c r="N840" s="87" t="s">
        <v>438</v>
      </c>
      <c r="O840" s="87">
        <v>1</v>
      </c>
      <c r="P840" s="87">
        <v>18</v>
      </c>
      <c r="Q840" s="89"/>
      <c r="R840" s="207"/>
      <c r="S840" s="207"/>
      <c r="U840" s="207"/>
      <c r="V840" s="99"/>
      <c r="W840" s="99"/>
    </row>
    <row r="841" spans="1:23" s="8" customFormat="1" hidden="1">
      <c r="A841" s="88"/>
      <c r="B841" s="88"/>
      <c r="C841" s="87"/>
      <c r="D841" s="87"/>
      <c r="E841" s="87"/>
      <c r="F841" s="87"/>
      <c r="G841" s="87"/>
      <c r="H841" s="87">
        <v>3</v>
      </c>
      <c r="I841" s="87">
        <v>954</v>
      </c>
      <c r="J841" s="87" t="s">
        <v>232</v>
      </c>
      <c r="K841" s="87" t="s">
        <v>78</v>
      </c>
      <c r="L841" s="11" t="s">
        <v>71</v>
      </c>
      <c r="M841" s="11">
        <v>1</v>
      </c>
      <c r="N841" s="11" t="s">
        <v>438</v>
      </c>
      <c r="O841" s="11">
        <v>1</v>
      </c>
      <c r="P841" s="11">
        <v>10</v>
      </c>
      <c r="Q841" s="89"/>
      <c r="R841" s="207"/>
      <c r="S841" s="207"/>
      <c r="U841" s="207"/>
      <c r="V841" s="99"/>
      <c r="W841" s="99"/>
    </row>
    <row r="842" spans="1:23" s="8" customFormat="1" hidden="1">
      <c r="A842" s="88"/>
      <c r="B842" s="88"/>
      <c r="C842" s="87"/>
      <c r="D842" s="87"/>
      <c r="E842" s="87"/>
      <c r="F842" s="87"/>
      <c r="G842" s="87"/>
      <c r="H842" s="87">
        <v>4</v>
      </c>
      <c r="I842" s="87">
        <v>955</v>
      </c>
      <c r="J842" s="87" t="s">
        <v>230</v>
      </c>
      <c r="K842" s="87" t="s">
        <v>78</v>
      </c>
      <c r="L842" s="11" t="s">
        <v>71</v>
      </c>
      <c r="M842" s="11">
        <v>1</v>
      </c>
      <c r="N842" s="11" t="s">
        <v>514</v>
      </c>
      <c r="O842" s="11">
        <v>2</v>
      </c>
      <c r="P842" s="11">
        <v>2</v>
      </c>
      <c r="Q842" s="89" t="s">
        <v>813</v>
      </c>
      <c r="R842" s="207"/>
      <c r="S842" s="207"/>
      <c r="U842" s="207"/>
      <c r="V842" s="99"/>
      <c r="W842" s="99"/>
    </row>
    <row r="843" spans="1:23" s="8" customFormat="1" hidden="1">
      <c r="A843" s="88"/>
      <c r="B843" s="88"/>
      <c r="C843" s="87"/>
      <c r="D843" s="87"/>
      <c r="E843" s="87"/>
      <c r="F843" s="87"/>
      <c r="G843" s="87"/>
      <c r="H843" s="87">
        <v>5</v>
      </c>
      <c r="I843" s="87">
        <v>956</v>
      </c>
      <c r="J843" s="87" t="s">
        <v>228</v>
      </c>
      <c r="K843" s="87" t="s">
        <v>78</v>
      </c>
      <c r="L843" s="11" t="s">
        <v>71</v>
      </c>
      <c r="M843" s="11">
        <v>1</v>
      </c>
      <c r="N843" s="11" t="s">
        <v>509</v>
      </c>
      <c r="O843" s="11">
        <v>1</v>
      </c>
      <c r="P843" s="11">
        <v>10</v>
      </c>
      <c r="Q843" s="89"/>
      <c r="R843" s="207"/>
      <c r="S843" s="207"/>
      <c r="U843" s="207"/>
      <c r="V843" s="99"/>
      <c r="W843" s="99"/>
    </row>
    <row r="844" spans="1:23" s="8" customFormat="1" ht="70" hidden="1">
      <c r="A844" s="88"/>
      <c r="B844" s="88"/>
      <c r="C844" s="87"/>
      <c r="D844" s="87"/>
      <c r="E844" s="87"/>
      <c r="F844" s="87"/>
      <c r="G844" s="87"/>
      <c r="H844" s="87">
        <v>6</v>
      </c>
      <c r="I844" s="87">
        <v>441</v>
      </c>
      <c r="J844" s="87" t="s">
        <v>226</v>
      </c>
      <c r="K844" s="87" t="s">
        <v>78</v>
      </c>
      <c r="L844" s="11" t="s">
        <v>71</v>
      </c>
      <c r="M844" s="11">
        <v>1</v>
      </c>
      <c r="N844" s="11" t="s">
        <v>514</v>
      </c>
      <c r="O844" s="11">
        <v>1</v>
      </c>
      <c r="P844" s="11">
        <v>1</v>
      </c>
      <c r="Q844" s="270" t="s">
        <v>624</v>
      </c>
      <c r="R844" s="207"/>
      <c r="S844" s="207"/>
      <c r="U844" s="207"/>
      <c r="V844" s="99"/>
      <c r="W844" s="99"/>
    </row>
    <row r="845" spans="1:23" s="8" customFormat="1" hidden="1">
      <c r="A845" s="88"/>
      <c r="B845" s="88"/>
      <c r="C845" s="87"/>
      <c r="D845" s="87"/>
      <c r="E845" s="19"/>
      <c r="F845" s="19"/>
      <c r="G845" s="19"/>
      <c r="H845" s="19">
        <v>7</v>
      </c>
      <c r="I845" s="19">
        <v>662</v>
      </c>
      <c r="J845" s="19" t="s">
        <v>97</v>
      </c>
      <c r="K845" s="19" t="s">
        <v>17</v>
      </c>
      <c r="L845" s="25" t="s">
        <v>96</v>
      </c>
      <c r="M845" s="91">
        <v>1</v>
      </c>
      <c r="N845" s="91" t="s">
        <v>514</v>
      </c>
      <c r="O845" s="91">
        <v>1</v>
      </c>
      <c r="P845" s="91">
        <v>1</v>
      </c>
      <c r="Q845" s="25"/>
      <c r="R845" s="207"/>
      <c r="S845" s="207"/>
      <c r="U845" s="207"/>
      <c r="V845" s="99"/>
      <c r="W845" s="99"/>
    </row>
    <row r="846" spans="1:23" s="8" customFormat="1" hidden="1">
      <c r="A846" s="88"/>
      <c r="B846" s="88"/>
      <c r="C846" s="87"/>
      <c r="D846" s="87"/>
      <c r="E846" s="87"/>
      <c r="F846" s="87"/>
      <c r="G846" s="87"/>
      <c r="H846" s="87">
        <v>8</v>
      </c>
      <c r="I846" s="87">
        <v>828</v>
      </c>
      <c r="J846" s="87" t="s">
        <v>223</v>
      </c>
      <c r="K846" s="87" t="s">
        <v>17</v>
      </c>
      <c r="L846" s="11" t="s">
        <v>71</v>
      </c>
      <c r="M846" s="11">
        <v>1</v>
      </c>
      <c r="N846" s="11" t="s">
        <v>438</v>
      </c>
      <c r="O846" s="11">
        <v>1</v>
      </c>
      <c r="P846" s="11">
        <v>9</v>
      </c>
      <c r="Q846" s="89"/>
      <c r="R846" s="207"/>
      <c r="S846" s="207"/>
      <c r="U846" s="207"/>
      <c r="V846" s="99"/>
      <c r="W846" s="99"/>
    </row>
    <row r="847" spans="1:23" s="8" customFormat="1" hidden="1">
      <c r="A847" s="88"/>
      <c r="B847" s="88"/>
      <c r="C847" s="87"/>
      <c r="D847" s="87"/>
      <c r="E847" s="87"/>
      <c r="F847" s="87"/>
      <c r="G847" s="87"/>
      <c r="H847" s="87">
        <v>9</v>
      </c>
      <c r="I847" s="87">
        <v>325</v>
      </c>
      <c r="J847" s="87" t="s">
        <v>221</v>
      </c>
      <c r="K847" s="87" t="s">
        <v>17</v>
      </c>
      <c r="L847" s="11" t="s">
        <v>71</v>
      </c>
      <c r="M847" s="11">
        <v>1</v>
      </c>
      <c r="N847" s="11" t="s">
        <v>509</v>
      </c>
      <c r="O847" s="11">
        <v>1</v>
      </c>
      <c r="P847" s="11">
        <v>20</v>
      </c>
      <c r="Q847" s="89"/>
      <c r="R847" s="207"/>
      <c r="S847" s="207"/>
      <c r="U847" s="207"/>
      <c r="V847" s="99"/>
      <c r="W847" s="99"/>
    </row>
    <row r="848" spans="1:23" s="8" customFormat="1" ht="70" hidden="1">
      <c r="A848" s="88"/>
      <c r="B848" s="88"/>
      <c r="C848" s="87"/>
      <c r="D848" s="87"/>
      <c r="E848" s="87"/>
      <c r="F848" s="87"/>
      <c r="G848" s="87"/>
      <c r="H848" s="87">
        <v>10</v>
      </c>
      <c r="I848" s="87">
        <v>350</v>
      </c>
      <c r="J848" s="87" t="s">
        <v>108</v>
      </c>
      <c r="K848" s="87" t="s">
        <v>17</v>
      </c>
      <c r="L848" s="11" t="s">
        <v>71</v>
      </c>
      <c r="M848" s="87">
        <v>1</v>
      </c>
      <c r="N848" s="87" t="s">
        <v>509</v>
      </c>
      <c r="O848" s="87">
        <v>1</v>
      </c>
      <c r="P848" s="87">
        <v>20</v>
      </c>
      <c r="Q848" s="270" t="s">
        <v>624</v>
      </c>
      <c r="R848" s="207"/>
      <c r="S848" s="207"/>
      <c r="U848" s="207"/>
      <c r="V848" s="99"/>
      <c r="W848" s="99"/>
    </row>
    <row r="849" spans="1:70" s="8" customFormat="1" hidden="1">
      <c r="A849" s="84"/>
      <c r="B849" s="84"/>
      <c r="C849" s="85" t="s">
        <v>237</v>
      </c>
      <c r="D849" s="85" t="s">
        <v>517</v>
      </c>
      <c r="E849" s="85"/>
      <c r="F849" s="85"/>
      <c r="G849" s="85"/>
      <c r="H849" s="85"/>
      <c r="I849" s="85"/>
      <c r="J849" s="85"/>
      <c r="K849" s="85" t="s">
        <v>17</v>
      </c>
      <c r="L849" s="75" t="s">
        <v>71</v>
      </c>
      <c r="M849" s="85">
        <v>10</v>
      </c>
      <c r="N849" s="85"/>
      <c r="O849" s="85"/>
      <c r="P849" s="85"/>
      <c r="Q849" s="86"/>
      <c r="R849" s="207"/>
      <c r="S849" s="207"/>
      <c r="U849" s="207"/>
      <c r="V849" s="99"/>
      <c r="W849" s="99"/>
    </row>
    <row r="850" spans="1:70" s="8" customFormat="1" ht="70" hidden="1">
      <c r="A850" s="88"/>
      <c r="B850" s="88"/>
      <c r="C850" s="87"/>
      <c r="D850" s="87"/>
      <c r="E850" s="87"/>
      <c r="F850" s="87"/>
      <c r="G850" s="87"/>
      <c r="H850" s="87">
        <v>1</v>
      </c>
      <c r="I850" s="87">
        <v>963</v>
      </c>
      <c r="J850" s="87" t="s">
        <v>235</v>
      </c>
      <c r="K850" s="87" t="s">
        <v>66</v>
      </c>
      <c r="L850" s="11" t="s">
        <v>65</v>
      </c>
      <c r="M850" s="87">
        <v>1</v>
      </c>
      <c r="N850" s="87" t="s">
        <v>514</v>
      </c>
      <c r="O850" s="87">
        <v>2</v>
      </c>
      <c r="P850" s="87">
        <v>2</v>
      </c>
      <c r="Q850" s="270" t="s">
        <v>624</v>
      </c>
      <c r="R850" s="207"/>
      <c r="S850" s="207"/>
      <c r="U850" s="207"/>
      <c r="V850" s="99"/>
      <c r="W850" s="99"/>
    </row>
    <row r="851" spans="1:70" s="8" customFormat="1" hidden="1">
      <c r="A851" s="88"/>
      <c r="B851" s="88"/>
      <c r="C851" s="87"/>
      <c r="D851" s="87"/>
      <c r="E851" s="87"/>
      <c r="F851" s="87"/>
      <c r="G851" s="87"/>
      <c r="H851" s="87">
        <v>2</v>
      </c>
      <c r="I851" s="87">
        <v>782</v>
      </c>
      <c r="J851" s="87" t="s">
        <v>67</v>
      </c>
      <c r="K851" s="87" t="s">
        <v>78</v>
      </c>
      <c r="L851" s="11" t="s">
        <v>71</v>
      </c>
      <c r="M851" s="87">
        <v>1</v>
      </c>
      <c r="N851" s="87" t="s">
        <v>438</v>
      </c>
      <c r="O851" s="87">
        <v>1</v>
      </c>
      <c r="P851" s="87">
        <v>18</v>
      </c>
      <c r="Q851" s="89"/>
      <c r="R851" s="207"/>
      <c r="S851" s="207"/>
      <c r="U851" s="207"/>
      <c r="V851" s="99"/>
      <c r="W851" s="99"/>
    </row>
    <row r="852" spans="1:70" s="8" customFormat="1">
      <c r="A852" s="84"/>
      <c r="B852" s="84"/>
      <c r="C852" s="85" t="s">
        <v>75</v>
      </c>
      <c r="D852" s="85" t="s">
        <v>429</v>
      </c>
      <c r="E852" s="85"/>
      <c r="F852" s="85"/>
      <c r="G852" s="85"/>
      <c r="H852" s="85"/>
      <c r="I852" s="85"/>
      <c r="J852" s="85"/>
      <c r="K852" s="85" t="s">
        <v>17</v>
      </c>
      <c r="L852" s="75" t="s">
        <v>71</v>
      </c>
      <c r="M852" s="85">
        <v>1</v>
      </c>
      <c r="N852" s="85"/>
      <c r="O852" s="85"/>
      <c r="P852" s="85"/>
      <c r="Q852" s="86"/>
      <c r="R852" s="207" t="s">
        <v>1050</v>
      </c>
      <c r="S852" s="207" t="s">
        <v>1446</v>
      </c>
      <c r="U852" s="207" t="s">
        <v>2397</v>
      </c>
      <c r="V852" s="203"/>
      <c r="W852" s="203"/>
    </row>
    <row r="853" spans="1:70" s="8" customFormat="1">
      <c r="A853" s="88"/>
      <c r="B853" s="88"/>
      <c r="C853" s="87"/>
      <c r="D853" s="87"/>
      <c r="E853" s="87"/>
      <c r="F853" s="87"/>
      <c r="G853" s="87"/>
      <c r="H853" s="87">
        <v>1</v>
      </c>
      <c r="I853" s="87">
        <v>354</v>
      </c>
      <c r="J853" s="87" t="s">
        <v>74</v>
      </c>
      <c r="K853" s="87" t="s">
        <v>66</v>
      </c>
      <c r="L853" s="11" t="s">
        <v>65</v>
      </c>
      <c r="M853" s="87">
        <v>1</v>
      </c>
      <c r="N853" s="87" t="s">
        <v>510</v>
      </c>
      <c r="O853" s="87">
        <v>1</v>
      </c>
      <c r="P853" s="87">
        <v>6</v>
      </c>
      <c r="Q853" s="89"/>
      <c r="R853" s="87"/>
      <c r="S853" s="207"/>
      <c r="V853" s="98"/>
    </row>
    <row r="854" spans="1:70" s="8" customFormat="1">
      <c r="A854" s="88"/>
      <c r="B854" s="88"/>
      <c r="C854" s="87"/>
      <c r="D854" s="87"/>
      <c r="E854" s="87"/>
      <c r="F854" s="87"/>
      <c r="G854" s="87"/>
      <c r="H854" s="87">
        <v>2</v>
      </c>
      <c r="I854" s="87">
        <v>347</v>
      </c>
      <c r="J854" s="87" t="s">
        <v>73</v>
      </c>
      <c r="K854" s="87" t="s">
        <v>17</v>
      </c>
      <c r="L854" s="11" t="s">
        <v>71</v>
      </c>
      <c r="M854" s="87">
        <v>1</v>
      </c>
      <c r="N854" s="87" t="s">
        <v>438</v>
      </c>
      <c r="O854" s="87">
        <v>1</v>
      </c>
      <c r="P854" s="87">
        <v>10</v>
      </c>
      <c r="Q854" s="92"/>
      <c r="R854" s="87"/>
      <c r="S854" s="207"/>
      <c r="V854" s="98"/>
    </row>
    <row r="855" spans="1:70" s="8" customFormat="1" ht="127" customHeight="1">
      <c r="A855" s="88"/>
      <c r="B855" s="88"/>
      <c r="C855" s="87"/>
      <c r="D855" s="87"/>
      <c r="E855" s="87"/>
      <c r="F855" s="87"/>
      <c r="G855" s="87"/>
      <c r="H855" s="87"/>
      <c r="I855" s="87"/>
      <c r="J855" s="87"/>
      <c r="K855" s="87"/>
      <c r="L855" s="11"/>
      <c r="M855" s="87"/>
      <c r="N855" s="87"/>
      <c r="O855" s="87"/>
      <c r="P855" s="87"/>
      <c r="Q855" s="92"/>
      <c r="R855" s="423" t="s">
        <v>2795</v>
      </c>
      <c r="S855" s="424"/>
      <c r="T855" s="424"/>
      <c r="U855" s="424"/>
    </row>
    <row r="856" spans="1:70" s="69" customFormat="1" ht="36" customHeight="1">
      <c r="A856" s="211"/>
      <c r="B856" s="211"/>
      <c r="C856" s="211"/>
      <c r="D856" s="211"/>
      <c r="E856" s="211"/>
      <c r="F856" s="211"/>
      <c r="G856" s="211"/>
      <c r="H856" s="211"/>
      <c r="I856" s="211"/>
      <c r="J856" s="269"/>
      <c r="K856" s="8"/>
      <c r="L856" s="8"/>
      <c r="M856" s="8"/>
      <c r="N856" s="8"/>
      <c r="O856" s="211"/>
      <c r="P856" s="211"/>
      <c r="Q856" s="211"/>
      <c r="R856" s="8"/>
      <c r="S856" s="211"/>
      <c r="T856" s="8"/>
      <c r="U856" s="289"/>
      <c r="V856" s="211"/>
      <c r="W856" s="211"/>
      <c r="X856" s="211"/>
      <c r="Y856" s="211"/>
      <c r="Z856" s="211"/>
      <c r="AA856" s="211"/>
      <c r="AB856" s="211"/>
      <c r="AC856" s="211"/>
      <c r="AD856" s="211"/>
      <c r="AE856" s="211"/>
      <c r="AF856" s="211"/>
      <c r="AG856" s="211"/>
      <c r="AH856" s="211"/>
      <c r="AI856" s="211"/>
      <c r="AJ856" s="211"/>
      <c r="AK856" s="211"/>
      <c r="AL856" s="211"/>
      <c r="AM856" s="211"/>
      <c r="AN856" s="211"/>
      <c r="AO856" s="211"/>
      <c r="AP856" s="211"/>
      <c r="AQ856" s="211"/>
      <c r="AR856" s="211"/>
      <c r="AS856" s="211"/>
      <c r="AT856" s="211"/>
      <c r="AU856" s="211"/>
      <c r="AV856" s="211"/>
      <c r="AW856" s="211"/>
      <c r="AX856" s="211"/>
      <c r="AY856" s="211"/>
      <c r="AZ856" s="211"/>
      <c r="BA856" s="211"/>
      <c r="BB856" s="211"/>
      <c r="BC856" s="211"/>
      <c r="BD856" s="211"/>
      <c r="BE856" s="211"/>
      <c r="BF856" s="211"/>
      <c r="BG856" s="211"/>
      <c r="BH856" s="211"/>
      <c r="BI856" s="211"/>
      <c r="BJ856" s="211"/>
      <c r="BK856" s="211"/>
      <c r="BL856" s="211"/>
      <c r="BM856" s="211"/>
      <c r="BN856" s="211"/>
      <c r="BO856" s="211"/>
      <c r="BP856" s="211"/>
      <c r="BQ856" s="211"/>
      <c r="BR856" s="211"/>
    </row>
    <row r="857" spans="1:70" s="8" customFormat="1">
      <c r="A857" s="45"/>
      <c r="B857" s="45"/>
      <c r="L857" s="11"/>
      <c r="Q857" s="72"/>
      <c r="R857" s="207"/>
      <c r="S857" s="207"/>
    </row>
    <row r="858" spans="1:70" s="8" customFormat="1">
      <c r="A858" s="45"/>
      <c r="B858" s="45"/>
      <c r="L858" s="11"/>
      <c r="Q858" s="72"/>
      <c r="S858" s="207"/>
    </row>
    <row r="859" spans="1:70" s="8" customFormat="1">
      <c r="A859" s="45"/>
      <c r="B859" s="45"/>
      <c r="L859" s="11"/>
      <c r="Q859" s="72"/>
      <c r="S859" s="207"/>
    </row>
    <row r="860" spans="1:70" s="8" customFormat="1">
      <c r="A860" s="45"/>
      <c r="B860" s="45"/>
      <c r="L860" s="11"/>
      <c r="Q860" s="72"/>
      <c r="S860" s="207"/>
    </row>
    <row r="861" spans="1:70" s="8" customFormat="1">
      <c r="A861" s="45"/>
      <c r="B861" s="45"/>
      <c r="L861" s="11"/>
      <c r="Q861" s="72"/>
      <c r="S861" s="207"/>
    </row>
    <row r="862" spans="1:70" s="8" customFormat="1">
      <c r="A862" s="45"/>
      <c r="B862" s="45"/>
      <c r="L862" s="11"/>
      <c r="Q862" s="72"/>
      <c r="S862" s="207"/>
    </row>
    <row r="863" spans="1:70" s="8" customFormat="1">
      <c r="A863" s="45"/>
      <c r="B863" s="45"/>
      <c r="L863" s="11"/>
      <c r="Q863" s="72"/>
      <c r="S863" s="207"/>
    </row>
    <row r="864" spans="1:70" s="8" customFormat="1">
      <c r="A864" s="45"/>
      <c r="B864" s="45"/>
      <c r="L864" s="11"/>
      <c r="Q864" s="72"/>
      <c r="S864" s="207"/>
    </row>
    <row r="865" spans="1:19" s="8" customFormat="1">
      <c r="A865" s="45"/>
      <c r="B865" s="45"/>
      <c r="L865" s="11"/>
      <c r="Q865" s="72"/>
      <c r="S865" s="207"/>
    </row>
    <row r="866" spans="1:19" s="8" customFormat="1">
      <c r="A866" s="45"/>
      <c r="B866" s="45"/>
      <c r="L866" s="11"/>
      <c r="Q866" s="72"/>
      <c r="S866" s="207"/>
    </row>
    <row r="867" spans="1:19" s="8" customFormat="1">
      <c r="A867" s="45"/>
      <c r="B867" s="45"/>
      <c r="L867" s="11"/>
      <c r="Q867" s="72"/>
      <c r="S867" s="207"/>
    </row>
    <row r="868" spans="1:19" s="8" customFormat="1">
      <c r="A868" s="45"/>
      <c r="B868" s="45"/>
      <c r="L868" s="11"/>
      <c r="Q868" s="72"/>
      <c r="S868" s="207"/>
    </row>
    <row r="869" spans="1:19" s="8" customFormat="1">
      <c r="A869" s="45"/>
      <c r="B869" s="45"/>
      <c r="L869" s="11"/>
      <c r="Q869" s="72"/>
      <c r="S869" s="207"/>
    </row>
    <row r="870" spans="1:19" s="8" customFormat="1" ht="22.5" customHeight="1">
      <c r="A870" s="45"/>
      <c r="B870" s="45"/>
      <c r="L870" s="11"/>
      <c r="Q870" s="72"/>
      <c r="S870" s="207"/>
    </row>
    <row r="871" spans="1:19" s="8" customFormat="1">
      <c r="A871" s="45"/>
      <c r="B871" s="45"/>
      <c r="L871" s="11"/>
      <c r="Q871" s="72"/>
      <c r="S871" s="207"/>
    </row>
    <row r="872" spans="1:19" s="8" customFormat="1">
      <c r="A872" s="45"/>
      <c r="B872" s="45"/>
      <c r="L872" s="11"/>
      <c r="Q872" s="72"/>
      <c r="S872" s="207"/>
    </row>
    <row r="873" spans="1:19" s="8" customFormat="1" ht="22.5" customHeight="1">
      <c r="A873" s="45"/>
      <c r="B873" s="45"/>
      <c r="L873" s="11"/>
      <c r="Q873" s="72"/>
      <c r="S873" s="207"/>
    </row>
    <row r="874" spans="1:19" s="8" customFormat="1">
      <c r="A874" s="45"/>
      <c r="B874" s="45"/>
      <c r="L874" s="11"/>
      <c r="Q874" s="72"/>
      <c r="S874" s="207"/>
    </row>
    <row r="875" spans="1:19" s="8" customFormat="1">
      <c r="A875" s="45"/>
      <c r="B875" s="45"/>
      <c r="L875" s="11"/>
      <c r="Q875" s="72"/>
      <c r="S875" s="207"/>
    </row>
    <row r="876" spans="1:19" s="8" customFormat="1">
      <c r="A876" s="45"/>
      <c r="B876" s="45"/>
      <c r="L876" s="11"/>
      <c r="Q876" s="72"/>
      <c r="S876" s="207"/>
    </row>
    <row r="877" spans="1:19" s="8" customFormat="1">
      <c r="A877" s="45"/>
      <c r="B877" s="45"/>
      <c r="L877" s="11"/>
      <c r="Q877" s="72"/>
      <c r="S877" s="207"/>
    </row>
    <row r="878" spans="1:19" s="8" customFormat="1">
      <c r="A878" s="45"/>
      <c r="B878" s="45"/>
      <c r="L878" s="11"/>
      <c r="Q878" s="72"/>
      <c r="S878" s="207"/>
    </row>
    <row r="879" spans="1:19" s="8" customFormat="1">
      <c r="A879" s="45"/>
      <c r="B879" s="45"/>
      <c r="L879" s="11"/>
      <c r="Q879" s="72"/>
      <c r="S879" s="207"/>
    </row>
    <row r="880" spans="1:19" s="8" customFormat="1">
      <c r="A880" s="45"/>
      <c r="B880" s="45"/>
      <c r="L880" s="11"/>
      <c r="Q880" s="72"/>
      <c r="S880" s="207"/>
    </row>
    <row r="881" spans="1:22" s="8" customFormat="1">
      <c r="A881" s="45"/>
      <c r="B881" s="45"/>
      <c r="L881" s="11"/>
      <c r="Q881" s="72"/>
      <c r="S881" s="207"/>
    </row>
    <row r="882" spans="1:22" s="8" customFormat="1" ht="28" customHeight="1">
      <c r="A882" s="45"/>
      <c r="B882" s="45"/>
      <c r="L882" s="11"/>
      <c r="Q882" s="72"/>
      <c r="R882" s="425" t="s">
        <v>2796</v>
      </c>
      <c r="S882" s="425"/>
      <c r="T882" s="425"/>
      <c r="U882" s="425"/>
      <c r="V882" s="425"/>
    </row>
    <row r="883" spans="1:22" s="8" customFormat="1">
      <c r="A883" s="45"/>
      <c r="B883" s="45"/>
      <c r="L883" s="11"/>
      <c r="Q883" s="72"/>
      <c r="S883" s="207"/>
    </row>
    <row r="884" spans="1:22" s="8" customFormat="1">
      <c r="A884" s="45"/>
      <c r="B884" s="45"/>
      <c r="L884" s="11"/>
      <c r="Q884" s="72"/>
      <c r="S884" s="207"/>
    </row>
    <row r="885" spans="1:22" s="8" customFormat="1">
      <c r="A885" s="45"/>
      <c r="B885" s="45"/>
      <c r="L885" s="11"/>
      <c r="Q885" s="72"/>
      <c r="S885" s="207"/>
    </row>
    <row r="886" spans="1:22" s="8" customFormat="1" ht="33.75" customHeight="1">
      <c r="A886" s="45"/>
      <c r="B886" s="45"/>
      <c r="L886" s="11"/>
      <c r="Q886" s="72"/>
      <c r="S886" s="207"/>
    </row>
    <row r="887" spans="1:22" s="8" customFormat="1">
      <c r="A887" s="45"/>
      <c r="B887" s="45"/>
      <c r="L887" s="11"/>
      <c r="Q887" s="72"/>
      <c r="S887" s="207"/>
    </row>
    <row r="888" spans="1:22" s="8" customFormat="1">
      <c r="A888" s="45"/>
      <c r="B888" s="45"/>
      <c r="L888" s="11"/>
      <c r="Q888" s="72"/>
      <c r="S888" s="207"/>
    </row>
    <row r="889" spans="1:22" s="8" customFormat="1">
      <c r="A889" s="45"/>
      <c r="B889" s="45"/>
      <c r="L889" s="11"/>
      <c r="Q889" s="72"/>
      <c r="S889" s="207"/>
    </row>
    <row r="890" spans="1:22" s="8" customFormat="1">
      <c r="A890" s="45"/>
      <c r="B890" s="45"/>
      <c r="L890" s="11"/>
      <c r="Q890" s="72"/>
      <c r="S890" s="207"/>
    </row>
    <row r="891" spans="1:22" s="8" customFormat="1">
      <c r="A891" s="45"/>
      <c r="B891" s="45"/>
      <c r="L891" s="11"/>
      <c r="Q891" s="72"/>
      <c r="S891" s="207"/>
    </row>
    <row r="892" spans="1:22" s="8" customFormat="1">
      <c r="A892" s="45"/>
      <c r="B892" s="45"/>
      <c r="L892" s="11"/>
      <c r="Q892" s="72"/>
      <c r="S892" s="207"/>
    </row>
    <row r="893" spans="1:22" s="8" customFormat="1">
      <c r="A893" s="45"/>
      <c r="B893" s="45"/>
      <c r="L893" s="11"/>
      <c r="Q893" s="72"/>
      <c r="S893" s="207"/>
    </row>
    <row r="894" spans="1:22" s="8" customFormat="1">
      <c r="A894" s="45"/>
      <c r="B894" s="45"/>
      <c r="L894" s="11"/>
      <c r="Q894" s="72"/>
      <c r="S894" s="207"/>
    </row>
    <row r="895" spans="1:22" s="8" customFormat="1">
      <c r="A895" s="45"/>
      <c r="B895" s="45"/>
      <c r="L895" s="11"/>
      <c r="Q895" s="72"/>
      <c r="S895" s="207"/>
    </row>
    <row r="896" spans="1:22" s="8" customFormat="1">
      <c r="A896" s="45"/>
      <c r="B896" s="45"/>
      <c r="L896" s="11"/>
      <c r="Q896" s="72"/>
      <c r="S896" s="207"/>
    </row>
    <row r="897" spans="1:19" s="8" customFormat="1">
      <c r="A897" s="45"/>
      <c r="B897" s="45"/>
      <c r="L897" s="11"/>
      <c r="Q897" s="72"/>
      <c r="S897" s="207"/>
    </row>
    <row r="898" spans="1:19" s="8" customFormat="1">
      <c r="A898" s="45"/>
      <c r="B898" s="45"/>
      <c r="L898" s="11"/>
      <c r="Q898" s="72"/>
      <c r="S898" s="207"/>
    </row>
    <row r="899" spans="1:19" s="8" customFormat="1">
      <c r="A899" s="45"/>
      <c r="B899" s="45"/>
      <c r="L899" s="11"/>
      <c r="Q899" s="72"/>
      <c r="S899" s="207"/>
    </row>
    <row r="900" spans="1:19" s="8" customFormat="1">
      <c r="A900" s="45"/>
      <c r="B900" s="45"/>
      <c r="L900" s="11"/>
      <c r="Q900" s="72"/>
      <c r="S900" s="207"/>
    </row>
    <row r="901" spans="1:19" s="8" customFormat="1">
      <c r="A901" s="45"/>
      <c r="B901" s="45"/>
      <c r="L901" s="11"/>
      <c r="Q901" s="72"/>
      <c r="S901" s="207"/>
    </row>
    <row r="902" spans="1:19" s="8" customFormat="1">
      <c r="A902" s="45"/>
      <c r="B902" s="45"/>
      <c r="L902" s="11"/>
      <c r="Q902" s="72"/>
      <c r="S902" s="207"/>
    </row>
    <row r="903" spans="1:19" s="8" customFormat="1">
      <c r="A903" s="45"/>
      <c r="B903" s="45"/>
      <c r="L903" s="11"/>
      <c r="Q903" s="72"/>
      <c r="S903" s="207"/>
    </row>
    <row r="904" spans="1:19" s="8" customFormat="1">
      <c r="A904" s="45"/>
      <c r="B904" s="45"/>
      <c r="L904" s="11"/>
      <c r="Q904" s="72"/>
      <c r="S904" s="207"/>
    </row>
    <row r="905" spans="1:19" s="8" customFormat="1">
      <c r="A905" s="45"/>
      <c r="B905" s="45"/>
      <c r="L905" s="11"/>
      <c r="Q905" s="72"/>
      <c r="S905" s="207"/>
    </row>
    <row r="906" spans="1:19" s="8" customFormat="1">
      <c r="A906" s="45"/>
      <c r="B906" s="45"/>
      <c r="L906" s="11"/>
      <c r="Q906" s="72"/>
      <c r="S906" s="207"/>
    </row>
    <row r="907" spans="1:19" s="8" customFormat="1">
      <c r="A907" s="45"/>
      <c r="B907" s="45"/>
      <c r="L907" s="11"/>
      <c r="Q907" s="72"/>
      <c r="S907" s="207"/>
    </row>
    <row r="908" spans="1:19" s="8" customFormat="1">
      <c r="A908" s="45"/>
      <c r="B908" s="45"/>
      <c r="L908" s="11"/>
      <c r="Q908" s="72"/>
      <c r="S908" s="207"/>
    </row>
    <row r="909" spans="1:19" s="8" customFormat="1">
      <c r="A909" s="45"/>
      <c r="B909" s="45"/>
      <c r="L909" s="11"/>
      <c r="Q909" s="72"/>
      <c r="S909" s="207"/>
    </row>
    <row r="910" spans="1:19" s="8" customFormat="1">
      <c r="A910" s="45"/>
      <c r="B910" s="45"/>
      <c r="L910" s="11"/>
      <c r="Q910" s="72"/>
      <c r="S910" s="207"/>
    </row>
    <row r="911" spans="1:19" s="8" customFormat="1">
      <c r="A911" s="45"/>
      <c r="B911" s="45"/>
      <c r="L911" s="11"/>
      <c r="Q911" s="72"/>
      <c r="S911" s="207"/>
    </row>
    <row r="912" spans="1:19" s="8" customFormat="1">
      <c r="A912" s="45"/>
      <c r="B912" s="45"/>
      <c r="L912" s="11"/>
      <c r="Q912" s="72"/>
      <c r="S912" s="207"/>
    </row>
    <row r="913" spans="1:19" s="8" customFormat="1">
      <c r="A913" s="45"/>
      <c r="B913" s="45"/>
      <c r="L913" s="11"/>
      <c r="Q913" s="72"/>
      <c r="S913" s="207"/>
    </row>
    <row r="914" spans="1:19" s="8" customFormat="1">
      <c r="A914" s="45"/>
      <c r="B914" s="45"/>
      <c r="L914" s="11"/>
      <c r="Q914" s="72"/>
      <c r="S914" s="207"/>
    </row>
    <row r="915" spans="1:19" s="8" customFormat="1">
      <c r="A915" s="45"/>
      <c r="B915" s="45"/>
      <c r="L915" s="11"/>
      <c r="Q915" s="72"/>
      <c r="S915" s="207"/>
    </row>
    <row r="916" spans="1:19" s="8" customFormat="1">
      <c r="A916" s="45"/>
      <c r="B916" s="45"/>
      <c r="L916" s="11"/>
      <c r="Q916" s="72"/>
      <c r="S916" s="207"/>
    </row>
    <row r="917" spans="1:19" s="8" customFormat="1">
      <c r="A917" s="45"/>
      <c r="B917" s="45"/>
      <c r="L917" s="11"/>
      <c r="Q917" s="72"/>
      <c r="S917" s="207"/>
    </row>
    <row r="918" spans="1:19" s="8" customFormat="1">
      <c r="A918" s="45"/>
      <c r="B918" s="45"/>
      <c r="L918" s="11"/>
      <c r="Q918" s="72"/>
      <c r="S918" s="207"/>
    </row>
    <row r="919" spans="1:19" s="8" customFormat="1">
      <c r="A919" s="45"/>
      <c r="B919" s="45"/>
      <c r="L919" s="11"/>
      <c r="Q919" s="72"/>
      <c r="S919" s="207"/>
    </row>
    <row r="920" spans="1:19" s="8" customFormat="1">
      <c r="A920" s="45"/>
      <c r="B920" s="45"/>
      <c r="L920" s="11"/>
      <c r="Q920" s="72"/>
      <c r="S920" s="207"/>
    </row>
    <row r="921" spans="1:19" s="8" customFormat="1">
      <c r="A921" s="45"/>
      <c r="B921" s="45"/>
      <c r="L921" s="11"/>
      <c r="Q921" s="72"/>
      <c r="S921" s="207"/>
    </row>
    <row r="922" spans="1:19" s="8" customFormat="1">
      <c r="A922" s="45"/>
      <c r="B922" s="45"/>
      <c r="L922" s="11"/>
      <c r="Q922" s="72"/>
      <c r="S922" s="207"/>
    </row>
    <row r="923" spans="1:19" s="8" customFormat="1">
      <c r="A923" s="45"/>
      <c r="B923" s="45"/>
      <c r="L923" s="11"/>
      <c r="Q923" s="72"/>
      <c r="S923" s="207"/>
    </row>
    <row r="924" spans="1:19" s="8" customFormat="1">
      <c r="A924" s="45"/>
      <c r="B924" s="45"/>
      <c r="L924" s="11"/>
      <c r="Q924" s="72"/>
      <c r="S924" s="207"/>
    </row>
    <row r="925" spans="1:19" s="8" customFormat="1">
      <c r="A925" s="45"/>
      <c r="B925" s="45"/>
      <c r="L925" s="11"/>
      <c r="Q925" s="72"/>
      <c r="S925" s="207"/>
    </row>
    <row r="926" spans="1:19" s="8" customFormat="1">
      <c r="A926" s="45"/>
      <c r="B926" s="45"/>
      <c r="L926" s="11"/>
      <c r="Q926" s="72"/>
      <c r="S926" s="207"/>
    </row>
    <row r="927" spans="1:19" s="8" customFormat="1">
      <c r="A927" s="45"/>
      <c r="B927" s="45"/>
      <c r="L927" s="11"/>
      <c r="Q927" s="72"/>
      <c r="S927" s="207"/>
    </row>
    <row r="928" spans="1:19" s="8" customFormat="1">
      <c r="A928" s="45"/>
      <c r="B928" s="45"/>
      <c r="L928" s="11"/>
      <c r="Q928" s="72"/>
      <c r="S928" s="207"/>
    </row>
    <row r="929" spans="1:19" s="8" customFormat="1">
      <c r="A929" s="45"/>
      <c r="B929" s="45"/>
      <c r="L929" s="11"/>
      <c r="Q929" s="72"/>
      <c r="S929" s="207"/>
    </row>
    <row r="930" spans="1:19" s="8" customFormat="1">
      <c r="A930" s="45"/>
      <c r="B930" s="45"/>
      <c r="L930" s="11"/>
      <c r="Q930" s="72"/>
      <c r="S930" s="207"/>
    </row>
    <row r="931" spans="1:19" s="8" customFormat="1">
      <c r="A931" s="45"/>
      <c r="B931" s="45"/>
      <c r="L931" s="11"/>
      <c r="Q931" s="72"/>
      <c r="S931" s="207"/>
    </row>
    <row r="932" spans="1:19" s="8" customFormat="1">
      <c r="A932" s="45"/>
      <c r="B932" s="45"/>
      <c r="L932" s="11"/>
      <c r="Q932" s="72"/>
      <c r="S932" s="207"/>
    </row>
    <row r="933" spans="1:19" s="8" customFormat="1">
      <c r="A933" s="45"/>
      <c r="B933" s="45"/>
      <c r="L933" s="11"/>
      <c r="Q933" s="72"/>
      <c r="S933" s="207"/>
    </row>
    <row r="934" spans="1:19" s="8" customFormat="1">
      <c r="A934" s="45"/>
      <c r="B934" s="45"/>
      <c r="L934" s="11"/>
      <c r="Q934" s="72"/>
      <c r="S934" s="207"/>
    </row>
    <row r="935" spans="1:19" s="8" customFormat="1">
      <c r="A935" s="45"/>
      <c r="B935" s="45"/>
      <c r="L935" s="11"/>
      <c r="Q935" s="72"/>
      <c r="S935" s="207"/>
    </row>
    <row r="936" spans="1:19" s="8" customFormat="1">
      <c r="A936" s="45"/>
      <c r="B936" s="45"/>
      <c r="L936" s="11"/>
      <c r="Q936" s="72"/>
      <c r="S936" s="207"/>
    </row>
    <row r="937" spans="1:19" s="8" customFormat="1">
      <c r="A937" s="45"/>
      <c r="B937" s="45"/>
      <c r="L937" s="11"/>
      <c r="Q937" s="72"/>
      <c r="S937" s="207"/>
    </row>
    <row r="938" spans="1:19" s="8" customFormat="1">
      <c r="A938" s="45"/>
      <c r="B938" s="45"/>
      <c r="L938" s="11"/>
      <c r="Q938" s="72"/>
      <c r="S938" s="207"/>
    </row>
    <row r="939" spans="1:19" s="8" customFormat="1">
      <c r="A939" s="45"/>
      <c r="B939" s="45"/>
      <c r="L939" s="11"/>
      <c r="Q939" s="72"/>
      <c r="S939" s="207"/>
    </row>
    <row r="940" spans="1:19" s="8" customFormat="1">
      <c r="A940" s="45"/>
      <c r="B940" s="45"/>
      <c r="L940" s="11"/>
      <c r="Q940" s="72"/>
      <c r="S940" s="207"/>
    </row>
    <row r="941" spans="1:19" s="8" customFormat="1">
      <c r="A941" s="45"/>
      <c r="B941" s="45"/>
      <c r="L941" s="11"/>
      <c r="Q941" s="72"/>
      <c r="S941" s="207"/>
    </row>
    <row r="942" spans="1:19" s="8" customFormat="1">
      <c r="A942" s="45"/>
      <c r="B942" s="45"/>
      <c r="L942" s="11"/>
      <c r="Q942" s="72"/>
      <c r="S942" s="207"/>
    </row>
    <row r="943" spans="1:19" s="8" customFormat="1">
      <c r="A943" s="45"/>
      <c r="B943" s="45"/>
      <c r="L943" s="11"/>
      <c r="Q943" s="72"/>
      <c r="S943" s="207"/>
    </row>
    <row r="944" spans="1:19" s="8" customFormat="1">
      <c r="A944" s="45"/>
      <c r="B944" s="45"/>
      <c r="L944" s="11"/>
      <c r="Q944" s="72"/>
      <c r="S944" s="207"/>
    </row>
    <row r="945" spans="1:19" s="8" customFormat="1">
      <c r="A945" s="45"/>
      <c r="B945" s="45"/>
      <c r="L945" s="11"/>
      <c r="Q945" s="72"/>
      <c r="S945" s="207"/>
    </row>
    <row r="946" spans="1:19" s="8" customFormat="1">
      <c r="A946" s="45"/>
      <c r="B946" s="45"/>
      <c r="L946" s="11"/>
      <c r="Q946" s="72"/>
      <c r="S946" s="207"/>
    </row>
    <row r="947" spans="1:19" s="8" customFormat="1">
      <c r="A947" s="45"/>
      <c r="B947" s="45"/>
      <c r="L947" s="11"/>
      <c r="Q947" s="72"/>
      <c r="S947" s="207"/>
    </row>
    <row r="948" spans="1:19" s="8" customFormat="1">
      <c r="A948" s="45"/>
      <c r="B948" s="45"/>
      <c r="L948" s="11"/>
      <c r="Q948" s="72"/>
      <c r="S948" s="207"/>
    </row>
    <row r="949" spans="1:19" s="8" customFormat="1">
      <c r="A949" s="45"/>
      <c r="B949" s="45"/>
      <c r="L949" s="11"/>
      <c r="Q949" s="72"/>
      <c r="S949" s="207"/>
    </row>
    <row r="950" spans="1:19" s="8" customFormat="1">
      <c r="A950" s="45"/>
      <c r="B950" s="45"/>
      <c r="L950" s="11"/>
      <c r="Q950" s="72"/>
      <c r="S950" s="207"/>
    </row>
    <row r="951" spans="1:19" s="8" customFormat="1">
      <c r="L951" s="11"/>
      <c r="Q951" s="72"/>
      <c r="S951" s="207"/>
    </row>
    <row r="952" spans="1:19" s="8" customFormat="1">
      <c r="L952" s="11"/>
      <c r="Q952" s="72"/>
      <c r="S952" s="207"/>
    </row>
    <row r="953" spans="1:19" s="8" customFormat="1">
      <c r="L953" s="11"/>
      <c r="Q953" s="72"/>
      <c r="S953" s="207"/>
    </row>
    <row r="954" spans="1:19" s="8" customFormat="1">
      <c r="L954" s="11"/>
      <c r="Q954" s="72"/>
      <c r="S954" s="207"/>
    </row>
    <row r="955" spans="1:19" s="8" customFormat="1">
      <c r="L955" s="11"/>
      <c r="Q955" s="72"/>
      <c r="S955" s="207"/>
    </row>
    <row r="956" spans="1:19" s="8" customFormat="1">
      <c r="L956" s="11"/>
      <c r="Q956" s="72"/>
      <c r="S956" s="207"/>
    </row>
    <row r="957" spans="1:19" s="8" customFormat="1">
      <c r="L957" s="11"/>
      <c r="Q957" s="72"/>
      <c r="S957" s="207"/>
    </row>
    <row r="958" spans="1:19" s="8" customFormat="1">
      <c r="L958" s="11"/>
      <c r="Q958" s="72"/>
      <c r="S958" s="207"/>
    </row>
    <row r="959" spans="1:19" s="8" customFormat="1">
      <c r="L959" s="11"/>
      <c r="Q959" s="72"/>
      <c r="S959" s="207"/>
    </row>
    <row r="960" spans="1:19" s="8" customFormat="1">
      <c r="L960" s="11"/>
      <c r="Q960" s="72"/>
      <c r="S960" s="207"/>
    </row>
    <row r="961" spans="12:19" s="8" customFormat="1">
      <c r="L961" s="11"/>
      <c r="Q961" s="72"/>
      <c r="S961" s="207"/>
    </row>
    <row r="962" spans="12:19" s="8" customFormat="1">
      <c r="L962" s="11"/>
      <c r="Q962" s="72"/>
      <c r="S962" s="207"/>
    </row>
    <row r="963" spans="12:19" s="8" customFormat="1">
      <c r="L963" s="11"/>
      <c r="Q963" s="72"/>
      <c r="S963" s="207"/>
    </row>
    <row r="964" spans="12:19" s="8" customFormat="1">
      <c r="L964" s="11"/>
      <c r="Q964" s="72"/>
      <c r="S964" s="207"/>
    </row>
    <row r="965" spans="12:19" s="8" customFormat="1">
      <c r="L965" s="11"/>
      <c r="Q965" s="72"/>
      <c r="S965" s="207"/>
    </row>
    <row r="966" spans="12:19" s="8" customFormat="1">
      <c r="L966" s="11"/>
      <c r="Q966" s="72"/>
      <c r="S966" s="207"/>
    </row>
    <row r="967" spans="12:19" s="8" customFormat="1">
      <c r="L967" s="11"/>
      <c r="Q967" s="72"/>
      <c r="S967" s="207"/>
    </row>
    <row r="968" spans="12:19" s="8" customFormat="1">
      <c r="L968" s="11"/>
      <c r="Q968" s="72"/>
      <c r="S968" s="207"/>
    </row>
    <row r="969" spans="12:19" s="8" customFormat="1">
      <c r="L969" s="11"/>
      <c r="Q969" s="72"/>
      <c r="S969" s="207"/>
    </row>
    <row r="970" spans="12:19" s="8" customFormat="1">
      <c r="L970" s="11"/>
      <c r="Q970" s="72"/>
      <c r="S970" s="207"/>
    </row>
    <row r="971" spans="12:19" s="8" customFormat="1">
      <c r="L971" s="11"/>
      <c r="Q971" s="72"/>
      <c r="S971" s="207"/>
    </row>
    <row r="972" spans="12:19" s="8" customFormat="1">
      <c r="L972" s="11"/>
      <c r="Q972" s="72"/>
      <c r="S972" s="207"/>
    </row>
    <row r="973" spans="12:19" s="8" customFormat="1">
      <c r="L973" s="11"/>
      <c r="Q973" s="72"/>
      <c r="S973" s="207"/>
    </row>
    <row r="974" spans="12:19" s="8" customFormat="1">
      <c r="L974" s="11"/>
      <c r="Q974" s="72"/>
      <c r="S974" s="207"/>
    </row>
    <row r="975" spans="12:19" s="8" customFormat="1">
      <c r="L975" s="11"/>
      <c r="Q975" s="72"/>
      <c r="S975" s="207"/>
    </row>
    <row r="976" spans="12:19" s="8" customFormat="1">
      <c r="L976" s="11"/>
      <c r="Q976" s="72"/>
      <c r="S976" s="207"/>
    </row>
    <row r="977" spans="12:19" s="8" customFormat="1">
      <c r="L977" s="11"/>
      <c r="Q977" s="72"/>
      <c r="S977" s="207"/>
    </row>
    <row r="978" spans="12:19" s="8" customFormat="1">
      <c r="L978" s="11"/>
      <c r="Q978" s="72"/>
      <c r="S978" s="207"/>
    </row>
    <row r="979" spans="12:19" s="8" customFormat="1">
      <c r="L979" s="11"/>
      <c r="Q979" s="72"/>
      <c r="S979" s="207"/>
    </row>
    <row r="980" spans="12:19" s="8" customFormat="1">
      <c r="L980" s="11"/>
      <c r="Q980" s="72"/>
      <c r="S980" s="207"/>
    </row>
    <row r="981" spans="12:19" s="8" customFormat="1">
      <c r="L981" s="11"/>
      <c r="Q981" s="72"/>
      <c r="S981" s="207"/>
    </row>
    <row r="982" spans="12:19" s="8" customFormat="1">
      <c r="L982" s="11"/>
      <c r="Q982" s="72"/>
      <c r="S982" s="207"/>
    </row>
    <row r="983" spans="12:19" s="8" customFormat="1">
      <c r="L983" s="11"/>
      <c r="Q983" s="72"/>
      <c r="S983" s="207"/>
    </row>
    <row r="984" spans="12:19" s="8" customFormat="1">
      <c r="L984" s="11"/>
      <c r="Q984" s="72"/>
      <c r="S984" s="207"/>
    </row>
    <row r="985" spans="12:19" s="8" customFormat="1">
      <c r="L985" s="11"/>
      <c r="Q985" s="72"/>
      <c r="S985" s="207"/>
    </row>
    <row r="986" spans="12:19" s="8" customFormat="1">
      <c r="L986" s="11"/>
      <c r="Q986" s="72"/>
      <c r="S986" s="207"/>
    </row>
    <row r="987" spans="12:19" s="8" customFormat="1">
      <c r="L987" s="11"/>
      <c r="Q987" s="72"/>
      <c r="S987" s="207"/>
    </row>
    <row r="988" spans="12:19" s="8" customFormat="1">
      <c r="L988" s="11"/>
      <c r="Q988" s="72"/>
      <c r="S988" s="207"/>
    </row>
    <row r="989" spans="12:19" s="8" customFormat="1">
      <c r="L989" s="11"/>
      <c r="Q989" s="72"/>
      <c r="S989" s="207"/>
    </row>
    <row r="990" spans="12:19" s="8" customFormat="1">
      <c r="L990" s="11"/>
      <c r="Q990" s="72"/>
      <c r="S990" s="207"/>
    </row>
    <row r="991" spans="12:19" s="8" customFormat="1">
      <c r="L991" s="11"/>
      <c r="Q991" s="72"/>
      <c r="S991" s="207"/>
    </row>
    <row r="992" spans="12:19" s="8" customFormat="1">
      <c r="L992" s="11"/>
      <c r="Q992" s="72"/>
      <c r="S992" s="207"/>
    </row>
    <row r="993" spans="12:19" s="8" customFormat="1">
      <c r="L993" s="11"/>
      <c r="Q993" s="72"/>
      <c r="S993" s="207"/>
    </row>
    <row r="994" spans="12:19" s="8" customFormat="1">
      <c r="L994" s="11"/>
      <c r="Q994" s="72"/>
      <c r="S994" s="207"/>
    </row>
    <row r="995" spans="12:19" s="8" customFormat="1">
      <c r="L995" s="11"/>
      <c r="Q995" s="72"/>
      <c r="S995" s="207"/>
    </row>
    <row r="996" spans="12:19" s="8" customFormat="1">
      <c r="L996" s="11"/>
      <c r="Q996" s="72"/>
      <c r="S996" s="207"/>
    </row>
    <row r="997" spans="12:19" s="8" customFormat="1">
      <c r="L997" s="11"/>
      <c r="Q997" s="72"/>
      <c r="S997" s="207"/>
    </row>
    <row r="998" spans="12:19" s="8" customFormat="1">
      <c r="L998" s="11"/>
      <c r="Q998" s="72"/>
      <c r="S998" s="207"/>
    </row>
    <row r="999" spans="12:19" s="8" customFormat="1">
      <c r="L999" s="11"/>
      <c r="Q999" s="72"/>
      <c r="S999" s="207"/>
    </row>
    <row r="1000" spans="12:19" s="8" customFormat="1">
      <c r="L1000" s="11"/>
      <c r="Q1000" s="72"/>
      <c r="S1000" s="207"/>
    </row>
    <row r="1001" spans="12:19" s="8" customFormat="1">
      <c r="L1001" s="11"/>
      <c r="Q1001" s="72"/>
      <c r="S1001" s="207"/>
    </row>
    <row r="1002" spans="12:19" s="8" customFormat="1">
      <c r="L1002" s="11"/>
      <c r="Q1002" s="72"/>
      <c r="S1002" s="207"/>
    </row>
    <row r="1003" spans="12:19" s="8" customFormat="1">
      <c r="L1003" s="11"/>
      <c r="Q1003" s="72"/>
      <c r="S1003" s="207"/>
    </row>
    <row r="1004" spans="12:19" s="8" customFormat="1">
      <c r="L1004" s="11"/>
      <c r="Q1004" s="72"/>
      <c r="S1004" s="207"/>
    </row>
    <row r="1005" spans="12:19" s="8" customFormat="1">
      <c r="L1005" s="11"/>
      <c r="Q1005" s="72"/>
      <c r="S1005" s="207"/>
    </row>
    <row r="1006" spans="12:19" s="8" customFormat="1">
      <c r="L1006" s="11"/>
      <c r="Q1006" s="72"/>
      <c r="S1006" s="207"/>
    </row>
    <row r="1007" spans="12:19" s="8" customFormat="1">
      <c r="L1007" s="11"/>
      <c r="Q1007" s="72"/>
      <c r="S1007" s="207"/>
    </row>
    <row r="1008" spans="12:19" s="8" customFormat="1">
      <c r="L1008" s="11"/>
      <c r="Q1008" s="72"/>
      <c r="S1008" s="207"/>
    </row>
    <row r="1009" spans="12:19" s="8" customFormat="1">
      <c r="L1009" s="11"/>
      <c r="Q1009" s="72"/>
      <c r="S1009" s="207"/>
    </row>
    <row r="1010" spans="12:19" s="8" customFormat="1">
      <c r="L1010" s="11"/>
      <c r="Q1010" s="72"/>
      <c r="S1010" s="207"/>
    </row>
    <row r="1011" spans="12:19" s="8" customFormat="1">
      <c r="L1011" s="11"/>
      <c r="Q1011" s="72"/>
      <c r="S1011" s="207"/>
    </row>
    <row r="1012" spans="12:19" s="8" customFormat="1">
      <c r="L1012" s="11"/>
      <c r="Q1012" s="72"/>
      <c r="S1012" s="207"/>
    </row>
    <row r="1013" spans="12:19" s="8" customFormat="1">
      <c r="L1013" s="11"/>
      <c r="Q1013" s="72"/>
      <c r="S1013" s="207"/>
    </row>
    <row r="1014" spans="12:19" s="8" customFormat="1">
      <c r="L1014" s="11"/>
      <c r="Q1014" s="72"/>
      <c r="S1014" s="207"/>
    </row>
    <row r="1015" spans="12:19" s="8" customFormat="1">
      <c r="L1015" s="11"/>
      <c r="Q1015" s="72"/>
      <c r="S1015" s="207"/>
    </row>
    <row r="1016" spans="12:19" s="8" customFormat="1">
      <c r="L1016" s="11"/>
      <c r="Q1016" s="72"/>
      <c r="S1016" s="207"/>
    </row>
    <row r="1017" spans="12:19" s="8" customFormat="1">
      <c r="L1017" s="11"/>
      <c r="Q1017" s="72"/>
      <c r="S1017" s="207"/>
    </row>
    <row r="1018" spans="12:19" s="8" customFormat="1">
      <c r="L1018" s="11"/>
      <c r="Q1018" s="72"/>
      <c r="S1018" s="207"/>
    </row>
    <row r="1019" spans="12:19" s="8" customFormat="1">
      <c r="L1019" s="11"/>
      <c r="Q1019" s="72"/>
      <c r="S1019" s="207"/>
    </row>
    <row r="1020" spans="12:19" s="8" customFormat="1">
      <c r="L1020" s="11"/>
      <c r="Q1020" s="72"/>
      <c r="S1020" s="207"/>
    </row>
    <row r="1021" spans="12:19" s="8" customFormat="1">
      <c r="L1021" s="11"/>
      <c r="Q1021" s="72"/>
      <c r="S1021" s="207"/>
    </row>
    <row r="1022" spans="12:19" s="8" customFormat="1">
      <c r="L1022" s="11"/>
      <c r="Q1022" s="72"/>
      <c r="S1022" s="207"/>
    </row>
    <row r="1023" spans="12:19" s="8" customFormat="1">
      <c r="L1023" s="11"/>
      <c r="Q1023" s="72"/>
      <c r="S1023" s="207"/>
    </row>
    <row r="1024" spans="12:19" s="8" customFormat="1">
      <c r="L1024" s="11"/>
      <c r="Q1024" s="72"/>
      <c r="S1024" s="207"/>
    </row>
    <row r="1025" spans="12:19" s="8" customFormat="1">
      <c r="L1025" s="11"/>
      <c r="Q1025" s="72"/>
      <c r="S1025" s="207"/>
    </row>
    <row r="1026" spans="12:19" s="8" customFormat="1">
      <c r="L1026" s="11"/>
      <c r="Q1026" s="72"/>
      <c r="S1026" s="207"/>
    </row>
    <row r="1027" spans="12:19" s="8" customFormat="1">
      <c r="L1027" s="11"/>
      <c r="Q1027" s="72"/>
      <c r="S1027" s="207"/>
    </row>
    <row r="1028" spans="12:19" s="8" customFormat="1">
      <c r="L1028" s="11"/>
      <c r="Q1028" s="72"/>
      <c r="S1028" s="207"/>
    </row>
    <row r="1029" spans="12:19" s="8" customFormat="1">
      <c r="L1029" s="11"/>
      <c r="Q1029" s="72"/>
      <c r="S1029" s="207"/>
    </row>
    <row r="1030" spans="12:19" s="8" customFormat="1">
      <c r="L1030" s="11"/>
      <c r="Q1030" s="72"/>
      <c r="S1030" s="207"/>
    </row>
    <row r="1031" spans="12:19" s="8" customFormat="1">
      <c r="L1031" s="11"/>
      <c r="Q1031" s="72"/>
      <c r="S1031" s="207"/>
    </row>
    <row r="1032" spans="12:19" s="8" customFormat="1">
      <c r="L1032" s="11"/>
      <c r="Q1032" s="72"/>
      <c r="S1032" s="207"/>
    </row>
    <row r="1033" spans="12:19" s="8" customFormat="1">
      <c r="L1033" s="11"/>
      <c r="Q1033" s="72"/>
      <c r="S1033" s="207"/>
    </row>
    <row r="1034" spans="12:19" s="8" customFormat="1">
      <c r="L1034" s="11"/>
      <c r="Q1034" s="72"/>
      <c r="S1034" s="207"/>
    </row>
    <row r="1035" spans="12:19" s="8" customFormat="1">
      <c r="L1035" s="11"/>
      <c r="Q1035" s="72"/>
      <c r="S1035" s="207"/>
    </row>
    <row r="1036" spans="12:19" s="8" customFormat="1">
      <c r="L1036" s="11"/>
      <c r="Q1036" s="72"/>
      <c r="S1036" s="207"/>
    </row>
    <row r="1037" spans="12:19" s="8" customFormat="1">
      <c r="L1037" s="11"/>
      <c r="Q1037" s="72"/>
      <c r="S1037" s="207"/>
    </row>
    <row r="1038" spans="12:19" s="8" customFormat="1">
      <c r="L1038" s="11"/>
      <c r="Q1038" s="72"/>
      <c r="S1038" s="207"/>
    </row>
    <row r="1039" spans="12:19" s="8" customFormat="1">
      <c r="L1039" s="11"/>
      <c r="Q1039" s="72"/>
      <c r="S1039" s="207"/>
    </row>
    <row r="1040" spans="12:19" s="8" customFormat="1">
      <c r="L1040" s="11"/>
      <c r="Q1040" s="72"/>
      <c r="S1040" s="207"/>
    </row>
    <row r="1041" spans="12:19" s="8" customFormat="1">
      <c r="L1041" s="11"/>
      <c r="Q1041" s="72"/>
      <c r="S1041" s="207"/>
    </row>
    <row r="1042" spans="12:19" s="8" customFormat="1">
      <c r="L1042" s="11"/>
      <c r="Q1042" s="72"/>
      <c r="S1042" s="207"/>
    </row>
    <row r="1043" spans="12:19" s="8" customFormat="1">
      <c r="L1043" s="11"/>
      <c r="Q1043" s="72"/>
      <c r="S1043" s="207"/>
    </row>
    <row r="1044" spans="12:19" s="8" customFormat="1">
      <c r="L1044" s="11"/>
      <c r="Q1044" s="72"/>
      <c r="S1044" s="207"/>
    </row>
    <row r="1045" spans="12:19" s="8" customFormat="1">
      <c r="L1045" s="11"/>
      <c r="Q1045" s="72"/>
      <c r="S1045" s="207"/>
    </row>
    <row r="1046" spans="12:19" s="8" customFormat="1">
      <c r="L1046" s="11"/>
      <c r="Q1046" s="72"/>
      <c r="S1046" s="207"/>
    </row>
    <row r="1047" spans="12:19" s="8" customFormat="1">
      <c r="L1047" s="11"/>
      <c r="Q1047" s="72"/>
      <c r="S1047" s="207"/>
    </row>
    <row r="1048" spans="12:19" s="8" customFormat="1">
      <c r="L1048" s="11"/>
      <c r="Q1048" s="72"/>
      <c r="S1048" s="207"/>
    </row>
    <row r="1049" spans="12:19" s="8" customFormat="1">
      <c r="L1049" s="11"/>
      <c r="Q1049" s="72"/>
      <c r="S1049" s="207"/>
    </row>
    <row r="1050" spans="12:19" s="8" customFormat="1">
      <c r="L1050" s="11"/>
      <c r="Q1050" s="72"/>
      <c r="S1050" s="207"/>
    </row>
    <row r="1051" spans="12:19" s="8" customFormat="1">
      <c r="L1051" s="11"/>
      <c r="Q1051" s="72"/>
      <c r="S1051" s="207"/>
    </row>
    <row r="1052" spans="12:19" s="8" customFormat="1">
      <c r="L1052" s="11"/>
      <c r="Q1052" s="72"/>
      <c r="S1052" s="207"/>
    </row>
    <row r="1053" spans="12:19" s="8" customFormat="1">
      <c r="L1053" s="11"/>
      <c r="Q1053" s="72"/>
      <c r="S1053" s="207"/>
    </row>
    <row r="1054" spans="12:19" s="8" customFormat="1">
      <c r="L1054" s="11"/>
      <c r="Q1054" s="72"/>
      <c r="S1054" s="207"/>
    </row>
    <row r="1055" spans="12:19" s="8" customFormat="1">
      <c r="L1055" s="11"/>
      <c r="Q1055" s="72"/>
      <c r="S1055" s="207"/>
    </row>
    <row r="1056" spans="12:19" s="8" customFormat="1">
      <c r="L1056" s="11"/>
      <c r="Q1056" s="72"/>
      <c r="S1056" s="207"/>
    </row>
    <row r="1057" spans="12:19" s="8" customFormat="1">
      <c r="L1057" s="11"/>
      <c r="Q1057" s="72"/>
      <c r="S1057" s="207"/>
    </row>
    <row r="1058" spans="12:19" s="8" customFormat="1">
      <c r="L1058" s="11"/>
      <c r="Q1058" s="72"/>
      <c r="S1058" s="207"/>
    </row>
    <row r="1059" spans="12:19" s="8" customFormat="1">
      <c r="L1059" s="11"/>
      <c r="Q1059" s="72"/>
      <c r="S1059" s="207"/>
    </row>
    <row r="1060" spans="12:19" s="8" customFormat="1">
      <c r="L1060" s="11"/>
      <c r="Q1060" s="72"/>
      <c r="S1060" s="207"/>
    </row>
    <row r="1061" spans="12:19" s="8" customFormat="1">
      <c r="L1061" s="11"/>
      <c r="Q1061" s="72"/>
      <c r="S1061" s="207"/>
    </row>
    <row r="1062" spans="12:19" s="8" customFormat="1">
      <c r="L1062" s="11"/>
      <c r="Q1062" s="72"/>
      <c r="S1062" s="207"/>
    </row>
    <row r="1063" spans="12:19" s="8" customFormat="1">
      <c r="L1063" s="11"/>
      <c r="Q1063" s="72"/>
      <c r="S1063" s="207"/>
    </row>
    <row r="1064" spans="12:19" s="8" customFormat="1">
      <c r="L1064" s="11"/>
      <c r="Q1064" s="72"/>
      <c r="S1064" s="207"/>
    </row>
    <row r="1065" spans="12:19" s="8" customFormat="1">
      <c r="L1065" s="11"/>
      <c r="Q1065" s="72"/>
      <c r="S1065" s="207"/>
    </row>
    <row r="1066" spans="12:19" s="8" customFormat="1">
      <c r="L1066" s="11"/>
      <c r="Q1066" s="72"/>
      <c r="S1066" s="207"/>
    </row>
    <row r="1067" spans="12:19" s="8" customFormat="1">
      <c r="L1067" s="11"/>
      <c r="Q1067" s="72"/>
      <c r="S1067" s="207"/>
    </row>
    <row r="1068" spans="12:19" s="8" customFormat="1">
      <c r="L1068" s="11"/>
      <c r="Q1068" s="72"/>
      <c r="S1068" s="207"/>
    </row>
    <row r="1069" spans="12:19" s="8" customFormat="1">
      <c r="L1069" s="11"/>
      <c r="Q1069" s="72"/>
      <c r="S1069" s="207"/>
    </row>
    <row r="1070" spans="12:19" s="8" customFormat="1">
      <c r="L1070" s="11"/>
      <c r="Q1070" s="72"/>
      <c r="S1070" s="207"/>
    </row>
    <row r="1071" spans="12:19" s="8" customFormat="1">
      <c r="L1071" s="11"/>
      <c r="Q1071" s="72"/>
      <c r="S1071" s="207"/>
    </row>
    <row r="1072" spans="12:19" s="8" customFormat="1">
      <c r="L1072" s="11"/>
      <c r="Q1072" s="72"/>
      <c r="S1072" s="207"/>
    </row>
    <row r="1073" spans="12:19" s="8" customFormat="1">
      <c r="L1073" s="11"/>
      <c r="Q1073" s="72"/>
      <c r="S1073" s="207"/>
    </row>
    <row r="1074" spans="12:19" s="8" customFormat="1">
      <c r="L1074" s="11"/>
      <c r="Q1074" s="72"/>
      <c r="S1074" s="207"/>
    </row>
    <row r="1075" spans="12:19" s="8" customFormat="1">
      <c r="L1075" s="11"/>
      <c r="Q1075" s="72"/>
      <c r="S1075" s="207"/>
    </row>
    <row r="1076" spans="12:19" s="8" customFormat="1">
      <c r="L1076" s="11"/>
      <c r="Q1076" s="72"/>
      <c r="S1076" s="207"/>
    </row>
    <row r="1077" spans="12:19" s="8" customFormat="1">
      <c r="L1077" s="11"/>
      <c r="Q1077" s="72"/>
      <c r="S1077" s="207"/>
    </row>
    <row r="1078" spans="12:19" s="8" customFormat="1">
      <c r="L1078" s="11"/>
      <c r="Q1078" s="72"/>
      <c r="S1078" s="207"/>
    </row>
    <row r="1079" spans="12:19" s="8" customFormat="1">
      <c r="L1079" s="11"/>
      <c r="Q1079" s="72"/>
      <c r="S1079" s="207"/>
    </row>
    <row r="1080" spans="12:19" s="8" customFormat="1">
      <c r="L1080" s="11"/>
      <c r="Q1080" s="72"/>
      <c r="S1080" s="207"/>
    </row>
    <row r="1081" spans="12:19" s="8" customFormat="1">
      <c r="L1081" s="11"/>
      <c r="Q1081" s="72"/>
      <c r="S1081" s="207"/>
    </row>
    <row r="1082" spans="12:19" s="8" customFormat="1">
      <c r="L1082" s="11"/>
      <c r="Q1082" s="72"/>
      <c r="S1082" s="207"/>
    </row>
    <row r="1083" spans="12:19" s="8" customFormat="1">
      <c r="L1083" s="11"/>
      <c r="Q1083" s="72"/>
      <c r="S1083" s="207"/>
    </row>
    <row r="1084" spans="12:19" s="8" customFormat="1">
      <c r="L1084" s="11"/>
      <c r="Q1084" s="72"/>
      <c r="S1084" s="207"/>
    </row>
    <row r="1085" spans="12:19" s="8" customFormat="1">
      <c r="L1085" s="11"/>
      <c r="Q1085" s="72"/>
      <c r="S1085" s="207"/>
    </row>
    <row r="1086" spans="12:19" s="8" customFormat="1">
      <c r="L1086" s="11"/>
      <c r="Q1086" s="72"/>
      <c r="S1086" s="207"/>
    </row>
    <row r="1087" spans="12:19" s="8" customFormat="1">
      <c r="L1087" s="11"/>
      <c r="Q1087" s="72"/>
      <c r="S1087" s="207"/>
    </row>
    <row r="1088" spans="12:19" s="8" customFormat="1">
      <c r="L1088" s="11"/>
      <c r="Q1088" s="72"/>
      <c r="S1088" s="207"/>
    </row>
    <row r="1089" spans="12:19" s="8" customFormat="1">
      <c r="L1089" s="11"/>
      <c r="Q1089" s="72"/>
      <c r="S1089" s="207"/>
    </row>
    <row r="1090" spans="12:19" s="8" customFormat="1">
      <c r="L1090" s="11"/>
      <c r="Q1090" s="72"/>
      <c r="S1090" s="207"/>
    </row>
    <row r="1091" spans="12:19" s="8" customFormat="1">
      <c r="L1091" s="11"/>
      <c r="Q1091" s="72"/>
      <c r="S1091" s="207"/>
    </row>
    <row r="1092" spans="12:19" s="8" customFormat="1">
      <c r="L1092" s="11"/>
      <c r="Q1092" s="72"/>
      <c r="S1092" s="207"/>
    </row>
    <row r="1093" spans="12:19" s="8" customFormat="1">
      <c r="L1093" s="11"/>
      <c r="Q1093" s="72"/>
      <c r="S1093" s="207"/>
    </row>
    <row r="1094" spans="12:19" s="8" customFormat="1">
      <c r="L1094" s="11"/>
      <c r="Q1094" s="72"/>
      <c r="S1094" s="207"/>
    </row>
    <row r="1095" spans="12:19" s="8" customFormat="1">
      <c r="L1095" s="11"/>
      <c r="Q1095" s="72"/>
      <c r="S1095" s="207"/>
    </row>
    <row r="1096" spans="12:19" s="8" customFormat="1">
      <c r="L1096" s="11"/>
      <c r="Q1096" s="72"/>
      <c r="S1096" s="207"/>
    </row>
    <row r="1097" spans="12:19" s="8" customFormat="1">
      <c r="L1097" s="11"/>
      <c r="Q1097" s="72"/>
      <c r="S1097" s="207"/>
    </row>
    <row r="1098" spans="12:19" s="8" customFormat="1">
      <c r="L1098" s="11"/>
      <c r="Q1098" s="72"/>
      <c r="S1098" s="207"/>
    </row>
    <row r="1099" spans="12:19" s="8" customFormat="1">
      <c r="L1099" s="11"/>
      <c r="Q1099" s="72"/>
      <c r="S1099" s="207"/>
    </row>
    <row r="1100" spans="12:19" s="8" customFormat="1">
      <c r="L1100" s="11"/>
      <c r="Q1100" s="72"/>
      <c r="S1100" s="207"/>
    </row>
    <row r="1101" spans="12:19" s="8" customFormat="1">
      <c r="L1101" s="11"/>
      <c r="Q1101" s="72"/>
      <c r="S1101" s="207"/>
    </row>
    <row r="1102" spans="12:19" s="8" customFormat="1">
      <c r="L1102" s="11"/>
      <c r="Q1102" s="72"/>
      <c r="S1102" s="207"/>
    </row>
    <row r="1103" spans="12:19" s="8" customFormat="1">
      <c r="L1103" s="11"/>
      <c r="Q1103" s="72"/>
      <c r="S1103" s="207"/>
    </row>
    <row r="1104" spans="12:19" s="8" customFormat="1">
      <c r="L1104" s="11"/>
      <c r="Q1104" s="72"/>
      <c r="S1104" s="207"/>
    </row>
    <row r="1105" spans="12:19" s="8" customFormat="1">
      <c r="L1105" s="11"/>
      <c r="Q1105" s="72"/>
      <c r="S1105" s="207"/>
    </row>
    <row r="1106" spans="12:19" s="8" customFormat="1">
      <c r="L1106" s="11"/>
      <c r="Q1106" s="72"/>
      <c r="S1106" s="207"/>
    </row>
    <row r="1107" spans="12:19" s="8" customFormat="1">
      <c r="L1107" s="11"/>
      <c r="Q1107" s="72"/>
      <c r="S1107" s="207"/>
    </row>
    <row r="1108" spans="12:19" s="8" customFormat="1">
      <c r="L1108" s="11"/>
      <c r="Q1108" s="72"/>
      <c r="S1108" s="207"/>
    </row>
    <row r="1109" spans="12:19" s="8" customFormat="1">
      <c r="L1109" s="11"/>
      <c r="Q1109" s="72"/>
      <c r="S1109" s="207"/>
    </row>
    <row r="1110" spans="12:19" s="8" customFormat="1">
      <c r="L1110" s="11"/>
      <c r="Q1110" s="72"/>
      <c r="S1110" s="207"/>
    </row>
    <row r="1111" spans="12:19" s="8" customFormat="1">
      <c r="L1111" s="11"/>
      <c r="Q1111" s="72"/>
      <c r="S1111" s="207"/>
    </row>
    <row r="1112" spans="12:19" s="8" customFormat="1">
      <c r="L1112" s="11"/>
      <c r="Q1112" s="72"/>
      <c r="S1112" s="207"/>
    </row>
    <row r="1113" spans="12:19" s="8" customFormat="1">
      <c r="L1113" s="11"/>
      <c r="Q1113" s="72"/>
      <c r="S1113" s="207"/>
    </row>
    <row r="1114" spans="12:19" s="8" customFormat="1">
      <c r="L1114" s="11"/>
      <c r="Q1114" s="72"/>
      <c r="S1114" s="207"/>
    </row>
    <row r="1115" spans="12:19" s="8" customFormat="1">
      <c r="L1115" s="11"/>
      <c r="Q1115" s="72"/>
      <c r="S1115" s="207"/>
    </row>
    <row r="1116" spans="12:19" s="8" customFormat="1">
      <c r="L1116" s="11"/>
      <c r="Q1116" s="72"/>
      <c r="S1116" s="207"/>
    </row>
    <row r="1117" spans="12:19" s="8" customFormat="1">
      <c r="L1117" s="11"/>
      <c r="Q1117" s="72"/>
      <c r="S1117" s="207"/>
    </row>
    <row r="1118" spans="12:19" s="8" customFormat="1">
      <c r="L1118" s="11"/>
      <c r="Q1118" s="72"/>
      <c r="S1118" s="207"/>
    </row>
    <row r="1119" spans="12:19" s="8" customFormat="1">
      <c r="L1119" s="11"/>
      <c r="Q1119" s="72"/>
      <c r="S1119" s="207"/>
    </row>
    <row r="1120" spans="12:19" s="8" customFormat="1">
      <c r="L1120" s="11"/>
      <c r="Q1120" s="72"/>
      <c r="S1120" s="207"/>
    </row>
    <row r="1121" spans="12:19" s="8" customFormat="1">
      <c r="L1121" s="11"/>
      <c r="Q1121" s="72"/>
      <c r="S1121" s="207"/>
    </row>
    <row r="1122" spans="12:19" s="8" customFormat="1">
      <c r="L1122" s="11"/>
      <c r="Q1122" s="72"/>
      <c r="S1122" s="207"/>
    </row>
    <row r="1123" spans="12:19" s="8" customFormat="1">
      <c r="L1123" s="11"/>
      <c r="Q1123" s="72"/>
      <c r="S1123" s="207"/>
    </row>
    <row r="1124" spans="12:19" s="8" customFormat="1">
      <c r="L1124" s="11"/>
      <c r="Q1124" s="72"/>
      <c r="S1124" s="207"/>
    </row>
    <row r="1125" spans="12:19" s="8" customFormat="1">
      <c r="L1125" s="11"/>
      <c r="Q1125" s="72"/>
      <c r="S1125" s="207"/>
    </row>
    <row r="1126" spans="12:19" s="8" customFormat="1">
      <c r="L1126" s="11"/>
      <c r="Q1126" s="72"/>
      <c r="S1126" s="207"/>
    </row>
    <row r="1127" spans="12:19" s="8" customFormat="1">
      <c r="L1127" s="11"/>
      <c r="Q1127" s="72"/>
      <c r="S1127" s="207"/>
    </row>
    <row r="1128" spans="12:19" s="8" customFormat="1">
      <c r="L1128" s="11"/>
      <c r="Q1128" s="72"/>
      <c r="S1128" s="207"/>
    </row>
    <row r="1129" spans="12:19" s="8" customFormat="1">
      <c r="L1129" s="11"/>
      <c r="Q1129" s="72"/>
      <c r="S1129" s="207"/>
    </row>
    <row r="1130" spans="12:19" s="8" customFormat="1">
      <c r="L1130" s="11"/>
      <c r="Q1130" s="72"/>
      <c r="S1130" s="207"/>
    </row>
    <row r="1131" spans="12:19" s="8" customFormat="1">
      <c r="L1131" s="11"/>
      <c r="Q1131" s="72"/>
      <c r="S1131" s="207"/>
    </row>
    <row r="1132" spans="12:19" s="8" customFormat="1">
      <c r="L1132" s="11"/>
      <c r="Q1132" s="72"/>
      <c r="S1132" s="207"/>
    </row>
    <row r="1133" spans="12:19" s="8" customFormat="1">
      <c r="L1133" s="11"/>
      <c r="Q1133" s="72"/>
      <c r="S1133" s="207"/>
    </row>
    <row r="1134" spans="12:19" s="8" customFormat="1">
      <c r="L1134" s="11"/>
      <c r="Q1134" s="72"/>
      <c r="S1134" s="207"/>
    </row>
    <row r="1135" spans="12:19" s="8" customFormat="1">
      <c r="L1135" s="11"/>
      <c r="Q1135" s="72"/>
      <c r="S1135" s="207"/>
    </row>
    <row r="1136" spans="12:19" s="8" customFormat="1">
      <c r="L1136" s="11"/>
      <c r="Q1136" s="72"/>
      <c r="S1136" s="207"/>
    </row>
    <row r="1137" spans="12:19" s="8" customFormat="1">
      <c r="L1137" s="11"/>
      <c r="Q1137" s="72"/>
      <c r="S1137" s="207"/>
    </row>
    <row r="1138" spans="12:19" s="8" customFormat="1">
      <c r="L1138" s="11"/>
      <c r="Q1138" s="72"/>
      <c r="S1138" s="207"/>
    </row>
    <row r="1139" spans="12:19" s="8" customFormat="1">
      <c r="L1139" s="11"/>
      <c r="Q1139" s="72"/>
      <c r="S1139" s="207"/>
    </row>
    <row r="1140" spans="12:19" s="8" customFormat="1">
      <c r="L1140" s="11"/>
      <c r="Q1140" s="72"/>
      <c r="S1140" s="207"/>
    </row>
    <row r="1141" spans="12:19" s="8" customFormat="1">
      <c r="L1141" s="11"/>
      <c r="Q1141" s="72"/>
      <c r="S1141" s="207"/>
    </row>
    <row r="1142" spans="12:19" s="8" customFormat="1">
      <c r="L1142" s="11"/>
      <c r="Q1142" s="72"/>
      <c r="S1142" s="207"/>
    </row>
    <row r="1143" spans="12:19" s="8" customFormat="1">
      <c r="L1143" s="11"/>
      <c r="Q1143" s="72"/>
      <c r="S1143" s="207"/>
    </row>
    <row r="1144" spans="12:19" s="8" customFormat="1">
      <c r="L1144" s="11"/>
      <c r="Q1144" s="72"/>
      <c r="S1144" s="207"/>
    </row>
    <row r="1145" spans="12:19" s="8" customFormat="1">
      <c r="L1145" s="11"/>
      <c r="Q1145" s="72"/>
      <c r="S1145" s="207"/>
    </row>
    <row r="1146" spans="12:19" s="8" customFormat="1">
      <c r="L1146" s="11"/>
      <c r="Q1146" s="72"/>
      <c r="S1146" s="207"/>
    </row>
    <row r="1147" spans="12:19" s="8" customFormat="1">
      <c r="L1147" s="11"/>
      <c r="Q1147" s="72"/>
      <c r="S1147" s="207"/>
    </row>
    <row r="1148" spans="12:19" s="8" customFormat="1">
      <c r="L1148" s="11"/>
      <c r="Q1148" s="72"/>
      <c r="S1148" s="207"/>
    </row>
    <row r="1149" spans="12:19" s="8" customFormat="1">
      <c r="L1149" s="11"/>
      <c r="Q1149" s="72"/>
      <c r="S1149" s="207"/>
    </row>
    <row r="1150" spans="12:19" s="8" customFormat="1">
      <c r="L1150" s="11"/>
      <c r="Q1150" s="72"/>
      <c r="S1150" s="207"/>
    </row>
  </sheetData>
  <autoFilter ref="A1:W854" xr:uid="{00000000-0009-0000-0000-00000B000000}"/>
  <mergeCells count="65541">
    <mergeCell ref="AO722:AR722"/>
    <mergeCell ref="AS722:AV722"/>
    <mergeCell ref="AW722:AZ722"/>
    <mergeCell ref="BA722:BD722"/>
    <mergeCell ref="BE722:BH722"/>
    <mergeCell ref="U722:X722"/>
    <mergeCell ref="Y722:AB722"/>
    <mergeCell ref="AC722:AF722"/>
    <mergeCell ref="AG722:AJ722"/>
    <mergeCell ref="AK722:AN722"/>
    <mergeCell ref="A2:Q2"/>
    <mergeCell ref="A338:Q338"/>
    <mergeCell ref="A720:Q720"/>
    <mergeCell ref="A722:D722"/>
    <mergeCell ref="E722:H722"/>
    <mergeCell ref="I722:L722"/>
    <mergeCell ref="M722:P722"/>
    <mergeCell ref="Q722:T722"/>
    <mergeCell ref="FY722:GB722"/>
    <mergeCell ref="GC722:GF722"/>
    <mergeCell ref="GG722:GJ722"/>
    <mergeCell ref="GK722:GN722"/>
    <mergeCell ref="GO722:GR722"/>
    <mergeCell ref="FE722:FH722"/>
    <mergeCell ref="FI722:FL722"/>
    <mergeCell ref="FM722:FP722"/>
    <mergeCell ref="FQ722:FT722"/>
    <mergeCell ref="FU722:FX722"/>
    <mergeCell ref="EK722:EN722"/>
    <mergeCell ref="EO722:ER722"/>
    <mergeCell ref="ES722:EV722"/>
    <mergeCell ref="EW722:EZ722"/>
    <mergeCell ref="FA722:FD722"/>
    <mergeCell ref="DQ722:DT722"/>
    <mergeCell ref="DU722:DX722"/>
    <mergeCell ref="DY722:EB722"/>
    <mergeCell ref="EC722:EF722"/>
    <mergeCell ref="EG722:EJ722"/>
    <mergeCell ref="CW722:CZ722"/>
    <mergeCell ref="DA722:DD722"/>
    <mergeCell ref="DE722:DH722"/>
    <mergeCell ref="DI722:DL722"/>
    <mergeCell ref="DM722:DP722"/>
    <mergeCell ref="CC722:CF722"/>
    <mergeCell ref="CG722:CJ722"/>
    <mergeCell ref="CK722:CN722"/>
    <mergeCell ref="CO722:CR722"/>
    <mergeCell ref="CS722:CV722"/>
    <mergeCell ref="BI722:BL722"/>
    <mergeCell ref="BM722:BP722"/>
    <mergeCell ref="BQ722:BT722"/>
    <mergeCell ref="BU722:BX722"/>
    <mergeCell ref="BY722:CB722"/>
    <mergeCell ref="LI722:LL722"/>
    <mergeCell ref="LM722:LP722"/>
    <mergeCell ref="LQ722:LT722"/>
    <mergeCell ref="LU722:LX722"/>
    <mergeCell ref="LY722:MB722"/>
    <mergeCell ref="KO722:KR722"/>
    <mergeCell ref="KS722:KV722"/>
    <mergeCell ref="KW722:KZ722"/>
    <mergeCell ref="LA722:LD722"/>
    <mergeCell ref="LE722:LH722"/>
    <mergeCell ref="JU722:JX722"/>
    <mergeCell ref="JY722:KB722"/>
    <mergeCell ref="KC722:KF722"/>
    <mergeCell ref="KG722:KJ722"/>
    <mergeCell ref="KK722:KN722"/>
    <mergeCell ref="JA722:JD722"/>
    <mergeCell ref="JE722:JH722"/>
    <mergeCell ref="JI722:JL722"/>
    <mergeCell ref="JM722:JP722"/>
    <mergeCell ref="JQ722:JT722"/>
    <mergeCell ref="IG722:IJ722"/>
    <mergeCell ref="IK722:IN722"/>
    <mergeCell ref="IO722:IR722"/>
    <mergeCell ref="IS722:IV722"/>
    <mergeCell ref="IW722:IZ722"/>
    <mergeCell ref="HM722:HP722"/>
    <mergeCell ref="HQ722:HT722"/>
    <mergeCell ref="HU722:HX722"/>
    <mergeCell ref="HY722:IB722"/>
    <mergeCell ref="IC722:IF722"/>
    <mergeCell ref="GS722:GV722"/>
    <mergeCell ref="GW722:GZ722"/>
    <mergeCell ref="HA722:HD722"/>
    <mergeCell ref="HE722:HH722"/>
    <mergeCell ref="HI722:HL722"/>
    <mergeCell ref="QS722:QV722"/>
    <mergeCell ref="QW722:QZ722"/>
    <mergeCell ref="RA722:RD722"/>
    <mergeCell ref="RE722:RH722"/>
    <mergeCell ref="RI722:RL722"/>
    <mergeCell ref="PY722:QB722"/>
    <mergeCell ref="QC722:QF722"/>
    <mergeCell ref="QG722:QJ722"/>
    <mergeCell ref="QK722:QN722"/>
    <mergeCell ref="QO722:QR722"/>
    <mergeCell ref="PE722:PH722"/>
    <mergeCell ref="PI722:PL722"/>
    <mergeCell ref="PM722:PP722"/>
    <mergeCell ref="PQ722:PT722"/>
    <mergeCell ref="PU722:PX722"/>
    <mergeCell ref="OK722:ON722"/>
    <mergeCell ref="OO722:OR722"/>
    <mergeCell ref="OS722:OV722"/>
    <mergeCell ref="OW722:OZ722"/>
    <mergeCell ref="PA722:PD722"/>
    <mergeCell ref="NQ722:NT722"/>
    <mergeCell ref="NU722:NX722"/>
    <mergeCell ref="NY722:OB722"/>
    <mergeCell ref="OC722:OF722"/>
    <mergeCell ref="OG722:OJ722"/>
    <mergeCell ref="MW722:MZ722"/>
    <mergeCell ref="NA722:ND722"/>
    <mergeCell ref="NE722:NH722"/>
    <mergeCell ref="NI722:NL722"/>
    <mergeCell ref="NM722:NP722"/>
    <mergeCell ref="MC722:MF722"/>
    <mergeCell ref="MG722:MJ722"/>
    <mergeCell ref="MK722:MN722"/>
    <mergeCell ref="MO722:MR722"/>
    <mergeCell ref="MS722:MV722"/>
    <mergeCell ref="WC722:WF722"/>
    <mergeCell ref="WG722:WJ722"/>
    <mergeCell ref="WK722:WN722"/>
    <mergeCell ref="WO722:WR722"/>
    <mergeCell ref="WS722:WV722"/>
    <mergeCell ref="VI722:VL722"/>
    <mergeCell ref="VM722:VP722"/>
    <mergeCell ref="VQ722:VT722"/>
    <mergeCell ref="VU722:VX722"/>
    <mergeCell ref="VY722:WB722"/>
    <mergeCell ref="UO722:UR722"/>
    <mergeCell ref="US722:UV722"/>
    <mergeCell ref="UW722:UZ722"/>
    <mergeCell ref="VA722:VD722"/>
    <mergeCell ref="VE722:VH722"/>
    <mergeCell ref="TU722:TX722"/>
    <mergeCell ref="TY722:UB722"/>
    <mergeCell ref="UC722:UF722"/>
    <mergeCell ref="UG722:UJ722"/>
    <mergeCell ref="UK722:UN722"/>
    <mergeCell ref="TA722:TD722"/>
    <mergeCell ref="TE722:TH722"/>
    <mergeCell ref="TI722:TL722"/>
    <mergeCell ref="TM722:TP722"/>
    <mergeCell ref="TQ722:TT722"/>
    <mergeCell ref="SG722:SJ722"/>
    <mergeCell ref="SK722:SN722"/>
    <mergeCell ref="SO722:SR722"/>
    <mergeCell ref="SS722:SV722"/>
    <mergeCell ref="SW722:SZ722"/>
    <mergeCell ref="RM722:RP722"/>
    <mergeCell ref="RQ722:RT722"/>
    <mergeCell ref="RU722:RX722"/>
    <mergeCell ref="RY722:SB722"/>
    <mergeCell ref="SC722:SF722"/>
    <mergeCell ref="ABM722:ABP722"/>
    <mergeCell ref="ABQ722:ABT722"/>
    <mergeCell ref="ABU722:ABX722"/>
    <mergeCell ref="ABY722:ACB722"/>
    <mergeCell ref="ACC722:ACF722"/>
    <mergeCell ref="AAS722:AAV722"/>
    <mergeCell ref="AAW722:AAZ722"/>
    <mergeCell ref="ABA722:ABD722"/>
    <mergeCell ref="ABE722:ABH722"/>
    <mergeCell ref="ABI722:ABL722"/>
    <mergeCell ref="ZY722:AAB722"/>
    <mergeCell ref="AAC722:AAF722"/>
    <mergeCell ref="AAG722:AAJ722"/>
    <mergeCell ref="AAK722:AAN722"/>
    <mergeCell ref="AAO722:AAR722"/>
    <mergeCell ref="ZE722:ZH722"/>
    <mergeCell ref="ZI722:ZL722"/>
    <mergeCell ref="ZM722:ZP722"/>
    <mergeCell ref="ZQ722:ZT722"/>
    <mergeCell ref="ZU722:ZX722"/>
    <mergeCell ref="YK722:YN722"/>
    <mergeCell ref="YO722:YR722"/>
    <mergeCell ref="YS722:YV722"/>
    <mergeCell ref="YW722:YZ722"/>
    <mergeCell ref="ZA722:ZD722"/>
    <mergeCell ref="XQ722:XT722"/>
    <mergeCell ref="XU722:XX722"/>
    <mergeCell ref="XY722:YB722"/>
    <mergeCell ref="YC722:YF722"/>
    <mergeCell ref="YG722:YJ722"/>
    <mergeCell ref="WW722:WZ722"/>
    <mergeCell ref="XA722:XD722"/>
    <mergeCell ref="XE722:XH722"/>
    <mergeCell ref="XI722:XL722"/>
    <mergeCell ref="XM722:XP722"/>
    <mergeCell ref="AGW722:AGZ722"/>
    <mergeCell ref="AHA722:AHD722"/>
    <mergeCell ref="AHE722:AHH722"/>
    <mergeCell ref="AHI722:AHL722"/>
    <mergeCell ref="AHM722:AHP722"/>
    <mergeCell ref="AGC722:AGF722"/>
    <mergeCell ref="AGG722:AGJ722"/>
    <mergeCell ref="AGK722:AGN722"/>
    <mergeCell ref="AGO722:AGR722"/>
    <mergeCell ref="AGS722:AGV722"/>
    <mergeCell ref="AFI722:AFL722"/>
    <mergeCell ref="AFM722:AFP722"/>
    <mergeCell ref="AFQ722:AFT722"/>
    <mergeCell ref="AFU722:AFX722"/>
    <mergeCell ref="AFY722:AGB722"/>
    <mergeCell ref="AEO722:AER722"/>
    <mergeCell ref="AES722:AEV722"/>
    <mergeCell ref="AEW722:AEZ722"/>
    <mergeCell ref="AFA722:AFD722"/>
    <mergeCell ref="AFE722:AFH722"/>
    <mergeCell ref="ADU722:ADX722"/>
    <mergeCell ref="ADY722:AEB722"/>
    <mergeCell ref="AEC722:AEF722"/>
    <mergeCell ref="AEG722:AEJ722"/>
    <mergeCell ref="AEK722:AEN722"/>
    <mergeCell ref="ADA722:ADD722"/>
    <mergeCell ref="ADE722:ADH722"/>
    <mergeCell ref="ADI722:ADL722"/>
    <mergeCell ref="ADM722:ADP722"/>
    <mergeCell ref="ADQ722:ADT722"/>
    <mergeCell ref="ACG722:ACJ722"/>
    <mergeCell ref="ACK722:ACN722"/>
    <mergeCell ref="ACO722:ACR722"/>
    <mergeCell ref="ACS722:ACV722"/>
    <mergeCell ref="ACW722:ACZ722"/>
    <mergeCell ref="AMG722:AMJ722"/>
    <mergeCell ref="AMK722:AMN722"/>
    <mergeCell ref="AMO722:AMR722"/>
    <mergeCell ref="AMS722:AMV722"/>
    <mergeCell ref="AMW722:AMZ722"/>
    <mergeCell ref="ALM722:ALP722"/>
    <mergeCell ref="ALQ722:ALT722"/>
    <mergeCell ref="ALU722:ALX722"/>
    <mergeCell ref="ALY722:AMB722"/>
    <mergeCell ref="AMC722:AMF722"/>
    <mergeCell ref="AKS722:AKV722"/>
    <mergeCell ref="AKW722:AKZ722"/>
    <mergeCell ref="ALA722:ALD722"/>
    <mergeCell ref="ALE722:ALH722"/>
    <mergeCell ref="ALI722:ALL722"/>
    <mergeCell ref="AJY722:AKB722"/>
    <mergeCell ref="AKC722:AKF722"/>
    <mergeCell ref="AKG722:AKJ722"/>
    <mergeCell ref="AKK722:AKN722"/>
    <mergeCell ref="AKO722:AKR722"/>
    <mergeCell ref="AJE722:AJH722"/>
    <mergeCell ref="AJI722:AJL722"/>
    <mergeCell ref="AJM722:AJP722"/>
    <mergeCell ref="AJQ722:AJT722"/>
    <mergeCell ref="AJU722:AJX722"/>
    <mergeCell ref="AIK722:AIN722"/>
    <mergeCell ref="AIO722:AIR722"/>
    <mergeCell ref="AIS722:AIV722"/>
    <mergeCell ref="AIW722:AIZ722"/>
    <mergeCell ref="AJA722:AJD722"/>
    <mergeCell ref="AHQ722:AHT722"/>
    <mergeCell ref="AHU722:AHX722"/>
    <mergeCell ref="AHY722:AIB722"/>
    <mergeCell ref="AIC722:AIF722"/>
    <mergeCell ref="AIG722:AIJ722"/>
    <mergeCell ref="ARQ722:ART722"/>
    <mergeCell ref="ARU722:ARX722"/>
    <mergeCell ref="ARY722:ASB722"/>
    <mergeCell ref="ASC722:ASF722"/>
    <mergeCell ref="ASG722:ASJ722"/>
    <mergeCell ref="AQW722:AQZ722"/>
    <mergeCell ref="ARA722:ARD722"/>
    <mergeCell ref="ARE722:ARH722"/>
    <mergeCell ref="ARI722:ARL722"/>
    <mergeCell ref="ARM722:ARP722"/>
    <mergeCell ref="AQC722:AQF722"/>
    <mergeCell ref="AQG722:AQJ722"/>
    <mergeCell ref="AQK722:AQN722"/>
    <mergeCell ref="AQO722:AQR722"/>
    <mergeCell ref="AQS722:AQV722"/>
    <mergeCell ref="API722:APL722"/>
    <mergeCell ref="APM722:APP722"/>
    <mergeCell ref="APQ722:APT722"/>
    <mergeCell ref="APU722:APX722"/>
    <mergeCell ref="APY722:AQB722"/>
    <mergeCell ref="AOO722:AOR722"/>
    <mergeCell ref="AOS722:AOV722"/>
    <mergeCell ref="AOW722:AOZ722"/>
    <mergeCell ref="APA722:APD722"/>
    <mergeCell ref="APE722:APH722"/>
    <mergeCell ref="ANU722:ANX722"/>
    <mergeCell ref="ANY722:AOB722"/>
    <mergeCell ref="AOC722:AOF722"/>
    <mergeCell ref="AOG722:AOJ722"/>
    <mergeCell ref="AOK722:AON722"/>
    <mergeCell ref="ANA722:AND722"/>
    <mergeCell ref="ANE722:ANH722"/>
    <mergeCell ref="ANI722:ANL722"/>
    <mergeCell ref="ANM722:ANP722"/>
    <mergeCell ref="ANQ722:ANT722"/>
    <mergeCell ref="AXA722:AXD722"/>
    <mergeCell ref="AXE722:AXH722"/>
    <mergeCell ref="AXI722:AXL722"/>
    <mergeCell ref="AXM722:AXP722"/>
    <mergeCell ref="AXQ722:AXT722"/>
    <mergeCell ref="AWG722:AWJ722"/>
    <mergeCell ref="AWK722:AWN722"/>
    <mergeCell ref="AWO722:AWR722"/>
    <mergeCell ref="AWS722:AWV722"/>
    <mergeCell ref="AWW722:AWZ722"/>
    <mergeCell ref="AVM722:AVP722"/>
    <mergeCell ref="AVQ722:AVT722"/>
    <mergeCell ref="AVU722:AVX722"/>
    <mergeCell ref="AVY722:AWB722"/>
    <mergeCell ref="AWC722:AWF722"/>
    <mergeCell ref="AUS722:AUV722"/>
    <mergeCell ref="AUW722:AUZ722"/>
    <mergeCell ref="AVA722:AVD722"/>
    <mergeCell ref="AVE722:AVH722"/>
    <mergeCell ref="AVI722:AVL722"/>
    <mergeCell ref="ATY722:AUB722"/>
    <mergeCell ref="AUC722:AUF722"/>
    <mergeCell ref="AUG722:AUJ722"/>
    <mergeCell ref="AUK722:AUN722"/>
    <mergeCell ref="AUO722:AUR722"/>
    <mergeCell ref="ATE722:ATH722"/>
    <mergeCell ref="ATI722:ATL722"/>
    <mergeCell ref="ATM722:ATP722"/>
    <mergeCell ref="ATQ722:ATT722"/>
    <mergeCell ref="ATU722:ATX722"/>
    <mergeCell ref="ASK722:ASN722"/>
    <mergeCell ref="ASO722:ASR722"/>
    <mergeCell ref="ASS722:ASV722"/>
    <mergeCell ref="ASW722:ASZ722"/>
    <mergeCell ref="ATA722:ATD722"/>
    <mergeCell ref="BCK722:BCN722"/>
    <mergeCell ref="BCO722:BCR722"/>
    <mergeCell ref="BCS722:BCV722"/>
    <mergeCell ref="BCW722:BCZ722"/>
    <mergeCell ref="BDA722:BDD722"/>
    <mergeCell ref="BBQ722:BBT722"/>
    <mergeCell ref="BBU722:BBX722"/>
    <mergeCell ref="BBY722:BCB722"/>
    <mergeCell ref="BCC722:BCF722"/>
    <mergeCell ref="BCG722:BCJ722"/>
    <mergeCell ref="BAW722:BAZ722"/>
    <mergeCell ref="BBA722:BBD722"/>
    <mergeCell ref="BBE722:BBH722"/>
    <mergeCell ref="BBI722:BBL722"/>
    <mergeCell ref="BBM722:BBP722"/>
    <mergeCell ref="BAC722:BAF722"/>
    <mergeCell ref="BAG722:BAJ722"/>
    <mergeCell ref="BAK722:BAN722"/>
    <mergeCell ref="BAO722:BAR722"/>
    <mergeCell ref="BAS722:BAV722"/>
    <mergeCell ref="AZI722:AZL722"/>
    <mergeCell ref="AZM722:AZP722"/>
    <mergeCell ref="AZQ722:AZT722"/>
    <mergeCell ref="AZU722:AZX722"/>
    <mergeCell ref="AZY722:BAB722"/>
    <mergeCell ref="AYO722:AYR722"/>
    <mergeCell ref="AYS722:AYV722"/>
    <mergeCell ref="AYW722:AYZ722"/>
    <mergeCell ref="AZA722:AZD722"/>
    <mergeCell ref="AZE722:AZH722"/>
    <mergeCell ref="AXU722:AXX722"/>
    <mergeCell ref="AXY722:AYB722"/>
    <mergeCell ref="AYC722:AYF722"/>
    <mergeCell ref="AYG722:AYJ722"/>
    <mergeCell ref="AYK722:AYN722"/>
    <mergeCell ref="BHU722:BHX722"/>
    <mergeCell ref="BHY722:BIB722"/>
    <mergeCell ref="BIC722:BIF722"/>
    <mergeCell ref="BIG722:BIJ722"/>
    <mergeCell ref="BIK722:BIN722"/>
    <mergeCell ref="BHA722:BHD722"/>
    <mergeCell ref="BHE722:BHH722"/>
    <mergeCell ref="BHI722:BHL722"/>
    <mergeCell ref="BHM722:BHP722"/>
    <mergeCell ref="BHQ722:BHT722"/>
    <mergeCell ref="BGG722:BGJ722"/>
    <mergeCell ref="BGK722:BGN722"/>
    <mergeCell ref="BGO722:BGR722"/>
    <mergeCell ref="BGS722:BGV722"/>
    <mergeCell ref="BGW722:BGZ722"/>
    <mergeCell ref="BFM722:BFP722"/>
    <mergeCell ref="BFQ722:BFT722"/>
    <mergeCell ref="BFU722:BFX722"/>
    <mergeCell ref="BFY722:BGB722"/>
    <mergeCell ref="BGC722:BGF722"/>
    <mergeCell ref="BES722:BEV722"/>
    <mergeCell ref="BEW722:BEZ722"/>
    <mergeCell ref="BFA722:BFD722"/>
    <mergeCell ref="BFE722:BFH722"/>
    <mergeCell ref="BFI722:BFL722"/>
    <mergeCell ref="BDY722:BEB722"/>
    <mergeCell ref="BEC722:BEF722"/>
    <mergeCell ref="BEG722:BEJ722"/>
    <mergeCell ref="BEK722:BEN722"/>
    <mergeCell ref="BEO722:BER722"/>
    <mergeCell ref="BDE722:BDH722"/>
    <mergeCell ref="BDI722:BDL722"/>
    <mergeCell ref="BDM722:BDP722"/>
    <mergeCell ref="BDQ722:BDT722"/>
    <mergeCell ref="BDU722:BDX722"/>
    <mergeCell ref="BNE722:BNH722"/>
    <mergeCell ref="BNI722:BNL722"/>
    <mergeCell ref="BNM722:BNP722"/>
    <mergeCell ref="BNQ722:BNT722"/>
    <mergeCell ref="BNU722:BNX722"/>
    <mergeCell ref="BMK722:BMN722"/>
    <mergeCell ref="BMO722:BMR722"/>
    <mergeCell ref="BMS722:BMV722"/>
    <mergeCell ref="BMW722:BMZ722"/>
    <mergeCell ref="BNA722:BND722"/>
    <mergeCell ref="BLQ722:BLT722"/>
    <mergeCell ref="BLU722:BLX722"/>
    <mergeCell ref="BLY722:BMB722"/>
    <mergeCell ref="BMC722:BMF722"/>
    <mergeCell ref="BMG722:BMJ722"/>
    <mergeCell ref="BKW722:BKZ722"/>
    <mergeCell ref="BLA722:BLD722"/>
    <mergeCell ref="BLE722:BLH722"/>
    <mergeCell ref="BLI722:BLL722"/>
    <mergeCell ref="BLM722:BLP722"/>
    <mergeCell ref="BKC722:BKF722"/>
    <mergeCell ref="BKG722:BKJ722"/>
    <mergeCell ref="BKK722:BKN722"/>
    <mergeCell ref="BKO722:BKR722"/>
    <mergeCell ref="BKS722:BKV722"/>
    <mergeCell ref="BJI722:BJL722"/>
    <mergeCell ref="BJM722:BJP722"/>
    <mergeCell ref="BJQ722:BJT722"/>
    <mergeCell ref="BJU722:BJX722"/>
    <mergeCell ref="BJY722:BKB722"/>
    <mergeCell ref="BIO722:BIR722"/>
    <mergeCell ref="BIS722:BIV722"/>
    <mergeCell ref="BIW722:BIZ722"/>
    <mergeCell ref="BJA722:BJD722"/>
    <mergeCell ref="BJE722:BJH722"/>
    <mergeCell ref="BSO722:BSR722"/>
    <mergeCell ref="BSS722:BSV722"/>
    <mergeCell ref="BSW722:BSZ722"/>
    <mergeCell ref="BTA722:BTD722"/>
    <mergeCell ref="BTE722:BTH722"/>
    <mergeCell ref="BRU722:BRX722"/>
    <mergeCell ref="BRY722:BSB722"/>
    <mergeCell ref="BSC722:BSF722"/>
    <mergeCell ref="BSG722:BSJ722"/>
    <mergeCell ref="BSK722:BSN722"/>
    <mergeCell ref="BRA722:BRD722"/>
    <mergeCell ref="BRE722:BRH722"/>
    <mergeCell ref="BRI722:BRL722"/>
    <mergeCell ref="BRM722:BRP722"/>
    <mergeCell ref="BRQ722:BRT722"/>
    <mergeCell ref="BQG722:BQJ722"/>
    <mergeCell ref="BQK722:BQN722"/>
    <mergeCell ref="BQO722:BQR722"/>
    <mergeCell ref="BQS722:BQV722"/>
    <mergeCell ref="BQW722:BQZ722"/>
    <mergeCell ref="BPM722:BPP722"/>
    <mergeCell ref="BPQ722:BPT722"/>
    <mergeCell ref="BPU722:BPX722"/>
    <mergeCell ref="BPY722:BQB722"/>
    <mergeCell ref="BQC722:BQF722"/>
    <mergeCell ref="BOS722:BOV722"/>
    <mergeCell ref="BOW722:BOZ722"/>
    <mergeCell ref="BPA722:BPD722"/>
    <mergeCell ref="BPE722:BPH722"/>
    <mergeCell ref="BPI722:BPL722"/>
    <mergeCell ref="BNY722:BOB722"/>
    <mergeCell ref="BOC722:BOF722"/>
    <mergeCell ref="BOG722:BOJ722"/>
    <mergeCell ref="BOK722:BON722"/>
    <mergeCell ref="BOO722:BOR722"/>
    <mergeCell ref="BXY722:BYB722"/>
    <mergeCell ref="BYC722:BYF722"/>
    <mergeCell ref="BYG722:BYJ722"/>
    <mergeCell ref="BYK722:BYN722"/>
    <mergeCell ref="BYO722:BYR722"/>
    <mergeCell ref="BXE722:BXH722"/>
    <mergeCell ref="BXI722:BXL722"/>
    <mergeCell ref="BXM722:BXP722"/>
    <mergeCell ref="BXQ722:BXT722"/>
    <mergeCell ref="BXU722:BXX722"/>
    <mergeCell ref="BWK722:BWN722"/>
    <mergeCell ref="BWO722:BWR722"/>
    <mergeCell ref="BWS722:BWV722"/>
    <mergeCell ref="BWW722:BWZ722"/>
    <mergeCell ref="BXA722:BXD722"/>
    <mergeCell ref="BVQ722:BVT722"/>
    <mergeCell ref="BVU722:BVX722"/>
    <mergeCell ref="BVY722:BWB722"/>
    <mergeCell ref="BWC722:BWF722"/>
    <mergeCell ref="BWG722:BWJ722"/>
    <mergeCell ref="BUW722:BUZ722"/>
    <mergeCell ref="BVA722:BVD722"/>
    <mergeCell ref="BVE722:BVH722"/>
    <mergeCell ref="BVI722:BVL722"/>
    <mergeCell ref="BVM722:BVP722"/>
    <mergeCell ref="BUC722:BUF722"/>
    <mergeCell ref="BUG722:BUJ722"/>
    <mergeCell ref="BUK722:BUN722"/>
    <mergeCell ref="BUO722:BUR722"/>
    <mergeCell ref="BUS722:BUV722"/>
    <mergeCell ref="BTI722:BTL722"/>
    <mergeCell ref="BTM722:BTP722"/>
    <mergeCell ref="BTQ722:BTT722"/>
    <mergeCell ref="BTU722:BTX722"/>
    <mergeCell ref="BTY722:BUB722"/>
    <mergeCell ref="CDI722:CDL722"/>
    <mergeCell ref="CDM722:CDP722"/>
    <mergeCell ref="CDQ722:CDT722"/>
    <mergeCell ref="CDU722:CDX722"/>
    <mergeCell ref="CDY722:CEB722"/>
    <mergeCell ref="CCO722:CCR722"/>
    <mergeCell ref="CCS722:CCV722"/>
    <mergeCell ref="CCW722:CCZ722"/>
    <mergeCell ref="CDA722:CDD722"/>
    <mergeCell ref="CDE722:CDH722"/>
    <mergeCell ref="CBU722:CBX722"/>
    <mergeCell ref="CBY722:CCB722"/>
    <mergeCell ref="CCC722:CCF722"/>
    <mergeCell ref="CCG722:CCJ722"/>
    <mergeCell ref="CCK722:CCN722"/>
    <mergeCell ref="CBA722:CBD722"/>
    <mergeCell ref="CBE722:CBH722"/>
    <mergeCell ref="CBI722:CBL722"/>
    <mergeCell ref="CBM722:CBP722"/>
    <mergeCell ref="CBQ722:CBT722"/>
    <mergeCell ref="CAG722:CAJ722"/>
    <mergeCell ref="CAK722:CAN722"/>
    <mergeCell ref="CAO722:CAR722"/>
    <mergeCell ref="CAS722:CAV722"/>
    <mergeCell ref="CAW722:CAZ722"/>
    <mergeCell ref="BZM722:BZP722"/>
    <mergeCell ref="BZQ722:BZT722"/>
    <mergeCell ref="BZU722:BZX722"/>
    <mergeCell ref="BZY722:CAB722"/>
    <mergeCell ref="CAC722:CAF722"/>
    <mergeCell ref="BYS722:BYV722"/>
    <mergeCell ref="BYW722:BYZ722"/>
    <mergeCell ref="BZA722:BZD722"/>
    <mergeCell ref="BZE722:BZH722"/>
    <mergeCell ref="BZI722:BZL722"/>
    <mergeCell ref="CIS722:CIV722"/>
    <mergeCell ref="CIW722:CIZ722"/>
    <mergeCell ref="CJA722:CJD722"/>
    <mergeCell ref="CJE722:CJH722"/>
    <mergeCell ref="CJI722:CJL722"/>
    <mergeCell ref="CHY722:CIB722"/>
    <mergeCell ref="CIC722:CIF722"/>
    <mergeCell ref="CIG722:CIJ722"/>
    <mergeCell ref="CIK722:CIN722"/>
    <mergeCell ref="CIO722:CIR722"/>
    <mergeCell ref="CHE722:CHH722"/>
    <mergeCell ref="CHI722:CHL722"/>
    <mergeCell ref="CHM722:CHP722"/>
    <mergeCell ref="CHQ722:CHT722"/>
    <mergeCell ref="CHU722:CHX722"/>
    <mergeCell ref="CGK722:CGN722"/>
    <mergeCell ref="CGO722:CGR722"/>
    <mergeCell ref="CGS722:CGV722"/>
    <mergeCell ref="CGW722:CGZ722"/>
    <mergeCell ref="CHA722:CHD722"/>
    <mergeCell ref="CFQ722:CFT722"/>
    <mergeCell ref="CFU722:CFX722"/>
    <mergeCell ref="CFY722:CGB722"/>
    <mergeCell ref="CGC722:CGF722"/>
    <mergeCell ref="CGG722:CGJ722"/>
    <mergeCell ref="CEW722:CEZ722"/>
    <mergeCell ref="CFA722:CFD722"/>
    <mergeCell ref="CFE722:CFH722"/>
    <mergeCell ref="CFI722:CFL722"/>
    <mergeCell ref="CFM722:CFP722"/>
    <mergeCell ref="CEC722:CEF722"/>
    <mergeCell ref="CEG722:CEJ722"/>
    <mergeCell ref="CEK722:CEN722"/>
    <mergeCell ref="CEO722:CER722"/>
    <mergeCell ref="CES722:CEV722"/>
    <mergeCell ref="COC722:COF722"/>
    <mergeCell ref="COG722:COJ722"/>
    <mergeCell ref="COK722:CON722"/>
    <mergeCell ref="COO722:COR722"/>
    <mergeCell ref="COS722:COV722"/>
    <mergeCell ref="CNI722:CNL722"/>
    <mergeCell ref="CNM722:CNP722"/>
    <mergeCell ref="CNQ722:CNT722"/>
    <mergeCell ref="CNU722:CNX722"/>
    <mergeCell ref="CNY722:COB722"/>
    <mergeCell ref="CMO722:CMR722"/>
    <mergeCell ref="CMS722:CMV722"/>
    <mergeCell ref="CMW722:CMZ722"/>
    <mergeCell ref="CNA722:CND722"/>
    <mergeCell ref="CNE722:CNH722"/>
    <mergeCell ref="CLU722:CLX722"/>
    <mergeCell ref="CLY722:CMB722"/>
    <mergeCell ref="CMC722:CMF722"/>
    <mergeCell ref="CMG722:CMJ722"/>
    <mergeCell ref="CMK722:CMN722"/>
    <mergeCell ref="CLA722:CLD722"/>
    <mergeCell ref="CLE722:CLH722"/>
    <mergeCell ref="CLI722:CLL722"/>
    <mergeCell ref="CLM722:CLP722"/>
    <mergeCell ref="CLQ722:CLT722"/>
    <mergeCell ref="CKG722:CKJ722"/>
    <mergeCell ref="CKK722:CKN722"/>
    <mergeCell ref="CKO722:CKR722"/>
    <mergeCell ref="CKS722:CKV722"/>
    <mergeCell ref="CKW722:CKZ722"/>
    <mergeCell ref="CJM722:CJP722"/>
    <mergeCell ref="CJQ722:CJT722"/>
    <mergeCell ref="CJU722:CJX722"/>
    <mergeCell ref="CJY722:CKB722"/>
    <mergeCell ref="CKC722:CKF722"/>
    <mergeCell ref="CTM722:CTP722"/>
    <mergeCell ref="CTQ722:CTT722"/>
    <mergeCell ref="CTU722:CTX722"/>
    <mergeCell ref="CTY722:CUB722"/>
    <mergeCell ref="CUC722:CUF722"/>
    <mergeCell ref="CSS722:CSV722"/>
    <mergeCell ref="CSW722:CSZ722"/>
    <mergeCell ref="CTA722:CTD722"/>
    <mergeCell ref="CTE722:CTH722"/>
    <mergeCell ref="CTI722:CTL722"/>
    <mergeCell ref="CRY722:CSB722"/>
    <mergeCell ref="CSC722:CSF722"/>
    <mergeCell ref="CSG722:CSJ722"/>
    <mergeCell ref="CSK722:CSN722"/>
    <mergeCell ref="CSO722:CSR722"/>
    <mergeCell ref="CRE722:CRH722"/>
    <mergeCell ref="CRI722:CRL722"/>
    <mergeCell ref="CRM722:CRP722"/>
    <mergeCell ref="CRQ722:CRT722"/>
    <mergeCell ref="CRU722:CRX722"/>
    <mergeCell ref="CQK722:CQN722"/>
    <mergeCell ref="CQO722:CQR722"/>
    <mergeCell ref="CQS722:CQV722"/>
    <mergeCell ref="CQW722:CQZ722"/>
    <mergeCell ref="CRA722:CRD722"/>
    <mergeCell ref="CPQ722:CPT722"/>
    <mergeCell ref="CPU722:CPX722"/>
    <mergeCell ref="CPY722:CQB722"/>
    <mergeCell ref="CQC722:CQF722"/>
    <mergeCell ref="CQG722:CQJ722"/>
    <mergeCell ref="COW722:COZ722"/>
    <mergeCell ref="CPA722:CPD722"/>
    <mergeCell ref="CPE722:CPH722"/>
    <mergeCell ref="CPI722:CPL722"/>
    <mergeCell ref="CPM722:CPP722"/>
    <mergeCell ref="CYW722:CYZ722"/>
    <mergeCell ref="CZA722:CZD722"/>
    <mergeCell ref="CZE722:CZH722"/>
    <mergeCell ref="CZI722:CZL722"/>
    <mergeCell ref="CZM722:CZP722"/>
    <mergeCell ref="CYC722:CYF722"/>
    <mergeCell ref="CYG722:CYJ722"/>
    <mergeCell ref="CYK722:CYN722"/>
    <mergeCell ref="CYO722:CYR722"/>
    <mergeCell ref="CYS722:CYV722"/>
    <mergeCell ref="CXI722:CXL722"/>
    <mergeCell ref="CXM722:CXP722"/>
    <mergeCell ref="CXQ722:CXT722"/>
    <mergeCell ref="CXU722:CXX722"/>
    <mergeCell ref="CXY722:CYB722"/>
    <mergeCell ref="CWO722:CWR722"/>
    <mergeCell ref="CWS722:CWV722"/>
    <mergeCell ref="CWW722:CWZ722"/>
    <mergeCell ref="CXA722:CXD722"/>
    <mergeCell ref="CXE722:CXH722"/>
    <mergeCell ref="CVU722:CVX722"/>
    <mergeCell ref="CVY722:CWB722"/>
    <mergeCell ref="CWC722:CWF722"/>
    <mergeCell ref="CWG722:CWJ722"/>
    <mergeCell ref="CWK722:CWN722"/>
    <mergeCell ref="CVA722:CVD722"/>
    <mergeCell ref="CVE722:CVH722"/>
    <mergeCell ref="CVI722:CVL722"/>
    <mergeCell ref="CVM722:CVP722"/>
    <mergeCell ref="CVQ722:CVT722"/>
    <mergeCell ref="CUG722:CUJ722"/>
    <mergeCell ref="CUK722:CUN722"/>
    <mergeCell ref="CUO722:CUR722"/>
    <mergeCell ref="CUS722:CUV722"/>
    <mergeCell ref="CUW722:CUZ722"/>
    <mergeCell ref="DEG722:DEJ722"/>
    <mergeCell ref="DEK722:DEN722"/>
    <mergeCell ref="DEO722:DER722"/>
    <mergeCell ref="DES722:DEV722"/>
    <mergeCell ref="DEW722:DEZ722"/>
    <mergeCell ref="DDM722:DDP722"/>
    <mergeCell ref="DDQ722:DDT722"/>
    <mergeCell ref="DDU722:DDX722"/>
    <mergeCell ref="DDY722:DEB722"/>
    <mergeCell ref="DEC722:DEF722"/>
    <mergeCell ref="DCS722:DCV722"/>
    <mergeCell ref="DCW722:DCZ722"/>
    <mergeCell ref="DDA722:DDD722"/>
    <mergeCell ref="DDE722:DDH722"/>
    <mergeCell ref="DDI722:DDL722"/>
    <mergeCell ref="DBY722:DCB722"/>
    <mergeCell ref="DCC722:DCF722"/>
    <mergeCell ref="DCG722:DCJ722"/>
    <mergeCell ref="DCK722:DCN722"/>
    <mergeCell ref="DCO722:DCR722"/>
    <mergeCell ref="DBE722:DBH722"/>
    <mergeCell ref="DBI722:DBL722"/>
    <mergeCell ref="DBM722:DBP722"/>
    <mergeCell ref="DBQ722:DBT722"/>
    <mergeCell ref="DBU722:DBX722"/>
    <mergeCell ref="DAK722:DAN722"/>
    <mergeCell ref="DAO722:DAR722"/>
    <mergeCell ref="DAS722:DAV722"/>
    <mergeCell ref="DAW722:DAZ722"/>
    <mergeCell ref="DBA722:DBD722"/>
    <mergeCell ref="CZQ722:CZT722"/>
    <mergeCell ref="CZU722:CZX722"/>
    <mergeCell ref="CZY722:DAB722"/>
    <mergeCell ref="DAC722:DAF722"/>
    <mergeCell ref="DAG722:DAJ722"/>
    <mergeCell ref="DJQ722:DJT722"/>
    <mergeCell ref="DJU722:DJX722"/>
    <mergeCell ref="DJY722:DKB722"/>
    <mergeCell ref="DKC722:DKF722"/>
    <mergeCell ref="DKG722:DKJ722"/>
    <mergeCell ref="DIW722:DIZ722"/>
    <mergeCell ref="DJA722:DJD722"/>
    <mergeCell ref="DJE722:DJH722"/>
    <mergeCell ref="DJI722:DJL722"/>
    <mergeCell ref="DJM722:DJP722"/>
    <mergeCell ref="DIC722:DIF722"/>
    <mergeCell ref="DIG722:DIJ722"/>
    <mergeCell ref="DIK722:DIN722"/>
    <mergeCell ref="DIO722:DIR722"/>
    <mergeCell ref="DIS722:DIV722"/>
    <mergeCell ref="DHI722:DHL722"/>
    <mergeCell ref="DHM722:DHP722"/>
    <mergeCell ref="DHQ722:DHT722"/>
    <mergeCell ref="DHU722:DHX722"/>
    <mergeCell ref="DHY722:DIB722"/>
    <mergeCell ref="DGO722:DGR722"/>
    <mergeCell ref="DGS722:DGV722"/>
    <mergeCell ref="DGW722:DGZ722"/>
    <mergeCell ref="DHA722:DHD722"/>
    <mergeCell ref="DHE722:DHH722"/>
    <mergeCell ref="DFU722:DFX722"/>
    <mergeCell ref="DFY722:DGB722"/>
    <mergeCell ref="DGC722:DGF722"/>
    <mergeCell ref="DGG722:DGJ722"/>
    <mergeCell ref="DGK722:DGN722"/>
    <mergeCell ref="DFA722:DFD722"/>
    <mergeCell ref="DFE722:DFH722"/>
    <mergeCell ref="DFI722:DFL722"/>
    <mergeCell ref="DFM722:DFP722"/>
    <mergeCell ref="DFQ722:DFT722"/>
    <mergeCell ref="DPA722:DPD722"/>
    <mergeCell ref="DPE722:DPH722"/>
    <mergeCell ref="DPI722:DPL722"/>
    <mergeCell ref="DPM722:DPP722"/>
    <mergeCell ref="DPQ722:DPT722"/>
    <mergeCell ref="DOG722:DOJ722"/>
    <mergeCell ref="DOK722:DON722"/>
    <mergeCell ref="DOO722:DOR722"/>
    <mergeCell ref="DOS722:DOV722"/>
    <mergeCell ref="DOW722:DOZ722"/>
    <mergeCell ref="DNM722:DNP722"/>
    <mergeCell ref="DNQ722:DNT722"/>
    <mergeCell ref="DNU722:DNX722"/>
    <mergeCell ref="DNY722:DOB722"/>
    <mergeCell ref="DOC722:DOF722"/>
    <mergeCell ref="DMS722:DMV722"/>
    <mergeCell ref="DMW722:DMZ722"/>
    <mergeCell ref="DNA722:DND722"/>
    <mergeCell ref="DNE722:DNH722"/>
    <mergeCell ref="DNI722:DNL722"/>
    <mergeCell ref="DLY722:DMB722"/>
    <mergeCell ref="DMC722:DMF722"/>
    <mergeCell ref="DMG722:DMJ722"/>
    <mergeCell ref="DMK722:DMN722"/>
    <mergeCell ref="DMO722:DMR722"/>
    <mergeCell ref="DLE722:DLH722"/>
    <mergeCell ref="DLI722:DLL722"/>
    <mergeCell ref="DLM722:DLP722"/>
    <mergeCell ref="DLQ722:DLT722"/>
    <mergeCell ref="DLU722:DLX722"/>
    <mergeCell ref="DKK722:DKN722"/>
    <mergeCell ref="DKO722:DKR722"/>
    <mergeCell ref="DKS722:DKV722"/>
    <mergeCell ref="DKW722:DKZ722"/>
    <mergeCell ref="DLA722:DLD722"/>
    <mergeCell ref="DUK722:DUN722"/>
    <mergeCell ref="DUO722:DUR722"/>
    <mergeCell ref="DUS722:DUV722"/>
    <mergeCell ref="DUW722:DUZ722"/>
    <mergeCell ref="DVA722:DVD722"/>
    <mergeCell ref="DTQ722:DTT722"/>
    <mergeCell ref="DTU722:DTX722"/>
    <mergeCell ref="DTY722:DUB722"/>
    <mergeCell ref="DUC722:DUF722"/>
    <mergeCell ref="DUG722:DUJ722"/>
    <mergeCell ref="DSW722:DSZ722"/>
    <mergeCell ref="DTA722:DTD722"/>
    <mergeCell ref="DTE722:DTH722"/>
    <mergeCell ref="DTI722:DTL722"/>
    <mergeCell ref="DTM722:DTP722"/>
    <mergeCell ref="DSC722:DSF722"/>
    <mergeCell ref="DSG722:DSJ722"/>
    <mergeCell ref="DSK722:DSN722"/>
    <mergeCell ref="DSO722:DSR722"/>
    <mergeCell ref="DSS722:DSV722"/>
    <mergeCell ref="DRI722:DRL722"/>
    <mergeCell ref="DRM722:DRP722"/>
    <mergeCell ref="DRQ722:DRT722"/>
    <mergeCell ref="DRU722:DRX722"/>
    <mergeCell ref="DRY722:DSB722"/>
    <mergeCell ref="DQO722:DQR722"/>
    <mergeCell ref="DQS722:DQV722"/>
    <mergeCell ref="DQW722:DQZ722"/>
    <mergeCell ref="DRA722:DRD722"/>
    <mergeCell ref="DRE722:DRH722"/>
    <mergeCell ref="DPU722:DPX722"/>
    <mergeCell ref="DPY722:DQB722"/>
    <mergeCell ref="DQC722:DQF722"/>
    <mergeCell ref="DQG722:DQJ722"/>
    <mergeCell ref="DQK722:DQN722"/>
    <mergeCell ref="DZU722:DZX722"/>
    <mergeCell ref="DZY722:EAB722"/>
    <mergeCell ref="EAC722:EAF722"/>
    <mergeCell ref="EAG722:EAJ722"/>
    <mergeCell ref="EAK722:EAN722"/>
    <mergeCell ref="DZA722:DZD722"/>
    <mergeCell ref="DZE722:DZH722"/>
    <mergeCell ref="DZI722:DZL722"/>
    <mergeCell ref="DZM722:DZP722"/>
    <mergeCell ref="DZQ722:DZT722"/>
    <mergeCell ref="DYG722:DYJ722"/>
    <mergeCell ref="DYK722:DYN722"/>
    <mergeCell ref="DYO722:DYR722"/>
    <mergeCell ref="DYS722:DYV722"/>
    <mergeCell ref="DYW722:DYZ722"/>
    <mergeCell ref="DXM722:DXP722"/>
    <mergeCell ref="DXQ722:DXT722"/>
    <mergeCell ref="DXU722:DXX722"/>
    <mergeCell ref="DXY722:DYB722"/>
    <mergeCell ref="DYC722:DYF722"/>
    <mergeCell ref="DWS722:DWV722"/>
    <mergeCell ref="DWW722:DWZ722"/>
    <mergeCell ref="DXA722:DXD722"/>
    <mergeCell ref="DXE722:DXH722"/>
    <mergeCell ref="DXI722:DXL722"/>
    <mergeCell ref="DVY722:DWB722"/>
    <mergeCell ref="DWC722:DWF722"/>
    <mergeCell ref="DWG722:DWJ722"/>
    <mergeCell ref="DWK722:DWN722"/>
    <mergeCell ref="DWO722:DWR722"/>
    <mergeCell ref="DVE722:DVH722"/>
    <mergeCell ref="DVI722:DVL722"/>
    <mergeCell ref="DVM722:DVP722"/>
    <mergeCell ref="DVQ722:DVT722"/>
    <mergeCell ref="DVU722:DVX722"/>
    <mergeCell ref="EFE722:EFH722"/>
    <mergeCell ref="EFI722:EFL722"/>
    <mergeCell ref="EFM722:EFP722"/>
    <mergeCell ref="EFQ722:EFT722"/>
    <mergeCell ref="EFU722:EFX722"/>
    <mergeCell ref="EEK722:EEN722"/>
    <mergeCell ref="EEO722:EER722"/>
    <mergeCell ref="EES722:EEV722"/>
    <mergeCell ref="EEW722:EEZ722"/>
    <mergeCell ref="EFA722:EFD722"/>
    <mergeCell ref="EDQ722:EDT722"/>
    <mergeCell ref="EDU722:EDX722"/>
    <mergeCell ref="EDY722:EEB722"/>
    <mergeCell ref="EEC722:EEF722"/>
    <mergeCell ref="EEG722:EEJ722"/>
    <mergeCell ref="ECW722:ECZ722"/>
    <mergeCell ref="EDA722:EDD722"/>
    <mergeCell ref="EDE722:EDH722"/>
    <mergeCell ref="EDI722:EDL722"/>
    <mergeCell ref="EDM722:EDP722"/>
    <mergeCell ref="ECC722:ECF722"/>
    <mergeCell ref="ECG722:ECJ722"/>
    <mergeCell ref="ECK722:ECN722"/>
    <mergeCell ref="ECO722:ECR722"/>
    <mergeCell ref="ECS722:ECV722"/>
    <mergeCell ref="EBI722:EBL722"/>
    <mergeCell ref="EBM722:EBP722"/>
    <mergeCell ref="EBQ722:EBT722"/>
    <mergeCell ref="EBU722:EBX722"/>
    <mergeCell ref="EBY722:ECB722"/>
    <mergeCell ref="EAO722:EAR722"/>
    <mergeCell ref="EAS722:EAV722"/>
    <mergeCell ref="EAW722:EAZ722"/>
    <mergeCell ref="EBA722:EBD722"/>
    <mergeCell ref="EBE722:EBH722"/>
    <mergeCell ref="EKO722:EKR722"/>
    <mergeCell ref="EKS722:EKV722"/>
    <mergeCell ref="EKW722:EKZ722"/>
    <mergeCell ref="ELA722:ELD722"/>
    <mergeCell ref="ELE722:ELH722"/>
    <mergeCell ref="EJU722:EJX722"/>
    <mergeCell ref="EJY722:EKB722"/>
    <mergeCell ref="EKC722:EKF722"/>
    <mergeCell ref="EKG722:EKJ722"/>
    <mergeCell ref="EKK722:EKN722"/>
    <mergeCell ref="EJA722:EJD722"/>
    <mergeCell ref="EJE722:EJH722"/>
    <mergeCell ref="EJI722:EJL722"/>
    <mergeCell ref="EJM722:EJP722"/>
    <mergeCell ref="EJQ722:EJT722"/>
    <mergeCell ref="EIG722:EIJ722"/>
    <mergeCell ref="EIK722:EIN722"/>
    <mergeCell ref="EIO722:EIR722"/>
    <mergeCell ref="EIS722:EIV722"/>
    <mergeCell ref="EIW722:EIZ722"/>
    <mergeCell ref="EHM722:EHP722"/>
    <mergeCell ref="EHQ722:EHT722"/>
    <mergeCell ref="EHU722:EHX722"/>
    <mergeCell ref="EHY722:EIB722"/>
    <mergeCell ref="EIC722:EIF722"/>
    <mergeCell ref="EGS722:EGV722"/>
    <mergeCell ref="EGW722:EGZ722"/>
    <mergeCell ref="EHA722:EHD722"/>
    <mergeCell ref="EHE722:EHH722"/>
    <mergeCell ref="EHI722:EHL722"/>
    <mergeCell ref="EFY722:EGB722"/>
    <mergeCell ref="EGC722:EGF722"/>
    <mergeCell ref="EGG722:EGJ722"/>
    <mergeCell ref="EGK722:EGN722"/>
    <mergeCell ref="EGO722:EGR722"/>
    <mergeCell ref="EPY722:EQB722"/>
    <mergeCell ref="EQC722:EQF722"/>
    <mergeCell ref="EQG722:EQJ722"/>
    <mergeCell ref="EQK722:EQN722"/>
    <mergeCell ref="EQO722:EQR722"/>
    <mergeCell ref="EPE722:EPH722"/>
    <mergeCell ref="EPI722:EPL722"/>
    <mergeCell ref="EPM722:EPP722"/>
    <mergeCell ref="EPQ722:EPT722"/>
    <mergeCell ref="EPU722:EPX722"/>
    <mergeCell ref="EOK722:EON722"/>
    <mergeCell ref="EOO722:EOR722"/>
    <mergeCell ref="EOS722:EOV722"/>
    <mergeCell ref="EOW722:EOZ722"/>
    <mergeCell ref="EPA722:EPD722"/>
    <mergeCell ref="ENQ722:ENT722"/>
    <mergeCell ref="ENU722:ENX722"/>
    <mergeCell ref="ENY722:EOB722"/>
    <mergeCell ref="EOC722:EOF722"/>
    <mergeCell ref="EOG722:EOJ722"/>
    <mergeCell ref="EMW722:EMZ722"/>
    <mergeCell ref="ENA722:END722"/>
    <mergeCell ref="ENE722:ENH722"/>
    <mergeCell ref="ENI722:ENL722"/>
    <mergeCell ref="ENM722:ENP722"/>
    <mergeCell ref="EMC722:EMF722"/>
    <mergeCell ref="EMG722:EMJ722"/>
    <mergeCell ref="EMK722:EMN722"/>
    <mergeCell ref="EMO722:EMR722"/>
    <mergeCell ref="EMS722:EMV722"/>
    <mergeCell ref="ELI722:ELL722"/>
    <mergeCell ref="ELM722:ELP722"/>
    <mergeCell ref="ELQ722:ELT722"/>
    <mergeCell ref="ELU722:ELX722"/>
    <mergeCell ref="ELY722:EMB722"/>
    <mergeCell ref="EVI722:EVL722"/>
    <mergeCell ref="EVM722:EVP722"/>
    <mergeCell ref="EVQ722:EVT722"/>
    <mergeCell ref="EVU722:EVX722"/>
    <mergeCell ref="EVY722:EWB722"/>
    <mergeCell ref="EUO722:EUR722"/>
    <mergeCell ref="EUS722:EUV722"/>
    <mergeCell ref="EUW722:EUZ722"/>
    <mergeCell ref="EVA722:EVD722"/>
    <mergeCell ref="EVE722:EVH722"/>
    <mergeCell ref="ETU722:ETX722"/>
    <mergeCell ref="ETY722:EUB722"/>
    <mergeCell ref="EUC722:EUF722"/>
    <mergeCell ref="EUG722:EUJ722"/>
    <mergeCell ref="EUK722:EUN722"/>
    <mergeCell ref="ETA722:ETD722"/>
    <mergeCell ref="ETE722:ETH722"/>
    <mergeCell ref="ETI722:ETL722"/>
    <mergeCell ref="ETM722:ETP722"/>
    <mergeCell ref="ETQ722:ETT722"/>
    <mergeCell ref="ESG722:ESJ722"/>
    <mergeCell ref="ESK722:ESN722"/>
    <mergeCell ref="ESO722:ESR722"/>
    <mergeCell ref="ESS722:ESV722"/>
    <mergeCell ref="ESW722:ESZ722"/>
    <mergeCell ref="ERM722:ERP722"/>
    <mergeCell ref="ERQ722:ERT722"/>
    <mergeCell ref="ERU722:ERX722"/>
    <mergeCell ref="ERY722:ESB722"/>
    <mergeCell ref="ESC722:ESF722"/>
    <mergeCell ref="EQS722:EQV722"/>
    <mergeCell ref="EQW722:EQZ722"/>
    <mergeCell ref="ERA722:ERD722"/>
    <mergeCell ref="ERE722:ERH722"/>
    <mergeCell ref="ERI722:ERL722"/>
    <mergeCell ref="FAS722:FAV722"/>
    <mergeCell ref="FAW722:FAZ722"/>
    <mergeCell ref="FBA722:FBD722"/>
    <mergeCell ref="FBE722:FBH722"/>
    <mergeCell ref="FBI722:FBL722"/>
    <mergeCell ref="EZY722:FAB722"/>
    <mergeCell ref="FAC722:FAF722"/>
    <mergeCell ref="FAG722:FAJ722"/>
    <mergeCell ref="FAK722:FAN722"/>
    <mergeCell ref="FAO722:FAR722"/>
    <mergeCell ref="EZE722:EZH722"/>
    <mergeCell ref="EZI722:EZL722"/>
    <mergeCell ref="EZM722:EZP722"/>
    <mergeCell ref="EZQ722:EZT722"/>
    <mergeCell ref="EZU722:EZX722"/>
    <mergeCell ref="EYK722:EYN722"/>
    <mergeCell ref="EYO722:EYR722"/>
    <mergeCell ref="EYS722:EYV722"/>
    <mergeCell ref="EYW722:EYZ722"/>
    <mergeCell ref="EZA722:EZD722"/>
    <mergeCell ref="EXQ722:EXT722"/>
    <mergeCell ref="EXU722:EXX722"/>
    <mergeCell ref="EXY722:EYB722"/>
    <mergeCell ref="EYC722:EYF722"/>
    <mergeCell ref="EYG722:EYJ722"/>
    <mergeCell ref="EWW722:EWZ722"/>
    <mergeCell ref="EXA722:EXD722"/>
    <mergeCell ref="EXE722:EXH722"/>
    <mergeCell ref="EXI722:EXL722"/>
    <mergeCell ref="EXM722:EXP722"/>
    <mergeCell ref="EWC722:EWF722"/>
    <mergeCell ref="EWG722:EWJ722"/>
    <mergeCell ref="EWK722:EWN722"/>
    <mergeCell ref="EWO722:EWR722"/>
    <mergeCell ref="EWS722:EWV722"/>
    <mergeCell ref="FGC722:FGF722"/>
    <mergeCell ref="FGG722:FGJ722"/>
    <mergeCell ref="FGK722:FGN722"/>
    <mergeCell ref="FGO722:FGR722"/>
    <mergeCell ref="FGS722:FGV722"/>
    <mergeCell ref="FFI722:FFL722"/>
    <mergeCell ref="FFM722:FFP722"/>
    <mergeCell ref="FFQ722:FFT722"/>
    <mergeCell ref="FFU722:FFX722"/>
    <mergeCell ref="FFY722:FGB722"/>
    <mergeCell ref="FEO722:FER722"/>
    <mergeCell ref="FES722:FEV722"/>
    <mergeCell ref="FEW722:FEZ722"/>
    <mergeCell ref="FFA722:FFD722"/>
    <mergeCell ref="FFE722:FFH722"/>
    <mergeCell ref="FDU722:FDX722"/>
    <mergeCell ref="FDY722:FEB722"/>
    <mergeCell ref="FEC722:FEF722"/>
    <mergeCell ref="FEG722:FEJ722"/>
    <mergeCell ref="FEK722:FEN722"/>
    <mergeCell ref="FDA722:FDD722"/>
    <mergeCell ref="FDE722:FDH722"/>
    <mergeCell ref="FDI722:FDL722"/>
    <mergeCell ref="FDM722:FDP722"/>
    <mergeCell ref="FDQ722:FDT722"/>
    <mergeCell ref="FCG722:FCJ722"/>
    <mergeCell ref="FCK722:FCN722"/>
    <mergeCell ref="FCO722:FCR722"/>
    <mergeCell ref="FCS722:FCV722"/>
    <mergeCell ref="FCW722:FCZ722"/>
    <mergeCell ref="FBM722:FBP722"/>
    <mergeCell ref="FBQ722:FBT722"/>
    <mergeCell ref="FBU722:FBX722"/>
    <mergeCell ref="FBY722:FCB722"/>
    <mergeCell ref="FCC722:FCF722"/>
    <mergeCell ref="FLM722:FLP722"/>
    <mergeCell ref="FLQ722:FLT722"/>
    <mergeCell ref="FLU722:FLX722"/>
    <mergeCell ref="FLY722:FMB722"/>
    <mergeCell ref="FMC722:FMF722"/>
    <mergeCell ref="FKS722:FKV722"/>
    <mergeCell ref="FKW722:FKZ722"/>
    <mergeCell ref="FLA722:FLD722"/>
    <mergeCell ref="FLE722:FLH722"/>
    <mergeCell ref="FLI722:FLL722"/>
    <mergeCell ref="FJY722:FKB722"/>
    <mergeCell ref="FKC722:FKF722"/>
    <mergeCell ref="FKG722:FKJ722"/>
    <mergeCell ref="FKK722:FKN722"/>
    <mergeCell ref="FKO722:FKR722"/>
    <mergeCell ref="FJE722:FJH722"/>
    <mergeCell ref="FJI722:FJL722"/>
    <mergeCell ref="FJM722:FJP722"/>
    <mergeCell ref="FJQ722:FJT722"/>
    <mergeCell ref="FJU722:FJX722"/>
    <mergeCell ref="FIK722:FIN722"/>
    <mergeCell ref="FIO722:FIR722"/>
    <mergeCell ref="FIS722:FIV722"/>
    <mergeCell ref="FIW722:FIZ722"/>
    <mergeCell ref="FJA722:FJD722"/>
    <mergeCell ref="FHQ722:FHT722"/>
    <mergeCell ref="FHU722:FHX722"/>
    <mergeCell ref="FHY722:FIB722"/>
    <mergeCell ref="FIC722:FIF722"/>
    <mergeCell ref="FIG722:FIJ722"/>
    <mergeCell ref="FGW722:FGZ722"/>
    <mergeCell ref="FHA722:FHD722"/>
    <mergeCell ref="FHE722:FHH722"/>
    <mergeCell ref="FHI722:FHL722"/>
    <mergeCell ref="FHM722:FHP722"/>
    <mergeCell ref="FQW722:FQZ722"/>
    <mergeCell ref="FRA722:FRD722"/>
    <mergeCell ref="FRE722:FRH722"/>
    <mergeCell ref="FRI722:FRL722"/>
    <mergeCell ref="FRM722:FRP722"/>
    <mergeCell ref="FQC722:FQF722"/>
    <mergeCell ref="FQG722:FQJ722"/>
    <mergeCell ref="FQK722:FQN722"/>
    <mergeCell ref="FQO722:FQR722"/>
    <mergeCell ref="FQS722:FQV722"/>
    <mergeCell ref="FPI722:FPL722"/>
    <mergeCell ref="FPM722:FPP722"/>
    <mergeCell ref="FPQ722:FPT722"/>
    <mergeCell ref="FPU722:FPX722"/>
    <mergeCell ref="FPY722:FQB722"/>
    <mergeCell ref="FOO722:FOR722"/>
    <mergeCell ref="FOS722:FOV722"/>
    <mergeCell ref="FOW722:FOZ722"/>
    <mergeCell ref="FPA722:FPD722"/>
    <mergeCell ref="FPE722:FPH722"/>
    <mergeCell ref="FNU722:FNX722"/>
    <mergeCell ref="FNY722:FOB722"/>
    <mergeCell ref="FOC722:FOF722"/>
    <mergeCell ref="FOG722:FOJ722"/>
    <mergeCell ref="FOK722:FON722"/>
    <mergeCell ref="FNA722:FND722"/>
    <mergeCell ref="FNE722:FNH722"/>
    <mergeCell ref="FNI722:FNL722"/>
    <mergeCell ref="FNM722:FNP722"/>
    <mergeCell ref="FNQ722:FNT722"/>
    <mergeCell ref="FMG722:FMJ722"/>
    <mergeCell ref="FMK722:FMN722"/>
    <mergeCell ref="FMO722:FMR722"/>
    <mergeCell ref="FMS722:FMV722"/>
    <mergeCell ref="FMW722:FMZ722"/>
    <mergeCell ref="FWG722:FWJ722"/>
    <mergeCell ref="FWK722:FWN722"/>
    <mergeCell ref="FWO722:FWR722"/>
    <mergeCell ref="FWS722:FWV722"/>
    <mergeCell ref="FWW722:FWZ722"/>
    <mergeCell ref="FVM722:FVP722"/>
    <mergeCell ref="FVQ722:FVT722"/>
    <mergeCell ref="FVU722:FVX722"/>
    <mergeCell ref="FVY722:FWB722"/>
    <mergeCell ref="FWC722:FWF722"/>
    <mergeCell ref="FUS722:FUV722"/>
    <mergeCell ref="FUW722:FUZ722"/>
    <mergeCell ref="FVA722:FVD722"/>
    <mergeCell ref="FVE722:FVH722"/>
    <mergeCell ref="FVI722:FVL722"/>
    <mergeCell ref="FTY722:FUB722"/>
    <mergeCell ref="FUC722:FUF722"/>
    <mergeCell ref="FUG722:FUJ722"/>
    <mergeCell ref="FUK722:FUN722"/>
    <mergeCell ref="FUO722:FUR722"/>
    <mergeCell ref="FTE722:FTH722"/>
    <mergeCell ref="FTI722:FTL722"/>
    <mergeCell ref="FTM722:FTP722"/>
    <mergeCell ref="FTQ722:FTT722"/>
    <mergeCell ref="FTU722:FTX722"/>
    <mergeCell ref="FSK722:FSN722"/>
    <mergeCell ref="FSO722:FSR722"/>
    <mergeCell ref="FSS722:FSV722"/>
    <mergeCell ref="FSW722:FSZ722"/>
    <mergeCell ref="FTA722:FTD722"/>
    <mergeCell ref="FRQ722:FRT722"/>
    <mergeCell ref="FRU722:FRX722"/>
    <mergeCell ref="FRY722:FSB722"/>
    <mergeCell ref="FSC722:FSF722"/>
    <mergeCell ref="FSG722:FSJ722"/>
    <mergeCell ref="GBQ722:GBT722"/>
    <mergeCell ref="GBU722:GBX722"/>
    <mergeCell ref="GBY722:GCB722"/>
    <mergeCell ref="GCC722:GCF722"/>
    <mergeCell ref="GCG722:GCJ722"/>
    <mergeCell ref="GAW722:GAZ722"/>
    <mergeCell ref="GBA722:GBD722"/>
    <mergeCell ref="GBE722:GBH722"/>
    <mergeCell ref="GBI722:GBL722"/>
    <mergeCell ref="GBM722:GBP722"/>
    <mergeCell ref="GAC722:GAF722"/>
    <mergeCell ref="GAG722:GAJ722"/>
    <mergeCell ref="GAK722:GAN722"/>
    <mergeCell ref="GAO722:GAR722"/>
    <mergeCell ref="GAS722:GAV722"/>
    <mergeCell ref="FZI722:FZL722"/>
    <mergeCell ref="FZM722:FZP722"/>
    <mergeCell ref="FZQ722:FZT722"/>
    <mergeCell ref="FZU722:FZX722"/>
    <mergeCell ref="FZY722:GAB722"/>
    <mergeCell ref="FYO722:FYR722"/>
    <mergeCell ref="FYS722:FYV722"/>
    <mergeCell ref="FYW722:FYZ722"/>
    <mergeCell ref="FZA722:FZD722"/>
    <mergeCell ref="FZE722:FZH722"/>
    <mergeCell ref="FXU722:FXX722"/>
    <mergeCell ref="FXY722:FYB722"/>
    <mergeCell ref="FYC722:FYF722"/>
    <mergeCell ref="FYG722:FYJ722"/>
    <mergeCell ref="FYK722:FYN722"/>
    <mergeCell ref="FXA722:FXD722"/>
    <mergeCell ref="FXE722:FXH722"/>
    <mergeCell ref="FXI722:FXL722"/>
    <mergeCell ref="FXM722:FXP722"/>
    <mergeCell ref="FXQ722:FXT722"/>
    <mergeCell ref="GHA722:GHD722"/>
    <mergeCell ref="GHE722:GHH722"/>
    <mergeCell ref="GHI722:GHL722"/>
    <mergeCell ref="GHM722:GHP722"/>
    <mergeCell ref="GHQ722:GHT722"/>
    <mergeCell ref="GGG722:GGJ722"/>
    <mergeCell ref="GGK722:GGN722"/>
    <mergeCell ref="GGO722:GGR722"/>
    <mergeCell ref="GGS722:GGV722"/>
    <mergeCell ref="GGW722:GGZ722"/>
    <mergeCell ref="GFM722:GFP722"/>
    <mergeCell ref="GFQ722:GFT722"/>
    <mergeCell ref="GFU722:GFX722"/>
    <mergeCell ref="GFY722:GGB722"/>
    <mergeCell ref="GGC722:GGF722"/>
    <mergeCell ref="GES722:GEV722"/>
    <mergeCell ref="GEW722:GEZ722"/>
    <mergeCell ref="GFA722:GFD722"/>
    <mergeCell ref="GFE722:GFH722"/>
    <mergeCell ref="GFI722:GFL722"/>
    <mergeCell ref="GDY722:GEB722"/>
    <mergeCell ref="GEC722:GEF722"/>
    <mergeCell ref="GEG722:GEJ722"/>
    <mergeCell ref="GEK722:GEN722"/>
    <mergeCell ref="GEO722:GER722"/>
    <mergeCell ref="GDE722:GDH722"/>
    <mergeCell ref="GDI722:GDL722"/>
    <mergeCell ref="GDM722:GDP722"/>
    <mergeCell ref="GDQ722:GDT722"/>
    <mergeCell ref="GDU722:GDX722"/>
    <mergeCell ref="GCK722:GCN722"/>
    <mergeCell ref="GCO722:GCR722"/>
    <mergeCell ref="GCS722:GCV722"/>
    <mergeCell ref="GCW722:GCZ722"/>
    <mergeCell ref="GDA722:GDD722"/>
    <mergeCell ref="GMK722:GMN722"/>
    <mergeCell ref="GMO722:GMR722"/>
    <mergeCell ref="GMS722:GMV722"/>
    <mergeCell ref="GMW722:GMZ722"/>
    <mergeCell ref="GNA722:GND722"/>
    <mergeCell ref="GLQ722:GLT722"/>
    <mergeCell ref="GLU722:GLX722"/>
    <mergeCell ref="GLY722:GMB722"/>
    <mergeCell ref="GMC722:GMF722"/>
    <mergeCell ref="GMG722:GMJ722"/>
    <mergeCell ref="GKW722:GKZ722"/>
    <mergeCell ref="GLA722:GLD722"/>
    <mergeCell ref="GLE722:GLH722"/>
    <mergeCell ref="GLI722:GLL722"/>
    <mergeCell ref="GLM722:GLP722"/>
    <mergeCell ref="GKC722:GKF722"/>
    <mergeCell ref="GKG722:GKJ722"/>
    <mergeCell ref="GKK722:GKN722"/>
    <mergeCell ref="GKO722:GKR722"/>
    <mergeCell ref="GKS722:GKV722"/>
    <mergeCell ref="GJI722:GJL722"/>
    <mergeCell ref="GJM722:GJP722"/>
    <mergeCell ref="GJQ722:GJT722"/>
    <mergeCell ref="GJU722:GJX722"/>
    <mergeCell ref="GJY722:GKB722"/>
    <mergeCell ref="GIO722:GIR722"/>
    <mergeCell ref="GIS722:GIV722"/>
    <mergeCell ref="GIW722:GIZ722"/>
    <mergeCell ref="GJA722:GJD722"/>
    <mergeCell ref="GJE722:GJH722"/>
    <mergeCell ref="GHU722:GHX722"/>
    <mergeCell ref="GHY722:GIB722"/>
    <mergeCell ref="GIC722:GIF722"/>
    <mergeCell ref="GIG722:GIJ722"/>
    <mergeCell ref="GIK722:GIN722"/>
    <mergeCell ref="GRU722:GRX722"/>
    <mergeCell ref="GRY722:GSB722"/>
    <mergeCell ref="GSC722:GSF722"/>
    <mergeCell ref="GSG722:GSJ722"/>
    <mergeCell ref="GSK722:GSN722"/>
    <mergeCell ref="GRA722:GRD722"/>
    <mergeCell ref="GRE722:GRH722"/>
    <mergeCell ref="GRI722:GRL722"/>
    <mergeCell ref="GRM722:GRP722"/>
    <mergeCell ref="GRQ722:GRT722"/>
    <mergeCell ref="GQG722:GQJ722"/>
    <mergeCell ref="GQK722:GQN722"/>
    <mergeCell ref="GQO722:GQR722"/>
    <mergeCell ref="GQS722:GQV722"/>
    <mergeCell ref="GQW722:GQZ722"/>
    <mergeCell ref="GPM722:GPP722"/>
    <mergeCell ref="GPQ722:GPT722"/>
    <mergeCell ref="GPU722:GPX722"/>
    <mergeCell ref="GPY722:GQB722"/>
    <mergeCell ref="GQC722:GQF722"/>
    <mergeCell ref="GOS722:GOV722"/>
    <mergeCell ref="GOW722:GOZ722"/>
    <mergeCell ref="GPA722:GPD722"/>
    <mergeCell ref="GPE722:GPH722"/>
    <mergeCell ref="GPI722:GPL722"/>
    <mergeCell ref="GNY722:GOB722"/>
    <mergeCell ref="GOC722:GOF722"/>
    <mergeCell ref="GOG722:GOJ722"/>
    <mergeCell ref="GOK722:GON722"/>
    <mergeCell ref="GOO722:GOR722"/>
    <mergeCell ref="GNE722:GNH722"/>
    <mergeCell ref="GNI722:GNL722"/>
    <mergeCell ref="GNM722:GNP722"/>
    <mergeCell ref="GNQ722:GNT722"/>
    <mergeCell ref="GNU722:GNX722"/>
    <mergeCell ref="GXE722:GXH722"/>
    <mergeCell ref="GXI722:GXL722"/>
    <mergeCell ref="GXM722:GXP722"/>
    <mergeCell ref="GXQ722:GXT722"/>
    <mergeCell ref="GXU722:GXX722"/>
    <mergeCell ref="GWK722:GWN722"/>
    <mergeCell ref="GWO722:GWR722"/>
    <mergeCell ref="GWS722:GWV722"/>
    <mergeCell ref="GWW722:GWZ722"/>
    <mergeCell ref="GXA722:GXD722"/>
    <mergeCell ref="GVQ722:GVT722"/>
    <mergeCell ref="GVU722:GVX722"/>
    <mergeCell ref="GVY722:GWB722"/>
    <mergeCell ref="GWC722:GWF722"/>
    <mergeCell ref="GWG722:GWJ722"/>
    <mergeCell ref="GUW722:GUZ722"/>
    <mergeCell ref="GVA722:GVD722"/>
    <mergeCell ref="GVE722:GVH722"/>
    <mergeCell ref="GVI722:GVL722"/>
    <mergeCell ref="GVM722:GVP722"/>
    <mergeCell ref="GUC722:GUF722"/>
    <mergeCell ref="GUG722:GUJ722"/>
    <mergeCell ref="GUK722:GUN722"/>
    <mergeCell ref="GUO722:GUR722"/>
    <mergeCell ref="GUS722:GUV722"/>
    <mergeCell ref="GTI722:GTL722"/>
    <mergeCell ref="GTM722:GTP722"/>
    <mergeCell ref="GTQ722:GTT722"/>
    <mergeCell ref="GTU722:GTX722"/>
    <mergeCell ref="GTY722:GUB722"/>
    <mergeCell ref="GSO722:GSR722"/>
    <mergeCell ref="GSS722:GSV722"/>
    <mergeCell ref="GSW722:GSZ722"/>
    <mergeCell ref="GTA722:GTD722"/>
    <mergeCell ref="GTE722:GTH722"/>
    <mergeCell ref="HCO722:HCR722"/>
    <mergeCell ref="HCS722:HCV722"/>
    <mergeCell ref="HCW722:HCZ722"/>
    <mergeCell ref="HDA722:HDD722"/>
    <mergeCell ref="HDE722:HDH722"/>
    <mergeCell ref="HBU722:HBX722"/>
    <mergeCell ref="HBY722:HCB722"/>
    <mergeCell ref="HCC722:HCF722"/>
    <mergeCell ref="HCG722:HCJ722"/>
    <mergeCell ref="HCK722:HCN722"/>
    <mergeCell ref="HBA722:HBD722"/>
    <mergeCell ref="HBE722:HBH722"/>
    <mergeCell ref="HBI722:HBL722"/>
    <mergeCell ref="HBM722:HBP722"/>
    <mergeCell ref="HBQ722:HBT722"/>
    <mergeCell ref="HAG722:HAJ722"/>
    <mergeCell ref="HAK722:HAN722"/>
    <mergeCell ref="HAO722:HAR722"/>
    <mergeCell ref="HAS722:HAV722"/>
    <mergeCell ref="HAW722:HAZ722"/>
    <mergeCell ref="GZM722:GZP722"/>
    <mergeCell ref="GZQ722:GZT722"/>
    <mergeCell ref="GZU722:GZX722"/>
    <mergeCell ref="GZY722:HAB722"/>
    <mergeCell ref="HAC722:HAF722"/>
    <mergeCell ref="GYS722:GYV722"/>
    <mergeCell ref="GYW722:GYZ722"/>
    <mergeCell ref="GZA722:GZD722"/>
    <mergeCell ref="GZE722:GZH722"/>
    <mergeCell ref="GZI722:GZL722"/>
    <mergeCell ref="GXY722:GYB722"/>
    <mergeCell ref="GYC722:GYF722"/>
    <mergeCell ref="GYG722:GYJ722"/>
    <mergeCell ref="GYK722:GYN722"/>
    <mergeCell ref="GYO722:GYR722"/>
    <mergeCell ref="HHY722:HIB722"/>
    <mergeCell ref="HIC722:HIF722"/>
    <mergeCell ref="HIG722:HIJ722"/>
    <mergeCell ref="HIK722:HIN722"/>
    <mergeCell ref="HIO722:HIR722"/>
    <mergeCell ref="HHE722:HHH722"/>
    <mergeCell ref="HHI722:HHL722"/>
    <mergeCell ref="HHM722:HHP722"/>
    <mergeCell ref="HHQ722:HHT722"/>
    <mergeCell ref="HHU722:HHX722"/>
    <mergeCell ref="HGK722:HGN722"/>
    <mergeCell ref="HGO722:HGR722"/>
    <mergeCell ref="HGS722:HGV722"/>
    <mergeCell ref="HGW722:HGZ722"/>
    <mergeCell ref="HHA722:HHD722"/>
    <mergeCell ref="HFQ722:HFT722"/>
    <mergeCell ref="HFU722:HFX722"/>
    <mergeCell ref="HFY722:HGB722"/>
    <mergeCell ref="HGC722:HGF722"/>
    <mergeCell ref="HGG722:HGJ722"/>
    <mergeCell ref="HEW722:HEZ722"/>
    <mergeCell ref="HFA722:HFD722"/>
    <mergeCell ref="HFE722:HFH722"/>
    <mergeCell ref="HFI722:HFL722"/>
    <mergeCell ref="HFM722:HFP722"/>
    <mergeCell ref="HEC722:HEF722"/>
    <mergeCell ref="HEG722:HEJ722"/>
    <mergeCell ref="HEK722:HEN722"/>
    <mergeCell ref="HEO722:HER722"/>
    <mergeCell ref="HES722:HEV722"/>
    <mergeCell ref="HDI722:HDL722"/>
    <mergeCell ref="HDM722:HDP722"/>
    <mergeCell ref="HDQ722:HDT722"/>
    <mergeCell ref="HDU722:HDX722"/>
    <mergeCell ref="HDY722:HEB722"/>
    <mergeCell ref="HNI722:HNL722"/>
    <mergeCell ref="HNM722:HNP722"/>
    <mergeCell ref="HNQ722:HNT722"/>
    <mergeCell ref="HNU722:HNX722"/>
    <mergeCell ref="HNY722:HOB722"/>
    <mergeCell ref="HMO722:HMR722"/>
    <mergeCell ref="HMS722:HMV722"/>
    <mergeCell ref="HMW722:HMZ722"/>
    <mergeCell ref="HNA722:HND722"/>
    <mergeCell ref="HNE722:HNH722"/>
    <mergeCell ref="HLU722:HLX722"/>
    <mergeCell ref="HLY722:HMB722"/>
    <mergeCell ref="HMC722:HMF722"/>
    <mergeCell ref="HMG722:HMJ722"/>
    <mergeCell ref="HMK722:HMN722"/>
    <mergeCell ref="HLA722:HLD722"/>
    <mergeCell ref="HLE722:HLH722"/>
    <mergeCell ref="HLI722:HLL722"/>
    <mergeCell ref="HLM722:HLP722"/>
    <mergeCell ref="HLQ722:HLT722"/>
    <mergeCell ref="HKG722:HKJ722"/>
    <mergeCell ref="HKK722:HKN722"/>
    <mergeCell ref="HKO722:HKR722"/>
    <mergeCell ref="HKS722:HKV722"/>
    <mergeCell ref="HKW722:HKZ722"/>
    <mergeCell ref="HJM722:HJP722"/>
    <mergeCell ref="HJQ722:HJT722"/>
    <mergeCell ref="HJU722:HJX722"/>
    <mergeCell ref="HJY722:HKB722"/>
    <mergeCell ref="HKC722:HKF722"/>
    <mergeCell ref="HIS722:HIV722"/>
    <mergeCell ref="HIW722:HIZ722"/>
    <mergeCell ref="HJA722:HJD722"/>
    <mergeCell ref="HJE722:HJH722"/>
    <mergeCell ref="HJI722:HJL722"/>
    <mergeCell ref="HSS722:HSV722"/>
    <mergeCell ref="HSW722:HSZ722"/>
    <mergeCell ref="HTA722:HTD722"/>
    <mergeCell ref="HTE722:HTH722"/>
    <mergeCell ref="HTI722:HTL722"/>
    <mergeCell ref="HRY722:HSB722"/>
    <mergeCell ref="HSC722:HSF722"/>
    <mergeCell ref="HSG722:HSJ722"/>
    <mergeCell ref="HSK722:HSN722"/>
    <mergeCell ref="HSO722:HSR722"/>
    <mergeCell ref="HRE722:HRH722"/>
    <mergeCell ref="HRI722:HRL722"/>
    <mergeCell ref="HRM722:HRP722"/>
    <mergeCell ref="HRQ722:HRT722"/>
    <mergeCell ref="HRU722:HRX722"/>
    <mergeCell ref="HQK722:HQN722"/>
    <mergeCell ref="HQO722:HQR722"/>
    <mergeCell ref="HQS722:HQV722"/>
    <mergeCell ref="HQW722:HQZ722"/>
    <mergeCell ref="HRA722:HRD722"/>
    <mergeCell ref="HPQ722:HPT722"/>
    <mergeCell ref="HPU722:HPX722"/>
    <mergeCell ref="HPY722:HQB722"/>
    <mergeCell ref="HQC722:HQF722"/>
    <mergeCell ref="HQG722:HQJ722"/>
    <mergeCell ref="HOW722:HOZ722"/>
    <mergeCell ref="HPA722:HPD722"/>
    <mergeCell ref="HPE722:HPH722"/>
    <mergeCell ref="HPI722:HPL722"/>
    <mergeCell ref="HPM722:HPP722"/>
    <mergeCell ref="HOC722:HOF722"/>
    <mergeCell ref="HOG722:HOJ722"/>
    <mergeCell ref="HOK722:HON722"/>
    <mergeCell ref="HOO722:HOR722"/>
    <mergeCell ref="HOS722:HOV722"/>
    <mergeCell ref="HYC722:HYF722"/>
    <mergeCell ref="HYG722:HYJ722"/>
    <mergeCell ref="HYK722:HYN722"/>
    <mergeCell ref="HYO722:HYR722"/>
    <mergeCell ref="HYS722:HYV722"/>
    <mergeCell ref="HXI722:HXL722"/>
    <mergeCell ref="HXM722:HXP722"/>
    <mergeCell ref="HXQ722:HXT722"/>
    <mergeCell ref="HXU722:HXX722"/>
    <mergeCell ref="HXY722:HYB722"/>
    <mergeCell ref="HWO722:HWR722"/>
    <mergeCell ref="HWS722:HWV722"/>
    <mergeCell ref="HWW722:HWZ722"/>
    <mergeCell ref="HXA722:HXD722"/>
    <mergeCell ref="HXE722:HXH722"/>
    <mergeCell ref="HVU722:HVX722"/>
    <mergeCell ref="HVY722:HWB722"/>
    <mergeCell ref="HWC722:HWF722"/>
    <mergeCell ref="HWG722:HWJ722"/>
    <mergeCell ref="HWK722:HWN722"/>
    <mergeCell ref="HVA722:HVD722"/>
    <mergeCell ref="HVE722:HVH722"/>
    <mergeCell ref="HVI722:HVL722"/>
    <mergeCell ref="HVM722:HVP722"/>
    <mergeCell ref="HVQ722:HVT722"/>
    <mergeCell ref="HUG722:HUJ722"/>
    <mergeCell ref="HUK722:HUN722"/>
    <mergeCell ref="HUO722:HUR722"/>
    <mergeCell ref="HUS722:HUV722"/>
    <mergeCell ref="HUW722:HUZ722"/>
    <mergeCell ref="HTM722:HTP722"/>
    <mergeCell ref="HTQ722:HTT722"/>
    <mergeCell ref="HTU722:HTX722"/>
    <mergeCell ref="HTY722:HUB722"/>
    <mergeCell ref="HUC722:HUF722"/>
    <mergeCell ref="IDM722:IDP722"/>
    <mergeCell ref="IDQ722:IDT722"/>
    <mergeCell ref="IDU722:IDX722"/>
    <mergeCell ref="IDY722:IEB722"/>
    <mergeCell ref="IEC722:IEF722"/>
    <mergeCell ref="ICS722:ICV722"/>
    <mergeCell ref="ICW722:ICZ722"/>
    <mergeCell ref="IDA722:IDD722"/>
    <mergeCell ref="IDE722:IDH722"/>
    <mergeCell ref="IDI722:IDL722"/>
    <mergeCell ref="IBY722:ICB722"/>
    <mergeCell ref="ICC722:ICF722"/>
    <mergeCell ref="ICG722:ICJ722"/>
    <mergeCell ref="ICK722:ICN722"/>
    <mergeCell ref="ICO722:ICR722"/>
    <mergeCell ref="IBE722:IBH722"/>
    <mergeCell ref="IBI722:IBL722"/>
    <mergeCell ref="IBM722:IBP722"/>
    <mergeCell ref="IBQ722:IBT722"/>
    <mergeCell ref="IBU722:IBX722"/>
    <mergeCell ref="IAK722:IAN722"/>
    <mergeCell ref="IAO722:IAR722"/>
    <mergeCell ref="IAS722:IAV722"/>
    <mergeCell ref="IAW722:IAZ722"/>
    <mergeCell ref="IBA722:IBD722"/>
    <mergeCell ref="HZQ722:HZT722"/>
    <mergeCell ref="HZU722:HZX722"/>
    <mergeCell ref="HZY722:IAB722"/>
    <mergeCell ref="IAC722:IAF722"/>
    <mergeCell ref="IAG722:IAJ722"/>
    <mergeCell ref="HYW722:HYZ722"/>
    <mergeCell ref="HZA722:HZD722"/>
    <mergeCell ref="HZE722:HZH722"/>
    <mergeCell ref="HZI722:HZL722"/>
    <mergeCell ref="HZM722:HZP722"/>
    <mergeCell ref="IIW722:IIZ722"/>
    <mergeCell ref="IJA722:IJD722"/>
    <mergeCell ref="IJE722:IJH722"/>
    <mergeCell ref="IJI722:IJL722"/>
    <mergeCell ref="IJM722:IJP722"/>
    <mergeCell ref="IIC722:IIF722"/>
    <mergeCell ref="IIG722:IIJ722"/>
    <mergeCell ref="IIK722:IIN722"/>
    <mergeCell ref="IIO722:IIR722"/>
    <mergeCell ref="IIS722:IIV722"/>
    <mergeCell ref="IHI722:IHL722"/>
    <mergeCell ref="IHM722:IHP722"/>
    <mergeCell ref="IHQ722:IHT722"/>
    <mergeCell ref="IHU722:IHX722"/>
    <mergeCell ref="IHY722:IIB722"/>
    <mergeCell ref="IGO722:IGR722"/>
    <mergeCell ref="IGS722:IGV722"/>
    <mergeCell ref="IGW722:IGZ722"/>
    <mergeCell ref="IHA722:IHD722"/>
    <mergeCell ref="IHE722:IHH722"/>
    <mergeCell ref="IFU722:IFX722"/>
    <mergeCell ref="IFY722:IGB722"/>
    <mergeCell ref="IGC722:IGF722"/>
    <mergeCell ref="IGG722:IGJ722"/>
    <mergeCell ref="IGK722:IGN722"/>
    <mergeCell ref="IFA722:IFD722"/>
    <mergeCell ref="IFE722:IFH722"/>
    <mergeCell ref="IFI722:IFL722"/>
    <mergeCell ref="IFM722:IFP722"/>
    <mergeCell ref="IFQ722:IFT722"/>
    <mergeCell ref="IEG722:IEJ722"/>
    <mergeCell ref="IEK722:IEN722"/>
    <mergeCell ref="IEO722:IER722"/>
    <mergeCell ref="IES722:IEV722"/>
    <mergeCell ref="IEW722:IEZ722"/>
    <mergeCell ref="IOG722:IOJ722"/>
    <mergeCell ref="IOK722:ION722"/>
    <mergeCell ref="IOO722:IOR722"/>
    <mergeCell ref="IOS722:IOV722"/>
    <mergeCell ref="IOW722:IOZ722"/>
    <mergeCell ref="INM722:INP722"/>
    <mergeCell ref="INQ722:INT722"/>
    <mergeCell ref="INU722:INX722"/>
    <mergeCell ref="INY722:IOB722"/>
    <mergeCell ref="IOC722:IOF722"/>
    <mergeCell ref="IMS722:IMV722"/>
    <mergeCell ref="IMW722:IMZ722"/>
    <mergeCell ref="INA722:IND722"/>
    <mergeCell ref="INE722:INH722"/>
    <mergeCell ref="INI722:INL722"/>
    <mergeCell ref="ILY722:IMB722"/>
    <mergeCell ref="IMC722:IMF722"/>
    <mergeCell ref="IMG722:IMJ722"/>
    <mergeCell ref="IMK722:IMN722"/>
    <mergeCell ref="IMO722:IMR722"/>
    <mergeCell ref="ILE722:ILH722"/>
    <mergeCell ref="ILI722:ILL722"/>
    <mergeCell ref="ILM722:ILP722"/>
    <mergeCell ref="ILQ722:ILT722"/>
    <mergeCell ref="ILU722:ILX722"/>
    <mergeCell ref="IKK722:IKN722"/>
    <mergeCell ref="IKO722:IKR722"/>
    <mergeCell ref="IKS722:IKV722"/>
    <mergeCell ref="IKW722:IKZ722"/>
    <mergeCell ref="ILA722:ILD722"/>
    <mergeCell ref="IJQ722:IJT722"/>
    <mergeCell ref="IJU722:IJX722"/>
    <mergeCell ref="IJY722:IKB722"/>
    <mergeCell ref="IKC722:IKF722"/>
    <mergeCell ref="IKG722:IKJ722"/>
    <mergeCell ref="ITQ722:ITT722"/>
    <mergeCell ref="ITU722:ITX722"/>
    <mergeCell ref="ITY722:IUB722"/>
    <mergeCell ref="IUC722:IUF722"/>
    <mergeCell ref="IUG722:IUJ722"/>
    <mergeCell ref="ISW722:ISZ722"/>
    <mergeCell ref="ITA722:ITD722"/>
    <mergeCell ref="ITE722:ITH722"/>
    <mergeCell ref="ITI722:ITL722"/>
    <mergeCell ref="ITM722:ITP722"/>
    <mergeCell ref="ISC722:ISF722"/>
    <mergeCell ref="ISG722:ISJ722"/>
    <mergeCell ref="ISK722:ISN722"/>
    <mergeCell ref="ISO722:ISR722"/>
    <mergeCell ref="ISS722:ISV722"/>
    <mergeCell ref="IRI722:IRL722"/>
    <mergeCell ref="IRM722:IRP722"/>
    <mergeCell ref="IRQ722:IRT722"/>
    <mergeCell ref="IRU722:IRX722"/>
    <mergeCell ref="IRY722:ISB722"/>
    <mergeCell ref="IQO722:IQR722"/>
    <mergeCell ref="IQS722:IQV722"/>
    <mergeCell ref="IQW722:IQZ722"/>
    <mergeCell ref="IRA722:IRD722"/>
    <mergeCell ref="IRE722:IRH722"/>
    <mergeCell ref="IPU722:IPX722"/>
    <mergeCell ref="IPY722:IQB722"/>
    <mergeCell ref="IQC722:IQF722"/>
    <mergeCell ref="IQG722:IQJ722"/>
    <mergeCell ref="IQK722:IQN722"/>
    <mergeCell ref="IPA722:IPD722"/>
    <mergeCell ref="IPE722:IPH722"/>
    <mergeCell ref="IPI722:IPL722"/>
    <mergeCell ref="IPM722:IPP722"/>
    <mergeCell ref="IPQ722:IPT722"/>
    <mergeCell ref="IZA722:IZD722"/>
    <mergeCell ref="IZE722:IZH722"/>
    <mergeCell ref="IZI722:IZL722"/>
    <mergeCell ref="IZM722:IZP722"/>
    <mergeCell ref="IZQ722:IZT722"/>
    <mergeCell ref="IYG722:IYJ722"/>
    <mergeCell ref="IYK722:IYN722"/>
    <mergeCell ref="IYO722:IYR722"/>
    <mergeCell ref="IYS722:IYV722"/>
    <mergeCell ref="IYW722:IYZ722"/>
    <mergeCell ref="IXM722:IXP722"/>
    <mergeCell ref="IXQ722:IXT722"/>
    <mergeCell ref="IXU722:IXX722"/>
    <mergeCell ref="IXY722:IYB722"/>
    <mergeCell ref="IYC722:IYF722"/>
    <mergeCell ref="IWS722:IWV722"/>
    <mergeCell ref="IWW722:IWZ722"/>
    <mergeCell ref="IXA722:IXD722"/>
    <mergeCell ref="IXE722:IXH722"/>
    <mergeCell ref="IXI722:IXL722"/>
    <mergeCell ref="IVY722:IWB722"/>
    <mergeCell ref="IWC722:IWF722"/>
    <mergeCell ref="IWG722:IWJ722"/>
    <mergeCell ref="IWK722:IWN722"/>
    <mergeCell ref="IWO722:IWR722"/>
    <mergeCell ref="IVE722:IVH722"/>
    <mergeCell ref="IVI722:IVL722"/>
    <mergeCell ref="IVM722:IVP722"/>
    <mergeCell ref="IVQ722:IVT722"/>
    <mergeCell ref="IVU722:IVX722"/>
    <mergeCell ref="IUK722:IUN722"/>
    <mergeCell ref="IUO722:IUR722"/>
    <mergeCell ref="IUS722:IUV722"/>
    <mergeCell ref="IUW722:IUZ722"/>
    <mergeCell ref="IVA722:IVD722"/>
    <mergeCell ref="JEK722:JEN722"/>
    <mergeCell ref="JEO722:JER722"/>
    <mergeCell ref="JES722:JEV722"/>
    <mergeCell ref="JEW722:JEZ722"/>
    <mergeCell ref="JFA722:JFD722"/>
    <mergeCell ref="JDQ722:JDT722"/>
    <mergeCell ref="JDU722:JDX722"/>
    <mergeCell ref="JDY722:JEB722"/>
    <mergeCell ref="JEC722:JEF722"/>
    <mergeCell ref="JEG722:JEJ722"/>
    <mergeCell ref="JCW722:JCZ722"/>
    <mergeCell ref="JDA722:JDD722"/>
    <mergeCell ref="JDE722:JDH722"/>
    <mergeCell ref="JDI722:JDL722"/>
    <mergeCell ref="JDM722:JDP722"/>
    <mergeCell ref="JCC722:JCF722"/>
    <mergeCell ref="JCG722:JCJ722"/>
    <mergeCell ref="JCK722:JCN722"/>
    <mergeCell ref="JCO722:JCR722"/>
    <mergeCell ref="JCS722:JCV722"/>
    <mergeCell ref="JBI722:JBL722"/>
    <mergeCell ref="JBM722:JBP722"/>
    <mergeCell ref="JBQ722:JBT722"/>
    <mergeCell ref="JBU722:JBX722"/>
    <mergeCell ref="JBY722:JCB722"/>
    <mergeCell ref="JAO722:JAR722"/>
    <mergeCell ref="JAS722:JAV722"/>
    <mergeCell ref="JAW722:JAZ722"/>
    <mergeCell ref="JBA722:JBD722"/>
    <mergeCell ref="JBE722:JBH722"/>
    <mergeCell ref="IZU722:IZX722"/>
    <mergeCell ref="IZY722:JAB722"/>
    <mergeCell ref="JAC722:JAF722"/>
    <mergeCell ref="JAG722:JAJ722"/>
    <mergeCell ref="JAK722:JAN722"/>
    <mergeCell ref="JJU722:JJX722"/>
    <mergeCell ref="JJY722:JKB722"/>
    <mergeCell ref="JKC722:JKF722"/>
    <mergeCell ref="JKG722:JKJ722"/>
    <mergeCell ref="JKK722:JKN722"/>
    <mergeCell ref="JJA722:JJD722"/>
    <mergeCell ref="JJE722:JJH722"/>
    <mergeCell ref="JJI722:JJL722"/>
    <mergeCell ref="JJM722:JJP722"/>
    <mergeCell ref="JJQ722:JJT722"/>
    <mergeCell ref="JIG722:JIJ722"/>
    <mergeCell ref="JIK722:JIN722"/>
    <mergeCell ref="JIO722:JIR722"/>
    <mergeCell ref="JIS722:JIV722"/>
    <mergeCell ref="JIW722:JIZ722"/>
    <mergeCell ref="JHM722:JHP722"/>
    <mergeCell ref="JHQ722:JHT722"/>
    <mergeCell ref="JHU722:JHX722"/>
    <mergeCell ref="JHY722:JIB722"/>
    <mergeCell ref="JIC722:JIF722"/>
    <mergeCell ref="JGS722:JGV722"/>
    <mergeCell ref="JGW722:JGZ722"/>
    <mergeCell ref="JHA722:JHD722"/>
    <mergeCell ref="JHE722:JHH722"/>
    <mergeCell ref="JHI722:JHL722"/>
    <mergeCell ref="JFY722:JGB722"/>
    <mergeCell ref="JGC722:JGF722"/>
    <mergeCell ref="JGG722:JGJ722"/>
    <mergeCell ref="JGK722:JGN722"/>
    <mergeCell ref="JGO722:JGR722"/>
    <mergeCell ref="JFE722:JFH722"/>
    <mergeCell ref="JFI722:JFL722"/>
    <mergeCell ref="JFM722:JFP722"/>
    <mergeCell ref="JFQ722:JFT722"/>
    <mergeCell ref="JFU722:JFX722"/>
    <mergeCell ref="JPE722:JPH722"/>
    <mergeCell ref="JPI722:JPL722"/>
    <mergeCell ref="JPM722:JPP722"/>
    <mergeCell ref="JPQ722:JPT722"/>
    <mergeCell ref="JPU722:JPX722"/>
    <mergeCell ref="JOK722:JON722"/>
    <mergeCell ref="JOO722:JOR722"/>
    <mergeCell ref="JOS722:JOV722"/>
    <mergeCell ref="JOW722:JOZ722"/>
    <mergeCell ref="JPA722:JPD722"/>
    <mergeCell ref="JNQ722:JNT722"/>
    <mergeCell ref="JNU722:JNX722"/>
    <mergeCell ref="JNY722:JOB722"/>
    <mergeCell ref="JOC722:JOF722"/>
    <mergeCell ref="JOG722:JOJ722"/>
    <mergeCell ref="JMW722:JMZ722"/>
    <mergeCell ref="JNA722:JND722"/>
    <mergeCell ref="JNE722:JNH722"/>
    <mergeCell ref="JNI722:JNL722"/>
    <mergeCell ref="JNM722:JNP722"/>
    <mergeCell ref="JMC722:JMF722"/>
    <mergeCell ref="JMG722:JMJ722"/>
    <mergeCell ref="JMK722:JMN722"/>
    <mergeCell ref="JMO722:JMR722"/>
    <mergeCell ref="JMS722:JMV722"/>
    <mergeCell ref="JLI722:JLL722"/>
    <mergeCell ref="JLM722:JLP722"/>
    <mergeCell ref="JLQ722:JLT722"/>
    <mergeCell ref="JLU722:JLX722"/>
    <mergeCell ref="JLY722:JMB722"/>
    <mergeCell ref="JKO722:JKR722"/>
    <mergeCell ref="JKS722:JKV722"/>
    <mergeCell ref="JKW722:JKZ722"/>
    <mergeCell ref="JLA722:JLD722"/>
    <mergeCell ref="JLE722:JLH722"/>
    <mergeCell ref="JUO722:JUR722"/>
    <mergeCell ref="JUS722:JUV722"/>
    <mergeCell ref="JUW722:JUZ722"/>
    <mergeCell ref="JVA722:JVD722"/>
    <mergeCell ref="JVE722:JVH722"/>
    <mergeCell ref="JTU722:JTX722"/>
    <mergeCell ref="JTY722:JUB722"/>
    <mergeCell ref="JUC722:JUF722"/>
    <mergeCell ref="JUG722:JUJ722"/>
    <mergeCell ref="JUK722:JUN722"/>
    <mergeCell ref="JTA722:JTD722"/>
    <mergeCell ref="JTE722:JTH722"/>
    <mergeCell ref="JTI722:JTL722"/>
    <mergeCell ref="JTM722:JTP722"/>
    <mergeCell ref="JTQ722:JTT722"/>
    <mergeCell ref="JSG722:JSJ722"/>
    <mergeCell ref="JSK722:JSN722"/>
    <mergeCell ref="JSO722:JSR722"/>
    <mergeCell ref="JSS722:JSV722"/>
    <mergeCell ref="JSW722:JSZ722"/>
    <mergeCell ref="JRM722:JRP722"/>
    <mergeCell ref="JRQ722:JRT722"/>
    <mergeCell ref="JRU722:JRX722"/>
    <mergeCell ref="JRY722:JSB722"/>
    <mergeCell ref="JSC722:JSF722"/>
    <mergeCell ref="JQS722:JQV722"/>
    <mergeCell ref="JQW722:JQZ722"/>
    <mergeCell ref="JRA722:JRD722"/>
    <mergeCell ref="JRE722:JRH722"/>
    <mergeCell ref="JRI722:JRL722"/>
    <mergeCell ref="JPY722:JQB722"/>
    <mergeCell ref="JQC722:JQF722"/>
    <mergeCell ref="JQG722:JQJ722"/>
    <mergeCell ref="JQK722:JQN722"/>
    <mergeCell ref="JQO722:JQR722"/>
    <mergeCell ref="JZY722:KAB722"/>
    <mergeCell ref="KAC722:KAF722"/>
    <mergeCell ref="KAG722:KAJ722"/>
    <mergeCell ref="KAK722:KAN722"/>
    <mergeCell ref="KAO722:KAR722"/>
    <mergeCell ref="JZE722:JZH722"/>
    <mergeCell ref="JZI722:JZL722"/>
    <mergeCell ref="JZM722:JZP722"/>
    <mergeCell ref="JZQ722:JZT722"/>
    <mergeCell ref="JZU722:JZX722"/>
    <mergeCell ref="JYK722:JYN722"/>
    <mergeCell ref="JYO722:JYR722"/>
    <mergeCell ref="JYS722:JYV722"/>
    <mergeCell ref="JYW722:JYZ722"/>
    <mergeCell ref="JZA722:JZD722"/>
    <mergeCell ref="JXQ722:JXT722"/>
    <mergeCell ref="JXU722:JXX722"/>
    <mergeCell ref="JXY722:JYB722"/>
    <mergeCell ref="JYC722:JYF722"/>
    <mergeCell ref="JYG722:JYJ722"/>
    <mergeCell ref="JWW722:JWZ722"/>
    <mergeCell ref="JXA722:JXD722"/>
    <mergeCell ref="JXE722:JXH722"/>
    <mergeCell ref="JXI722:JXL722"/>
    <mergeCell ref="JXM722:JXP722"/>
    <mergeCell ref="JWC722:JWF722"/>
    <mergeCell ref="JWG722:JWJ722"/>
    <mergeCell ref="JWK722:JWN722"/>
    <mergeCell ref="JWO722:JWR722"/>
    <mergeCell ref="JWS722:JWV722"/>
    <mergeCell ref="JVI722:JVL722"/>
    <mergeCell ref="JVM722:JVP722"/>
    <mergeCell ref="JVQ722:JVT722"/>
    <mergeCell ref="JVU722:JVX722"/>
    <mergeCell ref="JVY722:JWB722"/>
    <mergeCell ref="KFI722:KFL722"/>
    <mergeCell ref="KFM722:KFP722"/>
    <mergeCell ref="KFQ722:KFT722"/>
    <mergeCell ref="KFU722:KFX722"/>
    <mergeCell ref="KFY722:KGB722"/>
    <mergeCell ref="KEO722:KER722"/>
    <mergeCell ref="KES722:KEV722"/>
    <mergeCell ref="KEW722:KEZ722"/>
    <mergeCell ref="KFA722:KFD722"/>
    <mergeCell ref="KFE722:KFH722"/>
    <mergeCell ref="KDU722:KDX722"/>
    <mergeCell ref="KDY722:KEB722"/>
    <mergeCell ref="KEC722:KEF722"/>
    <mergeCell ref="KEG722:KEJ722"/>
    <mergeCell ref="KEK722:KEN722"/>
    <mergeCell ref="KDA722:KDD722"/>
    <mergeCell ref="KDE722:KDH722"/>
    <mergeCell ref="KDI722:KDL722"/>
    <mergeCell ref="KDM722:KDP722"/>
    <mergeCell ref="KDQ722:KDT722"/>
    <mergeCell ref="KCG722:KCJ722"/>
    <mergeCell ref="KCK722:KCN722"/>
    <mergeCell ref="KCO722:KCR722"/>
    <mergeCell ref="KCS722:KCV722"/>
    <mergeCell ref="KCW722:KCZ722"/>
    <mergeCell ref="KBM722:KBP722"/>
    <mergeCell ref="KBQ722:KBT722"/>
    <mergeCell ref="KBU722:KBX722"/>
    <mergeCell ref="KBY722:KCB722"/>
    <mergeCell ref="KCC722:KCF722"/>
    <mergeCell ref="KAS722:KAV722"/>
    <mergeCell ref="KAW722:KAZ722"/>
    <mergeCell ref="KBA722:KBD722"/>
    <mergeCell ref="KBE722:KBH722"/>
    <mergeCell ref="KBI722:KBL722"/>
    <mergeCell ref="KKS722:KKV722"/>
    <mergeCell ref="KKW722:KKZ722"/>
    <mergeCell ref="KLA722:KLD722"/>
    <mergeCell ref="KLE722:KLH722"/>
    <mergeCell ref="KLI722:KLL722"/>
    <mergeCell ref="KJY722:KKB722"/>
    <mergeCell ref="KKC722:KKF722"/>
    <mergeCell ref="KKG722:KKJ722"/>
    <mergeCell ref="KKK722:KKN722"/>
    <mergeCell ref="KKO722:KKR722"/>
    <mergeCell ref="KJE722:KJH722"/>
    <mergeCell ref="KJI722:KJL722"/>
    <mergeCell ref="KJM722:KJP722"/>
    <mergeCell ref="KJQ722:KJT722"/>
    <mergeCell ref="KJU722:KJX722"/>
    <mergeCell ref="KIK722:KIN722"/>
    <mergeCell ref="KIO722:KIR722"/>
    <mergeCell ref="KIS722:KIV722"/>
    <mergeCell ref="KIW722:KIZ722"/>
    <mergeCell ref="KJA722:KJD722"/>
    <mergeCell ref="KHQ722:KHT722"/>
    <mergeCell ref="KHU722:KHX722"/>
    <mergeCell ref="KHY722:KIB722"/>
    <mergeCell ref="KIC722:KIF722"/>
    <mergeCell ref="KIG722:KIJ722"/>
    <mergeCell ref="KGW722:KGZ722"/>
    <mergeCell ref="KHA722:KHD722"/>
    <mergeCell ref="KHE722:KHH722"/>
    <mergeCell ref="KHI722:KHL722"/>
    <mergeCell ref="KHM722:KHP722"/>
    <mergeCell ref="KGC722:KGF722"/>
    <mergeCell ref="KGG722:KGJ722"/>
    <mergeCell ref="KGK722:KGN722"/>
    <mergeCell ref="KGO722:KGR722"/>
    <mergeCell ref="KGS722:KGV722"/>
    <mergeCell ref="KQC722:KQF722"/>
    <mergeCell ref="KQG722:KQJ722"/>
    <mergeCell ref="KQK722:KQN722"/>
    <mergeCell ref="KQO722:KQR722"/>
    <mergeCell ref="KQS722:KQV722"/>
    <mergeCell ref="KPI722:KPL722"/>
    <mergeCell ref="KPM722:KPP722"/>
    <mergeCell ref="KPQ722:KPT722"/>
    <mergeCell ref="KPU722:KPX722"/>
    <mergeCell ref="KPY722:KQB722"/>
    <mergeCell ref="KOO722:KOR722"/>
    <mergeCell ref="KOS722:KOV722"/>
    <mergeCell ref="KOW722:KOZ722"/>
    <mergeCell ref="KPA722:KPD722"/>
    <mergeCell ref="KPE722:KPH722"/>
    <mergeCell ref="KNU722:KNX722"/>
    <mergeCell ref="KNY722:KOB722"/>
    <mergeCell ref="KOC722:KOF722"/>
    <mergeCell ref="KOG722:KOJ722"/>
    <mergeCell ref="KOK722:KON722"/>
    <mergeCell ref="KNA722:KND722"/>
    <mergeCell ref="KNE722:KNH722"/>
    <mergeCell ref="KNI722:KNL722"/>
    <mergeCell ref="KNM722:KNP722"/>
    <mergeCell ref="KNQ722:KNT722"/>
    <mergeCell ref="KMG722:KMJ722"/>
    <mergeCell ref="KMK722:KMN722"/>
    <mergeCell ref="KMO722:KMR722"/>
    <mergeCell ref="KMS722:KMV722"/>
    <mergeCell ref="KMW722:KMZ722"/>
    <mergeCell ref="KLM722:KLP722"/>
    <mergeCell ref="KLQ722:KLT722"/>
    <mergeCell ref="KLU722:KLX722"/>
    <mergeCell ref="KLY722:KMB722"/>
    <mergeCell ref="KMC722:KMF722"/>
    <mergeCell ref="KVM722:KVP722"/>
    <mergeCell ref="KVQ722:KVT722"/>
    <mergeCell ref="KVU722:KVX722"/>
    <mergeCell ref="KVY722:KWB722"/>
    <mergeCell ref="KWC722:KWF722"/>
    <mergeCell ref="KUS722:KUV722"/>
    <mergeCell ref="KUW722:KUZ722"/>
    <mergeCell ref="KVA722:KVD722"/>
    <mergeCell ref="KVE722:KVH722"/>
    <mergeCell ref="KVI722:KVL722"/>
    <mergeCell ref="KTY722:KUB722"/>
    <mergeCell ref="KUC722:KUF722"/>
    <mergeCell ref="KUG722:KUJ722"/>
    <mergeCell ref="KUK722:KUN722"/>
    <mergeCell ref="KUO722:KUR722"/>
    <mergeCell ref="KTE722:KTH722"/>
    <mergeCell ref="KTI722:KTL722"/>
    <mergeCell ref="KTM722:KTP722"/>
    <mergeCell ref="KTQ722:KTT722"/>
    <mergeCell ref="KTU722:KTX722"/>
    <mergeCell ref="KSK722:KSN722"/>
    <mergeCell ref="KSO722:KSR722"/>
    <mergeCell ref="KSS722:KSV722"/>
    <mergeCell ref="KSW722:KSZ722"/>
    <mergeCell ref="KTA722:KTD722"/>
    <mergeCell ref="KRQ722:KRT722"/>
    <mergeCell ref="KRU722:KRX722"/>
    <mergeCell ref="KRY722:KSB722"/>
    <mergeCell ref="KSC722:KSF722"/>
    <mergeCell ref="KSG722:KSJ722"/>
    <mergeCell ref="KQW722:KQZ722"/>
    <mergeCell ref="KRA722:KRD722"/>
    <mergeCell ref="KRE722:KRH722"/>
    <mergeCell ref="KRI722:KRL722"/>
    <mergeCell ref="KRM722:KRP722"/>
    <mergeCell ref="LAW722:LAZ722"/>
    <mergeCell ref="LBA722:LBD722"/>
    <mergeCell ref="LBE722:LBH722"/>
    <mergeCell ref="LBI722:LBL722"/>
    <mergeCell ref="LBM722:LBP722"/>
    <mergeCell ref="LAC722:LAF722"/>
    <mergeCell ref="LAG722:LAJ722"/>
    <mergeCell ref="LAK722:LAN722"/>
    <mergeCell ref="LAO722:LAR722"/>
    <mergeCell ref="LAS722:LAV722"/>
    <mergeCell ref="KZI722:KZL722"/>
    <mergeCell ref="KZM722:KZP722"/>
    <mergeCell ref="KZQ722:KZT722"/>
    <mergeCell ref="KZU722:KZX722"/>
    <mergeCell ref="KZY722:LAB722"/>
    <mergeCell ref="KYO722:KYR722"/>
    <mergeCell ref="KYS722:KYV722"/>
    <mergeCell ref="KYW722:KYZ722"/>
    <mergeCell ref="KZA722:KZD722"/>
    <mergeCell ref="KZE722:KZH722"/>
    <mergeCell ref="KXU722:KXX722"/>
    <mergeCell ref="KXY722:KYB722"/>
    <mergeCell ref="KYC722:KYF722"/>
    <mergeCell ref="KYG722:KYJ722"/>
    <mergeCell ref="KYK722:KYN722"/>
    <mergeCell ref="KXA722:KXD722"/>
    <mergeCell ref="KXE722:KXH722"/>
    <mergeCell ref="KXI722:KXL722"/>
    <mergeCell ref="KXM722:KXP722"/>
    <mergeCell ref="KXQ722:KXT722"/>
    <mergeCell ref="KWG722:KWJ722"/>
    <mergeCell ref="KWK722:KWN722"/>
    <mergeCell ref="KWO722:KWR722"/>
    <mergeCell ref="KWS722:KWV722"/>
    <mergeCell ref="KWW722:KWZ722"/>
    <mergeCell ref="LGG722:LGJ722"/>
    <mergeCell ref="LGK722:LGN722"/>
    <mergeCell ref="LGO722:LGR722"/>
    <mergeCell ref="LGS722:LGV722"/>
    <mergeCell ref="LGW722:LGZ722"/>
    <mergeCell ref="LFM722:LFP722"/>
    <mergeCell ref="LFQ722:LFT722"/>
    <mergeCell ref="LFU722:LFX722"/>
    <mergeCell ref="LFY722:LGB722"/>
    <mergeCell ref="LGC722:LGF722"/>
    <mergeCell ref="LES722:LEV722"/>
    <mergeCell ref="LEW722:LEZ722"/>
    <mergeCell ref="LFA722:LFD722"/>
    <mergeCell ref="LFE722:LFH722"/>
    <mergeCell ref="LFI722:LFL722"/>
    <mergeCell ref="LDY722:LEB722"/>
    <mergeCell ref="LEC722:LEF722"/>
    <mergeCell ref="LEG722:LEJ722"/>
    <mergeCell ref="LEK722:LEN722"/>
    <mergeCell ref="LEO722:LER722"/>
    <mergeCell ref="LDE722:LDH722"/>
    <mergeCell ref="LDI722:LDL722"/>
    <mergeCell ref="LDM722:LDP722"/>
    <mergeCell ref="LDQ722:LDT722"/>
    <mergeCell ref="LDU722:LDX722"/>
    <mergeCell ref="LCK722:LCN722"/>
    <mergeCell ref="LCO722:LCR722"/>
    <mergeCell ref="LCS722:LCV722"/>
    <mergeCell ref="LCW722:LCZ722"/>
    <mergeCell ref="LDA722:LDD722"/>
    <mergeCell ref="LBQ722:LBT722"/>
    <mergeCell ref="LBU722:LBX722"/>
    <mergeCell ref="LBY722:LCB722"/>
    <mergeCell ref="LCC722:LCF722"/>
    <mergeCell ref="LCG722:LCJ722"/>
    <mergeCell ref="LLQ722:LLT722"/>
    <mergeCell ref="LLU722:LLX722"/>
    <mergeCell ref="LLY722:LMB722"/>
    <mergeCell ref="LMC722:LMF722"/>
    <mergeCell ref="LMG722:LMJ722"/>
    <mergeCell ref="LKW722:LKZ722"/>
    <mergeCell ref="LLA722:LLD722"/>
    <mergeCell ref="LLE722:LLH722"/>
    <mergeCell ref="LLI722:LLL722"/>
    <mergeCell ref="LLM722:LLP722"/>
    <mergeCell ref="LKC722:LKF722"/>
    <mergeCell ref="LKG722:LKJ722"/>
    <mergeCell ref="LKK722:LKN722"/>
    <mergeCell ref="LKO722:LKR722"/>
    <mergeCell ref="LKS722:LKV722"/>
    <mergeCell ref="LJI722:LJL722"/>
    <mergeCell ref="LJM722:LJP722"/>
    <mergeCell ref="LJQ722:LJT722"/>
    <mergeCell ref="LJU722:LJX722"/>
    <mergeCell ref="LJY722:LKB722"/>
    <mergeCell ref="LIO722:LIR722"/>
    <mergeCell ref="LIS722:LIV722"/>
    <mergeCell ref="LIW722:LIZ722"/>
    <mergeCell ref="LJA722:LJD722"/>
    <mergeCell ref="LJE722:LJH722"/>
    <mergeCell ref="LHU722:LHX722"/>
    <mergeCell ref="LHY722:LIB722"/>
    <mergeCell ref="LIC722:LIF722"/>
    <mergeCell ref="LIG722:LIJ722"/>
    <mergeCell ref="LIK722:LIN722"/>
    <mergeCell ref="LHA722:LHD722"/>
    <mergeCell ref="LHE722:LHH722"/>
    <mergeCell ref="LHI722:LHL722"/>
    <mergeCell ref="LHM722:LHP722"/>
    <mergeCell ref="LHQ722:LHT722"/>
    <mergeCell ref="LRA722:LRD722"/>
    <mergeCell ref="LRE722:LRH722"/>
    <mergeCell ref="LRI722:LRL722"/>
    <mergeCell ref="LRM722:LRP722"/>
    <mergeCell ref="LRQ722:LRT722"/>
    <mergeCell ref="LQG722:LQJ722"/>
    <mergeCell ref="LQK722:LQN722"/>
    <mergeCell ref="LQO722:LQR722"/>
    <mergeCell ref="LQS722:LQV722"/>
    <mergeCell ref="LQW722:LQZ722"/>
    <mergeCell ref="LPM722:LPP722"/>
    <mergeCell ref="LPQ722:LPT722"/>
    <mergeCell ref="LPU722:LPX722"/>
    <mergeCell ref="LPY722:LQB722"/>
    <mergeCell ref="LQC722:LQF722"/>
    <mergeCell ref="LOS722:LOV722"/>
    <mergeCell ref="LOW722:LOZ722"/>
    <mergeCell ref="LPA722:LPD722"/>
    <mergeCell ref="LPE722:LPH722"/>
    <mergeCell ref="LPI722:LPL722"/>
    <mergeCell ref="LNY722:LOB722"/>
    <mergeCell ref="LOC722:LOF722"/>
    <mergeCell ref="LOG722:LOJ722"/>
    <mergeCell ref="LOK722:LON722"/>
    <mergeCell ref="LOO722:LOR722"/>
    <mergeCell ref="LNE722:LNH722"/>
    <mergeCell ref="LNI722:LNL722"/>
    <mergeCell ref="LNM722:LNP722"/>
    <mergeCell ref="LNQ722:LNT722"/>
    <mergeCell ref="LNU722:LNX722"/>
    <mergeCell ref="LMK722:LMN722"/>
    <mergeCell ref="LMO722:LMR722"/>
    <mergeCell ref="LMS722:LMV722"/>
    <mergeCell ref="LMW722:LMZ722"/>
    <mergeCell ref="LNA722:LND722"/>
    <mergeCell ref="LWK722:LWN722"/>
    <mergeCell ref="LWO722:LWR722"/>
    <mergeCell ref="LWS722:LWV722"/>
    <mergeCell ref="LWW722:LWZ722"/>
    <mergeCell ref="LXA722:LXD722"/>
    <mergeCell ref="LVQ722:LVT722"/>
    <mergeCell ref="LVU722:LVX722"/>
    <mergeCell ref="LVY722:LWB722"/>
    <mergeCell ref="LWC722:LWF722"/>
    <mergeCell ref="LWG722:LWJ722"/>
    <mergeCell ref="LUW722:LUZ722"/>
    <mergeCell ref="LVA722:LVD722"/>
    <mergeCell ref="LVE722:LVH722"/>
    <mergeCell ref="LVI722:LVL722"/>
    <mergeCell ref="LVM722:LVP722"/>
    <mergeCell ref="LUC722:LUF722"/>
    <mergeCell ref="LUG722:LUJ722"/>
    <mergeCell ref="LUK722:LUN722"/>
    <mergeCell ref="LUO722:LUR722"/>
    <mergeCell ref="LUS722:LUV722"/>
    <mergeCell ref="LTI722:LTL722"/>
    <mergeCell ref="LTM722:LTP722"/>
    <mergeCell ref="LTQ722:LTT722"/>
    <mergeCell ref="LTU722:LTX722"/>
    <mergeCell ref="LTY722:LUB722"/>
    <mergeCell ref="LSO722:LSR722"/>
    <mergeCell ref="LSS722:LSV722"/>
    <mergeCell ref="LSW722:LSZ722"/>
    <mergeCell ref="LTA722:LTD722"/>
    <mergeCell ref="LTE722:LTH722"/>
    <mergeCell ref="LRU722:LRX722"/>
    <mergeCell ref="LRY722:LSB722"/>
    <mergeCell ref="LSC722:LSF722"/>
    <mergeCell ref="LSG722:LSJ722"/>
    <mergeCell ref="LSK722:LSN722"/>
    <mergeCell ref="MBU722:MBX722"/>
    <mergeCell ref="MBY722:MCB722"/>
    <mergeCell ref="MCC722:MCF722"/>
    <mergeCell ref="MCG722:MCJ722"/>
    <mergeCell ref="MCK722:MCN722"/>
    <mergeCell ref="MBA722:MBD722"/>
    <mergeCell ref="MBE722:MBH722"/>
    <mergeCell ref="MBI722:MBL722"/>
    <mergeCell ref="MBM722:MBP722"/>
    <mergeCell ref="MBQ722:MBT722"/>
    <mergeCell ref="MAG722:MAJ722"/>
    <mergeCell ref="MAK722:MAN722"/>
    <mergeCell ref="MAO722:MAR722"/>
    <mergeCell ref="MAS722:MAV722"/>
    <mergeCell ref="MAW722:MAZ722"/>
    <mergeCell ref="LZM722:LZP722"/>
    <mergeCell ref="LZQ722:LZT722"/>
    <mergeCell ref="LZU722:LZX722"/>
    <mergeCell ref="LZY722:MAB722"/>
    <mergeCell ref="MAC722:MAF722"/>
    <mergeCell ref="LYS722:LYV722"/>
    <mergeCell ref="LYW722:LYZ722"/>
    <mergeCell ref="LZA722:LZD722"/>
    <mergeCell ref="LZE722:LZH722"/>
    <mergeCell ref="LZI722:LZL722"/>
    <mergeCell ref="LXY722:LYB722"/>
    <mergeCell ref="LYC722:LYF722"/>
    <mergeCell ref="LYG722:LYJ722"/>
    <mergeCell ref="LYK722:LYN722"/>
    <mergeCell ref="LYO722:LYR722"/>
    <mergeCell ref="LXE722:LXH722"/>
    <mergeCell ref="LXI722:LXL722"/>
    <mergeCell ref="LXM722:LXP722"/>
    <mergeCell ref="LXQ722:LXT722"/>
    <mergeCell ref="LXU722:LXX722"/>
    <mergeCell ref="MHE722:MHH722"/>
    <mergeCell ref="MHI722:MHL722"/>
    <mergeCell ref="MHM722:MHP722"/>
    <mergeCell ref="MHQ722:MHT722"/>
    <mergeCell ref="MHU722:MHX722"/>
    <mergeCell ref="MGK722:MGN722"/>
    <mergeCell ref="MGO722:MGR722"/>
    <mergeCell ref="MGS722:MGV722"/>
    <mergeCell ref="MGW722:MGZ722"/>
    <mergeCell ref="MHA722:MHD722"/>
    <mergeCell ref="MFQ722:MFT722"/>
    <mergeCell ref="MFU722:MFX722"/>
    <mergeCell ref="MFY722:MGB722"/>
    <mergeCell ref="MGC722:MGF722"/>
    <mergeCell ref="MGG722:MGJ722"/>
    <mergeCell ref="MEW722:MEZ722"/>
    <mergeCell ref="MFA722:MFD722"/>
    <mergeCell ref="MFE722:MFH722"/>
    <mergeCell ref="MFI722:MFL722"/>
    <mergeCell ref="MFM722:MFP722"/>
    <mergeCell ref="MEC722:MEF722"/>
    <mergeCell ref="MEG722:MEJ722"/>
    <mergeCell ref="MEK722:MEN722"/>
    <mergeCell ref="MEO722:MER722"/>
    <mergeCell ref="MES722:MEV722"/>
    <mergeCell ref="MDI722:MDL722"/>
    <mergeCell ref="MDM722:MDP722"/>
    <mergeCell ref="MDQ722:MDT722"/>
    <mergeCell ref="MDU722:MDX722"/>
    <mergeCell ref="MDY722:MEB722"/>
    <mergeCell ref="MCO722:MCR722"/>
    <mergeCell ref="MCS722:MCV722"/>
    <mergeCell ref="MCW722:MCZ722"/>
    <mergeCell ref="MDA722:MDD722"/>
    <mergeCell ref="MDE722:MDH722"/>
    <mergeCell ref="MMO722:MMR722"/>
    <mergeCell ref="MMS722:MMV722"/>
    <mergeCell ref="MMW722:MMZ722"/>
    <mergeCell ref="MNA722:MND722"/>
    <mergeCell ref="MNE722:MNH722"/>
    <mergeCell ref="MLU722:MLX722"/>
    <mergeCell ref="MLY722:MMB722"/>
    <mergeCell ref="MMC722:MMF722"/>
    <mergeCell ref="MMG722:MMJ722"/>
    <mergeCell ref="MMK722:MMN722"/>
    <mergeCell ref="MLA722:MLD722"/>
    <mergeCell ref="MLE722:MLH722"/>
    <mergeCell ref="MLI722:MLL722"/>
    <mergeCell ref="MLM722:MLP722"/>
    <mergeCell ref="MLQ722:MLT722"/>
    <mergeCell ref="MKG722:MKJ722"/>
    <mergeCell ref="MKK722:MKN722"/>
    <mergeCell ref="MKO722:MKR722"/>
    <mergeCell ref="MKS722:MKV722"/>
    <mergeCell ref="MKW722:MKZ722"/>
    <mergeCell ref="MJM722:MJP722"/>
    <mergeCell ref="MJQ722:MJT722"/>
    <mergeCell ref="MJU722:MJX722"/>
    <mergeCell ref="MJY722:MKB722"/>
    <mergeCell ref="MKC722:MKF722"/>
    <mergeCell ref="MIS722:MIV722"/>
    <mergeCell ref="MIW722:MIZ722"/>
    <mergeCell ref="MJA722:MJD722"/>
    <mergeCell ref="MJE722:MJH722"/>
    <mergeCell ref="MJI722:MJL722"/>
    <mergeCell ref="MHY722:MIB722"/>
    <mergeCell ref="MIC722:MIF722"/>
    <mergeCell ref="MIG722:MIJ722"/>
    <mergeCell ref="MIK722:MIN722"/>
    <mergeCell ref="MIO722:MIR722"/>
    <mergeCell ref="MRY722:MSB722"/>
    <mergeCell ref="MSC722:MSF722"/>
    <mergeCell ref="MSG722:MSJ722"/>
    <mergeCell ref="MSK722:MSN722"/>
    <mergeCell ref="MSO722:MSR722"/>
    <mergeCell ref="MRE722:MRH722"/>
    <mergeCell ref="MRI722:MRL722"/>
    <mergeCell ref="MRM722:MRP722"/>
    <mergeCell ref="MRQ722:MRT722"/>
    <mergeCell ref="MRU722:MRX722"/>
    <mergeCell ref="MQK722:MQN722"/>
    <mergeCell ref="MQO722:MQR722"/>
    <mergeCell ref="MQS722:MQV722"/>
    <mergeCell ref="MQW722:MQZ722"/>
    <mergeCell ref="MRA722:MRD722"/>
    <mergeCell ref="MPQ722:MPT722"/>
    <mergeCell ref="MPU722:MPX722"/>
    <mergeCell ref="MPY722:MQB722"/>
    <mergeCell ref="MQC722:MQF722"/>
    <mergeCell ref="MQG722:MQJ722"/>
    <mergeCell ref="MOW722:MOZ722"/>
    <mergeCell ref="MPA722:MPD722"/>
    <mergeCell ref="MPE722:MPH722"/>
    <mergeCell ref="MPI722:MPL722"/>
    <mergeCell ref="MPM722:MPP722"/>
    <mergeCell ref="MOC722:MOF722"/>
    <mergeCell ref="MOG722:MOJ722"/>
    <mergeCell ref="MOK722:MON722"/>
    <mergeCell ref="MOO722:MOR722"/>
    <mergeCell ref="MOS722:MOV722"/>
    <mergeCell ref="MNI722:MNL722"/>
    <mergeCell ref="MNM722:MNP722"/>
    <mergeCell ref="MNQ722:MNT722"/>
    <mergeCell ref="MNU722:MNX722"/>
    <mergeCell ref="MNY722:MOB722"/>
    <mergeCell ref="MXI722:MXL722"/>
    <mergeCell ref="MXM722:MXP722"/>
    <mergeCell ref="MXQ722:MXT722"/>
    <mergeCell ref="MXU722:MXX722"/>
    <mergeCell ref="MXY722:MYB722"/>
    <mergeCell ref="MWO722:MWR722"/>
    <mergeCell ref="MWS722:MWV722"/>
    <mergeCell ref="MWW722:MWZ722"/>
    <mergeCell ref="MXA722:MXD722"/>
    <mergeCell ref="MXE722:MXH722"/>
    <mergeCell ref="MVU722:MVX722"/>
    <mergeCell ref="MVY722:MWB722"/>
    <mergeCell ref="MWC722:MWF722"/>
    <mergeCell ref="MWG722:MWJ722"/>
    <mergeCell ref="MWK722:MWN722"/>
    <mergeCell ref="MVA722:MVD722"/>
    <mergeCell ref="MVE722:MVH722"/>
    <mergeCell ref="MVI722:MVL722"/>
    <mergeCell ref="MVM722:MVP722"/>
    <mergeCell ref="MVQ722:MVT722"/>
    <mergeCell ref="MUG722:MUJ722"/>
    <mergeCell ref="MUK722:MUN722"/>
    <mergeCell ref="MUO722:MUR722"/>
    <mergeCell ref="MUS722:MUV722"/>
    <mergeCell ref="MUW722:MUZ722"/>
    <mergeCell ref="MTM722:MTP722"/>
    <mergeCell ref="MTQ722:MTT722"/>
    <mergeCell ref="MTU722:MTX722"/>
    <mergeCell ref="MTY722:MUB722"/>
    <mergeCell ref="MUC722:MUF722"/>
    <mergeCell ref="MSS722:MSV722"/>
    <mergeCell ref="MSW722:MSZ722"/>
    <mergeCell ref="MTA722:MTD722"/>
    <mergeCell ref="MTE722:MTH722"/>
    <mergeCell ref="MTI722:MTL722"/>
    <mergeCell ref="NCS722:NCV722"/>
    <mergeCell ref="NCW722:NCZ722"/>
    <mergeCell ref="NDA722:NDD722"/>
    <mergeCell ref="NDE722:NDH722"/>
    <mergeCell ref="NDI722:NDL722"/>
    <mergeCell ref="NBY722:NCB722"/>
    <mergeCell ref="NCC722:NCF722"/>
    <mergeCell ref="NCG722:NCJ722"/>
    <mergeCell ref="NCK722:NCN722"/>
    <mergeCell ref="NCO722:NCR722"/>
    <mergeCell ref="NBE722:NBH722"/>
    <mergeCell ref="NBI722:NBL722"/>
    <mergeCell ref="NBM722:NBP722"/>
    <mergeCell ref="NBQ722:NBT722"/>
    <mergeCell ref="NBU722:NBX722"/>
    <mergeCell ref="NAK722:NAN722"/>
    <mergeCell ref="NAO722:NAR722"/>
    <mergeCell ref="NAS722:NAV722"/>
    <mergeCell ref="NAW722:NAZ722"/>
    <mergeCell ref="NBA722:NBD722"/>
    <mergeCell ref="MZQ722:MZT722"/>
    <mergeCell ref="MZU722:MZX722"/>
    <mergeCell ref="MZY722:NAB722"/>
    <mergeCell ref="NAC722:NAF722"/>
    <mergeCell ref="NAG722:NAJ722"/>
    <mergeCell ref="MYW722:MYZ722"/>
    <mergeCell ref="MZA722:MZD722"/>
    <mergeCell ref="MZE722:MZH722"/>
    <mergeCell ref="MZI722:MZL722"/>
    <mergeCell ref="MZM722:MZP722"/>
    <mergeCell ref="MYC722:MYF722"/>
    <mergeCell ref="MYG722:MYJ722"/>
    <mergeCell ref="MYK722:MYN722"/>
    <mergeCell ref="MYO722:MYR722"/>
    <mergeCell ref="MYS722:MYV722"/>
    <mergeCell ref="NIC722:NIF722"/>
    <mergeCell ref="NIG722:NIJ722"/>
    <mergeCell ref="NIK722:NIN722"/>
    <mergeCell ref="NIO722:NIR722"/>
    <mergeCell ref="NIS722:NIV722"/>
    <mergeCell ref="NHI722:NHL722"/>
    <mergeCell ref="NHM722:NHP722"/>
    <mergeCell ref="NHQ722:NHT722"/>
    <mergeCell ref="NHU722:NHX722"/>
    <mergeCell ref="NHY722:NIB722"/>
    <mergeCell ref="NGO722:NGR722"/>
    <mergeCell ref="NGS722:NGV722"/>
    <mergeCell ref="NGW722:NGZ722"/>
    <mergeCell ref="NHA722:NHD722"/>
    <mergeCell ref="NHE722:NHH722"/>
    <mergeCell ref="NFU722:NFX722"/>
    <mergeCell ref="NFY722:NGB722"/>
    <mergeCell ref="NGC722:NGF722"/>
    <mergeCell ref="NGG722:NGJ722"/>
    <mergeCell ref="NGK722:NGN722"/>
    <mergeCell ref="NFA722:NFD722"/>
    <mergeCell ref="NFE722:NFH722"/>
    <mergeCell ref="NFI722:NFL722"/>
    <mergeCell ref="NFM722:NFP722"/>
    <mergeCell ref="NFQ722:NFT722"/>
    <mergeCell ref="NEG722:NEJ722"/>
    <mergeCell ref="NEK722:NEN722"/>
    <mergeCell ref="NEO722:NER722"/>
    <mergeCell ref="NES722:NEV722"/>
    <mergeCell ref="NEW722:NEZ722"/>
    <mergeCell ref="NDM722:NDP722"/>
    <mergeCell ref="NDQ722:NDT722"/>
    <mergeCell ref="NDU722:NDX722"/>
    <mergeCell ref="NDY722:NEB722"/>
    <mergeCell ref="NEC722:NEF722"/>
    <mergeCell ref="NNM722:NNP722"/>
    <mergeCell ref="NNQ722:NNT722"/>
    <mergeCell ref="NNU722:NNX722"/>
    <mergeCell ref="NNY722:NOB722"/>
    <mergeCell ref="NOC722:NOF722"/>
    <mergeCell ref="NMS722:NMV722"/>
    <mergeCell ref="NMW722:NMZ722"/>
    <mergeCell ref="NNA722:NND722"/>
    <mergeCell ref="NNE722:NNH722"/>
    <mergeCell ref="NNI722:NNL722"/>
    <mergeCell ref="NLY722:NMB722"/>
    <mergeCell ref="NMC722:NMF722"/>
    <mergeCell ref="NMG722:NMJ722"/>
    <mergeCell ref="NMK722:NMN722"/>
    <mergeCell ref="NMO722:NMR722"/>
    <mergeCell ref="NLE722:NLH722"/>
    <mergeCell ref="NLI722:NLL722"/>
    <mergeCell ref="NLM722:NLP722"/>
    <mergeCell ref="NLQ722:NLT722"/>
    <mergeCell ref="NLU722:NLX722"/>
    <mergeCell ref="NKK722:NKN722"/>
    <mergeCell ref="NKO722:NKR722"/>
    <mergeCell ref="NKS722:NKV722"/>
    <mergeCell ref="NKW722:NKZ722"/>
    <mergeCell ref="NLA722:NLD722"/>
    <mergeCell ref="NJQ722:NJT722"/>
    <mergeCell ref="NJU722:NJX722"/>
    <mergeCell ref="NJY722:NKB722"/>
    <mergeCell ref="NKC722:NKF722"/>
    <mergeCell ref="NKG722:NKJ722"/>
    <mergeCell ref="NIW722:NIZ722"/>
    <mergeCell ref="NJA722:NJD722"/>
    <mergeCell ref="NJE722:NJH722"/>
    <mergeCell ref="NJI722:NJL722"/>
    <mergeCell ref="NJM722:NJP722"/>
    <mergeCell ref="NSW722:NSZ722"/>
    <mergeCell ref="NTA722:NTD722"/>
    <mergeCell ref="NTE722:NTH722"/>
    <mergeCell ref="NTI722:NTL722"/>
    <mergeCell ref="NTM722:NTP722"/>
    <mergeCell ref="NSC722:NSF722"/>
    <mergeCell ref="NSG722:NSJ722"/>
    <mergeCell ref="NSK722:NSN722"/>
    <mergeCell ref="NSO722:NSR722"/>
    <mergeCell ref="NSS722:NSV722"/>
    <mergeCell ref="NRI722:NRL722"/>
    <mergeCell ref="NRM722:NRP722"/>
    <mergeCell ref="NRQ722:NRT722"/>
    <mergeCell ref="NRU722:NRX722"/>
    <mergeCell ref="NRY722:NSB722"/>
    <mergeCell ref="NQO722:NQR722"/>
    <mergeCell ref="NQS722:NQV722"/>
    <mergeCell ref="NQW722:NQZ722"/>
    <mergeCell ref="NRA722:NRD722"/>
    <mergeCell ref="NRE722:NRH722"/>
    <mergeCell ref="NPU722:NPX722"/>
    <mergeCell ref="NPY722:NQB722"/>
    <mergeCell ref="NQC722:NQF722"/>
    <mergeCell ref="NQG722:NQJ722"/>
    <mergeCell ref="NQK722:NQN722"/>
    <mergeCell ref="NPA722:NPD722"/>
    <mergeCell ref="NPE722:NPH722"/>
    <mergeCell ref="NPI722:NPL722"/>
    <mergeCell ref="NPM722:NPP722"/>
    <mergeCell ref="NPQ722:NPT722"/>
    <mergeCell ref="NOG722:NOJ722"/>
    <mergeCell ref="NOK722:NON722"/>
    <mergeCell ref="NOO722:NOR722"/>
    <mergeCell ref="NOS722:NOV722"/>
    <mergeCell ref="NOW722:NOZ722"/>
    <mergeCell ref="NYG722:NYJ722"/>
    <mergeCell ref="NYK722:NYN722"/>
    <mergeCell ref="NYO722:NYR722"/>
    <mergeCell ref="NYS722:NYV722"/>
    <mergeCell ref="NYW722:NYZ722"/>
    <mergeCell ref="NXM722:NXP722"/>
    <mergeCell ref="NXQ722:NXT722"/>
    <mergeCell ref="NXU722:NXX722"/>
    <mergeCell ref="NXY722:NYB722"/>
    <mergeCell ref="NYC722:NYF722"/>
    <mergeCell ref="NWS722:NWV722"/>
    <mergeCell ref="NWW722:NWZ722"/>
    <mergeCell ref="NXA722:NXD722"/>
    <mergeCell ref="NXE722:NXH722"/>
    <mergeCell ref="NXI722:NXL722"/>
    <mergeCell ref="NVY722:NWB722"/>
    <mergeCell ref="NWC722:NWF722"/>
    <mergeCell ref="NWG722:NWJ722"/>
    <mergeCell ref="NWK722:NWN722"/>
    <mergeCell ref="NWO722:NWR722"/>
    <mergeCell ref="NVE722:NVH722"/>
    <mergeCell ref="NVI722:NVL722"/>
    <mergeCell ref="NVM722:NVP722"/>
    <mergeCell ref="NVQ722:NVT722"/>
    <mergeCell ref="NVU722:NVX722"/>
    <mergeCell ref="NUK722:NUN722"/>
    <mergeCell ref="NUO722:NUR722"/>
    <mergeCell ref="NUS722:NUV722"/>
    <mergeCell ref="NUW722:NUZ722"/>
    <mergeCell ref="NVA722:NVD722"/>
    <mergeCell ref="NTQ722:NTT722"/>
    <mergeCell ref="NTU722:NTX722"/>
    <mergeCell ref="NTY722:NUB722"/>
    <mergeCell ref="NUC722:NUF722"/>
    <mergeCell ref="NUG722:NUJ722"/>
    <mergeCell ref="ODQ722:ODT722"/>
    <mergeCell ref="ODU722:ODX722"/>
    <mergeCell ref="ODY722:OEB722"/>
    <mergeCell ref="OEC722:OEF722"/>
    <mergeCell ref="OEG722:OEJ722"/>
    <mergeCell ref="OCW722:OCZ722"/>
    <mergeCell ref="ODA722:ODD722"/>
    <mergeCell ref="ODE722:ODH722"/>
    <mergeCell ref="ODI722:ODL722"/>
    <mergeCell ref="ODM722:ODP722"/>
    <mergeCell ref="OCC722:OCF722"/>
    <mergeCell ref="OCG722:OCJ722"/>
    <mergeCell ref="OCK722:OCN722"/>
    <mergeCell ref="OCO722:OCR722"/>
    <mergeCell ref="OCS722:OCV722"/>
    <mergeCell ref="OBI722:OBL722"/>
    <mergeCell ref="OBM722:OBP722"/>
    <mergeCell ref="OBQ722:OBT722"/>
    <mergeCell ref="OBU722:OBX722"/>
    <mergeCell ref="OBY722:OCB722"/>
    <mergeCell ref="OAO722:OAR722"/>
    <mergeCell ref="OAS722:OAV722"/>
    <mergeCell ref="OAW722:OAZ722"/>
    <mergeCell ref="OBA722:OBD722"/>
    <mergeCell ref="OBE722:OBH722"/>
    <mergeCell ref="NZU722:NZX722"/>
    <mergeCell ref="NZY722:OAB722"/>
    <mergeCell ref="OAC722:OAF722"/>
    <mergeCell ref="OAG722:OAJ722"/>
    <mergeCell ref="OAK722:OAN722"/>
    <mergeCell ref="NZA722:NZD722"/>
    <mergeCell ref="NZE722:NZH722"/>
    <mergeCell ref="NZI722:NZL722"/>
    <mergeCell ref="NZM722:NZP722"/>
    <mergeCell ref="NZQ722:NZT722"/>
    <mergeCell ref="OJA722:OJD722"/>
    <mergeCell ref="OJE722:OJH722"/>
    <mergeCell ref="OJI722:OJL722"/>
    <mergeCell ref="OJM722:OJP722"/>
    <mergeCell ref="OJQ722:OJT722"/>
    <mergeCell ref="OIG722:OIJ722"/>
    <mergeCell ref="OIK722:OIN722"/>
    <mergeCell ref="OIO722:OIR722"/>
    <mergeCell ref="OIS722:OIV722"/>
    <mergeCell ref="OIW722:OIZ722"/>
    <mergeCell ref="OHM722:OHP722"/>
    <mergeCell ref="OHQ722:OHT722"/>
    <mergeCell ref="OHU722:OHX722"/>
    <mergeCell ref="OHY722:OIB722"/>
    <mergeCell ref="OIC722:OIF722"/>
    <mergeCell ref="OGS722:OGV722"/>
    <mergeCell ref="OGW722:OGZ722"/>
    <mergeCell ref="OHA722:OHD722"/>
    <mergeCell ref="OHE722:OHH722"/>
    <mergeCell ref="OHI722:OHL722"/>
    <mergeCell ref="OFY722:OGB722"/>
    <mergeCell ref="OGC722:OGF722"/>
    <mergeCell ref="OGG722:OGJ722"/>
    <mergeCell ref="OGK722:OGN722"/>
    <mergeCell ref="OGO722:OGR722"/>
    <mergeCell ref="OFE722:OFH722"/>
    <mergeCell ref="OFI722:OFL722"/>
    <mergeCell ref="OFM722:OFP722"/>
    <mergeCell ref="OFQ722:OFT722"/>
    <mergeCell ref="OFU722:OFX722"/>
    <mergeCell ref="OEK722:OEN722"/>
    <mergeCell ref="OEO722:OER722"/>
    <mergeCell ref="OES722:OEV722"/>
    <mergeCell ref="OEW722:OEZ722"/>
    <mergeCell ref="OFA722:OFD722"/>
    <mergeCell ref="OOK722:OON722"/>
    <mergeCell ref="OOO722:OOR722"/>
    <mergeCell ref="OOS722:OOV722"/>
    <mergeCell ref="OOW722:OOZ722"/>
    <mergeCell ref="OPA722:OPD722"/>
    <mergeCell ref="ONQ722:ONT722"/>
    <mergeCell ref="ONU722:ONX722"/>
    <mergeCell ref="ONY722:OOB722"/>
    <mergeCell ref="OOC722:OOF722"/>
    <mergeCell ref="OOG722:OOJ722"/>
    <mergeCell ref="OMW722:OMZ722"/>
    <mergeCell ref="ONA722:OND722"/>
    <mergeCell ref="ONE722:ONH722"/>
    <mergeCell ref="ONI722:ONL722"/>
    <mergeCell ref="ONM722:ONP722"/>
    <mergeCell ref="OMC722:OMF722"/>
    <mergeCell ref="OMG722:OMJ722"/>
    <mergeCell ref="OMK722:OMN722"/>
    <mergeCell ref="OMO722:OMR722"/>
    <mergeCell ref="OMS722:OMV722"/>
    <mergeCell ref="OLI722:OLL722"/>
    <mergeCell ref="OLM722:OLP722"/>
    <mergeCell ref="OLQ722:OLT722"/>
    <mergeCell ref="OLU722:OLX722"/>
    <mergeCell ref="OLY722:OMB722"/>
    <mergeCell ref="OKO722:OKR722"/>
    <mergeCell ref="OKS722:OKV722"/>
    <mergeCell ref="OKW722:OKZ722"/>
    <mergeCell ref="OLA722:OLD722"/>
    <mergeCell ref="OLE722:OLH722"/>
    <mergeCell ref="OJU722:OJX722"/>
    <mergeCell ref="OJY722:OKB722"/>
    <mergeCell ref="OKC722:OKF722"/>
    <mergeCell ref="OKG722:OKJ722"/>
    <mergeCell ref="OKK722:OKN722"/>
    <mergeCell ref="OTU722:OTX722"/>
    <mergeCell ref="OTY722:OUB722"/>
    <mergeCell ref="OUC722:OUF722"/>
    <mergeCell ref="OUG722:OUJ722"/>
    <mergeCell ref="OUK722:OUN722"/>
    <mergeCell ref="OTA722:OTD722"/>
    <mergeCell ref="OTE722:OTH722"/>
    <mergeCell ref="OTI722:OTL722"/>
    <mergeCell ref="OTM722:OTP722"/>
    <mergeCell ref="OTQ722:OTT722"/>
    <mergeCell ref="OSG722:OSJ722"/>
    <mergeCell ref="OSK722:OSN722"/>
    <mergeCell ref="OSO722:OSR722"/>
    <mergeCell ref="OSS722:OSV722"/>
    <mergeCell ref="OSW722:OSZ722"/>
    <mergeCell ref="ORM722:ORP722"/>
    <mergeCell ref="ORQ722:ORT722"/>
    <mergeCell ref="ORU722:ORX722"/>
    <mergeCell ref="ORY722:OSB722"/>
    <mergeCell ref="OSC722:OSF722"/>
    <mergeCell ref="OQS722:OQV722"/>
    <mergeCell ref="OQW722:OQZ722"/>
    <mergeCell ref="ORA722:ORD722"/>
    <mergeCell ref="ORE722:ORH722"/>
    <mergeCell ref="ORI722:ORL722"/>
    <mergeCell ref="OPY722:OQB722"/>
    <mergeCell ref="OQC722:OQF722"/>
    <mergeCell ref="OQG722:OQJ722"/>
    <mergeCell ref="OQK722:OQN722"/>
    <mergeCell ref="OQO722:OQR722"/>
    <mergeCell ref="OPE722:OPH722"/>
    <mergeCell ref="OPI722:OPL722"/>
    <mergeCell ref="OPM722:OPP722"/>
    <mergeCell ref="OPQ722:OPT722"/>
    <mergeCell ref="OPU722:OPX722"/>
    <mergeCell ref="OZE722:OZH722"/>
    <mergeCell ref="OZI722:OZL722"/>
    <mergeCell ref="OZM722:OZP722"/>
    <mergeCell ref="OZQ722:OZT722"/>
    <mergeCell ref="OZU722:OZX722"/>
    <mergeCell ref="OYK722:OYN722"/>
    <mergeCell ref="OYO722:OYR722"/>
    <mergeCell ref="OYS722:OYV722"/>
    <mergeCell ref="OYW722:OYZ722"/>
    <mergeCell ref="OZA722:OZD722"/>
    <mergeCell ref="OXQ722:OXT722"/>
    <mergeCell ref="OXU722:OXX722"/>
    <mergeCell ref="OXY722:OYB722"/>
    <mergeCell ref="OYC722:OYF722"/>
    <mergeCell ref="OYG722:OYJ722"/>
    <mergeCell ref="OWW722:OWZ722"/>
    <mergeCell ref="OXA722:OXD722"/>
    <mergeCell ref="OXE722:OXH722"/>
    <mergeCell ref="OXI722:OXL722"/>
    <mergeCell ref="OXM722:OXP722"/>
    <mergeCell ref="OWC722:OWF722"/>
    <mergeCell ref="OWG722:OWJ722"/>
    <mergeCell ref="OWK722:OWN722"/>
    <mergeCell ref="OWO722:OWR722"/>
    <mergeCell ref="OWS722:OWV722"/>
    <mergeCell ref="OVI722:OVL722"/>
    <mergeCell ref="OVM722:OVP722"/>
    <mergeCell ref="OVQ722:OVT722"/>
    <mergeCell ref="OVU722:OVX722"/>
    <mergeCell ref="OVY722:OWB722"/>
    <mergeCell ref="OUO722:OUR722"/>
    <mergeCell ref="OUS722:OUV722"/>
    <mergeCell ref="OUW722:OUZ722"/>
    <mergeCell ref="OVA722:OVD722"/>
    <mergeCell ref="OVE722:OVH722"/>
    <mergeCell ref="PEO722:PER722"/>
    <mergeCell ref="PES722:PEV722"/>
    <mergeCell ref="PEW722:PEZ722"/>
    <mergeCell ref="PFA722:PFD722"/>
    <mergeCell ref="PFE722:PFH722"/>
    <mergeCell ref="PDU722:PDX722"/>
    <mergeCell ref="PDY722:PEB722"/>
    <mergeCell ref="PEC722:PEF722"/>
    <mergeCell ref="PEG722:PEJ722"/>
    <mergeCell ref="PEK722:PEN722"/>
    <mergeCell ref="PDA722:PDD722"/>
    <mergeCell ref="PDE722:PDH722"/>
    <mergeCell ref="PDI722:PDL722"/>
    <mergeCell ref="PDM722:PDP722"/>
    <mergeCell ref="PDQ722:PDT722"/>
    <mergeCell ref="PCG722:PCJ722"/>
    <mergeCell ref="PCK722:PCN722"/>
    <mergeCell ref="PCO722:PCR722"/>
    <mergeCell ref="PCS722:PCV722"/>
    <mergeCell ref="PCW722:PCZ722"/>
    <mergeCell ref="PBM722:PBP722"/>
    <mergeCell ref="PBQ722:PBT722"/>
    <mergeCell ref="PBU722:PBX722"/>
    <mergeCell ref="PBY722:PCB722"/>
    <mergeCell ref="PCC722:PCF722"/>
    <mergeCell ref="PAS722:PAV722"/>
    <mergeCell ref="PAW722:PAZ722"/>
    <mergeCell ref="PBA722:PBD722"/>
    <mergeCell ref="PBE722:PBH722"/>
    <mergeCell ref="PBI722:PBL722"/>
    <mergeCell ref="OZY722:PAB722"/>
    <mergeCell ref="PAC722:PAF722"/>
    <mergeCell ref="PAG722:PAJ722"/>
    <mergeCell ref="PAK722:PAN722"/>
    <mergeCell ref="PAO722:PAR722"/>
    <mergeCell ref="PJY722:PKB722"/>
    <mergeCell ref="PKC722:PKF722"/>
    <mergeCell ref="PKG722:PKJ722"/>
    <mergeCell ref="PKK722:PKN722"/>
    <mergeCell ref="PKO722:PKR722"/>
    <mergeCell ref="PJE722:PJH722"/>
    <mergeCell ref="PJI722:PJL722"/>
    <mergeCell ref="PJM722:PJP722"/>
    <mergeCell ref="PJQ722:PJT722"/>
    <mergeCell ref="PJU722:PJX722"/>
    <mergeCell ref="PIK722:PIN722"/>
    <mergeCell ref="PIO722:PIR722"/>
    <mergeCell ref="PIS722:PIV722"/>
    <mergeCell ref="PIW722:PIZ722"/>
    <mergeCell ref="PJA722:PJD722"/>
    <mergeCell ref="PHQ722:PHT722"/>
    <mergeCell ref="PHU722:PHX722"/>
    <mergeCell ref="PHY722:PIB722"/>
    <mergeCell ref="PIC722:PIF722"/>
    <mergeCell ref="PIG722:PIJ722"/>
    <mergeCell ref="PGW722:PGZ722"/>
    <mergeCell ref="PHA722:PHD722"/>
    <mergeCell ref="PHE722:PHH722"/>
    <mergeCell ref="PHI722:PHL722"/>
    <mergeCell ref="PHM722:PHP722"/>
    <mergeCell ref="PGC722:PGF722"/>
    <mergeCell ref="PGG722:PGJ722"/>
    <mergeCell ref="PGK722:PGN722"/>
    <mergeCell ref="PGO722:PGR722"/>
    <mergeCell ref="PGS722:PGV722"/>
    <mergeCell ref="PFI722:PFL722"/>
    <mergeCell ref="PFM722:PFP722"/>
    <mergeCell ref="PFQ722:PFT722"/>
    <mergeCell ref="PFU722:PFX722"/>
    <mergeCell ref="PFY722:PGB722"/>
    <mergeCell ref="PPI722:PPL722"/>
    <mergeCell ref="PPM722:PPP722"/>
    <mergeCell ref="PPQ722:PPT722"/>
    <mergeCell ref="PPU722:PPX722"/>
    <mergeCell ref="PPY722:PQB722"/>
    <mergeCell ref="POO722:POR722"/>
    <mergeCell ref="POS722:POV722"/>
    <mergeCell ref="POW722:POZ722"/>
    <mergeCell ref="PPA722:PPD722"/>
    <mergeCell ref="PPE722:PPH722"/>
    <mergeCell ref="PNU722:PNX722"/>
    <mergeCell ref="PNY722:POB722"/>
    <mergeCell ref="POC722:POF722"/>
    <mergeCell ref="POG722:POJ722"/>
    <mergeCell ref="POK722:PON722"/>
    <mergeCell ref="PNA722:PND722"/>
    <mergeCell ref="PNE722:PNH722"/>
    <mergeCell ref="PNI722:PNL722"/>
    <mergeCell ref="PNM722:PNP722"/>
    <mergeCell ref="PNQ722:PNT722"/>
    <mergeCell ref="PMG722:PMJ722"/>
    <mergeCell ref="PMK722:PMN722"/>
    <mergeCell ref="PMO722:PMR722"/>
    <mergeCell ref="PMS722:PMV722"/>
    <mergeCell ref="PMW722:PMZ722"/>
    <mergeCell ref="PLM722:PLP722"/>
    <mergeCell ref="PLQ722:PLT722"/>
    <mergeCell ref="PLU722:PLX722"/>
    <mergeCell ref="PLY722:PMB722"/>
    <mergeCell ref="PMC722:PMF722"/>
    <mergeCell ref="PKS722:PKV722"/>
    <mergeCell ref="PKW722:PKZ722"/>
    <mergeCell ref="PLA722:PLD722"/>
    <mergeCell ref="PLE722:PLH722"/>
    <mergeCell ref="PLI722:PLL722"/>
    <mergeCell ref="PUS722:PUV722"/>
    <mergeCell ref="PUW722:PUZ722"/>
    <mergeCell ref="PVA722:PVD722"/>
    <mergeCell ref="PVE722:PVH722"/>
    <mergeCell ref="PVI722:PVL722"/>
    <mergeCell ref="PTY722:PUB722"/>
    <mergeCell ref="PUC722:PUF722"/>
    <mergeCell ref="PUG722:PUJ722"/>
    <mergeCell ref="PUK722:PUN722"/>
    <mergeCell ref="PUO722:PUR722"/>
    <mergeCell ref="PTE722:PTH722"/>
    <mergeCell ref="PTI722:PTL722"/>
    <mergeCell ref="PTM722:PTP722"/>
    <mergeCell ref="PTQ722:PTT722"/>
    <mergeCell ref="PTU722:PTX722"/>
    <mergeCell ref="PSK722:PSN722"/>
    <mergeCell ref="PSO722:PSR722"/>
    <mergeCell ref="PSS722:PSV722"/>
    <mergeCell ref="PSW722:PSZ722"/>
    <mergeCell ref="PTA722:PTD722"/>
    <mergeCell ref="PRQ722:PRT722"/>
    <mergeCell ref="PRU722:PRX722"/>
    <mergeCell ref="PRY722:PSB722"/>
    <mergeCell ref="PSC722:PSF722"/>
    <mergeCell ref="PSG722:PSJ722"/>
    <mergeCell ref="PQW722:PQZ722"/>
    <mergeCell ref="PRA722:PRD722"/>
    <mergeCell ref="PRE722:PRH722"/>
    <mergeCell ref="PRI722:PRL722"/>
    <mergeCell ref="PRM722:PRP722"/>
    <mergeCell ref="PQC722:PQF722"/>
    <mergeCell ref="PQG722:PQJ722"/>
    <mergeCell ref="PQK722:PQN722"/>
    <mergeCell ref="PQO722:PQR722"/>
    <mergeCell ref="PQS722:PQV722"/>
    <mergeCell ref="QAC722:QAF722"/>
    <mergeCell ref="QAG722:QAJ722"/>
    <mergeCell ref="QAK722:QAN722"/>
    <mergeCell ref="QAO722:QAR722"/>
    <mergeCell ref="QAS722:QAV722"/>
    <mergeCell ref="PZI722:PZL722"/>
    <mergeCell ref="PZM722:PZP722"/>
    <mergeCell ref="PZQ722:PZT722"/>
    <mergeCell ref="PZU722:PZX722"/>
    <mergeCell ref="PZY722:QAB722"/>
    <mergeCell ref="PYO722:PYR722"/>
    <mergeCell ref="PYS722:PYV722"/>
    <mergeCell ref="PYW722:PYZ722"/>
    <mergeCell ref="PZA722:PZD722"/>
    <mergeCell ref="PZE722:PZH722"/>
    <mergeCell ref="PXU722:PXX722"/>
    <mergeCell ref="PXY722:PYB722"/>
    <mergeCell ref="PYC722:PYF722"/>
    <mergeCell ref="PYG722:PYJ722"/>
    <mergeCell ref="PYK722:PYN722"/>
    <mergeCell ref="PXA722:PXD722"/>
    <mergeCell ref="PXE722:PXH722"/>
    <mergeCell ref="PXI722:PXL722"/>
    <mergeCell ref="PXM722:PXP722"/>
    <mergeCell ref="PXQ722:PXT722"/>
    <mergeCell ref="PWG722:PWJ722"/>
    <mergeCell ref="PWK722:PWN722"/>
    <mergeCell ref="PWO722:PWR722"/>
    <mergeCell ref="PWS722:PWV722"/>
    <mergeCell ref="PWW722:PWZ722"/>
    <mergeCell ref="PVM722:PVP722"/>
    <mergeCell ref="PVQ722:PVT722"/>
    <mergeCell ref="PVU722:PVX722"/>
    <mergeCell ref="PVY722:PWB722"/>
    <mergeCell ref="PWC722:PWF722"/>
    <mergeCell ref="QFM722:QFP722"/>
    <mergeCell ref="QFQ722:QFT722"/>
    <mergeCell ref="QFU722:QFX722"/>
    <mergeCell ref="QFY722:QGB722"/>
    <mergeCell ref="QGC722:QGF722"/>
    <mergeCell ref="QES722:QEV722"/>
    <mergeCell ref="QEW722:QEZ722"/>
    <mergeCell ref="QFA722:QFD722"/>
    <mergeCell ref="QFE722:QFH722"/>
    <mergeCell ref="QFI722:QFL722"/>
    <mergeCell ref="QDY722:QEB722"/>
    <mergeCell ref="QEC722:QEF722"/>
    <mergeCell ref="QEG722:QEJ722"/>
    <mergeCell ref="QEK722:QEN722"/>
    <mergeCell ref="QEO722:QER722"/>
    <mergeCell ref="QDE722:QDH722"/>
    <mergeCell ref="QDI722:QDL722"/>
    <mergeCell ref="QDM722:QDP722"/>
    <mergeCell ref="QDQ722:QDT722"/>
    <mergeCell ref="QDU722:QDX722"/>
    <mergeCell ref="QCK722:QCN722"/>
    <mergeCell ref="QCO722:QCR722"/>
    <mergeCell ref="QCS722:QCV722"/>
    <mergeCell ref="QCW722:QCZ722"/>
    <mergeCell ref="QDA722:QDD722"/>
    <mergeCell ref="QBQ722:QBT722"/>
    <mergeCell ref="QBU722:QBX722"/>
    <mergeCell ref="QBY722:QCB722"/>
    <mergeCell ref="QCC722:QCF722"/>
    <mergeCell ref="QCG722:QCJ722"/>
    <mergeCell ref="QAW722:QAZ722"/>
    <mergeCell ref="QBA722:QBD722"/>
    <mergeCell ref="QBE722:QBH722"/>
    <mergeCell ref="QBI722:QBL722"/>
    <mergeCell ref="QBM722:QBP722"/>
    <mergeCell ref="QKW722:QKZ722"/>
    <mergeCell ref="QLA722:QLD722"/>
    <mergeCell ref="QLE722:QLH722"/>
    <mergeCell ref="QLI722:QLL722"/>
    <mergeCell ref="QLM722:QLP722"/>
    <mergeCell ref="QKC722:QKF722"/>
    <mergeCell ref="QKG722:QKJ722"/>
    <mergeCell ref="QKK722:QKN722"/>
    <mergeCell ref="QKO722:QKR722"/>
    <mergeCell ref="QKS722:QKV722"/>
    <mergeCell ref="QJI722:QJL722"/>
    <mergeCell ref="QJM722:QJP722"/>
    <mergeCell ref="QJQ722:QJT722"/>
    <mergeCell ref="QJU722:QJX722"/>
    <mergeCell ref="QJY722:QKB722"/>
    <mergeCell ref="QIO722:QIR722"/>
    <mergeCell ref="QIS722:QIV722"/>
    <mergeCell ref="QIW722:QIZ722"/>
    <mergeCell ref="QJA722:QJD722"/>
    <mergeCell ref="QJE722:QJH722"/>
    <mergeCell ref="QHU722:QHX722"/>
    <mergeCell ref="QHY722:QIB722"/>
    <mergeCell ref="QIC722:QIF722"/>
    <mergeCell ref="QIG722:QIJ722"/>
    <mergeCell ref="QIK722:QIN722"/>
    <mergeCell ref="QHA722:QHD722"/>
    <mergeCell ref="QHE722:QHH722"/>
    <mergeCell ref="QHI722:QHL722"/>
    <mergeCell ref="QHM722:QHP722"/>
    <mergeCell ref="QHQ722:QHT722"/>
    <mergeCell ref="QGG722:QGJ722"/>
    <mergeCell ref="QGK722:QGN722"/>
    <mergeCell ref="QGO722:QGR722"/>
    <mergeCell ref="QGS722:QGV722"/>
    <mergeCell ref="QGW722:QGZ722"/>
    <mergeCell ref="QQG722:QQJ722"/>
    <mergeCell ref="QQK722:QQN722"/>
    <mergeCell ref="QQO722:QQR722"/>
    <mergeCell ref="QQS722:QQV722"/>
    <mergeCell ref="QQW722:QQZ722"/>
    <mergeCell ref="QPM722:QPP722"/>
    <mergeCell ref="QPQ722:QPT722"/>
    <mergeCell ref="QPU722:QPX722"/>
    <mergeCell ref="QPY722:QQB722"/>
    <mergeCell ref="QQC722:QQF722"/>
    <mergeCell ref="QOS722:QOV722"/>
    <mergeCell ref="QOW722:QOZ722"/>
    <mergeCell ref="QPA722:QPD722"/>
    <mergeCell ref="QPE722:QPH722"/>
    <mergeCell ref="QPI722:QPL722"/>
    <mergeCell ref="QNY722:QOB722"/>
    <mergeCell ref="QOC722:QOF722"/>
    <mergeCell ref="QOG722:QOJ722"/>
    <mergeCell ref="QOK722:QON722"/>
    <mergeCell ref="QOO722:QOR722"/>
    <mergeCell ref="QNE722:QNH722"/>
    <mergeCell ref="QNI722:QNL722"/>
    <mergeCell ref="QNM722:QNP722"/>
    <mergeCell ref="QNQ722:QNT722"/>
    <mergeCell ref="QNU722:QNX722"/>
    <mergeCell ref="QMK722:QMN722"/>
    <mergeCell ref="QMO722:QMR722"/>
    <mergeCell ref="QMS722:QMV722"/>
    <mergeCell ref="QMW722:QMZ722"/>
    <mergeCell ref="QNA722:QND722"/>
    <mergeCell ref="QLQ722:QLT722"/>
    <mergeCell ref="QLU722:QLX722"/>
    <mergeCell ref="QLY722:QMB722"/>
    <mergeCell ref="QMC722:QMF722"/>
    <mergeCell ref="QMG722:QMJ722"/>
    <mergeCell ref="QVQ722:QVT722"/>
    <mergeCell ref="QVU722:QVX722"/>
    <mergeCell ref="QVY722:QWB722"/>
    <mergeCell ref="QWC722:QWF722"/>
    <mergeCell ref="QWG722:QWJ722"/>
    <mergeCell ref="QUW722:QUZ722"/>
    <mergeCell ref="QVA722:QVD722"/>
    <mergeCell ref="QVE722:QVH722"/>
    <mergeCell ref="QVI722:QVL722"/>
    <mergeCell ref="QVM722:QVP722"/>
    <mergeCell ref="QUC722:QUF722"/>
    <mergeCell ref="QUG722:QUJ722"/>
    <mergeCell ref="QUK722:QUN722"/>
    <mergeCell ref="QUO722:QUR722"/>
    <mergeCell ref="QUS722:QUV722"/>
    <mergeCell ref="QTI722:QTL722"/>
    <mergeCell ref="QTM722:QTP722"/>
    <mergeCell ref="QTQ722:QTT722"/>
    <mergeCell ref="QTU722:QTX722"/>
    <mergeCell ref="QTY722:QUB722"/>
    <mergeCell ref="QSO722:QSR722"/>
    <mergeCell ref="QSS722:QSV722"/>
    <mergeCell ref="QSW722:QSZ722"/>
    <mergeCell ref="QTA722:QTD722"/>
    <mergeCell ref="QTE722:QTH722"/>
    <mergeCell ref="QRU722:QRX722"/>
    <mergeCell ref="QRY722:QSB722"/>
    <mergeCell ref="QSC722:QSF722"/>
    <mergeCell ref="QSG722:QSJ722"/>
    <mergeCell ref="QSK722:QSN722"/>
    <mergeCell ref="QRA722:QRD722"/>
    <mergeCell ref="QRE722:QRH722"/>
    <mergeCell ref="QRI722:QRL722"/>
    <mergeCell ref="QRM722:QRP722"/>
    <mergeCell ref="QRQ722:QRT722"/>
    <mergeCell ref="RBA722:RBD722"/>
    <mergeCell ref="RBE722:RBH722"/>
    <mergeCell ref="RBI722:RBL722"/>
    <mergeCell ref="RBM722:RBP722"/>
    <mergeCell ref="RBQ722:RBT722"/>
    <mergeCell ref="RAG722:RAJ722"/>
    <mergeCell ref="RAK722:RAN722"/>
    <mergeCell ref="RAO722:RAR722"/>
    <mergeCell ref="RAS722:RAV722"/>
    <mergeCell ref="RAW722:RAZ722"/>
    <mergeCell ref="QZM722:QZP722"/>
    <mergeCell ref="QZQ722:QZT722"/>
    <mergeCell ref="QZU722:QZX722"/>
    <mergeCell ref="QZY722:RAB722"/>
    <mergeCell ref="RAC722:RAF722"/>
    <mergeCell ref="QYS722:QYV722"/>
    <mergeCell ref="QYW722:QYZ722"/>
    <mergeCell ref="QZA722:QZD722"/>
    <mergeCell ref="QZE722:QZH722"/>
    <mergeCell ref="QZI722:QZL722"/>
    <mergeCell ref="QXY722:QYB722"/>
    <mergeCell ref="QYC722:QYF722"/>
    <mergeCell ref="QYG722:QYJ722"/>
    <mergeCell ref="QYK722:QYN722"/>
    <mergeCell ref="QYO722:QYR722"/>
    <mergeCell ref="QXE722:QXH722"/>
    <mergeCell ref="QXI722:QXL722"/>
    <mergeCell ref="QXM722:QXP722"/>
    <mergeCell ref="QXQ722:QXT722"/>
    <mergeCell ref="QXU722:QXX722"/>
    <mergeCell ref="QWK722:QWN722"/>
    <mergeCell ref="QWO722:QWR722"/>
    <mergeCell ref="QWS722:QWV722"/>
    <mergeCell ref="QWW722:QWZ722"/>
    <mergeCell ref="QXA722:QXD722"/>
    <mergeCell ref="RGK722:RGN722"/>
    <mergeCell ref="RGO722:RGR722"/>
    <mergeCell ref="RGS722:RGV722"/>
    <mergeCell ref="RGW722:RGZ722"/>
    <mergeCell ref="RHA722:RHD722"/>
    <mergeCell ref="RFQ722:RFT722"/>
    <mergeCell ref="RFU722:RFX722"/>
    <mergeCell ref="RFY722:RGB722"/>
    <mergeCell ref="RGC722:RGF722"/>
    <mergeCell ref="RGG722:RGJ722"/>
    <mergeCell ref="REW722:REZ722"/>
    <mergeCell ref="RFA722:RFD722"/>
    <mergeCell ref="RFE722:RFH722"/>
    <mergeCell ref="RFI722:RFL722"/>
    <mergeCell ref="RFM722:RFP722"/>
    <mergeCell ref="REC722:REF722"/>
    <mergeCell ref="REG722:REJ722"/>
    <mergeCell ref="REK722:REN722"/>
    <mergeCell ref="REO722:RER722"/>
    <mergeCell ref="RES722:REV722"/>
    <mergeCell ref="RDI722:RDL722"/>
    <mergeCell ref="RDM722:RDP722"/>
    <mergeCell ref="RDQ722:RDT722"/>
    <mergeCell ref="RDU722:RDX722"/>
    <mergeCell ref="RDY722:REB722"/>
    <mergeCell ref="RCO722:RCR722"/>
    <mergeCell ref="RCS722:RCV722"/>
    <mergeCell ref="RCW722:RCZ722"/>
    <mergeCell ref="RDA722:RDD722"/>
    <mergeCell ref="RDE722:RDH722"/>
    <mergeCell ref="RBU722:RBX722"/>
    <mergeCell ref="RBY722:RCB722"/>
    <mergeCell ref="RCC722:RCF722"/>
    <mergeCell ref="RCG722:RCJ722"/>
    <mergeCell ref="RCK722:RCN722"/>
    <mergeCell ref="RLU722:RLX722"/>
    <mergeCell ref="RLY722:RMB722"/>
    <mergeCell ref="RMC722:RMF722"/>
    <mergeCell ref="RMG722:RMJ722"/>
    <mergeCell ref="RMK722:RMN722"/>
    <mergeCell ref="RLA722:RLD722"/>
    <mergeCell ref="RLE722:RLH722"/>
    <mergeCell ref="RLI722:RLL722"/>
    <mergeCell ref="RLM722:RLP722"/>
    <mergeCell ref="RLQ722:RLT722"/>
    <mergeCell ref="RKG722:RKJ722"/>
    <mergeCell ref="RKK722:RKN722"/>
    <mergeCell ref="RKO722:RKR722"/>
    <mergeCell ref="RKS722:RKV722"/>
    <mergeCell ref="RKW722:RKZ722"/>
    <mergeCell ref="RJM722:RJP722"/>
    <mergeCell ref="RJQ722:RJT722"/>
    <mergeCell ref="RJU722:RJX722"/>
    <mergeCell ref="RJY722:RKB722"/>
    <mergeCell ref="RKC722:RKF722"/>
    <mergeCell ref="RIS722:RIV722"/>
    <mergeCell ref="RIW722:RIZ722"/>
    <mergeCell ref="RJA722:RJD722"/>
    <mergeCell ref="RJE722:RJH722"/>
    <mergeCell ref="RJI722:RJL722"/>
    <mergeCell ref="RHY722:RIB722"/>
    <mergeCell ref="RIC722:RIF722"/>
    <mergeCell ref="RIG722:RIJ722"/>
    <mergeCell ref="RIK722:RIN722"/>
    <mergeCell ref="RIO722:RIR722"/>
    <mergeCell ref="RHE722:RHH722"/>
    <mergeCell ref="RHI722:RHL722"/>
    <mergeCell ref="RHM722:RHP722"/>
    <mergeCell ref="RHQ722:RHT722"/>
    <mergeCell ref="RHU722:RHX722"/>
    <mergeCell ref="RRE722:RRH722"/>
    <mergeCell ref="RRI722:RRL722"/>
    <mergeCell ref="RRM722:RRP722"/>
    <mergeCell ref="RRQ722:RRT722"/>
    <mergeCell ref="RRU722:RRX722"/>
    <mergeCell ref="RQK722:RQN722"/>
    <mergeCell ref="RQO722:RQR722"/>
    <mergeCell ref="RQS722:RQV722"/>
    <mergeCell ref="RQW722:RQZ722"/>
    <mergeCell ref="RRA722:RRD722"/>
    <mergeCell ref="RPQ722:RPT722"/>
    <mergeCell ref="RPU722:RPX722"/>
    <mergeCell ref="RPY722:RQB722"/>
    <mergeCell ref="RQC722:RQF722"/>
    <mergeCell ref="RQG722:RQJ722"/>
    <mergeCell ref="ROW722:ROZ722"/>
    <mergeCell ref="RPA722:RPD722"/>
    <mergeCell ref="RPE722:RPH722"/>
    <mergeCell ref="RPI722:RPL722"/>
    <mergeCell ref="RPM722:RPP722"/>
    <mergeCell ref="ROC722:ROF722"/>
    <mergeCell ref="ROG722:ROJ722"/>
    <mergeCell ref="ROK722:RON722"/>
    <mergeCell ref="ROO722:ROR722"/>
    <mergeCell ref="ROS722:ROV722"/>
    <mergeCell ref="RNI722:RNL722"/>
    <mergeCell ref="RNM722:RNP722"/>
    <mergeCell ref="RNQ722:RNT722"/>
    <mergeCell ref="RNU722:RNX722"/>
    <mergeCell ref="RNY722:ROB722"/>
    <mergeCell ref="RMO722:RMR722"/>
    <mergeCell ref="RMS722:RMV722"/>
    <mergeCell ref="RMW722:RMZ722"/>
    <mergeCell ref="RNA722:RND722"/>
    <mergeCell ref="RNE722:RNH722"/>
    <mergeCell ref="RWO722:RWR722"/>
    <mergeCell ref="RWS722:RWV722"/>
    <mergeCell ref="RWW722:RWZ722"/>
    <mergeCell ref="RXA722:RXD722"/>
    <mergeCell ref="RXE722:RXH722"/>
    <mergeCell ref="RVU722:RVX722"/>
    <mergeCell ref="RVY722:RWB722"/>
    <mergeCell ref="RWC722:RWF722"/>
    <mergeCell ref="RWG722:RWJ722"/>
    <mergeCell ref="RWK722:RWN722"/>
    <mergeCell ref="RVA722:RVD722"/>
    <mergeCell ref="RVE722:RVH722"/>
    <mergeCell ref="RVI722:RVL722"/>
    <mergeCell ref="RVM722:RVP722"/>
    <mergeCell ref="RVQ722:RVT722"/>
    <mergeCell ref="RUG722:RUJ722"/>
    <mergeCell ref="RUK722:RUN722"/>
    <mergeCell ref="RUO722:RUR722"/>
    <mergeCell ref="RUS722:RUV722"/>
    <mergeCell ref="RUW722:RUZ722"/>
    <mergeCell ref="RTM722:RTP722"/>
    <mergeCell ref="RTQ722:RTT722"/>
    <mergeCell ref="RTU722:RTX722"/>
    <mergeCell ref="RTY722:RUB722"/>
    <mergeCell ref="RUC722:RUF722"/>
    <mergeCell ref="RSS722:RSV722"/>
    <mergeCell ref="RSW722:RSZ722"/>
    <mergeCell ref="RTA722:RTD722"/>
    <mergeCell ref="RTE722:RTH722"/>
    <mergeCell ref="RTI722:RTL722"/>
    <mergeCell ref="RRY722:RSB722"/>
    <mergeCell ref="RSC722:RSF722"/>
    <mergeCell ref="RSG722:RSJ722"/>
    <mergeCell ref="RSK722:RSN722"/>
    <mergeCell ref="RSO722:RSR722"/>
    <mergeCell ref="SBY722:SCB722"/>
    <mergeCell ref="SCC722:SCF722"/>
    <mergeCell ref="SCG722:SCJ722"/>
    <mergeCell ref="SCK722:SCN722"/>
    <mergeCell ref="SCO722:SCR722"/>
    <mergeCell ref="SBE722:SBH722"/>
    <mergeCell ref="SBI722:SBL722"/>
    <mergeCell ref="SBM722:SBP722"/>
    <mergeCell ref="SBQ722:SBT722"/>
    <mergeCell ref="SBU722:SBX722"/>
    <mergeCell ref="SAK722:SAN722"/>
    <mergeCell ref="SAO722:SAR722"/>
    <mergeCell ref="SAS722:SAV722"/>
    <mergeCell ref="SAW722:SAZ722"/>
    <mergeCell ref="SBA722:SBD722"/>
    <mergeCell ref="RZQ722:RZT722"/>
    <mergeCell ref="RZU722:RZX722"/>
    <mergeCell ref="RZY722:SAB722"/>
    <mergeCell ref="SAC722:SAF722"/>
    <mergeCell ref="SAG722:SAJ722"/>
    <mergeCell ref="RYW722:RYZ722"/>
    <mergeCell ref="RZA722:RZD722"/>
    <mergeCell ref="RZE722:RZH722"/>
    <mergeCell ref="RZI722:RZL722"/>
    <mergeCell ref="RZM722:RZP722"/>
    <mergeCell ref="RYC722:RYF722"/>
    <mergeCell ref="RYG722:RYJ722"/>
    <mergeCell ref="RYK722:RYN722"/>
    <mergeCell ref="RYO722:RYR722"/>
    <mergeCell ref="RYS722:RYV722"/>
    <mergeCell ref="RXI722:RXL722"/>
    <mergeCell ref="RXM722:RXP722"/>
    <mergeCell ref="RXQ722:RXT722"/>
    <mergeCell ref="RXU722:RXX722"/>
    <mergeCell ref="RXY722:RYB722"/>
    <mergeCell ref="SHI722:SHL722"/>
    <mergeCell ref="SHM722:SHP722"/>
    <mergeCell ref="SHQ722:SHT722"/>
    <mergeCell ref="SHU722:SHX722"/>
    <mergeCell ref="SHY722:SIB722"/>
    <mergeCell ref="SGO722:SGR722"/>
    <mergeCell ref="SGS722:SGV722"/>
    <mergeCell ref="SGW722:SGZ722"/>
    <mergeCell ref="SHA722:SHD722"/>
    <mergeCell ref="SHE722:SHH722"/>
    <mergeCell ref="SFU722:SFX722"/>
    <mergeCell ref="SFY722:SGB722"/>
    <mergeCell ref="SGC722:SGF722"/>
    <mergeCell ref="SGG722:SGJ722"/>
    <mergeCell ref="SGK722:SGN722"/>
    <mergeCell ref="SFA722:SFD722"/>
    <mergeCell ref="SFE722:SFH722"/>
    <mergeCell ref="SFI722:SFL722"/>
    <mergeCell ref="SFM722:SFP722"/>
    <mergeCell ref="SFQ722:SFT722"/>
    <mergeCell ref="SEG722:SEJ722"/>
    <mergeCell ref="SEK722:SEN722"/>
    <mergeCell ref="SEO722:SER722"/>
    <mergeCell ref="SES722:SEV722"/>
    <mergeCell ref="SEW722:SEZ722"/>
    <mergeCell ref="SDM722:SDP722"/>
    <mergeCell ref="SDQ722:SDT722"/>
    <mergeCell ref="SDU722:SDX722"/>
    <mergeCell ref="SDY722:SEB722"/>
    <mergeCell ref="SEC722:SEF722"/>
    <mergeCell ref="SCS722:SCV722"/>
    <mergeCell ref="SCW722:SCZ722"/>
    <mergeCell ref="SDA722:SDD722"/>
    <mergeCell ref="SDE722:SDH722"/>
    <mergeCell ref="SDI722:SDL722"/>
    <mergeCell ref="SMS722:SMV722"/>
    <mergeCell ref="SMW722:SMZ722"/>
    <mergeCell ref="SNA722:SND722"/>
    <mergeCell ref="SNE722:SNH722"/>
    <mergeCell ref="SNI722:SNL722"/>
    <mergeCell ref="SLY722:SMB722"/>
    <mergeCell ref="SMC722:SMF722"/>
    <mergeCell ref="SMG722:SMJ722"/>
    <mergeCell ref="SMK722:SMN722"/>
    <mergeCell ref="SMO722:SMR722"/>
    <mergeCell ref="SLE722:SLH722"/>
    <mergeCell ref="SLI722:SLL722"/>
    <mergeCell ref="SLM722:SLP722"/>
    <mergeCell ref="SLQ722:SLT722"/>
    <mergeCell ref="SLU722:SLX722"/>
    <mergeCell ref="SKK722:SKN722"/>
    <mergeCell ref="SKO722:SKR722"/>
    <mergeCell ref="SKS722:SKV722"/>
    <mergeCell ref="SKW722:SKZ722"/>
    <mergeCell ref="SLA722:SLD722"/>
    <mergeCell ref="SJQ722:SJT722"/>
    <mergeCell ref="SJU722:SJX722"/>
    <mergeCell ref="SJY722:SKB722"/>
    <mergeCell ref="SKC722:SKF722"/>
    <mergeCell ref="SKG722:SKJ722"/>
    <mergeCell ref="SIW722:SIZ722"/>
    <mergeCell ref="SJA722:SJD722"/>
    <mergeCell ref="SJE722:SJH722"/>
    <mergeCell ref="SJI722:SJL722"/>
    <mergeCell ref="SJM722:SJP722"/>
    <mergeCell ref="SIC722:SIF722"/>
    <mergeCell ref="SIG722:SIJ722"/>
    <mergeCell ref="SIK722:SIN722"/>
    <mergeCell ref="SIO722:SIR722"/>
    <mergeCell ref="SIS722:SIV722"/>
    <mergeCell ref="SSC722:SSF722"/>
    <mergeCell ref="SSG722:SSJ722"/>
    <mergeCell ref="SSK722:SSN722"/>
    <mergeCell ref="SSO722:SSR722"/>
    <mergeCell ref="SSS722:SSV722"/>
    <mergeCell ref="SRI722:SRL722"/>
    <mergeCell ref="SRM722:SRP722"/>
    <mergeCell ref="SRQ722:SRT722"/>
    <mergeCell ref="SRU722:SRX722"/>
    <mergeCell ref="SRY722:SSB722"/>
    <mergeCell ref="SQO722:SQR722"/>
    <mergeCell ref="SQS722:SQV722"/>
    <mergeCell ref="SQW722:SQZ722"/>
    <mergeCell ref="SRA722:SRD722"/>
    <mergeCell ref="SRE722:SRH722"/>
    <mergeCell ref="SPU722:SPX722"/>
    <mergeCell ref="SPY722:SQB722"/>
    <mergeCell ref="SQC722:SQF722"/>
    <mergeCell ref="SQG722:SQJ722"/>
    <mergeCell ref="SQK722:SQN722"/>
    <mergeCell ref="SPA722:SPD722"/>
    <mergeCell ref="SPE722:SPH722"/>
    <mergeCell ref="SPI722:SPL722"/>
    <mergeCell ref="SPM722:SPP722"/>
    <mergeCell ref="SPQ722:SPT722"/>
    <mergeCell ref="SOG722:SOJ722"/>
    <mergeCell ref="SOK722:SON722"/>
    <mergeCell ref="SOO722:SOR722"/>
    <mergeCell ref="SOS722:SOV722"/>
    <mergeCell ref="SOW722:SOZ722"/>
    <mergeCell ref="SNM722:SNP722"/>
    <mergeCell ref="SNQ722:SNT722"/>
    <mergeCell ref="SNU722:SNX722"/>
    <mergeCell ref="SNY722:SOB722"/>
    <mergeCell ref="SOC722:SOF722"/>
    <mergeCell ref="SXM722:SXP722"/>
    <mergeCell ref="SXQ722:SXT722"/>
    <mergeCell ref="SXU722:SXX722"/>
    <mergeCell ref="SXY722:SYB722"/>
    <mergeCell ref="SYC722:SYF722"/>
    <mergeCell ref="SWS722:SWV722"/>
    <mergeCell ref="SWW722:SWZ722"/>
    <mergeCell ref="SXA722:SXD722"/>
    <mergeCell ref="SXE722:SXH722"/>
    <mergeCell ref="SXI722:SXL722"/>
    <mergeCell ref="SVY722:SWB722"/>
    <mergeCell ref="SWC722:SWF722"/>
    <mergeCell ref="SWG722:SWJ722"/>
    <mergeCell ref="SWK722:SWN722"/>
    <mergeCell ref="SWO722:SWR722"/>
    <mergeCell ref="SVE722:SVH722"/>
    <mergeCell ref="SVI722:SVL722"/>
    <mergeCell ref="SVM722:SVP722"/>
    <mergeCell ref="SVQ722:SVT722"/>
    <mergeCell ref="SVU722:SVX722"/>
    <mergeCell ref="SUK722:SUN722"/>
    <mergeCell ref="SUO722:SUR722"/>
    <mergeCell ref="SUS722:SUV722"/>
    <mergeCell ref="SUW722:SUZ722"/>
    <mergeCell ref="SVA722:SVD722"/>
    <mergeCell ref="STQ722:STT722"/>
    <mergeCell ref="STU722:STX722"/>
    <mergeCell ref="STY722:SUB722"/>
    <mergeCell ref="SUC722:SUF722"/>
    <mergeCell ref="SUG722:SUJ722"/>
    <mergeCell ref="SSW722:SSZ722"/>
    <mergeCell ref="STA722:STD722"/>
    <mergeCell ref="STE722:STH722"/>
    <mergeCell ref="STI722:STL722"/>
    <mergeCell ref="STM722:STP722"/>
    <mergeCell ref="TCW722:TCZ722"/>
    <mergeCell ref="TDA722:TDD722"/>
    <mergeCell ref="TDE722:TDH722"/>
    <mergeCell ref="TDI722:TDL722"/>
    <mergeCell ref="TDM722:TDP722"/>
    <mergeCell ref="TCC722:TCF722"/>
    <mergeCell ref="TCG722:TCJ722"/>
    <mergeCell ref="TCK722:TCN722"/>
    <mergeCell ref="TCO722:TCR722"/>
    <mergeCell ref="TCS722:TCV722"/>
    <mergeCell ref="TBI722:TBL722"/>
    <mergeCell ref="TBM722:TBP722"/>
    <mergeCell ref="TBQ722:TBT722"/>
    <mergeCell ref="TBU722:TBX722"/>
    <mergeCell ref="TBY722:TCB722"/>
    <mergeCell ref="TAO722:TAR722"/>
    <mergeCell ref="TAS722:TAV722"/>
    <mergeCell ref="TAW722:TAZ722"/>
    <mergeCell ref="TBA722:TBD722"/>
    <mergeCell ref="TBE722:TBH722"/>
    <mergeCell ref="SZU722:SZX722"/>
    <mergeCell ref="SZY722:TAB722"/>
    <mergeCell ref="TAC722:TAF722"/>
    <mergeCell ref="TAG722:TAJ722"/>
    <mergeCell ref="TAK722:TAN722"/>
    <mergeCell ref="SZA722:SZD722"/>
    <mergeCell ref="SZE722:SZH722"/>
    <mergeCell ref="SZI722:SZL722"/>
    <mergeCell ref="SZM722:SZP722"/>
    <mergeCell ref="SZQ722:SZT722"/>
    <mergeCell ref="SYG722:SYJ722"/>
    <mergeCell ref="SYK722:SYN722"/>
    <mergeCell ref="SYO722:SYR722"/>
    <mergeCell ref="SYS722:SYV722"/>
    <mergeCell ref="SYW722:SYZ722"/>
    <mergeCell ref="TIG722:TIJ722"/>
    <mergeCell ref="TIK722:TIN722"/>
    <mergeCell ref="TIO722:TIR722"/>
    <mergeCell ref="TIS722:TIV722"/>
    <mergeCell ref="TIW722:TIZ722"/>
    <mergeCell ref="THM722:THP722"/>
    <mergeCell ref="THQ722:THT722"/>
    <mergeCell ref="THU722:THX722"/>
    <mergeCell ref="THY722:TIB722"/>
    <mergeCell ref="TIC722:TIF722"/>
    <mergeCell ref="TGS722:TGV722"/>
    <mergeCell ref="TGW722:TGZ722"/>
    <mergeCell ref="THA722:THD722"/>
    <mergeCell ref="THE722:THH722"/>
    <mergeCell ref="THI722:THL722"/>
    <mergeCell ref="TFY722:TGB722"/>
    <mergeCell ref="TGC722:TGF722"/>
    <mergeCell ref="TGG722:TGJ722"/>
    <mergeCell ref="TGK722:TGN722"/>
    <mergeCell ref="TGO722:TGR722"/>
    <mergeCell ref="TFE722:TFH722"/>
    <mergeCell ref="TFI722:TFL722"/>
    <mergeCell ref="TFM722:TFP722"/>
    <mergeCell ref="TFQ722:TFT722"/>
    <mergeCell ref="TFU722:TFX722"/>
    <mergeCell ref="TEK722:TEN722"/>
    <mergeCell ref="TEO722:TER722"/>
    <mergeCell ref="TES722:TEV722"/>
    <mergeCell ref="TEW722:TEZ722"/>
    <mergeCell ref="TFA722:TFD722"/>
    <mergeCell ref="TDQ722:TDT722"/>
    <mergeCell ref="TDU722:TDX722"/>
    <mergeCell ref="TDY722:TEB722"/>
    <mergeCell ref="TEC722:TEF722"/>
    <mergeCell ref="TEG722:TEJ722"/>
    <mergeCell ref="TNQ722:TNT722"/>
    <mergeCell ref="TNU722:TNX722"/>
    <mergeCell ref="TNY722:TOB722"/>
    <mergeCell ref="TOC722:TOF722"/>
    <mergeCell ref="TOG722:TOJ722"/>
    <mergeCell ref="TMW722:TMZ722"/>
    <mergeCell ref="TNA722:TND722"/>
    <mergeCell ref="TNE722:TNH722"/>
    <mergeCell ref="TNI722:TNL722"/>
    <mergeCell ref="TNM722:TNP722"/>
    <mergeCell ref="TMC722:TMF722"/>
    <mergeCell ref="TMG722:TMJ722"/>
    <mergeCell ref="TMK722:TMN722"/>
    <mergeCell ref="TMO722:TMR722"/>
    <mergeCell ref="TMS722:TMV722"/>
    <mergeCell ref="TLI722:TLL722"/>
    <mergeCell ref="TLM722:TLP722"/>
    <mergeCell ref="TLQ722:TLT722"/>
    <mergeCell ref="TLU722:TLX722"/>
    <mergeCell ref="TLY722:TMB722"/>
    <mergeCell ref="TKO722:TKR722"/>
    <mergeCell ref="TKS722:TKV722"/>
    <mergeCell ref="TKW722:TKZ722"/>
    <mergeCell ref="TLA722:TLD722"/>
    <mergeCell ref="TLE722:TLH722"/>
    <mergeCell ref="TJU722:TJX722"/>
    <mergeCell ref="TJY722:TKB722"/>
    <mergeCell ref="TKC722:TKF722"/>
    <mergeCell ref="TKG722:TKJ722"/>
    <mergeCell ref="TKK722:TKN722"/>
    <mergeCell ref="TJA722:TJD722"/>
    <mergeCell ref="TJE722:TJH722"/>
    <mergeCell ref="TJI722:TJL722"/>
    <mergeCell ref="TJM722:TJP722"/>
    <mergeCell ref="TJQ722:TJT722"/>
    <mergeCell ref="TTA722:TTD722"/>
    <mergeCell ref="TTE722:TTH722"/>
    <mergeCell ref="TTI722:TTL722"/>
    <mergeCell ref="TTM722:TTP722"/>
    <mergeCell ref="TTQ722:TTT722"/>
    <mergeCell ref="TSG722:TSJ722"/>
    <mergeCell ref="TSK722:TSN722"/>
    <mergeCell ref="TSO722:TSR722"/>
    <mergeCell ref="TSS722:TSV722"/>
    <mergeCell ref="TSW722:TSZ722"/>
    <mergeCell ref="TRM722:TRP722"/>
    <mergeCell ref="TRQ722:TRT722"/>
    <mergeCell ref="TRU722:TRX722"/>
    <mergeCell ref="TRY722:TSB722"/>
    <mergeCell ref="TSC722:TSF722"/>
    <mergeCell ref="TQS722:TQV722"/>
    <mergeCell ref="TQW722:TQZ722"/>
    <mergeCell ref="TRA722:TRD722"/>
    <mergeCell ref="TRE722:TRH722"/>
    <mergeCell ref="TRI722:TRL722"/>
    <mergeCell ref="TPY722:TQB722"/>
    <mergeCell ref="TQC722:TQF722"/>
    <mergeCell ref="TQG722:TQJ722"/>
    <mergeCell ref="TQK722:TQN722"/>
    <mergeCell ref="TQO722:TQR722"/>
    <mergeCell ref="TPE722:TPH722"/>
    <mergeCell ref="TPI722:TPL722"/>
    <mergeCell ref="TPM722:TPP722"/>
    <mergeCell ref="TPQ722:TPT722"/>
    <mergeCell ref="TPU722:TPX722"/>
    <mergeCell ref="TOK722:TON722"/>
    <mergeCell ref="TOO722:TOR722"/>
    <mergeCell ref="TOS722:TOV722"/>
    <mergeCell ref="TOW722:TOZ722"/>
    <mergeCell ref="TPA722:TPD722"/>
    <mergeCell ref="TYK722:TYN722"/>
    <mergeCell ref="TYO722:TYR722"/>
    <mergeCell ref="TYS722:TYV722"/>
    <mergeCell ref="TYW722:TYZ722"/>
    <mergeCell ref="TZA722:TZD722"/>
    <mergeCell ref="TXQ722:TXT722"/>
    <mergeCell ref="TXU722:TXX722"/>
    <mergeCell ref="TXY722:TYB722"/>
    <mergeCell ref="TYC722:TYF722"/>
    <mergeCell ref="TYG722:TYJ722"/>
    <mergeCell ref="TWW722:TWZ722"/>
    <mergeCell ref="TXA722:TXD722"/>
    <mergeCell ref="TXE722:TXH722"/>
    <mergeCell ref="TXI722:TXL722"/>
    <mergeCell ref="TXM722:TXP722"/>
    <mergeCell ref="TWC722:TWF722"/>
    <mergeCell ref="TWG722:TWJ722"/>
    <mergeCell ref="TWK722:TWN722"/>
    <mergeCell ref="TWO722:TWR722"/>
    <mergeCell ref="TWS722:TWV722"/>
    <mergeCell ref="TVI722:TVL722"/>
    <mergeCell ref="TVM722:TVP722"/>
    <mergeCell ref="TVQ722:TVT722"/>
    <mergeCell ref="TVU722:TVX722"/>
    <mergeCell ref="TVY722:TWB722"/>
    <mergeCell ref="TUO722:TUR722"/>
    <mergeCell ref="TUS722:TUV722"/>
    <mergeCell ref="TUW722:TUZ722"/>
    <mergeCell ref="TVA722:TVD722"/>
    <mergeCell ref="TVE722:TVH722"/>
    <mergeCell ref="TTU722:TTX722"/>
    <mergeCell ref="TTY722:TUB722"/>
    <mergeCell ref="TUC722:TUF722"/>
    <mergeCell ref="TUG722:TUJ722"/>
    <mergeCell ref="TUK722:TUN722"/>
    <mergeCell ref="UDU722:UDX722"/>
    <mergeCell ref="UDY722:UEB722"/>
    <mergeCell ref="UEC722:UEF722"/>
    <mergeCell ref="UEG722:UEJ722"/>
    <mergeCell ref="UEK722:UEN722"/>
    <mergeCell ref="UDA722:UDD722"/>
    <mergeCell ref="UDE722:UDH722"/>
    <mergeCell ref="UDI722:UDL722"/>
    <mergeCell ref="UDM722:UDP722"/>
    <mergeCell ref="UDQ722:UDT722"/>
    <mergeCell ref="UCG722:UCJ722"/>
    <mergeCell ref="UCK722:UCN722"/>
    <mergeCell ref="UCO722:UCR722"/>
    <mergeCell ref="UCS722:UCV722"/>
    <mergeCell ref="UCW722:UCZ722"/>
    <mergeCell ref="UBM722:UBP722"/>
    <mergeCell ref="UBQ722:UBT722"/>
    <mergeCell ref="UBU722:UBX722"/>
    <mergeCell ref="UBY722:UCB722"/>
    <mergeCell ref="UCC722:UCF722"/>
    <mergeCell ref="UAS722:UAV722"/>
    <mergeCell ref="UAW722:UAZ722"/>
    <mergeCell ref="UBA722:UBD722"/>
    <mergeCell ref="UBE722:UBH722"/>
    <mergeCell ref="UBI722:UBL722"/>
    <mergeCell ref="TZY722:UAB722"/>
    <mergeCell ref="UAC722:UAF722"/>
    <mergeCell ref="UAG722:UAJ722"/>
    <mergeCell ref="UAK722:UAN722"/>
    <mergeCell ref="UAO722:UAR722"/>
    <mergeCell ref="TZE722:TZH722"/>
    <mergeCell ref="TZI722:TZL722"/>
    <mergeCell ref="TZM722:TZP722"/>
    <mergeCell ref="TZQ722:TZT722"/>
    <mergeCell ref="TZU722:TZX722"/>
    <mergeCell ref="UJE722:UJH722"/>
    <mergeCell ref="UJI722:UJL722"/>
    <mergeCell ref="UJM722:UJP722"/>
    <mergeCell ref="UJQ722:UJT722"/>
    <mergeCell ref="UJU722:UJX722"/>
    <mergeCell ref="UIK722:UIN722"/>
    <mergeCell ref="UIO722:UIR722"/>
    <mergeCell ref="UIS722:UIV722"/>
    <mergeCell ref="UIW722:UIZ722"/>
    <mergeCell ref="UJA722:UJD722"/>
    <mergeCell ref="UHQ722:UHT722"/>
    <mergeCell ref="UHU722:UHX722"/>
    <mergeCell ref="UHY722:UIB722"/>
    <mergeCell ref="UIC722:UIF722"/>
    <mergeCell ref="UIG722:UIJ722"/>
    <mergeCell ref="UGW722:UGZ722"/>
    <mergeCell ref="UHA722:UHD722"/>
    <mergeCell ref="UHE722:UHH722"/>
    <mergeCell ref="UHI722:UHL722"/>
    <mergeCell ref="UHM722:UHP722"/>
    <mergeCell ref="UGC722:UGF722"/>
    <mergeCell ref="UGG722:UGJ722"/>
    <mergeCell ref="UGK722:UGN722"/>
    <mergeCell ref="UGO722:UGR722"/>
    <mergeCell ref="UGS722:UGV722"/>
    <mergeCell ref="UFI722:UFL722"/>
    <mergeCell ref="UFM722:UFP722"/>
    <mergeCell ref="UFQ722:UFT722"/>
    <mergeCell ref="UFU722:UFX722"/>
    <mergeCell ref="UFY722:UGB722"/>
    <mergeCell ref="UEO722:UER722"/>
    <mergeCell ref="UES722:UEV722"/>
    <mergeCell ref="UEW722:UEZ722"/>
    <mergeCell ref="UFA722:UFD722"/>
    <mergeCell ref="UFE722:UFH722"/>
    <mergeCell ref="UOO722:UOR722"/>
    <mergeCell ref="UOS722:UOV722"/>
    <mergeCell ref="UOW722:UOZ722"/>
    <mergeCell ref="UPA722:UPD722"/>
    <mergeCell ref="UPE722:UPH722"/>
    <mergeCell ref="UNU722:UNX722"/>
    <mergeCell ref="UNY722:UOB722"/>
    <mergeCell ref="UOC722:UOF722"/>
    <mergeCell ref="UOG722:UOJ722"/>
    <mergeCell ref="UOK722:UON722"/>
    <mergeCell ref="UNA722:UND722"/>
    <mergeCell ref="UNE722:UNH722"/>
    <mergeCell ref="UNI722:UNL722"/>
    <mergeCell ref="UNM722:UNP722"/>
    <mergeCell ref="UNQ722:UNT722"/>
    <mergeCell ref="UMG722:UMJ722"/>
    <mergeCell ref="UMK722:UMN722"/>
    <mergeCell ref="UMO722:UMR722"/>
    <mergeCell ref="UMS722:UMV722"/>
    <mergeCell ref="UMW722:UMZ722"/>
    <mergeCell ref="ULM722:ULP722"/>
    <mergeCell ref="ULQ722:ULT722"/>
    <mergeCell ref="ULU722:ULX722"/>
    <mergeCell ref="ULY722:UMB722"/>
    <mergeCell ref="UMC722:UMF722"/>
    <mergeCell ref="UKS722:UKV722"/>
    <mergeCell ref="UKW722:UKZ722"/>
    <mergeCell ref="ULA722:ULD722"/>
    <mergeCell ref="ULE722:ULH722"/>
    <mergeCell ref="ULI722:ULL722"/>
    <mergeCell ref="UJY722:UKB722"/>
    <mergeCell ref="UKC722:UKF722"/>
    <mergeCell ref="UKG722:UKJ722"/>
    <mergeCell ref="UKK722:UKN722"/>
    <mergeCell ref="UKO722:UKR722"/>
    <mergeCell ref="UTY722:UUB722"/>
    <mergeCell ref="UUC722:UUF722"/>
    <mergeCell ref="UUG722:UUJ722"/>
    <mergeCell ref="UUK722:UUN722"/>
    <mergeCell ref="UUO722:UUR722"/>
    <mergeCell ref="UTE722:UTH722"/>
    <mergeCell ref="UTI722:UTL722"/>
    <mergeCell ref="UTM722:UTP722"/>
    <mergeCell ref="UTQ722:UTT722"/>
    <mergeCell ref="UTU722:UTX722"/>
    <mergeCell ref="USK722:USN722"/>
    <mergeCell ref="USO722:USR722"/>
    <mergeCell ref="USS722:USV722"/>
    <mergeCell ref="USW722:USZ722"/>
    <mergeCell ref="UTA722:UTD722"/>
    <mergeCell ref="URQ722:URT722"/>
    <mergeCell ref="URU722:URX722"/>
    <mergeCell ref="URY722:USB722"/>
    <mergeCell ref="USC722:USF722"/>
    <mergeCell ref="USG722:USJ722"/>
    <mergeCell ref="UQW722:UQZ722"/>
    <mergeCell ref="URA722:URD722"/>
    <mergeCell ref="URE722:URH722"/>
    <mergeCell ref="URI722:URL722"/>
    <mergeCell ref="URM722:URP722"/>
    <mergeCell ref="UQC722:UQF722"/>
    <mergeCell ref="UQG722:UQJ722"/>
    <mergeCell ref="UQK722:UQN722"/>
    <mergeCell ref="UQO722:UQR722"/>
    <mergeCell ref="UQS722:UQV722"/>
    <mergeCell ref="UPI722:UPL722"/>
    <mergeCell ref="UPM722:UPP722"/>
    <mergeCell ref="UPQ722:UPT722"/>
    <mergeCell ref="UPU722:UPX722"/>
    <mergeCell ref="UPY722:UQB722"/>
    <mergeCell ref="UZI722:UZL722"/>
    <mergeCell ref="UZM722:UZP722"/>
    <mergeCell ref="UZQ722:UZT722"/>
    <mergeCell ref="UZU722:UZX722"/>
    <mergeCell ref="UZY722:VAB722"/>
    <mergeCell ref="UYO722:UYR722"/>
    <mergeCell ref="UYS722:UYV722"/>
    <mergeCell ref="UYW722:UYZ722"/>
    <mergeCell ref="UZA722:UZD722"/>
    <mergeCell ref="UZE722:UZH722"/>
    <mergeCell ref="UXU722:UXX722"/>
    <mergeCell ref="UXY722:UYB722"/>
    <mergeCell ref="UYC722:UYF722"/>
    <mergeCell ref="UYG722:UYJ722"/>
    <mergeCell ref="UYK722:UYN722"/>
    <mergeCell ref="UXA722:UXD722"/>
    <mergeCell ref="UXE722:UXH722"/>
    <mergeCell ref="UXI722:UXL722"/>
    <mergeCell ref="UXM722:UXP722"/>
    <mergeCell ref="UXQ722:UXT722"/>
    <mergeCell ref="UWG722:UWJ722"/>
    <mergeCell ref="UWK722:UWN722"/>
    <mergeCell ref="UWO722:UWR722"/>
    <mergeCell ref="UWS722:UWV722"/>
    <mergeCell ref="UWW722:UWZ722"/>
    <mergeCell ref="UVM722:UVP722"/>
    <mergeCell ref="UVQ722:UVT722"/>
    <mergeCell ref="UVU722:UVX722"/>
    <mergeCell ref="UVY722:UWB722"/>
    <mergeCell ref="UWC722:UWF722"/>
    <mergeCell ref="UUS722:UUV722"/>
    <mergeCell ref="UUW722:UUZ722"/>
    <mergeCell ref="UVA722:UVD722"/>
    <mergeCell ref="UVE722:UVH722"/>
    <mergeCell ref="UVI722:UVL722"/>
    <mergeCell ref="VES722:VEV722"/>
    <mergeCell ref="VEW722:VEZ722"/>
    <mergeCell ref="VFA722:VFD722"/>
    <mergeCell ref="VFE722:VFH722"/>
    <mergeCell ref="VFI722:VFL722"/>
    <mergeCell ref="VDY722:VEB722"/>
    <mergeCell ref="VEC722:VEF722"/>
    <mergeCell ref="VEG722:VEJ722"/>
    <mergeCell ref="VEK722:VEN722"/>
    <mergeCell ref="VEO722:VER722"/>
    <mergeCell ref="VDE722:VDH722"/>
    <mergeCell ref="VDI722:VDL722"/>
    <mergeCell ref="VDM722:VDP722"/>
    <mergeCell ref="VDQ722:VDT722"/>
    <mergeCell ref="VDU722:VDX722"/>
    <mergeCell ref="VCK722:VCN722"/>
    <mergeCell ref="VCO722:VCR722"/>
    <mergeCell ref="VCS722:VCV722"/>
    <mergeCell ref="VCW722:VCZ722"/>
    <mergeCell ref="VDA722:VDD722"/>
    <mergeCell ref="VBQ722:VBT722"/>
    <mergeCell ref="VBU722:VBX722"/>
    <mergeCell ref="VBY722:VCB722"/>
    <mergeCell ref="VCC722:VCF722"/>
    <mergeCell ref="VCG722:VCJ722"/>
    <mergeCell ref="VAW722:VAZ722"/>
    <mergeCell ref="VBA722:VBD722"/>
    <mergeCell ref="VBE722:VBH722"/>
    <mergeCell ref="VBI722:VBL722"/>
    <mergeCell ref="VBM722:VBP722"/>
    <mergeCell ref="VAC722:VAF722"/>
    <mergeCell ref="VAG722:VAJ722"/>
    <mergeCell ref="VAK722:VAN722"/>
    <mergeCell ref="VAO722:VAR722"/>
    <mergeCell ref="VAS722:VAV722"/>
    <mergeCell ref="VKC722:VKF722"/>
    <mergeCell ref="VKG722:VKJ722"/>
    <mergeCell ref="VKK722:VKN722"/>
    <mergeCell ref="VKO722:VKR722"/>
    <mergeCell ref="VKS722:VKV722"/>
    <mergeCell ref="VJI722:VJL722"/>
    <mergeCell ref="VJM722:VJP722"/>
    <mergeCell ref="VJQ722:VJT722"/>
    <mergeCell ref="VJU722:VJX722"/>
    <mergeCell ref="VJY722:VKB722"/>
    <mergeCell ref="VIO722:VIR722"/>
    <mergeCell ref="VIS722:VIV722"/>
    <mergeCell ref="VIW722:VIZ722"/>
    <mergeCell ref="VJA722:VJD722"/>
    <mergeCell ref="VJE722:VJH722"/>
    <mergeCell ref="VHU722:VHX722"/>
    <mergeCell ref="VHY722:VIB722"/>
    <mergeCell ref="VIC722:VIF722"/>
    <mergeCell ref="VIG722:VIJ722"/>
    <mergeCell ref="VIK722:VIN722"/>
    <mergeCell ref="VHA722:VHD722"/>
    <mergeCell ref="VHE722:VHH722"/>
    <mergeCell ref="VHI722:VHL722"/>
    <mergeCell ref="VHM722:VHP722"/>
    <mergeCell ref="VHQ722:VHT722"/>
    <mergeCell ref="VGG722:VGJ722"/>
    <mergeCell ref="VGK722:VGN722"/>
    <mergeCell ref="VGO722:VGR722"/>
    <mergeCell ref="VGS722:VGV722"/>
    <mergeCell ref="VGW722:VGZ722"/>
    <mergeCell ref="VFM722:VFP722"/>
    <mergeCell ref="VFQ722:VFT722"/>
    <mergeCell ref="VFU722:VFX722"/>
    <mergeCell ref="VFY722:VGB722"/>
    <mergeCell ref="VGC722:VGF722"/>
    <mergeCell ref="VPM722:VPP722"/>
    <mergeCell ref="VPQ722:VPT722"/>
    <mergeCell ref="VPU722:VPX722"/>
    <mergeCell ref="VPY722:VQB722"/>
    <mergeCell ref="VQC722:VQF722"/>
    <mergeCell ref="VOS722:VOV722"/>
    <mergeCell ref="VOW722:VOZ722"/>
    <mergeCell ref="VPA722:VPD722"/>
    <mergeCell ref="VPE722:VPH722"/>
    <mergeCell ref="VPI722:VPL722"/>
    <mergeCell ref="VNY722:VOB722"/>
    <mergeCell ref="VOC722:VOF722"/>
    <mergeCell ref="VOG722:VOJ722"/>
    <mergeCell ref="VOK722:VON722"/>
    <mergeCell ref="VOO722:VOR722"/>
    <mergeCell ref="VNE722:VNH722"/>
    <mergeCell ref="VNI722:VNL722"/>
    <mergeCell ref="VNM722:VNP722"/>
    <mergeCell ref="VNQ722:VNT722"/>
    <mergeCell ref="VNU722:VNX722"/>
    <mergeCell ref="VMK722:VMN722"/>
    <mergeCell ref="VMO722:VMR722"/>
    <mergeCell ref="VMS722:VMV722"/>
    <mergeCell ref="VMW722:VMZ722"/>
    <mergeCell ref="VNA722:VND722"/>
    <mergeCell ref="VLQ722:VLT722"/>
    <mergeCell ref="VLU722:VLX722"/>
    <mergeCell ref="VLY722:VMB722"/>
    <mergeCell ref="VMC722:VMF722"/>
    <mergeCell ref="VMG722:VMJ722"/>
    <mergeCell ref="VKW722:VKZ722"/>
    <mergeCell ref="VLA722:VLD722"/>
    <mergeCell ref="VLE722:VLH722"/>
    <mergeCell ref="VLI722:VLL722"/>
    <mergeCell ref="VLM722:VLP722"/>
    <mergeCell ref="VUW722:VUZ722"/>
    <mergeCell ref="VVA722:VVD722"/>
    <mergeCell ref="VVE722:VVH722"/>
    <mergeCell ref="VVI722:VVL722"/>
    <mergeCell ref="VVM722:VVP722"/>
    <mergeCell ref="VUC722:VUF722"/>
    <mergeCell ref="VUG722:VUJ722"/>
    <mergeCell ref="VUK722:VUN722"/>
    <mergeCell ref="VUO722:VUR722"/>
    <mergeCell ref="VUS722:VUV722"/>
    <mergeCell ref="VTI722:VTL722"/>
    <mergeCell ref="VTM722:VTP722"/>
    <mergeCell ref="VTQ722:VTT722"/>
    <mergeCell ref="VTU722:VTX722"/>
    <mergeCell ref="VTY722:VUB722"/>
    <mergeCell ref="VSO722:VSR722"/>
    <mergeCell ref="VSS722:VSV722"/>
    <mergeCell ref="VSW722:VSZ722"/>
    <mergeCell ref="VTA722:VTD722"/>
    <mergeCell ref="VTE722:VTH722"/>
    <mergeCell ref="VRU722:VRX722"/>
    <mergeCell ref="VRY722:VSB722"/>
    <mergeCell ref="VSC722:VSF722"/>
    <mergeCell ref="VSG722:VSJ722"/>
    <mergeCell ref="VSK722:VSN722"/>
    <mergeCell ref="VRA722:VRD722"/>
    <mergeCell ref="VRE722:VRH722"/>
    <mergeCell ref="VRI722:VRL722"/>
    <mergeCell ref="VRM722:VRP722"/>
    <mergeCell ref="VRQ722:VRT722"/>
    <mergeCell ref="VQG722:VQJ722"/>
    <mergeCell ref="VQK722:VQN722"/>
    <mergeCell ref="VQO722:VQR722"/>
    <mergeCell ref="VQS722:VQV722"/>
    <mergeCell ref="VQW722:VQZ722"/>
    <mergeCell ref="WAG722:WAJ722"/>
    <mergeCell ref="WAK722:WAN722"/>
    <mergeCell ref="WAO722:WAR722"/>
    <mergeCell ref="WAS722:WAV722"/>
    <mergeCell ref="WAW722:WAZ722"/>
    <mergeCell ref="VZM722:VZP722"/>
    <mergeCell ref="VZQ722:VZT722"/>
    <mergeCell ref="VZU722:VZX722"/>
    <mergeCell ref="VZY722:WAB722"/>
    <mergeCell ref="WAC722:WAF722"/>
    <mergeCell ref="VYS722:VYV722"/>
    <mergeCell ref="VYW722:VYZ722"/>
    <mergeCell ref="VZA722:VZD722"/>
    <mergeCell ref="VZE722:VZH722"/>
    <mergeCell ref="VZI722:VZL722"/>
    <mergeCell ref="VXY722:VYB722"/>
    <mergeCell ref="VYC722:VYF722"/>
    <mergeCell ref="VYG722:VYJ722"/>
    <mergeCell ref="VYK722:VYN722"/>
    <mergeCell ref="VYO722:VYR722"/>
    <mergeCell ref="VXE722:VXH722"/>
    <mergeCell ref="VXI722:VXL722"/>
    <mergeCell ref="VXM722:VXP722"/>
    <mergeCell ref="VXQ722:VXT722"/>
    <mergeCell ref="VXU722:VXX722"/>
    <mergeCell ref="VWK722:VWN722"/>
    <mergeCell ref="VWO722:VWR722"/>
    <mergeCell ref="VWS722:VWV722"/>
    <mergeCell ref="VWW722:VWZ722"/>
    <mergeCell ref="VXA722:VXD722"/>
    <mergeCell ref="VVQ722:VVT722"/>
    <mergeCell ref="VVU722:VVX722"/>
    <mergeCell ref="VVY722:VWB722"/>
    <mergeCell ref="VWC722:VWF722"/>
    <mergeCell ref="VWG722:VWJ722"/>
    <mergeCell ref="WFQ722:WFT722"/>
    <mergeCell ref="WFU722:WFX722"/>
    <mergeCell ref="WFY722:WGB722"/>
    <mergeCell ref="WGC722:WGF722"/>
    <mergeCell ref="WGG722:WGJ722"/>
    <mergeCell ref="WEW722:WEZ722"/>
    <mergeCell ref="WFA722:WFD722"/>
    <mergeCell ref="WFE722:WFH722"/>
    <mergeCell ref="WFI722:WFL722"/>
    <mergeCell ref="WFM722:WFP722"/>
    <mergeCell ref="WEC722:WEF722"/>
    <mergeCell ref="WEG722:WEJ722"/>
    <mergeCell ref="WEK722:WEN722"/>
    <mergeCell ref="WEO722:WER722"/>
    <mergeCell ref="WES722:WEV722"/>
    <mergeCell ref="WDI722:WDL722"/>
    <mergeCell ref="WDM722:WDP722"/>
    <mergeCell ref="WDQ722:WDT722"/>
    <mergeCell ref="WDU722:WDX722"/>
    <mergeCell ref="WDY722:WEB722"/>
    <mergeCell ref="WCO722:WCR722"/>
    <mergeCell ref="WCS722:WCV722"/>
    <mergeCell ref="WCW722:WCZ722"/>
    <mergeCell ref="WDA722:WDD722"/>
    <mergeCell ref="WDE722:WDH722"/>
    <mergeCell ref="WBU722:WBX722"/>
    <mergeCell ref="WBY722:WCB722"/>
    <mergeCell ref="WCC722:WCF722"/>
    <mergeCell ref="WCG722:WCJ722"/>
    <mergeCell ref="WCK722:WCN722"/>
    <mergeCell ref="WBA722:WBD722"/>
    <mergeCell ref="WBE722:WBH722"/>
    <mergeCell ref="WBI722:WBL722"/>
    <mergeCell ref="WBM722:WBP722"/>
    <mergeCell ref="WBQ722:WBT722"/>
    <mergeCell ref="WLA722:WLD722"/>
    <mergeCell ref="WLE722:WLH722"/>
    <mergeCell ref="WLI722:WLL722"/>
    <mergeCell ref="WLM722:WLP722"/>
    <mergeCell ref="WLQ722:WLT722"/>
    <mergeCell ref="WKG722:WKJ722"/>
    <mergeCell ref="WKK722:WKN722"/>
    <mergeCell ref="WKO722:WKR722"/>
    <mergeCell ref="WKS722:WKV722"/>
    <mergeCell ref="WKW722:WKZ722"/>
    <mergeCell ref="WJM722:WJP722"/>
    <mergeCell ref="WJQ722:WJT722"/>
    <mergeCell ref="WJU722:WJX722"/>
    <mergeCell ref="WJY722:WKB722"/>
    <mergeCell ref="WKC722:WKF722"/>
    <mergeCell ref="WIS722:WIV722"/>
    <mergeCell ref="WIW722:WIZ722"/>
    <mergeCell ref="WJA722:WJD722"/>
    <mergeCell ref="WJE722:WJH722"/>
    <mergeCell ref="WJI722:WJL722"/>
    <mergeCell ref="WHY722:WIB722"/>
    <mergeCell ref="WIC722:WIF722"/>
    <mergeCell ref="WIG722:WIJ722"/>
    <mergeCell ref="WIK722:WIN722"/>
    <mergeCell ref="WIO722:WIR722"/>
    <mergeCell ref="WHE722:WHH722"/>
    <mergeCell ref="WHI722:WHL722"/>
    <mergeCell ref="WHM722:WHP722"/>
    <mergeCell ref="WHQ722:WHT722"/>
    <mergeCell ref="WHU722:WHX722"/>
    <mergeCell ref="WGK722:WGN722"/>
    <mergeCell ref="WGO722:WGR722"/>
    <mergeCell ref="WGS722:WGV722"/>
    <mergeCell ref="WGW722:WGZ722"/>
    <mergeCell ref="WHA722:WHD722"/>
    <mergeCell ref="WQK722:WQN722"/>
    <mergeCell ref="WQO722:WQR722"/>
    <mergeCell ref="WQS722:WQV722"/>
    <mergeCell ref="WQW722:WQZ722"/>
    <mergeCell ref="WRA722:WRD722"/>
    <mergeCell ref="WPQ722:WPT722"/>
    <mergeCell ref="WPU722:WPX722"/>
    <mergeCell ref="WPY722:WQB722"/>
    <mergeCell ref="WQC722:WQF722"/>
    <mergeCell ref="WQG722:WQJ722"/>
    <mergeCell ref="WOW722:WOZ722"/>
    <mergeCell ref="WPA722:WPD722"/>
    <mergeCell ref="WPE722:WPH722"/>
    <mergeCell ref="WPI722:WPL722"/>
    <mergeCell ref="WPM722:WPP722"/>
    <mergeCell ref="WOC722:WOF722"/>
    <mergeCell ref="WOG722:WOJ722"/>
    <mergeCell ref="WOK722:WON722"/>
    <mergeCell ref="WOO722:WOR722"/>
    <mergeCell ref="WOS722:WOV722"/>
    <mergeCell ref="WNI722:WNL722"/>
    <mergeCell ref="WNM722:WNP722"/>
    <mergeCell ref="WNQ722:WNT722"/>
    <mergeCell ref="WNU722:WNX722"/>
    <mergeCell ref="WNY722:WOB722"/>
    <mergeCell ref="WMO722:WMR722"/>
    <mergeCell ref="WMS722:WMV722"/>
    <mergeCell ref="WMW722:WMZ722"/>
    <mergeCell ref="WNA722:WND722"/>
    <mergeCell ref="WNE722:WNH722"/>
    <mergeCell ref="WLU722:WLX722"/>
    <mergeCell ref="WLY722:WMB722"/>
    <mergeCell ref="WMC722:WMF722"/>
    <mergeCell ref="WMG722:WMJ722"/>
    <mergeCell ref="WMK722:WMN722"/>
    <mergeCell ref="WVU722:WVX722"/>
    <mergeCell ref="WVY722:WWB722"/>
    <mergeCell ref="WWC722:WWF722"/>
    <mergeCell ref="WWG722:WWJ722"/>
    <mergeCell ref="WWK722:WWN722"/>
    <mergeCell ref="WVA722:WVD722"/>
    <mergeCell ref="WVE722:WVH722"/>
    <mergeCell ref="WVI722:WVL722"/>
    <mergeCell ref="WVM722:WVP722"/>
    <mergeCell ref="WVQ722:WVT722"/>
    <mergeCell ref="WUG722:WUJ722"/>
    <mergeCell ref="WUK722:WUN722"/>
    <mergeCell ref="WUO722:WUR722"/>
    <mergeCell ref="WUS722:WUV722"/>
    <mergeCell ref="WUW722:WUZ722"/>
    <mergeCell ref="WTM722:WTP722"/>
    <mergeCell ref="WTQ722:WTT722"/>
    <mergeCell ref="WTU722:WTX722"/>
    <mergeCell ref="WTY722:WUB722"/>
    <mergeCell ref="WUC722:WUF722"/>
    <mergeCell ref="WSS722:WSV722"/>
    <mergeCell ref="WSW722:WSZ722"/>
    <mergeCell ref="WTA722:WTD722"/>
    <mergeCell ref="WTE722:WTH722"/>
    <mergeCell ref="WTI722:WTL722"/>
    <mergeCell ref="WRY722:WSB722"/>
    <mergeCell ref="WSC722:WSF722"/>
    <mergeCell ref="WSG722:WSJ722"/>
    <mergeCell ref="WSK722:WSN722"/>
    <mergeCell ref="WSO722:WSR722"/>
    <mergeCell ref="WRE722:WRH722"/>
    <mergeCell ref="WRI722:WRL722"/>
    <mergeCell ref="WRM722:WRP722"/>
    <mergeCell ref="WRQ722:WRT722"/>
    <mergeCell ref="WRU722:WRX722"/>
    <mergeCell ref="XCK722:XCN722"/>
    <mergeCell ref="XCO722:XCR722"/>
    <mergeCell ref="XBE722:XBH722"/>
    <mergeCell ref="XBI722:XBL722"/>
    <mergeCell ref="XBM722:XBP722"/>
    <mergeCell ref="XBQ722:XBT722"/>
    <mergeCell ref="XBU722:XBX722"/>
    <mergeCell ref="XAK722:XAN722"/>
    <mergeCell ref="XAO722:XAR722"/>
    <mergeCell ref="XAS722:XAV722"/>
    <mergeCell ref="XAW722:XAZ722"/>
    <mergeCell ref="XBA722:XBD722"/>
    <mergeCell ref="WZQ722:WZT722"/>
    <mergeCell ref="WZU722:WZX722"/>
    <mergeCell ref="WZY722:XAB722"/>
    <mergeCell ref="XAC722:XAF722"/>
    <mergeCell ref="XAG722:XAJ722"/>
    <mergeCell ref="WYW722:WYZ722"/>
    <mergeCell ref="WZA722:WZD722"/>
    <mergeCell ref="WZE722:WZH722"/>
    <mergeCell ref="WZI722:WZL722"/>
    <mergeCell ref="WZM722:WZP722"/>
    <mergeCell ref="WYC722:WYF722"/>
    <mergeCell ref="WYG722:WYJ722"/>
    <mergeCell ref="WYK722:WYN722"/>
    <mergeCell ref="WYO722:WYR722"/>
    <mergeCell ref="WYS722:WYV722"/>
    <mergeCell ref="WXI722:WXL722"/>
    <mergeCell ref="WXM722:WXP722"/>
    <mergeCell ref="WXQ722:WXT722"/>
    <mergeCell ref="WXU722:WXX722"/>
    <mergeCell ref="WXY722:WYB722"/>
    <mergeCell ref="WWO722:WWR722"/>
    <mergeCell ref="WWS722:WWV722"/>
    <mergeCell ref="WWW722:WWZ722"/>
    <mergeCell ref="WXA722:WXD722"/>
    <mergeCell ref="WXE722:WXH722"/>
    <mergeCell ref="FE723:FH723"/>
    <mergeCell ref="FI723:FL723"/>
    <mergeCell ref="FM723:FP723"/>
    <mergeCell ref="FQ723:FT723"/>
    <mergeCell ref="FU723:FX723"/>
    <mergeCell ref="EK723:EN723"/>
    <mergeCell ref="EO723:ER723"/>
    <mergeCell ref="ES723:EV723"/>
    <mergeCell ref="EW723:EZ723"/>
    <mergeCell ref="FA723:FD723"/>
    <mergeCell ref="DQ723:DT723"/>
    <mergeCell ref="DU723:DX723"/>
    <mergeCell ref="DY723:EB723"/>
    <mergeCell ref="EC723:EF723"/>
    <mergeCell ref="EG723:EJ723"/>
    <mergeCell ref="CW723:CZ723"/>
    <mergeCell ref="DA723:DD723"/>
    <mergeCell ref="DE723:DH723"/>
    <mergeCell ref="DI723:DL723"/>
    <mergeCell ref="DM723:DP723"/>
    <mergeCell ref="CC723:CF723"/>
    <mergeCell ref="CG723:CJ723"/>
    <mergeCell ref="CK723:CN723"/>
    <mergeCell ref="CO723:CR723"/>
    <mergeCell ref="CS723:CV723"/>
    <mergeCell ref="BI723:BL723"/>
    <mergeCell ref="BM723:BP723"/>
    <mergeCell ref="BQ723:BT723"/>
    <mergeCell ref="BU723:BX723"/>
    <mergeCell ref="BY723:CB723"/>
    <mergeCell ref="XFA722:XFD722"/>
    <mergeCell ref="A723:D723"/>
    <mergeCell ref="E723:H723"/>
    <mergeCell ref="I723:L723"/>
    <mergeCell ref="M723:P723"/>
    <mergeCell ref="Q723:T723"/>
    <mergeCell ref="U723:X723"/>
    <mergeCell ref="Y723:AB723"/>
    <mergeCell ref="AC723:AF723"/>
    <mergeCell ref="AG723:AJ723"/>
    <mergeCell ref="AK723:AN723"/>
    <mergeCell ref="AO723:AR723"/>
    <mergeCell ref="AS723:AV723"/>
    <mergeCell ref="AW723:AZ723"/>
    <mergeCell ref="BA723:BD723"/>
    <mergeCell ref="BE723:BH723"/>
    <mergeCell ref="XEG722:XEJ722"/>
    <mergeCell ref="XEK722:XEN722"/>
    <mergeCell ref="XEO722:XER722"/>
    <mergeCell ref="XES722:XEV722"/>
    <mergeCell ref="XEW722:XEZ722"/>
    <mergeCell ref="XDM722:XDP722"/>
    <mergeCell ref="XDQ722:XDT722"/>
    <mergeCell ref="XDU722:XDX722"/>
    <mergeCell ref="XDY722:XEB722"/>
    <mergeCell ref="XEC722:XEF722"/>
    <mergeCell ref="XCS722:XCV722"/>
    <mergeCell ref="XCW722:XCZ722"/>
    <mergeCell ref="XDA722:XDD722"/>
    <mergeCell ref="XDE722:XDH722"/>
    <mergeCell ref="XDI722:XDL722"/>
    <mergeCell ref="XBY722:XCB722"/>
    <mergeCell ref="XCC722:XCF722"/>
    <mergeCell ref="XCG722:XCJ722"/>
    <mergeCell ref="KO723:KR723"/>
    <mergeCell ref="KS723:KV723"/>
    <mergeCell ref="KW723:KZ723"/>
    <mergeCell ref="LA723:LD723"/>
    <mergeCell ref="LE723:LH723"/>
    <mergeCell ref="JU723:JX723"/>
    <mergeCell ref="JY723:KB723"/>
    <mergeCell ref="KC723:KF723"/>
    <mergeCell ref="KG723:KJ723"/>
    <mergeCell ref="KK723:KN723"/>
    <mergeCell ref="JA723:JD723"/>
    <mergeCell ref="JE723:JH723"/>
    <mergeCell ref="JI723:JL723"/>
    <mergeCell ref="JM723:JP723"/>
    <mergeCell ref="JQ723:JT723"/>
    <mergeCell ref="IG723:IJ723"/>
    <mergeCell ref="IK723:IN723"/>
    <mergeCell ref="IO723:IR723"/>
    <mergeCell ref="IS723:IV723"/>
    <mergeCell ref="IW723:IZ723"/>
    <mergeCell ref="HM723:HP723"/>
    <mergeCell ref="HQ723:HT723"/>
    <mergeCell ref="HU723:HX723"/>
    <mergeCell ref="HY723:IB723"/>
    <mergeCell ref="IC723:IF723"/>
    <mergeCell ref="GS723:GV723"/>
    <mergeCell ref="GW723:GZ723"/>
    <mergeCell ref="HA723:HD723"/>
    <mergeCell ref="HE723:HH723"/>
    <mergeCell ref="HI723:HL723"/>
    <mergeCell ref="FY723:GB723"/>
    <mergeCell ref="GC723:GF723"/>
    <mergeCell ref="GG723:GJ723"/>
    <mergeCell ref="GK723:GN723"/>
    <mergeCell ref="GO723:GR723"/>
    <mergeCell ref="PY723:QB723"/>
    <mergeCell ref="QC723:QF723"/>
    <mergeCell ref="QG723:QJ723"/>
    <mergeCell ref="QK723:QN723"/>
    <mergeCell ref="QO723:QR723"/>
    <mergeCell ref="PE723:PH723"/>
    <mergeCell ref="PI723:PL723"/>
    <mergeCell ref="PM723:PP723"/>
    <mergeCell ref="PQ723:PT723"/>
    <mergeCell ref="PU723:PX723"/>
    <mergeCell ref="OK723:ON723"/>
    <mergeCell ref="OO723:OR723"/>
    <mergeCell ref="OS723:OV723"/>
    <mergeCell ref="OW723:OZ723"/>
    <mergeCell ref="PA723:PD723"/>
    <mergeCell ref="NQ723:NT723"/>
    <mergeCell ref="NU723:NX723"/>
    <mergeCell ref="NY723:OB723"/>
    <mergeCell ref="OC723:OF723"/>
    <mergeCell ref="OG723:OJ723"/>
    <mergeCell ref="MW723:MZ723"/>
    <mergeCell ref="NA723:ND723"/>
    <mergeCell ref="NE723:NH723"/>
    <mergeCell ref="NI723:NL723"/>
    <mergeCell ref="NM723:NP723"/>
    <mergeCell ref="MC723:MF723"/>
    <mergeCell ref="MG723:MJ723"/>
    <mergeCell ref="MK723:MN723"/>
    <mergeCell ref="MO723:MR723"/>
    <mergeCell ref="MS723:MV723"/>
    <mergeCell ref="LI723:LL723"/>
    <mergeCell ref="LM723:LP723"/>
    <mergeCell ref="LQ723:LT723"/>
    <mergeCell ref="LU723:LX723"/>
    <mergeCell ref="LY723:MB723"/>
    <mergeCell ref="VI723:VL723"/>
    <mergeCell ref="VM723:VP723"/>
    <mergeCell ref="VQ723:VT723"/>
    <mergeCell ref="VU723:VX723"/>
    <mergeCell ref="VY723:WB723"/>
    <mergeCell ref="UO723:UR723"/>
    <mergeCell ref="US723:UV723"/>
    <mergeCell ref="UW723:UZ723"/>
    <mergeCell ref="VA723:VD723"/>
    <mergeCell ref="VE723:VH723"/>
    <mergeCell ref="TU723:TX723"/>
    <mergeCell ref="TY723:UB723"/>
    <mergeCell ref="UC723:UF723"/>
    <mergeCell ref="UG723:UJ723"/>
    <mergeCell ref="UK723:UN723"/>
    <mergeCell ref="TA723:TD723"/>
    <mergeCell ref="TE723:TH723"/>
    <mergeCell ref="TI723:TL723"/>
    <mergeCell ref="TM723:TP723"/>
    <mergeCell ref="TQ723:TT723"/>
    <mergeCell ref="SG723:SJ723"/>
    <mergeCell ref="SK723:SN723"/>
    <mergeCell ref="SO723:SR723"/>
    <mergeCell ref="SS723:SV723"/>
    <mergeCell ref="SW723:SZ723"/>
    <mergeCell ref="RM723:RP723"/>
    <mergeCell ref="RQ723:RT723"/>
    <mergeCell ref="RU723:RX723"/>
    <mergeCell ref="RY723:SB723"/>
    <mergeCell ref="SC723:SF723"/>
    <mergeCell ref="QS723:QV723"/>
    <mergeCell ref="QW723:QZ723"/>
    <mergeCell ref="RA723:RD723"/>
    <mergeCell ref="RE723:RH723"/>
    <mergeCell ref="RI723:RL723"/>
    <mergeCell ref="AAS723:AAV723"/>
    <mergeCell ref="AAW723:AAZ723"/>
    <mergeCell ref="ABA723:ABD723"/>
    <mergeCell ref="ABE723:ABH723"/>
    <mergeCell ref="ABI723:ABL723"/>
    <mergeCell ref="ZY723:AAB723"/>
    <mergeCell ref="AAC723:AAF723"/>
    <mergeCell ref="AAG723:AAJ723"/>
    <mergeCell ref="AAK723:AAN723"/>
    <mergeCell ref="AAO723:AAR723"/>
    <mergeCell ref="ZE723:ZH723"/>
    <mergeCell ref="ZI723:ZL723"/>
    <mergeCell ref="ZM723:ZP723"/>
    <mergeCell ref="ZQ723:ZT723"/>
    <mergeCell ref="ZU723:ZX723"/>
    <mergeCell ref="YK723:YN723"/>
    <mergeCell ref="YO723:YR723"/>
    <mergeCell ref="YS723:YV723"/>
    <mergeCell ref="YW723:YZ723"/>
    <mergeCell ref="ZA723:ZD723"/>
    <mergeCell ref="XQ723:XT723"/>
    <mergeCell ref="XU723:XX723"/>
    <mergeCell ref="XY723:YB723"/>
    <mergeCell ref="YC723:YF723"/>
    <mergeCell ref="YG723:YJ723"/>
    <mergeCell ref="WW723:WZ723"/>
    <mergeCell ref="XA723:XD723"/>
    <mergeCell ref="XE723:XH723"/>
    <mergeCell ref="XI723:XL723"/>
    <mergeCell ref="XM723:XP723"/>
    <mergeCell ref="WC723:WF723"/>
    <mergeCell ref="WG723:WJ723"/>
    <mergeCell ref="WK723:WN723"/>
    <mergeCell ref="WO723:WR723"/>
    <mergeCell ref="WS723:WV723"/>
    <mergeCell ref="AGC723:AGF723"/>
    <mergeCell ref="AGG723:AGJ723"/>
    <mergeCell ref="AGK723:AGN723"/>
    <mergeCell ref="AGO723:AGR723"/>
    <mergeCell ref="AGS723:AGV723"/>
    <mergeCell ref="AFI723:AFL723"/>
    <mergeCell ref="AFM723:AFP723"/>
    <mergeCell ref="AFQ723:AFT723"/>
    <mergeCell ref="AFU723:AFX723"/>
    <mergeCell ref="AFY723:AGB723"/>
    <mergeCell ref="AEO723:AER723"/>
    <mergeCell ref="AES723:AEV723"/>
    <mergeCell ref="AEW723:AEZ723"/>
    <mergeCell ref="AFA723:AFD723"/>
    <mergeCell ref="AFE723:AFH723"/>
    <mergeCell ref="ADU723:ADX723"/>
    <mergeCell ref="ADY723:AEB723"/>
    <mergeCell ref="AEC723:AEF723"/>
    <mergeCell ref="AEG723:AEJ723"/>
    <mergeCell ref="AEK723:AEN723"/>
    <mergeCell ref="ADA723:ADD723"/>
    <mergeCell ref="ADE723:ADH723"/>
    <mergeCell ref="ADI723:ADL723"/>
    <mergeCell ref="ADM723:ADP723"/>
    <mergeCell ref="ADQ723:ADT723"/>
    <mergeCell ref="ACG723:ACJ723"/>
    <mergeCell ref="ACK723:ACN723"/>
    <mergeCell ref="ACO723:ACR723"/>
    <mergeCell ref="ACS723:ACV723"/>
    <mergeCell ref="ACW723:ACZ723"/>
    <mergeCell ref="ABM723:ABP723"/>
    <mergeCell ref="ABQ723:ABT723"/>
    <mergeCell ref="ABU723:ABX723"/>
    <mergeCell ref="ABY723:ACB723"/>
    <mergeCell ref="ACC723:ACF723"/>
    <mergeCell ref="ALM723:ALP723"/>
    <mergeCell ref="ALQ723:ALT723"/>
    <mergeCell ref="ALU723:ALX723"/>
    <mergeCell ref="ALY723:AMB723"/>
    <mergeCell ref="AMC723:AMF723"/>
    <mergeCell ref="AKS723:AKV723"/>
    <mergeCell ref="AKW723:AKZ723"/>
    <mergeCell ref="ALA723:ALD723"/>
    <mergeCell ref="ALE723:ALH723"/>
    <mergeCell ref="ALI723:ALL723"/>
    <mergeCell ref="AJY723:AKB723"/>
    <mergeCell ref="AKC723:AKF723"/>
    <mergeCell ref="AKG723:AKJ723"/>
    <mergeCell ref="AKK723:AKN723"/>
    <mergeCell ref="AKO723:AKR723"/>
    <mergeCell ref="AJE723:AJH723"/>
    <mergeCell ref="AJI723:AJL723"/>
    <mergeCell ref="AJM723:AJP723"/>
    <mergeCell ref="AJQ723:AJT723"/>
    <mergeCell ref="AJU723:AJX723"/>
    <mergeCell ref="AIK723:AIN723"/>
    <mergeCell ref="AIO723:AIR723"/>
    <mergeCell ref="AIS723:AIV723"/>
    <mergeCell ref="AIW723:AIZ723"/>
    <mergeCell ref="AJA723:AJD723"/>
    <mergeCell ref="AHQ723:AHT723"/>
    <mergeCell ref="AHU723:AHX723"/>
    <mergeCell ref="AHY723:AIB723"/>
    <mergeCell ref="AIC723:AIF723"/>
    <mergeCell ref="AIG723:AIJ723"/>
    <mergeCell ref="AGW723:AGZ723"/>
    <mergeCell ref="AHA723:AHD723"/>
    <mergeCell ref="AHE723:AHH723"/>
    <mergeCell ref="AHI723:AHL723"/>
    <mergeCell ref="AHM723:AHP723"/>
    <mergeCell ref="AQW723:AQZ723"/>
    <mergeCell ref="ARA723:ARD723"/>
    <mergeCell ref="ARE723:ARH723"/>
    <mergeCell ref="ARI723:ARL723"/>
    <mergeCell ref="ARM723:ARP723"/>
    <mergeCell ref="AQC723:AQF723"/>
    <mergeCell ref="AQG723:AQJ723"/>
    <mergeCell ref="AQK723:AQN723"/>
    <mergeCell ref="AQO723:AQR723"/>
    <mergeCell ref="AQS723:AQV723"/>
    <mergeCell ref="API723:APL723"/>
    <mergeCell ref="APM723:APP723"/>
    <mergeCell ref="APQ723:APT723"/>
    <mergeCell ref="APU723:APX723"/>
    <mergeCell ref="APY723:AQB723"/>
    <mergeCell ref="AOO723:AOR723"/>
    <mergeCell ref="AOS723:AOV723"/>
    <mergeCell ref="AOW723:AOZ723"/>
    <mergeCell ref="APA723:APD723"/>
    <mergeCell ref="APE723:APH723"/>
    <mergeCell ref="ANU723:ANX723"/>
    <mergeCell ref="ANY723:AOB723"/>
    <mergeCell ref="AOC723:AOF723"/>
    <mergeCell ref="AOG723:AOJ723"/>
    <mergeCell ref="AOK723:AON723"/>
    <mergeCell ref="ANA723:AND723"/>
    <mergeCell ref="ANE723:ANH723"/>
    <mergeCell ref="ANI723:ANL723"/>
    <mergeCell ref="ANM723:ANP723"/>
    <mergeCell ref="ANQ723:ANT723"/>
    <mergeCell ref="AMG723:AMJ723"/>
    <mergeCell ref="AMK723:AMN723"/>
    <mergeCell ref="AMO723:AMR723"/>
    <mergeCell ref="AMS723:AMV723"/>
    <mergeCell ref="AMW723:AMZ723"/>
    <mergeCell ref="AWG723:AWJ723"/>
    <mergeCell ref="AWK723:AWN723"/>
    <mergeCell ref="AWO723:AWR723"/>
    <mergeCell ref="AWS723:AWV723"/>
    <mergeCell ref="AWW723:AWZ723"/>
    <mergeCell ref="AVM723:AVP723"/>
    <mergeCell ref="AVQ723:AVT723"/>
    <mergeCell ref="AVU723:AVX723"/>
    <mergeCell ref="AVY723:AWB723"/>
    <mergeCell ref="AWC723:AWF723"/>
    <mergeCell ref="AUS723:AUV723"/>
    <mergeCell ref="AUW723:AUZ723"/>
    <mergeCell ref="AVA723:AVD723"/>
    <mergeCell ref="AVE723:AVH723"/>
    <mergeCell ref="AVI723:AVL723"/>
    <mergeCell ref="ATY723:AUB723"/>
    <mergeCell ref="AUC723:AUF723"/>
    <mergeCell ref="AUG723:AUJ723"/>
    <mergeCell ref="AUK723:AUN723"/>
    <mergeCell ref="AUO723:AUR723"/>
    <mergeCell ref="ATE723:ATH723"/>
    <mergeCell ref="ATI723:ATL723"/>
    <mergeCell ref="ATM723:ATP723"/>
    <mergeCell ref="ATQ723:ATT723"/>
    <mergeCell ref="ATU723:ATX723"/>
    <mergeCell ref="ASK723:ASN723"/>
    <mergeCell ref="ASO723:ASR723"/>
    <mergeCell ref="ASS723:ASV723"/>
    <mergeCell ref="ASW723:ASZ723"/>
    <mergeCell ref="ATA723:ATD723"/>
    <mergeCell ref="ARQ723:ART723"/>
    <mergeCell ref="ARU723:ARX723"/>
    <mergeCell ref="ARY723:ASB723"/>
    <mergeCell ref="ASC723:ASF723"/>
    <mergeCell ref="ASG723:ASJ723"/>
    <mergeCell ref="BBQ723:BBT723"/>
    <mergeCell ref="BBU723:BBX723"/>
    <mergeCell ref="BBY723:BCB723"/>
    <mergeCell ref="BCC723:BCF723"/>
    <mergeCell ref="BCG723:BCJ723"/>
    <mergeCell ref="BAW723:BAZ723"/>
    <mergeCell ref="BBA723:BBD723"/>
    <mergeCell ref="BBE723:BBH723"/>
    <mergeCell ref="BBI723:BBL723"/>
    <mergeCell ref="BBM723:BBP723"/>
    <mergeCell ref="BAC723:BAF723"/>
    <mergeCell ref="BAG723:BAJ723"/>
    <mergeCell ref="BAK723:BAN723"/>
    <mergeCell ref="BAO723:BAR723"/>
    <mergeCell ref="BAS723:BAV723"/>
    <mergeCell ref="AZI723:AZL723"/>
    <mergeCell ref="AZM723:AZP723"/>
    <mergeCell ref="AZQ723:AZT723"/>
    <mergeCell ref="AZU723:AZX723"/>
    <mergeCell ref="AZY723:BAB723"/>
    <mergeCell ref="AYO723:AYR723"/>
    <mergeCell ref="AYS723:AYV723"/>
    <mergeCell ref="AYW723:AYZ723"/>
    <mergeCell ref="AZA723:AZD723"/>
    <mergeCell ref="AZE723:AZH723"/>
    <mergeCell ref="AXU723:AXX723"/>
    <mergeCell ref="AXY723:AYB723"/>
    <mergeCell ref="AYC723:AYF723"/>
    <mergeCell ref="AYG723:AYJ723"/>
    <mergeCell ref="AYK723:AYN723"/>
    <mergeCell ref="AXA723:AXD723"/>
    <mergeCell ref="AXE723:AXH723"/>
    <mergeCell ref="AXI723:AXL723"/>
    <mergeCell ref="AXM723:AXP723"/>
    <mergeCell ref="AXQ723:AXT723"/>
    <mergeCell ref="BHA723:BHD723"/>
    <mergeCell ref="BHE723:BHH723"/>
    <mergeCell ref="BHI723:BHL723"/>
    <mergeCell ref="BHM723:BHP723"/>
    <mergeCell ref="BHQ723:BHT723"/>
    <mergeCell ref="BGG723:BGJ723"/>
    <mergeCell ref="BGK723:BGN723"/>
    <mergeCell ref="BGO723:BGR723"/>
    <mergeCell ref="BGS723:BGV723"/>
    <mergeCell ref="BGW723:BGZ723"/>
    <mergeCell ref="BFM723:BFP723"/>
    <mergeCell ref="BFQ723:BFT723"/>
    <mergeCell ref="BFU723:BFX723"/>
    <mergeCell ref="BFY723:BGB723"/>
    <mergeCell ref="BGC723:BGF723"/>
    <mergeCell ref="BES723:BEV723"/>
    <mergeCell ref="BEW723:BEZ723"/>
    <mergeCell ref="BFA723:BFD723"/>
    <mergeCell ref="BFE723:BFH723"/>
    <mergeCell ref="BFI723:BFL723"/>
    <mergeCell ref="BDY723:BEB723"/>
    <mergeCell ref="BEC723:BEF723"/>
    <mergeCell ref="BEG723:BEJ723"/>
    <mergeCell ref="BEK723:BEN723"/>
    <mergeCell ref="BEO723:BER723"/>
    <mergeCell ref="BDE723:BDH723"/>
    <mergeCell ref="BDI723:BDL723"/>
    <mergeCell ref="BDM723:BDP723"/>
    <mergeCell ref="BDQ723:BDT723"/>
    <mergeCell ref="BDU723:BDX723"/>
    <mergeCell ref="BCK723:BCN723"/>
    <mergeCell ref="BCO723:BCR723"/>
    <mergeCell ref="BCS723:BCV723"/>
    <mergeCell ref="BCW723:BCZ723"/>
    <mergeCell ref="BDA723:BDD723"/>
    <mergeCell ref="BMK723:BMN723"/>
    <mergeCell ref="BMO723:BMR723"/>
    <mergeCell ref="BMS723:BMV723"/>
    <mergeCell ref="BMW723:BMZ723"/>
    <mergeCell ref="BNA723:BND723"/>
    <mergeCell ref="BLQ723:BLT723"/>
    <mergeCell ref="BLU723:BLX723"/>
    <mergeCell ref="BLY723:BMB723"/>
    <mergeCell ref="BMC723:BMF723"/>
    <mergeCell ref="BMG723:BMJ723"/>
    <mergeCell ref="BKW723:BKZ723"/>
    <mergeCell ref="BLA723:BLD723"/>
    <mergeCell ref="BLE723:BLH723"/>
    <mergeCell ref="BLI723:BLL723"/>
    <mergeCell ref="BLM723:BLP723"/>
    <mergeCell ref="BKC723:BKF723"/>
    <mergeCell ref="BKG723:BKJ723"/>
    <mergeCell ref="BKK723:BKN723"/>
    <mergeCell ref="BKO723:BKR723"/>
    <mergeCell ref="BKS723:BKV723"/>
    <mergeCell ref="BJI723:BJL723"/>
    <mergeCell ref="BJM723:BJP723"/>
    <mergeCell ref="BJQ723:BJT723"/>
    <mergeCell ref="BJU723:BJX723"/>
    <mergeCell ref="BJY723:BKB723"/>
    <mergeCell ref="BIO723:BIR723"/>
    <mergeCell ref="BIS723:BIV723"/>
    <mergeCell ref="BIW723:BIZ723"/>
    <mergeCell ref="BJA723:BJD723"/>
    <mergeCell ref="BJE723:BJH723"/>
    <mergeCell ref="BHU723:BHX723"/>
    <mergeCell ref="BHY723:BIB723"/>
    <mergeCell ref="BIC723:BIF723"/>
    <mergeCell ref="BIG723:BIJ723"/>
    <mergeCell ref="BIK723:BIN723"/>
    <mergeCell ref="BRU723:BRX723"/>
    <mergeCell ref="BRY723:BSB723"/>
    <mergeCell ref="BSC723:BSF723"/>
    <mergeCell ref="BSG723:BSJ723"/>
    <mergeCell ref="BSK723:BSN723"/>
    <mergeCell ref="BRA723:BRD723"/>
    <mergeCell ref="BRE723:BRH723"/>
    <mergeCell ref="BRI723:BRL723"/>
    <mergeCell ref="BRM723:BRP723"/>
    <mergeCell ref="BRQ723:BRT723"/>
    <mergeCell ref="BQG723:BQJ723"/>
    <mergeCell ref="BQK723:BQN723"/>
    <mergeCell ref="BQO723:BQR723"/>
    <mergeCell ref="BQS723:BQV723"/>
    <mergeCell ref="BQW723:BQZ723"/>
    <mergeCell ref="BPM723:BPP723"/>
    <mergeCell ref="BPQ723:BPT723"/>
    <mergeCell ref="BPU723:BPX723"/>
    <mergeCell ref="BPY723:BQB723"/>
    <mergeCell ref="BQC723:BQF723"/>
    <mergeCell ref="BOS723:BOV723"/>
    <mergeCell ref="BOW723:BOZ723"/>
    <mergeCell ref="BPA723:BPD723"/>
    <mergeCell ref="BPE723:BPH723"/>
    <mergeCell ref="BPI723:BPL723"/>
    <mergeCell ref="BNY723:BOB723"/>
    <mergeCell ref="BOC723:BOF723"/>
    <mergeCell ref="BOG723:BOJ723"/>
    <mergeCell ref="BOK723:BON723"/>
    <mergeCell ref="BOO723:BOR723"/>
    <mergeCell ref="BNE723:BNH723"/>
    <mergeCell ref="BNI723:BNL723"/>
    <mergeCell ref="BNM723:BNP723"/>
    <mergeCell ref="BNQ723:BNT723"/>
    <mergeCell ref="BNU723:BNX723"/>
    <mergeCell ref="BXE723:BXH723"/>
    <mergeCell ref="BXI723:BXL723"/>
    <mergeCell ref="BXM723:BXP723"/>
    <mergeCell ref="BXQ723:BXT723"/>
    <mergeCell ref="BXU723:BXX723"/>
    <mergeCell ref="BWK723:BWN723"/>
    <mergeCell ref="BWO723:BWR723"/>
    <mergeCell ref="BWS723:BWV723"/>
    <mergeCell ref="BWW723:BWZ723"/>
    <mergeCell ref="BXA723:BXD723"/>
    <mergeCell ref="BVQ723:BVT723"/>
    <mergeCell ref="BVU723:BVX723"/>
    <mergeCell ref="BVY723:BWB723"/>
    <mergeCell ref="BWC723:BWF723"/>
    <mergeCell ref="BWG723:BWJ723"/>
    <mergeCell ref="BUW723:BUZ723"/>
    <mergeCell ref="BVA723:BVD723"/>
    <mergeCell ref="BVE723:BVH723"/>
    <mergeCell ref="BVI723:BVL723"/>
    <mergeCell ref="BVM723:BVP723"/>
    <mergeCell ref="BUC723:BUF723"/>
    <mergeCell ref="BUG723:BUJ723"/>
    <mergeCell ref="BUK723:BUN723"/>
    <mergeCell ref="BUO723:BUR723"/>
    <mergeCell ref="BUS723:BUV723"/>
    <mergeCell ref="BTI723:BTL723"/>
    <mergeCell ref="BTM723:BTP723"/>
    <mergeCell ref="BTQ723:BTT723"/>
    <mergeCell ref="BTU723:BTX723"/>
    <mergeCell ref="BTY723:BUB723"/>
    <mergeCell ref="BSO723:BSR723"/>
    <mergeCell ref="BSS723:BSV723"/>
    <mergeCell ref="BSW723:BSZ723"/>
    <mergeCell ref="BTA723:BTD723"/>
    <mergeCell ref="BTE723:BTH723"/>
    <mergeCell ref="CCO723:CCR723"/>
    <mergeCell ref="CCS723:CCV723"/>
    <mergeCell ref="CCW723:CCZ723"/>
    <mergeCell ref="CDA723:CDD723"/>
    <mergeCell ref="CDE723:CDH723"/>
    <mergeCell ref="CBU723:CBX723"/>
    <mergeCell ref="CBY723:CCB723"/>
    <mergeCell ref="CCC723:CCF723"/>
    <mergeCell ref="CCG723:CCJ723"/>
    <mergeCell ref="CCK723:CCN723"/>
    <mergeCell ref="CBA723:CBD723"/>
    <mergeCell ref="CBE723:CBH723"/>
    <mergeCell ref="CBI723:CBL723"/>
    <mergeCell ref="CBM723:CBP723"/>
    <mergeCell ref="CBQ723:CBT723"/>
    <mergeCell ref="CAG723:CAJ723"/>
    <mergeCell ref="CAK723:CAN723"/>
    <mergeCell ref="CAO723:CAR723"/>
    <mergeCell ref="CAS723:CAV723"/>
    <mergeCell ref="CAW723:CAZ723"/>
    <mergeCell ref="BZM723:BZP723"/>
    <mergeCell ref="BZQ723:BZT723"/>
    <mergeCell ref="BZU723:BZX723"/>
    <mergeCell ref="BZY723:CAB723"/>
    <mergeCell ref="CAC723:CAF723"/>
    <mergeCell ref="BYS723:BYV723"/>
    <mergeCell ref="BYW723:BYZ723"/>
    <mergeCell ref="BZA723:BZD723"/>
    <mergeCell ref="BZE723:BZH723"/>
    <mergeCell ref="BZI723:BZL723"/>
    <mergeCell ref="BXY723:BYB723"/>
    <mergeCell ref="BYC723:BYF723"/>
    <mergeCell ref="BYG723:BYJ723"/>
    <mergeCell ref="BYK723:BYN723"/>
    <mergeCell ref="BYO723:BYR723"/>
    <mergeCell ref="CHY723:CIB723"/>
    <mergeCell ref="CIC723:CIF723"/>
    <mergeCell ref="CIG723:CIJ723"/>
    <mergeCell ref="CIK723:CIN723"/>
    <mergeCell ref="CIO723:CIR723"/>
    <mergeCell ref="CHE723:CHH723"/>
    <mergeCell ref="CHI723:CHL723"/>
    <mergeCell ref="CHM723:CHP723"/>
    <mergeCell ref="CHQ723:CHT723"/>
    <mergeCell ref="CHU723:CHX723"/>
    <mergeCell ref="CGK723:CGN723"/>
    <mergeCell ref="CGO723:CGR723"/>
    <mergeCell ref="CGS723:CGV723"/>
    <mergeCell ref="CGW723:CGZ723"/>
    <mergeCell ref="CHA723:CHD723"/>
    <mergeCell ref="CFQ723:CFT723"/>
    <mergeCell ref="CFU723:CFX723"/>
    <mergeCell ref="CFY723:CGB723"/>
    <mergeCell ref="CGC723:CGF723"/>
    <mergeCell ref="CGG723:CGJ723"/>
    <mergeCell ref="CEW723:CEZ723"/>
    <mergeCell ref="CFA723:CFD723"/>
    <mergeCell ref="CFE723:CFH723"/>
    <mergeCell ref="CFI723:CFL723"/>
    <mergeCell ref="CFM723:CFP723"/>
    <mergeCell ref="CEC723:CEF723"/>
    <mergeCell ref="CEG723:CEJ723"/>
    <mergeCell ref="CEK723:CEN723"/>
    <mergeCell ref="CEO723:CER723"/>
    <mergeCell ref="CES723:CEV723"/>
    <mergeCell ref="CDI723:CDL723"/>
    <mergeCell ref="CDM723:CDP723"/>
    <mergeCell ref="CDQ723:CDT723"/>
    <mergeCell ref="CDU723:CDX723"/>
    <mergeCell ref="CDY723:CEB723"/>
    <mergeCell ref="CNI723:CNL723"/>
    <mergeCell ref="CNM723:CNP723"/>
    <mergeCell ref="CNQ723:CNT723"/>
    <mergeCell ref="CNU723:CNX723"/>
    <mergeCell ref="CNY723:COB723"/>
    <mergeCell ref="CMO723:CMR723"/>
    <mergeCell ref="CMS723:CMV723"/>
    <mergeCell ref="CMW723:CMZ723"/>
    <mergeCell ref="CNA723:CND723"/>
    <mergeCell ref="CNE723:CNH723"/>
    <mergeCell ref="CLU723:CLX723"/>
    <mergeCell ref="CLY723:CMB723"/>
    <mergeCell ref="CMC723:CMF723"/>
    <mergeCell ref="CMG723:CMJ723"/>
    <mergeCell ref="CMK723:CMN723"/>
    <mergeCell ref="CLA723:CLD723"/>
    <mergeCell ref="CLE723:CLH723"/>
    <mergeCell ref="CLI723:CLL723"/>
    <mergeCell ref="CLM723:CLP723"/>
    <mergeCell ref="CLQ723:CLT723"/>
    <mergeCell ref="CKG723:CKJ723"/>
    <mergeCell ref="CKK723:CKN723"/>
    <mergeCell ref="CKO723:CKR723"/>
    <mergeCell ref="CKS723:CKV723"/>
    <mergeCell ref="CKW723:CKZ723"/>
    <mergeCell ref="CJM723:CJP723"/>
    <mergeCell ref="CJQ723:CJT723"/>
    <mergeCell ref="CJU723:CJX723"/>
    <mergeCell ref="CJY723:CKB723"/>
    <mergeCell ref="CKC723:CKF723"/>
    <mergeCell ref="CIS723:CIV723"/>
    <mergeCell ref="CIW723:CIZ723"/>
    <mergeCell ref="CJA723:CJD723"/>
    <mergeCell ref="CJE723:CJH723"/>
    <mergeCell ref="CJI723:CJL723"/>
    <mergeCell ref="CSS723:CSV723"/>
    <mergeCell ref="CSW723:CSZ723"/>
    <mergeCell ref="CTA723:CTD723"/>
    <mergeCell ref="CTE723:CTH723"/>
    <mergeCell ref="CTI723:CTL723"/>
    <mergeCell ref="CRY723:CSB723"/>
    <mergeCell ref="CSC723:CSF723"/>
    <mergeCell ref="CSG723:CSJ723"/>
    <mergeCell ref="CSK723:CSN723"/>
    <mergeCell ref="CSO723:CSR723"/>
    <mergeCell ref="CRE723:CRH723"/>
    <mergeCell ref="CRI723:CRL723"/>
    <mergeCell ref="CRM723:CRP723"/>
    <mergeCell ref="CRQ723:CRT723"/>
    <mergeCell ref="CRU723:CRX723"/>
    <mergeCell ref="CQK723:CQN723"/>
    <mergeCell ref="CQO723:CQR723"/>
    <mergeCell ref="CQS723:CQV723"/>
    <mergeCell ref="CQW723:CQZ723"/>
    <mergeCell ref="CRA723:CRD723"/>
    <mergeCell ref="CPQ723:CPT723"/>
    <mergeCell ref="CPU723:CPX723"/>
    <mergeCell ref="CPY723:CQB723"/>
    <mergeCell ref="CQC723:CQF723"/>
    <mergeCell ref="CQG723:CQJ723"/>
    <mergeCell ref="COW723:COZ723"/>
    <mergeCell ref="CPA723:CPD723"/>
    <mergeCell ref="CPE723:CPH723"/>
    <mergeCell ref="CPI723:CPL723"/>
    <mergeCell ref="CPM723:CPP723"/>
    <mergeCell ref="COC723:COF723"/>
    <mergeCell ref="COG723:COJ723"/>
    <mergeCell ref="COK723:CON723"/>
    <mergeCell ref="COO723:COR723"/>
    <mergeCell ref="COS723:COV723"/>
    <mergeCell ref="CYC723:CYF723"/>
    <mergeCell ref="CYG723:CYJ723"/>
    <mergeCell ref="CYK723:CYN723"/>
    <mergeCell ref="CYO723:CYR723"/>
    <mergeCell ref="CYS723:CYV723"/>
    <mergeCell ref="CXI723:CXL723"/>
    <mergeCell ref="CXM723:CXP723"/>
    <mergeCell ref="CXQ723:CXT723"/>
    <mergeCell ref="CXU723:CXX723"/>
    <mergeCell ref="CXY723:CYB723"/>
    <mergeCell ref="CWO723:CWR723"/>
    <mergeCell ref="CWS723:CWV723"/>
    <mergeCell ref="CWW723:CWZ723"/>
    <mergeCell ref="CXA723:CXD723"/>
    <mergeCell ref="CXE723:CXH723"/>
    <mergeCell ref="CVU723:CVX723"/>
    <mergeCell ref="CVY723:CWB723"/>
    <mergeCell ref="CWC723:CWF723"/>
    <mergeCell ref="CWG723:CWJ723"/>
    <mergeCell ref="CWK723:CWN723"/>
    <mergeCell ref="CVA723:CVD723"/>
    <mergeCell ref="CVE723:CVH723"/>
    <mergeCell ref="CVI723:CVL723"/>
    <mergeCell ref="CVM723:CVP723"/>
    <mergeCell ref="CVQ723:CVT723"/>
    <mergeCell ref="CUG723:CUJ723"/>
    <mergeCell ref="CUK723:CUN723"/>
    <mergeCell ref="CUO723:CUR723"/>
    <mergeCell ref="CUS723:CUV723"/>
    <mergeCell ref="CUW723:CUZ723"/>
    <mergeCell ref="CTM723:CTP723"/>
    <mergeCell ref="CTQ723:CTT723"/>
    <mergeCell ref="CTU723:CTX723"/>
    <mergeCell ref="CTY723:CUB723"/>
    <mergeCell ref="CUC723:CUF723"/>
    <mergeCell ref="DDM723:DDP723"/>
    <mergeCell ref="DDQ723:DDT723"/>
    <mergeCell ref="DDU723:DDX723"/>
    <mergeCell ref="DDY723:DEB723"/>
    <mergeCell ref="DEC723:DEF723"/>
    <mergeCell ref="DCS723:DCV723"/>
    <mergeCell ref="DCW723:DCZ723"/>
    <mergeCell ref="DDA723:DDD723"/>
    <mergeCell ref="DDE723:DDH723"/>
    <mergeCell ref="DDI723:DDL723"/>
    <mergeCell ref="DBY723:DCB723"/>
    <mergeCell ref="DCC723:DCF723"/>
    <mergeCell ref="DCG723:DCJ723"/>
    <mergeCell ref="DCK723:DCN723"/>
    <mergeCell ref="DCO723:DCR723"/>
    <mergeCell ref="DBE723:DBH723"/>
    <mergeCell ref="DBI723:DBL723"/>
    <mergeCell ref="DBM723:DBP723"/>
    <mergeCell ref="DBQ723:DBT723"/>
    <mergeCell ref="DBU723:DBX723"/>
    <mergeCell ref="DAK723:DAN723"/>
    <mergeCell ref="DAO723:DAR723"/>
    <mergeCell ref="DAS723:DAV723"/>
    <mergeCell ref="DAW723:DAZ723"/>
    <mergeCell ref="DBA723:DBD723"/>
    <mergeCell ref="CZQ723:CZT723"/>
    <mergeCell ref="CZU723:CZX723"/>
    <mergeCell ref="CZY723:DAB723"/>
    <mergeCell ref="DAC723:DAF723"/>
    <mergeCell ref="DAG723:DAJ723"/>
    <mergeCell ref="CYW723:CYZ723"/>
    <mergeCell ref="CZA723:CZD723"/>
    <mergeCell ref="CZE723:CZH723"/>
    <mergeCell ref="CZI723:CZL723"/>
    <mergeCell ref="CZM723:CZP723"/>
    <mergeCell ref="DIW723:DIZ723"/>
    <mergeCell ref="DJA723:DJD723"/>
    <mergeCell ref="DJE723:DJH723"/>
    <mergeCell ref="DJI723:DJL723"/>
    <mergeCell ref="DJM723:DJP723"/>
    <mergeCell ref="DIC723:DIF723"/>
    <mergeCell ref="DIG723:DIJ723"/>
    <mergeCell ref="DIK723:DIN723"/>
    <mergeCell ref="DIO723:DIR723"/>
    <mergeCell ref="DIS723:DIV723"/>
    <mergeCell ref="DHI723:DHL723"/>
    <mergeCell ref="DHM723:DHP723"/>
    <mergeCell ref="DHQ723:DHT723"/>
    <mergeCell ref="DHU723:DHX723"/>
    <mergeCell ref="DHY723:DIB723"/>
    <mergeCell ref="DGO723:DGR723"/>
    <mergeCell ref="DGS723:DGV723"/>
    <mergeCell ref="DGW723:DGZ723"/>
    <mergeCell ref="DHA723:DHD723"/>
    <mergeCell ref="DHE723:DHH723"/>
    <mergeCell ref="DFU723:DFX723"/>
    <mergeCell ref="DFY723:DGB723"/>
    <mergeCell ref="DGC723:DGF723"/>
    <mergeCell ref="DGG723:DGJ723"/>
    <mergeCell ref="DGK723:DGN723"/>
    <mergeCell ref="DFA723:DFD723"/>
    <mergeCell ref="DFE723:DFH723"/>
    <mergeCell ref="DFI723:DFL723"/>
    <mergeCell ref="DFM723:DFP723"/>
    <mergeCell ref="DFQ723:DFT723"/>
    <mergeCell ref="DEG723:DEJ723"/>
    <mergeCell ref="DEK723:DEN723"/>
    <mergeCell ref="DEO723:DER723"/>
    <mergeCell ref="DES723:DEV723"/>
    <mergeCell ref="DEW723:DEZ723"/>
    <mergeCell ref="DOG723:DOJ723"/>
    <mergeCell ref="DOK723:DON723"/>
    <mergeCell ref="DOO723:DOR723"/>
    <mergeCell ref="DOS723:DOV723"/>
    <mergeCell ref="DOW723:DOZ723"/>
    <mergeCell ref="DNM723:DNP723"/>
    <mergeCell ref="DNQ723:DNT723"/>
    <mergeCell ref="DNU723:DNX723"/>
    <mergeCell ref="DNY723:DOB723"/>
    <mergeCell ref="DOC723:DOF723"/>
    <mergeCell ref="DMS723:DMV723"/>
    <mergeCell ref="DMW723:DMZ723"/>
    <mergeCell ref="DNA723:DND723"/>
    <mergeCell ref="DNE723:DNH723"/>
    <mergeCell ref="DNI723:DNL723"/>
    <mergeCell ref="DLY723:DMB723"/>
    <mergeCell ref="DMC723:DMF723"/>
    <mergeCell ref="DMG723:DMJ723"/>
    <mergeCell ref="DMK723:DMN723"/>
    <mergeCell ref="DMO723:DMR723"/>
    <mergeCell ref="DLE723:DLH723"/>
    <mergeCell ref="DLI723:DLL723"/>
    <mergeCell ref="DLM723:DLP723"/>
    <mergeCell ref="DLQ723:DLT723"/>
    <mergeCell ref="DLU723:DLX723"/>
    <mergeCell ref="DKK723:DKN723"/>
    <mergeCell ref="DKO723:DKR723"/>
    <mergeCell ref="DKS723:DKV723"/>
    <mergeCell ref="DKW723:DKZ723"/>
    <mergeCell ref="DLA723:DLD723"/>
    <mergeCell ref="DJQ723:DJT723"/>
    <mergeCell ref="DJU723:DJX723"/>
    <mergeCell ref="DJY723:DKB723"/>
    <mergeCell ref="DKC723:DKF723"/>
    <mergeCell ref="DKG723:DKJ723"/>
    <mergeCell ref="DTQ723:DTT723"/>
    <mergeCell ref="DTU723:DTX723"/>
    <mergeCell ref="DTY723:DUB723"/>
    <mergeCell ref="DUC723:DUF723"/>
    <mergeCell ref="DUG723:DUJ723"/>
    <mergeCell ref="DSW723:DSZ723"/>
    <mergeCell ref="DTA723:DTD723"/>
    <mergeCell ref="DTE723:DTH723"/>
    <mergeCell ref="DTI723:DTL723"/>
    <mergeCell ref="DTM723:DTP723"/>
    <mergeCell ref="DSC723:DSF723"/>
    <mergeCell ref="DSG723:DSJ723"/>
    <mergeCell ref="DSK723:DSN723"/>
    <mergeCell ref="DSO723:DSR723"/>
    <mergeCell ref="DSS723:DSV723"/>
    <mergeCell ref="DRI723:DRL723"/>
    <mergeCell ref="DRM723:DRP723"/>
    <mergeCell ref="DRQ723:DRT723"/>
    <mergeCell ref="DRU723:DRX723"/>
    <mergeCell ref="DRY723:DSB723"/>
    <mergeCell ref="DQO723:DQR723"/>
    <mergeCell ref="DQS723:DQV723"/>
    <mergeCell ref="DQW723:DQZ723"/>
    <mergeCell ref="DRA723:DRD723"/>
    <mergeCell ref="DRE723:DRH723"/>
    <mergeCell ref="DPU723:DPX723"/>
    <mergeCell ref="DPY723:DQB723"/>
    <mergeCell ref="DQC723:DQF723"/>
    <mergeCell ref="DQG723:DQJ723"/>
    <mergeCell ref="DQK723:DQN723"/>
    <mergeCell ref="DPA723:DPD723"/>
    <mergeCell ref="DPE723:DPH723"/>
    <mergeCell ref="DPI723:DPL723"/>
    <mergeCell ref="DPM723:DPP723"/>
    <mergeCell ref="DPQ723:DPT723"/>
    <mergeCell ref="DZA723:DZD723"/>
    <mergeCell ref="DZE723:DZH723"/>
    <mergeCell ref="DZI723:DZL723"/>
    <mergeCell ref="DZM723:DZP723"/>
    <mergeCell ref="DZQ723:DZT723"/>
    <mergeCell ref="DYG723:DYJ723"/>
    <mergeCell ref="DYK723:DYN723"/>
    <mergeCell ref="DYO723:DYR723"/>
    <mergeCell ref="DYS723:DYV723"/>
    <mergeCell ref="DYW723:DYZ723"/>
    <mergeCell ref="DXM723:DXP723"/>
    <mergeCell ref="DXQ723:DXT723"/>
    <mergeCell ref="DXU723:DXX723"/>
    <mergeCell ref="DXY723:DYB723"/>
    <mergeCell ref="DYC723:DYF723"/>
    <mergeCell ref="DWS723:DWV723"/>
    <mergeCell ref="DWW723:DWZ723"/>
    <mergeCell ref="DXA723:DXD723"/>
    <mergeCell ref="DXE723:DXH723"/>
    <mergeCell ref="DXI723:DXL723"/>
    <mergeCell ref="DVY723:DWB723"/>
    <mergeCell ref="DWC723:DWF723"/>
    <mergeCell ref="DWG723:DWJ723"/>
    <mergeCell ref="DWK723:DWN723"/>
    <mergeCell ref="DWO723:DWR723"/>
    <mergeCell ref="DVE723:DVH723"/>
    <mergeCell ref="DVI723:DVL723"/>
    <mergeCell ref="DVM723:DVP723"/>
    <mergeCell ref="DVQ723:DVT723"/>
    <mergeCell ref="DVU723:DVX723"/>
    <mergeCell ref="DUK723:DUN723"/>
    <mergeCell ref="DUO723:DUR723"/>
    <mergeCell ref="DUS723:DUV723"/>
    <mergeCell ref="DUW723:DUZ723"/>
    <mergeCell ref="DVA723:DVD723"/>
    <mergeCell ref="EEK723:EEN723"/>
    <mergeCell ref="EEO723:EER723"/>
    <mergeCell ref="EES723:EEV723"/>
    <mergeCell ref="EEW723:EEZ723"/>
    <mergeCell ref="EFA723:EFD723"/>
    <mergeCell ref="EDQ723:EDT723"/>
    <mergeCell ref="EDU723:EDX723"/>
    <mergeCell ref="EDY723:EEB723"/>
    <mergeCell ref="EEC723:EEF723"/>
    <mergeCell ref="EEG723:EEJ723"/>
    <mergeCell ref="ECW723:ECZ723"/>
    <mergeCell ref="EDA723:EDD723"/>
    <mergeCell ref="EDE723:EDH723"/>
    <mergeCell ref="EDI723:EDL723"/>
    <mergeCell ref="EDM723:EDP723"/>
    <mergeCell ref="ECC723:ECF723"/>
    <mergeCell ref="ECG723:ECJ723"/>
    <mergeCell ref="ECK723:ECN723"/>
    <mergeCell ref="ECO723:ECR723"/>
    <mergeCell ref="ECS723:ECV723"/>
    <mergeCell ref="EBI723:EBL723"/>
    <mergeCell ref="EBM723:EBP723"/>
    <mergeCell ref="EBQ723:EBT723"/>
    <mergeCell ref="EBU723:EBX723"/>
    <mergeCell ref="EBY723:ECB723"/>
    <mergeCell ref="EAO723:EAR723"/>
    <mergeCell ref="EAS723:EAV723"/>
    <mergeCell ref="EAW723:EAZ723"/>
    <mergeCell ref="EBA723:EBD723"/>
    <mergeCell ref="EBE723:EBH723"/>
    <mergeCell ref="DZU723:DZX723"/>
    <mergeCell ref="DZY723:EAB723"/>
    <mergeCell ref="EAC723:EAF723"/>
    <mergeCell ref="EAG723:EAJ723"/>
    <mergeCell ref="EAK723:EAN723"/>
    <mergeCell ref="EJU723:EJX723"/>
    <mergeCell ref="EJY723:EKB723"/>
    <mergeCell ref="EKC723:EKF723"/>
    <mergeCell ref="EKG723:EKJ723"/>
    <mergeCell ref="EKK723:EKN723"/>
    <mergeCell ref="EJA723:EJD723"/>
    <mergeCell ref="EJE723:EJH723"/>
    <mergeCell ref="EJI723:EJL723"/>
    <mergeCell ref="EJM723:EJP723"/>
    <mergeCell ref="EJQ723:EJT723"/>
    <mergeCell ref="EIG723:EIJ723"/>
    <mergeCell ref="EIK723:EIN723"/>
    <mergeCell ref="EIO723:EIR723"/>
    <mergeCell ref="EIS723:EIV723"/>
    <mergeCell ref="EIW723:EIZ723"/>
    <mergeCell ref="EHM723:EHP723"/>
    <mergeCell ref="EHQ723:EHT723"/>
    <mergeCell ref="EHU723:EHX723"/>
    <mergeCell ref="EHY723:EIB723"/>
    <mergeCell ref="EIC723:EIF723"/>
    <mergeCell ref="EGS723:EGV723"/>
    <mergeCell ref="EGW723:EGZ723"/>
    <mergeCell ref="EHA723:EHD723"/>
    <mergeCell ref="EHE723:EHH723"/>
    <mergeCell ref="EHI723:EHL723"/>
    <mergeCell ref="EFY723:EGB723"/>
    <mergeCell ref="EGC723:EGF723"/>
    <mergeCell ref="EGG723:EGJ723"/>
    <mergeCell ref="EGK723:EGN723"/>
    <mergeCell ref="EGO723:EGR723"/>
    <mergeCell ref="EFE723:EFH723"/>
    <mergeCell ref="EFI723:EFL723"/>
    <mergeCell ref="EFM723:EFP723"/>
    <mergeCell ref="EFQ723:EFT723"/>
    <mergeCell ref="EFU723:EFX723"/>
    <mergeCell ref="EPE723:EPH723"/>
    <mergeCell ref="EPI723:EPL723"/>
    <mergeCell ref="EPM723:EPP723"/>
    <mergeCell ref="EPQ723:EPT723"/>
    <mergeCell ref="EPU723:EPX723"/>
    <mergeCell ref="EOK723:EON723"/>
    <mergeCell ref="EOO723:EOR723"/>
    <mergeCell ref="EOS723:EOV723"/>
    <mergeCell ref="EOW723:EOZ723"/>
    <mergeCell ref="EPA723:EPD723"/>
    <mergeCell ref="ENQ723:ENT723"/>
    <mergeCell ref="ENU723:ENX723"/>
    <mergeCell ref="ENY723:EOB723"/>
    <mergeCell ref="EOC723:EOF723"/>
    <mergeCell ref="EOG723:EOJ723"/>
    <mergeCell ref="EMW723:EMZ723"/>
    <mergeCell ref="ENA723:END723"/>
    <mergeCell ref="ENE723:ENH723"/>
    <mergeCell ref="ENI723:ENL723"/>
    <mergeCell ref="ENM723:ENP723"/>
    <mergeCell ref="EMC723:EMF723"/>
    <mergeCell ref="EMG723:EMJ723"/>
    <mergeCell ref="EMK723:EMN723"/>
    <mergeCell ref="EMO723:EMR723"/>
    <mergeCell ref="EMS723:EMV723"/>
    <mergeCell ref="ELI723:ELL723"/>
    <mergeCell ref="ELM723:ELP723"/>
    <mergeCell ref="ELQ723:ELT723"/>
    <mergeCell ref="ELU723:ELX723"/>
    <mergeCell ref="ELY723:EMB723"/>
    <mergeCell ref="EKO723:EKR723"/>
    <mergeCell ref="EKS723:EKV723"/>
    <mergeCell ref="EKW723:EKZ723"/>
    <mergeCell ref="ELA723:ELD723"/>
    <mergeCell ref="ELE723:ELH723"/>
    <mergeCell ref="EUO723:EUR723"/>
    <mergeCell ref="EUS723:EUV723"/>
    <mergeCell ref="EUW723:EUZ723"/>
    <mergeCell ref="EVA723:EVD723"/>
    <mergeCell ref="EVE723:EVH723"/>
    <mergeCell ref="ETU723:ETX723"/>
    <mergeCell ref="ETY723:EUB723"/>
    <mergeCell ref="EUC723:EUF723"/>
    <mergeCell ref="EUG723:EUJ723"/>
    <mergeCell ref="EUK723:EUN723"/>
    <mergeCell ref="ETA723:ETD723"/>
    <mergeCell ref="ETE723:ETH723"/>
    <mergeCell ref="ETI723:ETL723"/>
    <mergeCell ref="ETM723:ETP723"/>
    <mergeCell ref="ETQ723:ETT723"/>
    <mergeCell ref="ESG723:ESJ723"/>
    <mergeCell ref="ESK723:ESN723"/>
    <mergeCell ref="ESO723:ESR723"/>
    <mergeCell ref="ESS723:ESV723"/>
    <mergeCell ref="ESW723:ESZ723"/>
    <mergeCell ref="ERM723:ERP723"/>
    <mergeCell ref="ERQ723:ERT723"/>
    <mergeCell ref="ERU723:ERX723"/>
    <mergeCell ref="ERY723:ESB723"/>
    <mergeCell ref="ESC723:ESF723"/>
    <mergeCell ref="EQS723:EQV723"/>
    <mergeCell ref="EQW723:EQZ723"/>
    <mergeCell ref="ERA723:ERD723"/>
    <mergeCell ref="ERE723:ERH723"/>
    <mergeCell ref="ERI723:ERL723"/>
    <mergeCell ref="EPY723:EQB723"/>
    <mergeCell ref="EQC723:EQF723"/>
    <mergeCell ref="EQG723:EQJ723"/>
    <mergeCell ref="EQK723:EQN723"/>
    <mergeCell ref="EQO723:EQR723"/>
    <mergeCell ref="EZY723:FAB723"/>
    <mergeCell ref="FAC723:FAF723"/>
    <mergeCell ref="FAG723:FAJ723"/>
    <mergeCell ref="FAK723:FAN723"/>
    <mergeCell ref="FAO723:FAR723"/>
    <mergeCell ref="EZE723:EZH723"/>
    <mergeCell ref="EZI723:EZL723"/>
    <mergeCell ref="EZM723:EZP723"/>
    <mergeCell ref="EZQ723:EZT723"/>
    <mergeCell ref="EZU723:EZX723"/>
    <mergeCell ref="EYK723:EYN723"/>
    <mergeCell ref="EYO723:EYR723"/>
    <mergeCell ref="EYS723:EYV723"/>
    <mergeCell ref="EYW723:EYZ723"/>
    <mergeCell ref="EZA723:EZD723"/>
    <mergeCell ref="EXQ723:EXT723"/>
    <mergeCell ref="EXU723:EXX723"/>
    <mergeCell ref="EXY723:EYB723"/>
    <mergeCell ref="EYC723:EYF723"/>
    <mergeCell ref="EYG723:EYJ723"/>
    <mergeCell ref="EWW723:EWZ723"/>
    <mergeCell ref="EXA723:EXD723"/>
    <mergeCell ref="EXE723:EXH723"/>
    <mergeCell ref="EXI723:EXL723"/>
    <mergeCell ref="EXM723:EXP723"/>
    <mergeCell ref="EWC723:EWF723"/>
    <mergeCell ref="EWG723:EWJ723"/>
    <mergeCell ref="EWK723:EWN723"/>
    <mergeCell ref="EWO723:EWR723"/>
    <mergeCell ref="EWS723:EWV723"/>
    <mergeCell ref="EVI723:EVL723"/>
    <mergeCell ref="EVM723:EVP723"/>
    <mergeCell ref="EVQ723:EVT723"/>
    <mergeCell ref="EVU723:EVX723"/>
    <mergeCell ref="EVY723:EWB723"/>
    <mergeCell ref="FFI723:FFL723"/>
    <mergeCell ref="FFM723:FFP723"/>
    <mergeCell ref="FFQ723:FFT723"/>
    <mergeCell ref="FFU723:FFX723"/>
    <mergeCell ref="FFY723:FGB723"/>
    <mergeCell ref="FEO723:FER723"/>
    <mergeCell ref="FES723:FEV723"/>
    <mergeCell ref="FEW723:FEZ723"/>
    <mergeCell ref="FFA723:FFD723"/>
    <mergeCell ref="FFE723:FFH723"/>
    <mergeCell ref="FDU723:FDX723"/>
    <mergeCell ref="FDY723:FEB723"/>
    <mergeCell ref="FEC723:FEF723"/>
    <mergeCell ref="FEG723:FEJ723"/>
    <mergeCell ref="FEK723:FEN723"/>
    <mergeCell ref="FDA723:FDD723"/>
    <mergeCell ref="FDE723:FDH723"/>
    <mergeCell ref="FDI723:FDL723"/>
    <mergeCell ref="FDM723:FDP723"/>
    <mergeCell ref="FDQ723:FDT723"/>
    <mergeCell ref="FCG723:FCJ723"/>
    <mergeCell ref="FCK723:FCN723"/>
    <mergeCell ref="FCO723:FCR723"/>
    <mergeCell ref="FCS723:FCV723"/>
    <mergeCell ref="FCW723:FCZ723"/>
    <mergeCell ref="FBM723:FBP723"/>
    <mergeCell ref="FBQ723:FBT723"/>
    <mergeCell ref="FBU723:FBX723"/>
    <mergeCell ref="FBY723:FCB723"/>
    <mergeCell ref="FCC723:FCF723"/>
    <mergeCell ref="FAS723:FAV723"/>
    <mergeCell ref="FAW723:FAZ723"/>
    <mergeCell ref="FBA723:FBD723"/>
    <mergeCell ref="FBE723:FBH723"/>
    <mergeCell ref="FBI723:FBL723"/>
    <mergeCell ref="FKS723:FKV723"/>
    <mergeCell ref="FKW723:FKZ723"/>
    <mergeCell ref="FLA723:FLD723"/>
    <mergeCell ref="FLE723:FLH723"/>
    <mergeCell ref="FLI723:FLL723"/>
    <mergeCell ref="FJY723:FKB723"/>
    <mergeCell ref="FKC723:FKF723"/>
    <mergeCell ref="FKG723:FKJ723"/>
    <mergeCell ref="FKK723:FKN723"/>
    <mergeCell ref="FKO723:FKR723"/>
    <mergeCell ref="FJE723:FJH723"/>
    <mergeCell ref="FJI723:FJL723"/>
    <mergeCell ref="FJM723:FJP723"/>
    <mergeCell ref="FJQ723:FJT723"/>
    <mergeCell ref="FJU723:FJX723"/>
    <mergeCell ref="FIK723:FIN723"/>
    <mergeCell ref="FIO723:FIR723"/>
    <mergeCell ref="FIS723:FIV723"/>
    <mergeCell ref="FIW723:FIZ723"/>
    <mergeCell ref="FJA723:FJD723"/>
    <mergeCell ref="FHQ723:FHT723"/>
    <mergeCell ref="FHU723:FHX723"/>
    <mergeCell ref="FHY723:FIB723"/>
    <mergeCell ref="FIC723:FIF723"/>
    <mergeCell ref="FIG723:FIJ723"/>
    <mergeCell ref="FGW723:FGZ723"/>
    <mergeCell ref="FHA723:FHD723"/>
    <mergeCell ref="FHE723:FHH723"/>
    <mergeCell ref="FHI723:FHL723"/>
    <mergeCell ref="FHM723:FHP723"/>
    <mergeCell ref="FGC723:FGF723"/>
    <mergeCell ref="FGG723:FGJ723"/>
    <mergeCell ref="FGK723:FGN723"/>
    <mergeCell ref="FGO723:FGR723"/>
    <mergeCell ref="FGS723:FGV723"/>
    <mergeCell ref="FQC723:FQF723"/>
    <mergeCell ref="FQG723:FQJ723"/>
    <mergeCell ref="FQK723:FQN723"/>
    <mergeCell ref="FQO723:FQR723"/>
    <mergeCell ref="FQS723:FQV723"/>
    <mergeCell ref="FPI723:FPL723"/>
    <mergeCell ref="FPM723:FPP723"/>
    <mergeCell ref="FPQ723:FPT723"/>
    <mergeCell ref="FPU723:FPX723"/>
    <mergeCell ref="FPY723:FQB723"/>
    <mergeCell ref="FOO723:FOR723"/>
    <mergeCell ref="FOS723:FOV723"/>
    <mergeCell ref="FOW723:FOZ723"/>
    <mergeCell ref="FPA723:FPD723"/>
    <mergeCell ref="FPE723:FPH723"/>
    <mergeCell ref="FNU723:FNX723"/>
    <mergeCell ref="FNY723:FOB723"/>
    <mergeCell ref="FOC723:FOF723"/>
    <mergeCell ref="FOG723:FOJ723"/>
    <mergeCell ref="FOK723:FON723"/>
    <mergeCell ref="FNA723:FND723"/>
    <mergeCell ref="FNE723:FNH723"/>
    <mergeCell ref="FNI723:FNL723"/>
    <mergeCell ref="FNM723:FNP723"/>
    <mergeCell ref="FNQ723:FNT723"/>
    <mergeCell ref="FMG723:FMJ723"/>
    <mergeCell ref="FMK723:FMN723"/>
    <mergeCell ref="FMO723:FMR723"/>
    <mergeCell ref="FMS723:FMV723"/>
    <mergeCell ref="FMW723:FMZ723"/>
    <mergeCell ref="FLM723:FLP723"/>
    <mergeCell ref="FLQ723:FLT723"/>
    <mergeCell ref="FLU723:FLX723"/>
    <mergeCell ref="FLY723:FMB723"/>
    <mergeCell ref="FMC723:FMF723"/>
    <mergeCell ref="FVM723:FVP723"/>
    <mergeCell ref="FVQ723:FVT723"/>
    <mergeCell ref="FVU723:FVX723"/>
    <mergeCell ref="FVY723:FWB723"/>
    <mergeCell ref="FWC723:FWF723"/>
    <mergeCell ref="FUS723:FUV723"/>
    <mergeCell ref="FUW723:FUZ723"/>
    <mergeCell ref="FVA723:FVD723"/>
    <mergeCell ref="FVE723:FVH723"/>
    <mergeCell ref="FVI723:FVL723"/>
    <mergeCell ref="FTY723:FUB723"/>
    <mergeCell ref="FUC723:FUF723"/>
    <mergeCell ref="FUG723:FUJ723"/>
    <mergeCell ref="FUK723:FUN723"/>
    <mergeCell ref="FUO723:FUR723"/>
    <mergeCell ref="FTE723:FTH723"/>
    <mergeCell ref="FTI723:FTL723"/>
    <mergeCell ref="FTM723:FTP723"/>
    <mergeCell ref="FTQ723:FTT723"/>
    <mergeCell ref="FTU723:FTX723"/>
    <mergeCell ref="FSK723:FSN723"/>
    <mergeCell ref="FSO723:FSR723"/>
    <mergeCell ref="FSS723:FSV723"/>
    <mergeCell ref="FSW723:FSZ723"/>
    <mergeCell ref="FTA723:FTD723"/>
    <mergeCell ref="FRQ723:FRT723"/>
    <mergeCell ref="FRU723:FRX723"/>
    <mergeCell ref="FRY723:FSB723"/>
    <mergeCell ref="FSC723:FSF723"/>
    <mergeCell ref="FSG723:FSJ723"/>
    <mergeCell ref="FQW723:FQZ723"/>
    <mergeCell ref="FRA723:FRD723"/>
    <mergeCell ref="FRE723:FRH723"/>
    <mergeCell ref="FRI723:FRL723"/>
    <mergeCell ref="FRM723:FRP723"/>
    <mergeCell ref="GAW723:GAZ723"/>
    <mergeCell ref="GBA723:GBD723"/>
    <mergeCell ref="GBE723:GBH723"/>
    <mergeCell ref="GBI723:GBL723"/>
    <mergeCell ref="GBM723:GBP723"/>
    <mergeCell ref="GAC723:GAF723"/>
    <mergeCell ref="GAG723:GAJ723"/>
    <mergeCell ref="GAK723:GAN723"/>
    <mergeCell ref="GAO723:GAR723"/>
    <mergeCell ref="GAS723:GAV723"/>
    <mergeCell ref="FZI723:FZL723"/>
    <mergeCell ref="FZM723:FZP723"/>
    <mergeCell ref="FZQ723:FZT723"/>
    <mergeCell ref="FZU723:FZX723"/>
    <mergeCell ref="FZY723:GAB723"/>
    <mergeCell ref="FYO723:FYR723"/>
    <mergeCell ref="FYS723:FYV723"/>
    <mergeCell ref="FYW723:FYZ723"/>
    <mergeCell ref="FZA723:FZD723"/>
    <mergeCell ref="FZE723:FZH723"/>
    <mergeCell ref="FXU723:FXX723"/>
    <mergeCell ref="FXY723:FYB723"/>
    <mergeCell ref="FYC723:FYF723"/>
    <mergeCell ref="FYG723:FYJ723"/>
    <mergeCell ref="FYK723:FYN723"/>
    <mergeCell ref="FXA723:FXD723"/>
    <mergeCell ref="FXE723:FXH723"/>
    <mergeCell ref="FXI723:FXL723"/>
    <mergeCell ref="FXM723:FXP723"/>
    <mergeCell ref="FXQ723:FXT723"/>
    <mergeCell ref="FWG723:FWJ723"/>
    <mergeCell ref="FWK723:FWN723"/>
    <mergeCell ref="FWO723:FWR723"/>
    <mergeCell ref="FWS723:FWV723"/>
    <mergeCell ref="FWW723:FWZ723"/>
    <mergeCell ref="GGG723:GGJ723"/>
    <mergeCell ref="GGK723:GGN723"/>
    <mergeCell ref="GGO723:GGR723"/>
    <mergeCell ref="GGS723:GGV723"/>
    <mergeCell ref="GGW723:GGZ723"/>
    <mergeCell ref="GFM723:GFP723"/>
    <mergeCell ref="GFQ723:GFT723"/>
    <mergeCell ref="GFU723:GFX723"/>
    <mergeCell ref="GFY723:GGB723"/>
    <mergeCell ref="GGC723:GGF723"/>
    <mergeCell ref="GES723:GEV723"/>
    <mergeCell ref="GEW723:GEZ723"/>
    <mergeCell ref="GFA723:GFD723"/>
    <mergeCell ref="GFE723:GFH723"/>
    <mergeCell ref="GFI723:GFL723"/>
    <mergeCell ref="GDY723:GEB723"/>
    <mergeCell ref="GEC723:GEF723"/>
    <mergeCell ref="GEG723:GEJ723"/>
    <mergeCell ref="GEK723:GEN723"/>
    <mergeCell ref="GEO723:GER723"/>
    <mergeCell ref="GDE723:GDH723"/>
    <mergeCell ref="GDI723:GDL723"/>
    <mergeCell ref="GDM723:GDP723"/>
    <mergeCell ref="GDQ723:GDT723"/>
    <mergeCell ref="GDU723:GDX723"/>
    <mergeCell ref="GCK723:GCN723"/>
    <mergeCell ref="GCO723:GCR723"/>
    <mergeCell ref="GCS723:GCV723"/>
    <mergeCell ref="GCW723:GCZ723"/>
    <mergeCell ref="GDA723:GDD723"/>
    <mergeCell ref="GBQ723:GBT723"/>
    <mergeCell ref="GBU723:GBX723"/>
    <mergeCell ref="GBY723:GCB723"/>
    <mergeCell ref="GCC723:GCF723"/>
    <mergeCell ref="GCG723:GCJ723"/>
    <mergeCell ref="GLQ723:GLT723"/>
    <mergeCell ref="GLU723:GLX723"/>
    <mergeCell ref="GLY723:GMB723"/>
    <mergeCell ref="GMC723:GMF723"/>
    <mergeCell ref="GMG723:GMJ723"/>
    <mergeCell ref="GKW723:GKZ723"/>
    <mergeCell ref="GLA723:GLD723"/>
    <mergeCell ref="GLE723:GLH723"/>
    <mergeCell ref="GLI723:GLL723"/>
    <mergeCell ref="GLM723:GLP723"/>
    <mergeCell ref="GKC723:GKF723"/>
    <mergeCell ref="GKG723:GKJ723"/>
    <mergeCell ref="GKK723:GKN723"/>
    <mergeCell ref="GKO723:GKR723"/>
    <mergeCell ref="GKS723:GKV723"/>
    <mergeCell ref="GJI723:GJL723"/>
    <mergeCell ref="GJM723:GJP723"/>
    <mergeCell ref="GJQ723:GJT723"/>
    <mergeCell ref="GJU723:GJX723"/>
    <mergeCell ref="GJY723:GKB723"/>
    <mergeCell ref="GIO723:GIR723"/>
    <mergeCell ref="GIS723:GIV723"/>
    <mergeCell ref="GIW723:GIZ723"/>
    <mergeCell ref="GJA723:GJD723"/>
    <mergeCell ref="GJE723:GJH723"/>
    <mergeCell ref="GHU723:GHX723"/>
    <mergeCell ref="GHY723:GIB723"/>
    <mergeCell ref="GIC723:GIF723"/>
    <mergeCell ref="GIG723:GIJ723"/>
    <mergeCell ref="GIK723:GIN723"/>
    <mergeCell ref="GHA723:GHD723"/>
    <mergeCell ref="GHE723:GHH723"/>
    <mergeCell ref="GHI723:GHL723"/>
    <mergeCell ref="GHM723:GHP723"/>
    <mergeCell ref="GHQ723:GHT723"/>
    <mergeCell ref="GRA723:GRD723"/>
    <mergeCell ref="GRE723:GRH723"/>
    <mergeCell ref="GRI723:GRL723"/>
    <mergeCell ref="GRM723:GRP723"/>
    <mergeCell ref="GRQ723:GRT723"/>
    <mergeCell ref="GQG723:GQJ723"/>
    <mergeCell ref="GQK723:GQN723"/>
    <mergeCell ref="GQO723:GQR723"/>
    <mergeCell ref="GQS723:GQV723"/>
    <mergeCell ref="GQW723:GQZ723"/>
    <mergeCell ref="GPM723:GPP723"/>
    <mergeCell ref="GPQ723:GPT723"/>
    <mergeCell ref="GPU723:GPX723"/>
    <mergeCell ref="GPY723:GQB723"/>
    <mergeCell ref="GQC723:GQF723"/>
    <mergeCell ref="GOS723:GOV723"/>
    <mergeCell ref="GOW723:GOZ723"/>
    <mergeCell ref="GPA723:GPD723"/>
    <mergeCell ref="GPE723:GPH723"/>
    <mergeCell ref="GPI723:GPL723"/>
    <mergeCell ref="GNY723:GOB723"/>
    <mergeCell ref="GOC723:GOF723"/>
    <mergeCell ref="GOG723:GOJ723"/>
    <mergeCell ref="GOK723:GON723"/>
    <mergeCell ref="GOO723:GOR723"/>
    <mergeCell ref="GNE723:GNH723"/>
    <mergeCell ref="GNI723:GNL723"/>
    <mergeCell ref="GNM723:GNP723"/>
    <mergeCell ref="GNQ723:GNT723"/>
    <mergeCell ref="GNU723:GNX723"/>
    <mergeCell ref="GMK723:GMN723"/>
    <mergeCell ref="GMO723:GMR723"/>
    <mergeCell ref="GMS723:GMV723"/>
    <mergeCell ref="GMW723:GMZ723"/>
    <mergeCell ref="GNA723:GND723"/>
    <mergeCell ref="GWK723:GWN723"/>
    <mergeCell ref="GWO723:GWR723"/>
    <mergeCell ref="GWS723:GWV723"/>
    <mergeCell ref="GWW723:GWZ723"/>
    <mergeCell ref="GXA723:GXD723"/>
    <mergeCell ref="GVQ723:GVT723"/>
    <mergeCell ref="GVU723:GVX723"/>
    <mergeCell ref="GVY723:GWB723"/>
    <mergeCell ref="GWC723:GWF723"/>
    <mergeCell ref="GWG723:GWJ723"/>
    <mergeCell ref="GUW723:GUZ723"/>
    <mergeCell ref="GVA723:GVD723"/>
    <mergeCell ref="GVE723:GVH723"/>
    <mergeCell ref="GVI723:GVL723"/>
    <mergeCell ref="GVM723:GVP723"/>
    <mergeCell ref="GUC723:GUF723"/>
    <mergeCell ref="GUG723:GUJ723"/>
    <mergeCell ref="GUK723:GUN723"/>
    <mergeCell ref="GUO723:GUR723"/>
    <mergeCell ref="GUS723:GUV723"/>
    <mergeCell ref="GTI723:GTL723"/>
    <mergeCell ref="GTM723:GTP723"/>
    <mergeCell ref="GTQ723:GTT723"/>
    <mergeCell ref="GTU723:GTX723"/>
    <mergeCell ref="GTY723:GUB723"/>
    <mergeCell ref="GSO723:GSR723"/>
    <mergeCell ref="GSS723:GSV723"/>
    <mergeCell ref="GSW723:GSZ723"/>
    <mergeCell ref="GTA723:GTD723"/>
    <mergeCell ref="GTE723:GTH723"/>
    <mergeCell ref="GRU723:GRX723"/>
    <mergeCell ref="GRY723:GSB723"/>
    <mergeCell ref="GSC723:GSF723"/>
    <mergeCell ref="GSG723:GSJ723"/>
    <mergeCell ref="GSK723:GSN723"/>
    <mergeCell ref="HBU723:HBX723"/>
    <mergeCell ref="HBY723:HCB723"/>
    <mergeCell ref="HCC723:HCF723"/>
    <mergeCell ref="HCG723:HCJ723"/>
    <mergeCell ref="HCK723:HCN723"/>
    <mergeCell ref="HBA723:HBD723"/>
    <mergeCell ref="HBE723:HBH723"/>
    <mergeCell ref="HBI723:HBL723"/>
    <mergeCell ref="HBM723:HBP723"/>
    <mergeCell ref="HBQ723:HBT723"/>
    <mergeCell ref="HAG723:HAJ723"/>
    <mergeCell ref="HAK723:HAN723"/>
    <mergeCell ref="HAO723:HAR723"/>
    <mergeCell ref="HAS723:HAV723"/>
    <mergeCell ref="HAW723:HAZ723"/>
    <mergeCell ref="GZM723:GZP723"/>
    <mergeCell ref="GZQ723:GZT723"/>
    <mergeCell ref="GZU723:GZX723"/>
    <mergeCell ref="GZY723:HAB723"/>
    <mergeCell ref="HAC723:HAF723"/>
    <mergeCell ref="GYS723:GYV723"/>
    <mergeCell ref="GYW723:GYZ723"/>
    <mergeCell ref="GZA723:GZD723"/>
    <mergeCell ref="GZE723:GZH723"/>
    <mergeCell ref="GZI723:GZL723"/>
    <mergeCell ref="GXY723:GYB723"/>
    <mergeCell ref="GYC723:GYF723"/>
    <mergeCell ref="GYG723:GYJ723"/>
    <mergeCell ref="GYK723:GYN723"/>
    <mergeCell ref="GYO723:GYR723"/>
    <mergeCell ref="GXE723:GXH723"/>
    <mergeCell ref="GXI723:GXL723"/>
    <mergeCell ref="GXM723:GXP723"/>
    <mergeCell ref="GXQ723:GXT723"/>
    <mergeCell ref="GXU723:GXX723"/>
    <mergeCell ref="HHE723:HHH723"/>
    <mergeCell ref="HHI723:HHL723"/>
    <mergeCell ref="HHM723:HHP723"/>
    <mergeCell ref="HHQ723:HHT723"/>
    <mergeCell ref="HHU723:HHX723"/>
    <mergeCell ref="HGK723:HGN723"/>
    <mergeCell ref="HGO723:HGR723"/>
    <mergeCell ref="HGS723:HGV723"/>
    <mergeCell ref="HGW723:HGZ723"/>
    <mergeCell ref="HHA723:HHD723"/>
    <mergeCell ref="HFQ723:HFT723"/>
    <mergeCell ref="HFU723:HFX723"/>
    <mergeCell ref="HFY723:HGB723"/>
    <mergeCell ref="HGC723:HGF723"/>
    <mergeCell ref="HGG723:HGJ723"/>
    <mergeCell ref="HEW723:HEZ723"/>
    <mergeCell ref="HFA723:HFD723"/>
    <mergeCell ref="HFE723:HFH723"/>
    <mergeCell ref="HFI723:HFL723"/>
    <mergeCell ref="HFM723:HFP723"/>
    <mergeCell ref="HEC723:HEF723"/>
    <mergeCell ref="HEG723:HEJ723"/>
    <mergeCell ref="HEK723:HEN723"/>
    <mergeCell ref="HEO723:HER723"/>
    <mergeCell ref="HES723:HEV723"/>
    <mergeCell ref="HDI723:HDL723"/>
    <mergeCell ref="HDM723:HDP723"/>
    <mergeCell ref="HDQ723:HDT723"/>
    <mergeCell ref="HDU723:HDX723"/>
    <mergeCell ref="HDY723:HEB723"/>
    <mergeCell ref="HCO723:HCR723"/>
    <mergeCell ref="HCS723:HCV723"/>
    <mergeCell ref="HCW723:HCZ723"/>
    <mergeCell ref="HDA723:HDD723"/>
    <mergeCell ref="HDE723:HDH723"/>
    <mergeCell ref="HMO723:HMR723"/>
    <mergeCell ref="HMS723:HMV723"/>
    <mergeCell ref="HMW723:HMZ723"/>
    <mergeCell ref="HNA723:HND723"/>
    <mergeCell ref="HNE723:HNH723"/>
    <mergeCell ref="HLU723:HLX723"/>
    <mergeCell ref="HLY723:HMB723"/>
    <mergeCell ref="HMC723:HMF723"/>
    <mergeCell ref="HMG723:HMJ723"/>
    <mergeCell ref="HMK723:HMN723"/>
    <mergeCell ref="HLA723:HLD723"/>
    <mergeCell ref="HLE723:HLH723"/>
    <mergeCell ref="HLI723:HLL723"/>
    <mergeCell ref="HLM723:HLP723"/>
    <mergeCell ref="HLQ723:HLT723"/>
    <mergeCell ref="HKG723:HKJ723"/>
    <mergeCell ref="HKK723:HKN723"/>
    <mergeCell ref="HKO723:HKR723"/>
    <mergeCell ref="HKS723:HKV723"/>
    <mergeCell ref="HKW723:HKZ723"/>
    <mergeCell ref="HJM723:HJP723"/>
    <mergeCell ref="HJQ723:HJT723"/>
    <mergeCell ref="HJU723:HJX723"/>
    <mergeCell ref="HJY723:HKB723"/>
    <mergeCell ref="HKC723:HKF723"/>
    <mergeCell ref="HIS723:HIV723"/>
    <mergeCell ref="HIW723:HIZ723"/>
    <mergeCell ref="HJA723:HJD723"/>
    <mergeCell ref="HJE723:HJH723"/>
    <mergeCell ref="HJI723:HJL723"/>
    <mergeCell ref="HHY723:HIB723"/>
    <mergeCell ref="HIC723:HIF723"/>
    <mergeCell ref="HIG723:HIJ723"/>
    <mergeCell ref="HIK723:HIN723"/>
    <mergeCell ref="HIO723:HIR723"/>
    <mergeCell ref="HRY723:HSB723"/>
    <mergeCell ref="HSC723:HSF723"/>
    <mergeCell ref="HSG723:HSJ723"/>
    <mergeCell ref="HSK723:HSN723"/>
    <mergeCell ref="HSO723:HSR723"/>
    <mergeCell ref="HRE723:HRH723"/>
    <mergeCell ref="HRI723:HRL723"/>
    <mergeCell ref="HRM723:HRP723"/>
    <mergeCell ref="HRQ723:HRT723"/>
    <mergeCell ref="HRU723:HRX723"/>
    <mergeCell ref="HQK723:HQN723"/>
    <mergeCell ref="HQO723:HQR723"/>
    <mergeCell ref="HQS723:HQV723"/>
    <mergeCell ref="HQW723:HQZ723"/>
    <mergeCell ref="HRA723:HRD723"/>
    <mergeCell ref="HPQ723:HPT723"/>
    <mergeCell ref="HPU723:HPX723"/>
    <mergeCell ref="HPY723:HQB723"/>
    <mergeCell ref="HQC723:HQF723"/>
    <mergeCell ref="HQG723:HQJ723"/>
    <mergeCell ref="HOW723:HOZ723"/>
    <mergeCell ref="HPA723:HPD723"/>
    <mergeCell ref="HPE723:HPH723"/>
    <mergeCell ref="HPI723:HPL723"/>
    <mergeCell ref="HPM723:HPP723"/>
    <mergeCell ref="HOC723:HOF723"/>
    <mergeCell ref="HOG723:HOJ723"/>
    <mergeCell ref="HOK723:HON723"/>
    <mergeCell ref="HOO723:HOR723"/>
    <mergeCell ref="HOS723:HOV723"/>
    <mergeCell ref="HNI723:HNL723"/>
    <mergeCell ref="HNM723:HNP723"/>
    <mergeCell ref="HNQ723:HNT723"/>
    <mergeCell ref="HNU723:HNX723"/>
    <mergeCell ref="HNY723:HOB723"/>
    <mergeCell ref="HXI723:HXL723"/>
    <mergeCell ref="HXM723:HXP723"/>
    <mergeCell ref="HXQ723:HXT723"/>
    <mergeCell ref="HXU723:HXX723"/>
    <mergeCell ref="HXY723:HYB723"/>
    <mergeCell ref="HWO723:HWR723"/>
    <mergeCell ref="HWS723:HWV723"/>
    <mergeCell ref="HWW723:HWZ723"/>
    <mergeCell ref="HXA723:HXD723"/>
    <mergeCell ref="HXE723:HXH723"/>
    <mergeCell ref="HVU723:HVX723"/>
    <mergeCell ref="HVY723:HWB723"/>
    <mergeCell ref="HWC723:HWF723"/>
    <mergeCell ref="HWG723:HWJ723"/>
    <mergeCell ref="HWK723:HWN723"/>
    <mergeCell ref="HVA723:HVD723"/>
    <mergeCell ref="HVE723:HVH723"/>
    <mergeCell ref="HVI723:HVL723"/>
    <mergeCell ref="HVM723:HVP723"/>
    <mergeCell ref="HVQ723:HVT723"/>
    <mergeCell ref="HUG723:HUJ723"/>
    <mergeCell ref="HUK723:HUN723"/>
    <mergeCell ref="HUO723:HUR723"/>
    <mergeCell ref="HUS723:HUV723"/>
    <mergeCell ref="HUW723:HUZ723"/>
    <mergeCell ref="HTM723:HTP723"/>
    <mergeCell ref="HTQ723:HTT723"/>
    <mergeCell ref="HTU723:HTX723"/>
    <mergeCell ref="HTY723:HUB723"/>
    <mergeCell ref="HUC723:HUF723"/>
    <mergeCell ref="HSS723:HSV723"/>
    <mergeCell ref="HSW723:HSZ723"/>
    <mergeCell ref="HTA723:HTD723"/>
    <mergeCell ref="HTE723:HTH723"/>
    <mergeCell ref="HTI723:HTL723"/>
    <mergeCell ref="ICS723:ICV723"/>
    <mergeCell ref="ICW723:ICZ723"/>
    <mergeCell ref="IDA723:IDD723"/>
    <mergeCell ref="IDE723:IDH723"/>
    <mergeCell ref="IDI723:IDL723"/>
    <mergeCell ref="IBY723:ICB723"/>
    <mergeCell ref="ICC723:ICF723"/>
    <mergeCell ref="ICG723:ICJ723"/>
    <mergeCell ref="ICK723:ICN723"/>
    <mergeCell ref="ICO723:ICR723"/>
    <mergeCell ref="IBE723:IBH723"/>
    <mergeCell ref="IBI723:IBL723"/>
    <mergeCell ref="IBM723:IBP723"/>
    <mergeCell ref="IBQ723:IBT723"/>
    <mergeCell ref="IBU723:IBX723"/>
    <mergeCell ref="IAK723:IAN723"/>
    <mergeCell ref="IAO723:IAR723"/>
    <mergeCell ref="IAS723:IAV723"/>
    <mergeCell ref="IAW723:IAZ723"/>
    <mergeCell ref="IBA723:IBD723"/>
    <mergeCell ref="HZQ723:HZT723"/>
    <mergeCell ref="HZU723:HZX723"/>
    <mergeCell ref="HZY723:IAB723"/>
    <mergeCell ref="IAC723:IAF723"/>
    <mergeCell ref="IAG723:IAJ723"/>
    <mergeCell ref="HYW723:HYZ723"/>
    <mergeCell ref="HZA723:HZD723"/>
    <mergeCell ref="HZE723:HZH723"/>
    <mergeCell ref="HZI723:HZL723"/>
    <mergeCell ref="HZM723:HZP723"/>
    <mergeCell ref="HYC723:HYF723"/>
    <mergeCell ref="HYG723:HYJ723"/>
    <mergeCell ref="HYK723:HYN723"/>
    <mergeCell ref="HYO723:HYR723"/>
    <mergeCell ref="HYS723:HYV723"/>
    <mergeCell ref="IIC723:IIF723"/>
    <mergeCell ref="IIG723:IIJ723"/>
    <mergeCell ref="IIK723:IIN723"/>
    <mergeCell ref="IIO723:IIR723"/>
    <mergeCell ref="IIS723:IIV723"/>
    <mergeCell ref="IHI723:IHL723"/>
    <mergeCell ref="IHM723:IHP723"/>
    <mergeCell ref="IHQ723:IHT723"/>
    <mergeCell ref="IHU723:IHX723"/>
    <mergeCell ref="IHY723:IIB723"/>
    <mergeCell ref="IGO723:IGR723"/>
    <mergeCell ref="IGS723:IGV723"/>
    <mergeCell ref="IGW723:IGZ723"/>
    <mergeCell ref="IHA723:IHD723"/>
    <mergeCell ref="IHE723:IHH723"/>
    <mergeCell ref="IFU723:IFX723"/>
    <mergeCell ref="IFY723:IGB723"/>
    <mergeCell ref="IGC723:IGF723"/>
    <mergeCell ref="IGG723:IGJ723"/>
    <mergeCell ref="IGK723:IGN723"/>
    <mergeCell ref="IFA723:IFD723"/>
    <mergeCell ref="IFE723:IFH723"/>
    <mergeCell ref="IFI723:IFL723"/>
    <mergeCell ref="IFM723:IFP723"/>
    <mergeCell ref="IFQ723:IFT723"/>
    <mergeCell ref="IEG723:IEJ723"/>
    <mergeCell ref="IEK723:IEN723"/>
    <mergeCell ref="IEO723:IER723"/>
    <mergeCell ref="IES723:IEV723"/>
    <mergeCell ref="IEW723:IEZ723"/>
    <mergeCell ref="IDM723:IDP723"/>
    <mergeCell ref="IDQ723:IDT723"/>
    <mergeCell ref="IDU723:IDX723"/>
    <mergeCell ref="IDY723:IEB723"/>
    <mergeCell ref="IEC723:IEF723"/>
    <mergeCell ref="INM723:INP723"/>
    <mergeCell ref="INQ723:INT723"/>
    <mergeCell ref="INU723:INX723"/>
    <mergeCell ref="INY723:IOB723"/>
    <mergeCell ref="IOC723:IOF723"/>
    <mergeCell ref="IMS723:IMV723"/>
    <mergeCell ref="IMW723:IMZ723"/>
    <mergeCell ref="INA723:IND723"/>
    <mergeCell ref="INE723:INH723"/>
    <mergeCell ref="INI723:INL723"/>
    <mergeCell ref="ILY723:IMB723"/>
    <mergeCell ref="IMC723:IMF723"/>
    <mergeCell ref="IMG723:IMJ723"/>
    <mergeCell ref="IMK723:IMN723"/>
    <mergeCell ref="IMO723:IMR723"/>
    <mergeCell ref="ILE723:ILH723"/>
    <mergeCell ref="ILI723:ILL723"/>
    <mergeCell ref="ILM723:ILP723"/>
    <mergeCell ref="ILQ723:ILT723"/>
    <mergeCell ref="ILU723:ILX723"/>
    <mergeCell ref="IKK723:IKN723"/>
    <mergeCell ref="IKO723:IKR723"/>
    <mergeCell ref="IKS723:IKV723"/>
    <mergeCell ref="IKW723:IKZ723"/>
    <mergeCell ref="ILA723:ILD723"/>
    <mergeCell ref="IJQ723:IJT723"/>
    <mergeCell ref="IJU723:IJX723"/>
    <mergeCell ref="IJY723:IKB723"/>
    <mergeCell ref="IKC723:IKF723"/>
    <mergeCell ref="IKG723:IKJ723"/>
    <mergeCell ref="IIW723:IIZ723"/>
    <mergeCell ref="IJA723:IJD723"/>
    <mergeCell ref="IJE723:IJH723"/>
    <mergeCell ref="IJI723:IJL723"/>
    <mergeCell ref="IJM723:IJP723"/>
    <mergeCell ref="ISW723:ISZ723"/>
    <mergeCell ref="ITA723:ITD723"/>
    <mergeCell ref="ITE723:ITH723"/>
    <mergeCell ref="ITI723:ITL723"/>
    <mergeCell ref="ITM723:ITP723"/>
    <mergeCell ref="ISC723:ISF723"/>
    <mergeCell ref="ISG723:ISJ723"/>
    <mergeCell ref="ISK723:ISN723"/>
    <mergeCell ref="ISO723:ISR723"/>
    <mergeCell ref="ISS723:ISV723"/>
    <mergeCell ref="IRI723:IRL723"/>
    <mergeCell ref="IRM723:IRP723"/>
    <mergeCell ref="IRQ723:IRT723"/>
    <mergeCell ref="IRU723:IRX723"/>
    <mergeCell ref="IRY723:ISB723"/>
    <mergeCell ref="IQO723:IQR723"/>
    <mergeCell ref="IQS723:IQV723"/>
    <mergeCell ref="IQW723:IQZ723"/>
    <mergeCell ref="IRA723:IRD723"/>
    <mergeCell ref="IRE723:IRH723"/>
    <mergeCell ref="IPU723:IPX723"/>
    <mergeCell ref="IPY723:IQB723"/>
    <mergeCell ref="IQC723:IQF723"/>
    <mergeCell ref="IQG723:IQJ723"/>
    <mergeCell ref="IQK723:IQN723"/>
    <mergeCell ref="IPA723:IPD723"/>
    <mergeCell ref="IPE723:IPH723"/>
    <mergeCell ref="IPI723:IPL723"/>
    <mergeCell ref="IPM723:IPP723"/>
    <mergeCell ref="IPQ723:IPT723"/>
    <mergeCell ref="IOG723:IOJ723"/>
    <mergeCell ref="IOK723:ION723"/>
    <mergeCell ref="IOO723:IOR723"/>
    <mergeCell ref="IOS723:IOV723"/>
    <mergeCell ref="IOW723:IOZ723"/>
    <mergeCell ref="IYG723:IYJ723"/>
    <mergeCell ref="IYK723:IYN723"/>
    <mergeCell ref="IYO723:IYR723"/>
    <mergeCell ref="IYS723:IYV723"/>
    <mergeCell ref="IYW723:IYZ723"/>
    <mergeCell ref="IXM723:IXP723"/>
    <mergeCell ref="IXQ723:IXT723"/>
    <mergeCell ref="IXU723:IXX723"/>
    <mergeCell ref="IXY723:IYB723"/>
    <mergeCell ref="IYC723:IYF723"/>
    <mergeCell ref="IWS723:IWV723"/>
    <mergeCell ref="IWW723:IWZ723"/>
    <mergeCell ref="IXA723:IXD723"/>
    <mergeCell ref="IXE723:IXH723"/>
    <mergeCell ref="IXI723:IXL723"/>
    <mergeCell ref="IVY723:IWB723"/>
    <mergeCell ref="IWC723:IWF723"/>
    <mergeCell ref="IWG723:IWJ723"/>
    <mergeCell ref="IWK723:IWN723"/>
    <mergeCell ref="IWO723:IWR723"/>
    <mergeCell ref="IVE723:IVH723"/>
    <mergeCell ref="IVI723:IVL723"/>
    <mergeCell ref="IVM723:IVP723"/>
    <mergeCell ref="IVQ723:IVT723"/>
    <mergeCell ref="IVU723:IVX723"/>
    <mergeCell ref="IUK723:IUN723"/>
    <mergeCell ref="IUO723:IUR723"/>
    <mergeCell ref="IUS723:IUV723"/>
    <mergeCell ref="IUW723:IUZ723"/>
    <mergeCell ref="IVA723:IVD723"/>
    <mergeCell ref="ITQ723:ITT723"/>
    <mergeCell ref="ITU723:ITX723"/>
    <mergeCell ref="ITY723:IUB723"/>
    <mergeCell ref="IUC723:IUF723"/>
    <mergeCell ref="IUG723:IUJ723"/>
    <mergeCell ref="JDQ723:JDT723"/>
    <mergeCell ref="JDU723:JDX723"/>
    <mergeCell ref="JDY723:JEB723"/>
    <mergeCell ref="JEC723:JEF723"/>
    <mergeCell ref="JEG723:JEJ723"/>
    <mergeCell ref="JCW723:JCZ723"/>
    <mergeCell ref="JDA723:JDD723"/>
    <mergeCell ref="JDE723:JDH723"/>
    <mergeCell ref="JDI723:JDL723"/>
    <mergeCell ref="JDM723:JDP723"/>
    <mergeCell ref="JCC723:JCF723"/>
    <mergeCell ref="JCG723:JCJ723"/>
    <mergeCell ref="JCK723:JCN723"/>
    <mergeCell ref="JCO723:JCR723"/>
    <mergeCell ref="JCS723:JCV723"/>
    <mergeCell ref="JBI723:JBL723"/>
    <mergeCell ref="JBM723:JBP723"/>
    <mergeCell ref="JBQ723:JBT723"/>
    <mergeCell ref="JBU723:JBX723"/>
    <mergeCell ref="JBY723:JCB723"/>
    <mergeCell ref="JAO723:JAR723"/>
    <mergeCell ref="JAS723:JAV723"/>
    <mergeCell ref="JAW723:JAZ723"/>
    <mergeCell ref="JBA723:JBD723"/>
    <mergeCell ref="JBE723:JBH723"/>
    <mergeCell ref="IZU723:IZX723"/>
    <mergeCell ref="IZY723:JAB723"/>
    <mergeCell ref="JAC723:JAF723"/>
    <mergeCell ref="JAG723:JAJ723"/>
    <mergeCell ref="JAK723:JAN723"/>
    <mergeCell ref="IZA723:IZD723"/>
    <mergeCell ref="IZE723:IZH723"/>
    <mergeCell ref="IZI723:IZL723"/>
    <mergeCell ref="IZM723:IZP723"/>
    <mergeCell ref="IZQ723:IZT723"/>
    <mergeCell ref="JJA723:JJD723"/>
    <mergeCell ref="JJE723:JJH723"/>
    <mergeCell ref="JJI723:JJL723"/>
    <mergeCell ref="JJM723:JJP723"/>
    <mergeCell ref="JJQ723:JJT723"/>
    <mergeCell ref="JIG723:JIJ723"/>
    <mergeCell ref="JIK723:JIN723"/>
    <mergeCell ref="JIO723:JIR723"/>
    <mergeCell ref="JIS723:JIV723"/>
    <mergeCell ref="JIW723:JIZ723"/>
    <mergeCell ref="JHM723:JHP723"/>
    <mergeCell ref="JHQ723:JHT723"/>
    <mergeCell ref="JHU723:JHX723"/>
    <mergeCell ref="JHY723:JIB723"/>
    <mergeCell ref="JIC723:JIF723"/>
    <mergeCell ref="JGS723:JGV723"/>
    <mergeCell ref="JGW723:JGZ723"/>
    <mergeCell ref="JHA723:JHD723"/>
    <mergeCell ref="JHE723:JHH723"/>
    <mergeCell ref="JHI723:JHL723"/>
    <mergeCell ref="JFY723:JGB723"/>
    <mergeCell ref="JGC723:JGF723"/>
    <mergeCell ref="JGG723:JGJ723"/>
    <mergeCell ref="JGK723:JGN723"/>
    <mergeCell ref="JGO723:JGR723"/>
    <mergeCell ref="JFE723:JFH723"/>
    <mergeCell ref="JFI723:JFL723"/>
    <mergeCell ref="JFM723:JFP723"/>
    <mergeCell ref="JFQ723:JFT723"/>
    <mergeCell ref="JFU723:JFX723"/>
    <mergeCell ref="JEK723:JEN723"/>
    <mergeCell ref="JEO723:JER723"/>
    <mergeCell ref="JES723:JEV723"/>
    <mergeCell ref="JEW723:JEZ723"/>
    <mergeCell ref="JFA723:JFD723"/>
    <mergeCell ref="JOK723:JON723"/>
    <mergeCell ref="JOO723:JOR723"/>
    <mergeCell ref="JOS723:JOV723"/>
    <mergeCell ref="JOW723:JOZ723"/>
    <mergeCell ref="JPA723:JPD723"/>
    <mergeCell ref="JNQ723:JNT723"/>
    <mergeCell ref="JNU723:JNX723"/>
    <mergeCell ref="JNY723:JOB723"/>
    <mergeCell ref="JOC723:JOF723"/>
    <mergeCell ref="JOG723:JOJ723"/>
    <mergeCell ref="JMW723:JMZ723"/>
    <mergeCell ref="JNA723:JND723"/>
    <mergeCell ref="JNE723:JNH723"/>
    <mergeCell ref="JNI723:JNL723"/>
    <mergeCell ref="JNM723:JNP723"/>
    <mergeCell ref="JMC723:JMF723"/>
    <mergeCell ref="JMG723:JMJ723"/>
    <mergeCell ref="JMK723:JMN723"/>
    <mergeCell ref="JMO723:JMR723"/>
    <mergeCell ref="JMS723:JMV723"/>
    <mergeCell ref="JLI723:JLL723"/>
    <mergeCell ref="JLM723:JLP723"/>
    <mergeCell ref="JLQ723:JLT723"/>
    <mergeCell ref="JLU723:JLX723"/>
    <mergeCell ref="JLY723:JMB723"/>
    <mergeCell ref="JKO723:JKR723"/>
    <mergeCell ref="JKS723:JKV723"/>
    <mergeCell ref="JKW723:JKZ723"/>
    <mergeCell ref="JLA723:JLD723"/>
    <mergeCell ref="JLE723:JLH723"/>
    <mergeCell ref="JJU723:JJX723"/>
    <mergeCell ref="JJY723:JKB723"/>
    <mergeCell ref="JKC723:JKF723"/>
    <mergeCell ref="JKG723:JKJ723"/>
    <mergeCell ref="JKK723:JKN723"/>
    <mergeCell ref="JTU723:JTX723"/>
    <mergeCell ref="JTY723:JUB723"/>
    <mergeCell ref="JUC723:JUF723"/>
    <mergeCell ref="JUG723:JUJ723"/>
    <mergeCell ref="JUK723:JUN723"/>
    <mergeCell ref="JTA723:JTD723"/>
    <mergeCell ref="JTE723:JTH723"/>
    <mergeCell ref="JTI723:JTL723"/>
    <mergeCell ref="JTM723:JTP723"/>
    <mergeCell ref="JTQ723:JTT723"/>
    <mergeCell ref="JSG723:JSJ723"/>
    <mergeCell ref="JSK723:JSN723"/>
    <mergeCell ref="JSO723:JSR723"/>
    <mergeCell ref="JSS723:JSV723"/>
    <mergeCell ref="JSW723:JSZ723"/>
    <mergeCell ref="JRM723:JRP723"/>
    <mergeCell ref="JRQ723:JRT723"/>
    <mergeCell ref="JRU723:JRX723"/>
    <mergeCell ref="JRY723:JSB723"/>
    <mergeCell ref="JSC723:JSF723"/>
    <mergeCell ref="JQS723:JQV723"/>
    <mergeCell ref="JQW723:JQZ723"/>
    <mergeCell ref="JRA723:JRD723"/>
    <mergeCell ref="JRE723:JRH723"/>
    <mergeCell ref="JRI723:JRL723"/>
    <mergeCell ref="JPY723:JQB723"/>
    <mergeCell ref="JQC723:JQF723"/>
    <mergeCell ref="JQG723:JQJ723"/>
    <mergeCell ref="JQK723:JQN723"/>
    <mergeCell ref="JQO723:JQR723"/>
    <mergeCell ref="JPE723:JPH723"/>
    <mergeCell ref="JPI723:JPL723"/>
    <mergeCell ref="JPM723:JPP723"/>
    <mergeCell ref="JPQ723:JPT723"/>
    <mergeCell ref="JPU723:JPX723"/>
    <mergeCell ref="JZE723:JZH723"/>
    <mergeCell ref="JZI723:JZL723"/>
    <mergeCell ref="JZM723:JZP723"/>
    <mergeCell ref="JZQ723:JZT723"/>
    <mergeCell ref="JZU723:JZX723"/>
    <mergeCell ref="JYK723:JYN723"/>
    <mergeCell ref="JYO723:JYR723"/>
    <mergeCell ref="JYS723:JYV723"/>
    <mergeCell ref="JYW723:JYZ723"/>
    <mergeCell ref="JZA723:JZD723"/>
    <mergeCell ref="JXQ723:JXT723"/>
    <mergeCell ref="JXU723:JXX723"/>
    <mergeCell ref="JXY723:JYB723"/>
    <mergeCell ref="JYC723:JYF723"/>
    <mergeCell ref="JYG723:JYJ723"/>
    <mergeCell ref="JWW723:JWZ723"/>
    <mergeCell ref="JXA723:JXD723"/>
    <mergeCell ref="JXE723:JXH723"/>
    <mergeCell ref="JXI723:JXL723"/>
    <mergeCell ref="JXM723:JXP723"/>
    <mergeCell ref="JWC723:JWF723"/>
    <mergeCell ref="JWG723:JWJ723"/>
    <mergeCell ref="JWK723:JWN723"/>
    <mergeCell ref="JWO723:JWR723"/>
    <mergeCell ref="JWS723:JWV723"/>
    <mergeCell ref="JVI723:JVL723"/>
    <mergeCell ref="JVM723:JVP723"/>
    <mergeCell ref="JVQ723:JVT723"/>
    <mergeCell ref="JVU723:JVX723"/>
    <mergeCell ref="JVY723:JWB723"/>
    <mergeCell ref="JUO723:JUR723"/>
    <mergeCell ref="JUS723:JUV723"/>
    <mergeCell ref="JUW723:JUZ723"/>
    <mergeCell ref="JVA723:JVD723"/>
    <mergeCell ref="JVE723:JVH723"/>
    <mergeCell ref="KEO723:KER723"/>
    <mergeCell ref="KES723:KEV723"/>
    <mergeCell ref="KEW723:KEZ723"/>
    <mergeCell ref="KFA723:KFD723"/>
    <mergeCell ref="KFE723:KFH723"/>
    <mergeCell ref="KDU723:KDX723"/>
    <mergeCell ref="KDY723:KEB723"/>
    <mergeCell ref="KEC723:KEF723"/>
    <mergeCell ref="KEG723:KEJ723"/>
    <mergeCell ref="KEK723:KEN723"/>
    <mergeCell ref="KDA723:KDD723"/>
    <mergeCell ref="KDE723:KDH723"/>
    <mergeCell ref="KDI723:KDL723"/>
    <mergeCell ref="KDM723:KDP723"/>
    <mergeCell ref="KDQ723:KDT723"/>
    <mergeCell ref="KCG723:KCJ723"/>
    <mergeCell ref="KCK723:KCN723"/>
    <mergeCell ref="KCO723:KCR723"/>
    <mergeCell ref="KCS723:KCV723"/>
    <mergeCell ref="KCW723:KCZ723"/>
    <mergeCell ref="KBM723:KBP723"/>
    <mergeCell ref="KBQ723:KBT723"/>
    <mergeCell ref="KBU723:KBX723"/>
    <mergeCell ref="KBY723:KCB723"/>
    <mergeCell ref="KCC723:KCF723"/>
    <mergeCell ref="KAS723:KAV723"/>
    <mergeCell ref="KAW723:KAZ723"/>
    <mergeCell ref="KBA723:KBD723"/>
    <mergeCell ref="KBE723:KBH723"/>
    <mergeCell ref="KBI723:KBL723"/>
    <mergeCell ref="JZY723:KAB723"/>
    <mergeCell ref="KAC723:KAF723"/>
    <mergeCell ref="KAG723:KAJ723"/>
    <mergeCell ref="KAK723:KAN723"/>
    <mergeCell ref="KAO723:KAR723"/>
    <mergeCell ref="KJY723:KKB723"/>
    <mergeCell ref="KKC723:KKF723"/>
    <mergeCell ref="KKG723:KKJ723"/>
    <mergeCell ref="KKK723:KKN723"/>
    <mergeCell ref="KKO723:KKR723"/>
    <mergeCell ref="KJE723:KJH723"/>
    <mergeCell ref="KJI723:KJL723"/>
    <mergeCell ref="KJM723:KJP723"/>
    <mergeCell ref="KJQ723:KJT723"/>
    <mergeCell ref="KJU723:KJX723"/>
    <mergeCell ref="KIK723:KIN723"/>
    <mergeCell ref="KIO723:KIR723"/>
    <mergeCell ref="KIS723:KIV723"/>
    <mergeCell ref="KIW723:KIZ723"/>
    <mergeCell ref="KJA723:KJD723"/>
    <mergeCell ref="KHQ723:KHT723"/>
    <mergeCell ref="KHU723:KHX723"/>
    <mergeCell ref="KHY723:KIB723"/>
    <mergeCell ref="KIC723:KIF723"/>
    <mergeCell ref="KIG723:KIJ723"/>
    <mergeCell ref="KGW723:KGZ723"/>
    <mergeCell ref="KHA723:KHD723"/>
    <mergeCell ref="KHE723:KHH723"/>
    <mergeCell ref="KHI723:KHL723"/>
    <mergeCell ref="KHM723:KHP723"/>
    <mergeCell ref="KGC723:KGF723"/>
    <mergeCell ref="KGG723:KGJ723"/>
    <mergeCell ref="KGK723:KGN723"/>
    <mergeCell ref="KGO723:KGR723"/>
    <mergeCell ref="KGS723:KGV723"/>
    <mergeCell ref="KFI723:KFL723"/>
    <mergeCell ref="KFM723:KFP723"/>
    <mergeCell ref="KFQ723:KFT723"/>
    <mergeCell ref="KFU723:KFX723"/>
    <mergeCell ref="KFY723:KGB723"/>
    <mergeCell ref="KPI723:KPL723"/>
    <mergeCell ref="KPM723:KPP723"/>
    <mergeCell ref="KPQ723:KPT723"/>
    <mergeCell ref="KPU723:KPX723"/>
    <mergeCell ref="KPY723:KQB723"/>
    <mergeCell ref="KOO723:KOR723"/>
    <mergeCell ref="KOS723:KOV723"/>
    <mergeCell ref="KOW723:KOZ723"/>
    <mergeCell ref="KPA723:KPD723"/>
    <mergeCell ref="KPE723:KPH723"/>
    <mergeCell ref="KNU723:KNX723"/>
    <mergeCell ref="KNY723:KOB723"/>
    <mergeCell ref="KOC723:KOF723"/>
    <mergeCell ref="KOG723:KOJ723"/>
    <mergeCell ref="KOK723:KON723"/>
    <mergeCell ref="KNA723:KND723"/>
    <mergeCell ref="KNE723:KNH723"/>
    <mergeCell ref="KNI723:KNL723"/>
    <mergeCell ref="KNM723:KNP723"/>
    <mergeCell ref="KNQ723:KNT723"/>
    <mergeCell ref="KMG723:KMJ723"/>
    <mergeCell ref="KMK723:KMN723"/>
    <mergeCell ref="KMO723:KMR723"/>
    <mergeCell ref="KMS723:KMV723"/>
    <mergeCell ref="KMW723:KMZ723"/>
    <mergeCell ref="KLM723:KLP723"/>
    <mergeCell ref="KLQ723:KLT723"/>
    <mergeCell ref="KLU723:KLX723"/>
    <mergeCell ref="KLY723:KMB723"/>
    <mergeCell ref="KMC723:KMF723"/>
    <mergeCell ref="KKS723:KKV723"/>
    <mergeCell ref="KKW723:KKZ723"/>
    <mergeCell ref="KLA723:KLD723"/>
    <mergeCell ref="KLE723:KLH723"/>
    <mergeCell ref="KLI723:KLL723"/>
    <mergeCell ref="KUS723:KUV723"/>
    <mergeCell ref="KUW723:KUZ723"/>
    <mergeCell ref="KVA723:KVD723"/>
    <mergeCell ref="KVE723:KVH723"/>
    <mergeCell ref="KVI723:KVL723"/>
    <mergeCell ref="KTY723:KUB723"/>
    <mergeCell ref="KUC723:KUF723"/>
    <mergeCell ref="KUG723:KUJ723"/>
    <mergeCell ref="KUK723:KUN723"/>
    <mergeCell ref="KUO723:KUR723"/>
    <mergeCell ref="KTE723:KTH723"/>
    <mergeCell ref="KTI723:KTL723"/>
    <mergeCell ref="KTM723:KTP723"/>
    <mergeCell ref="KTQ723:KTT723"/>
    <mergeCell ref="KTU723:KTX723"/>
    <mergeCell ref="KSK723:KSN723"/>
    <mergeCell ref="KSO723:KSR723"/>
    <mergeCell ref="KSS723:KSV723"/>
    <mergeCell ref="KSW723:KSZ723"/>
    <mergeCell ref="KTA723:KTD723"/>
    <mergeCell ref="KRQ723:KRT723"/>
    <mergeCell ref="KRU723:KRX723"/>
    <mergeCell ref="KRY723:KSB723"/>
    <mergeCell ref="KSC723:KSF723"/>
    <mergeCell ref="KSG723:KSJ723"/>
    <mergeCell ref="KQW723:KQZ723"/>
    <mergeCell ref="KRA723:KRD723"/>
    <mergeCell ref="KRE723:KRH723"/>
    <mergeCell ref="KRI723:KRL723"/>
    <mergeCell ref="KRM723:KRP723"/>
    <mergeCell ref="KQC723:KQF723"/>
    <mergeCell ref="KQG723:KQJ723"/>
    <mergeCell ref="KQK723:KQN723"/>
    <mergeCell ref="KQO723:KQR723"/>
    <mergeCell ref="KQS723:KQV723"/>
    <mergeCell ref="LAC723:LAF723"/>
    <mergeCell ref="LAG723:LAJ723"/>
    <mergeCell ref="LAK723:LAN723"/>
    <mergeCell ref="LAO723:LAR723"/>
    <mergeCell ref="LAS723:LAV723"/>
    <mergeCell ref="KZI723:KZL723"/>
    <mergeCell ref="KZM723:KZP723"/>
    <mergeCell ref="KZQ723:KZT723"/>
    <mergeCell ref="KZU723:KZX723"/>
    <mergeCell ref="KZY723:LAB723"/>
    <mergeCell ref="KYO723:KYR723"/>
    <mergeCell ref="KYS723:KYV723"/>
    <mergeCell ref="KYW723:KYZ723"/>
    <mergeCell ref="KZA723:KZD723"/>
    <mergeCell ref="KZE723:KZH723"/>
    <mergeCell ref="KXU723:KXX723"/>
    <mergeCell ref="KXY723:KYB723"/>
    <mergeCell ref="KYC723:KYF723"/>
    <mergeCell ref="KYG723:KYJ723"/>
    <mergeCell ref="KYK723:KYN723"/>
    <mergeCell ref="KXA723:KXD723"/>
    <mergeCell ref="KXE723:KXH723"/>
    <mergeCell ref="KXI723:KXL723"/>
    <mergeCell ref="KXM723:KXP723"/>
    <mergeCell ref="KXQ723:KXT723"/>
    <mergeCell ref="KWG723:KWJ723"/>
    <mergeCell ref="KWK723:KWN723"/>
    <mergeCell ref="KWO723:KWR723"/>
    <mergeCell ref="KWS723:KWV723"/>
    <mergeCell ref="KWW723:KWZ723"/>
    <mergeCell ref="KVM723:KVP723"/>
    <mergeCell ref="KVQ723:KVT723"/>
    <mergeCell ref="KVU723:KVX723"/>
    <mergeCell ref="KVY723:KWB723"/>
    <mergeCell ref="KWC723:KWF723"/>
    <mergeCell ref="LFM723:LFP723"/>
    <mergeCell ref="LFQ723:LFT723"/>
    <mergeCell ref="LFU723:LFX723"/>
    <mergeCell ref="LFY723:LGB723"/>
    <mergeCell ref="LGC723:LGF723"/>
    <mergeCell ref="LES723:LEV723"/>
    <mergeCell ref="LEW723:LEZ723"/>
    <mergeCell ref="LFA723:LFD723"/>
    <mergeCell ref="LFE723:LFH723"/>
    <mergeCell ref="LFI723:LFL723"/>
    <mergeCell ref="LDY723:LEB723"/>
    <mergeCell ref="LEC723:LEF723"/>
    <mergeCell ref="LEG723:LEJ723"/>
    <mergeCell ref="LEK723:LEN723"/>
    <mergeCell ref="LEO723:LER723"/>
    <mergeCell ref="LDE723:LDH723"/>
    <mergeCell ref="LDI723:LDL723"/>
    <mergeCell ref="LDM723:LDP723"/>
    <mergeCell ref="LDQ723:LDT723"/>
    <mergeCell ref="LDU723:LDX723"/>
    <mergeCell ref="LCK723:LCN723"/>
    <mergeCell ref="LCO723:LCR723"/>
    <mergeCell ref="LCS723:LCV723"/>
    <mergeCell ref="LCW723:LCZ723"/>
    <mergeCell ref="LDA723:LDD723"/>
    <mergeCell ref="LBQ723:LBT723"/>
    <mergeCell ref="LBU723:LBX723"/>
    <mergeCell ref="LBY723:LCB723"/>
    <mergeCell ref="LCC723:LCF723"/>
    <mergeCell ref="LCG723:LCJ723"/>
    <mergeCell ref="LAW723:LAZ723"/>
    <mergeCell ref="LBA723:LBD723"/>
    <mergeCell ref="LBE723:LBH723"/>
    <mergeCell ref="LBI723:LBL723"/>
    <mergeCell ref="LBM723:LBP723"/>
    <mergeCell ref="LKW723:LKZ723"/>
    <mergeCell ref="LLA723:LLD723"/>
    <mergeCell ref="LLE723:LLH723"/>
    <mergeCell ref="LLI723:LLL723"/>
    <mergeCell ref="LLM723:LLP723"/>
    <mergeCell ref="LKC723:LKF723"/>
    <mergeCell ref="LKG723:LKJ723"/>
    <mergeCell ref="LKK723:LKN723"/>
    <mergeCell ref="LKO723:LKR723"/>
    <mergeCell ref="LKS723:LKV723"/>
    <mergeCell ref="LJI723:LJL723"/>
    <mergeCell ref="LJM723:LJP723"/>
    <mergeCell ref="LJQ723:LJT723"/>
    <mergeCell ref="LJU723:LJX723"/>
    <mergeCell ref="LJY723:LKB723"/>
    <mergeCell ref="LIO723:LIR723"/>
    <mergeCell ref="LIS723:LIV723"/>
    <mergeCell ref="LIW723:LIZ723"/>
    <mergeCell ref="LJA723:LJD723"/>
    <mergeCell ref="LJE723:LJH723"/>
    <mergeCell ref="LHU723:LHX723"/>
    <mergeCell ref="LHY723:LIB723"/>
    <mergeCell ref="LIC723:LIF723"/>
    <mergeCell ref="LIG723:LIJ723"/>
    <mergeCell ref="LIK723:LIN723"/>
    <mergeCell ref="LHA723:LHD723"/>
    <mergeCell ref="LHE723:LHH723"/>
    <mergeCell ref="LHI723:LHL723"/>
    <mergeCell ref="LHM723:LHP723"/>
    <mergeCell ref="LHQ723:LHT723"/>
    <mergeCell ref="LGG723:LGJ723"/>
    <mergeCell ref="LGK723:LGN723"/>
    <mergeCell ref="LGO723:LGR723"/>
    <mergeCell ref="LGS723:LGV723"/>
    <mergeCell ref="LGW723:LGZ723"/>
    <mergeCell ref="LQG723:LQJ723"/>
    <mergeCell ref="LQK723:LQN723"/>
    <mergeCell ref="LQO723:LQR723"/>
    <mergeCell ref="LQS723:LQV723"/>
    <mergeCell ref="LQW723:LQZ723"/>
    <mergeCell ref="LPM723:LPP723"/>
    <mergeCell ref="LPQ723:LPT723"/>
    <mergeCell ref="LPU723:LPX723"/>
    <mergeCell ref="LPY723:LQB723"/>
    <mergeCell ref="LQC723:LQF723"/>
    <mergeCell ref="LOS723:LOV723"/>
    <mergeCell ref="LOW723:LOZ723"/>
    <mergeCell ref="LPA723:LPD723"/>
    <mergeCell ref="LPE723:LPH723"/>
    <mergeCell ref="LPI723:LPL723"/>
    <mergeCell ref="LNY723:LOB723"/>
    <mergeCell ref="LOC723:LOF723"/>
    <mergeCell ref="LOG723:LOJ723"/>
    <mergeCell ref="LOK723:LON723"/>
    <mergeCell ref="LOO723:LOR723"/>
    <mergeCell ref="LNE723:LNH723"/>
    <mergeCell ref="LNI723:LNL723"/>
    <mergeCell ref="LNM723:LNP723"/>
    <mergeCell ref="LNQ723:LNT723"/>
    <mergeCell ref="LNU723:LNX723"/>
    <mergeCell ref="LMK723:LMN723"/>
    <mergeCell ref="LMO723:LMR723"/>
    <mergeCell ref="LMS723:LMV723"/>
    <mergeCell ref="LMW723:LMZ723"/>
    <mergeCell ref="LNA723:LND723"/>
    <mergeCell ref="LLQ723:LLT723"/>
    <mergeCell ref="LLU723:LLX723"/>
    <mergeCell ref="LLY723:LMB723"/>
    <mergeCell ref="LMC723:LMF723"/>
    <mergeCell ref="LMG723:LMJ723"/>
    <mergeCell ref="LVQ723:LVT723"/>
    <mergeCell ref="LVU723:LVX723"/>
    <mergeCell ref="LVY723:LWB723"/>
    <mergeCell ref="LWC723:LWF723"/>
    <mergeCell ref="LWG723:LWJ723"/>
    <mergeCell ref="LUW723:LUZ723"/>
    <mergeCell ref="LVA723:LVD723"/>
    <mergeCell ref="LVE723:LVH723"/>
    <mergeCell ref="LVI723:LVL723"/>
    <mergeCell ref="LVM723:LVP723"/>
    <mergeCell ref="LUC723:LUF723"/>
    <mergeCell ref="LUG723:LUJ723"/>
    <mergeCell ref="LUK723:LUN723"/>
    <mergeCell ref="LUO723:LUR723"/>
    <mergeCell ref="LUS723:LUV723"/>
    <mergeCell ref="LTI723:LTL723"/>
    <mergeCell ref="LTM723:LTP723"/>
    <mergeCell ref="LTQ723:LTT723"/>
    <mergeCell ref="LTU723:LTX723"/>
    <mergeCell ref="LTY723:LUB723"/>
    <mergeCell ref="LSO723:LSR723"/>
    <mergeCell ref="LSS723:LSV723"/>
    <mergeCell ref="LSW723:LSZ723"/>
    <mergeCell ref="LTA723:LTD723"/>
    <mergeCell ref="LTE723:LTH723"/>
    <mergeCell ref="LRU723:LRX723"/>
    <mergeCell ref="LRY723:LSB723"/>
    <mergeCell ref="LSC723:LSF723"/>
    <mergeCell ref="LSG723:LSJ723"/>
    <mergeCell ref="LSK723:LSN723"/>
    <mergeCell ref="LRA723:LRD723"/>
    <mergeCell ref="LRE723:LRH723"/>
    <mergeCell ref="LRI723:LRL723"/>
    <mergeCell ref="LRM723:LRP723"/>
    <mergeCell ref="LRQ723:LRT723"/>
    <mergeCell ref="MBA723:MBD723"/>
    <mergeCell ref="MBE723:MBH723"/>
    <mergeCell ref="MBI723:MBL723"/>
    <mergeCell ref="MBM723:MBP723"/>
    <mergeCell ref="MBQ723:MBT723"/>
    <mergeCell ref="MAG723:MAJ723"/>
    <mergeCell ref="MAK723:MAN723"/>
    <mergeCell ref="MAO723:MAR723"/>
    <mergeCell ref="MAS723:MAV723"/>
    <mergeCell ref="MAW723:MAZ723"/>
    <mergeCell ref="LZM723:LZP723"/>
    <mergeCell ref="LZQ723:LZT723"/>
    <mergeCell ref="LZU723:LZX723"/>
    <mergeCell ref="LZY723:MAB723"/>
    <mergeCell ref="MAC723:MAF723"/>
    <mergeCell ref="LYS723:LYV723"/>
    <mergeCell ref="LYW723:LYZ723"/>
    <mergeCell ref="LZA723:LZD723"/>
    <mergeCell ref="LZE723:LZH723"/>
    <mergeCell ref="LZI723:LZL723"/>
    <mergeCell ref="LXY723:LYB723"/>
    <mergeCell ref="LYC723:LYF723"/>
    <mergeCell ref="LYG723:LYJ723"/>
    <mergeCell ref="LYK723:LYN723"/>
    <mergeCell ref="LYO723:LYR723"/>
    <mergeCell ref="LXE723:LXH723"/>
    <mergeCell ref="LXI723:LXL723"/>
    <mergeCell ref="LXM723:LXP723"/>
    <mergeCell ref="LXQ723:LXT723"/>
    <mergeCell ref="LXU723:LXX723"/>
    <mergeCell ref="LWK723:LWN723"/>
    <mergeCell ref="LWO723:LWR723"/>
    <mergeCell ref="LWS723:LWV723"/>
    <mergeCell ref="LWW723:LWZ723"/>
    <mergeCell ref="LXA723:LXD723"/>
    <mergeCell ref="MGK723:MGN723"/>
    <mergeCell ref="MGO723:MGR723"/>
    <mergeCell ref="MGS723:MGV723"/>
    <mergeCell ref="MGW723:MGZ723"/>
    <mergeCell ref="MHA723:MHD723"/>
    <mergeCell ref="MFQ723:MFT723"/>
    <mergeCell ref="MFU723:MFX723"/>
    <mergeCell ref="MFY723:MGB723"/>
    <mergeCell ref="MGC723:MGF723"/>
    <mergeCell ref="MGG723:MGJ723"/>
    <mergeCell ref="MEW723:MEZ723"/>
    <mergeCell ref="MFA723:MFD723"/>
    <mergeCell ref="MFE723:MFH723"/>
    <mergeCell ref="MFI723:MFL723"/>
    <mergeCell ref="MFM723:MFP723"/>
    <mergeCell ref="MEC723:MEF723"/>
    <mergeCell ref="MEG723:MEJ723"/>
    <mergeCell ref="MEK723:MEN723"/>
    <mergeCell ref="MEO723:MER723"/>
    <mergeCell ref="MES723:MEV723"/>
    <mergeCell ref="MDI723:MDL723"/>
    <mergeCell ref="MDM723:MDP723"/>
    <mergeCell ref="MDQ723:MDT723"/>
    <mergeCell ref="MDU723:MDX723"/>
    <mergeCell ref="MDY723:MEB723"/>
    <mergeCell ref="MCO723:MCR723"/>
    <mergeCell ref="MCS723:MCV723"/>
    <mergeCell ref="MCW723:MCZ723"/>
    <mergeCell ref="MDA723:MDD723"/>
    <mergeCell ref="MDE723:MDH723"/>
    <mergeCell ref="MBU723:MBX723"/>
    <mergeCell ref="MBY723:MCB723"/>
    <mergeCell ref="MCC723:MCF723"/>
    <mergeCell ref="MCG723:MCJ723"/>
    <mergeCell ref="MCK723:MCN723"/>
    <mergeCell ref="MLU723:MLX723"/>
    <mergeCell ref="MLY723:MMB723"/>
    <mergeCell ref="MMC723:MMF723"/>
    <mergeCell ref="MMG723:MMJ723"/>
    <mergeCell ref="MMK723:MMN723"/>
    <mergeCell ref="MLA723:MLD723"/>
    <mergeCell ref="MLE723:MLH723"/>
    <mergeCell ref="MLI723:MLL723"/>
    <mergeCell ref="MLM723:MLP723"/>
    <mergeCell ref="MLQ723:MLT723"/>
    <mergeCell ref="MKG723:MKJ723"/>
    <mergeCell ref="MKK723:MKN723"/>
    <mergeCell ref="MKO723:MKR723"/>
    <mergeCell ref="MKS723:MKV723"/>
    <mergeCell ref="MKW723:MKZ723"/>
    <mergeCell ref="MJM723:MJP723"/>
    <mergeCell ref="MJQ723:MJT723"/>
    <mergeCell ref="MJU723:MJX723"/>
    <mergeCell ref="MJY723:MKB723"/>
    <mergeCell ref="MKC723:MKF723"/>
    <mergeCell ref="MIS723:MIV723"/>
    <mergeCell ref="MIW723:MIZ723"/>
    <mergeCell ref="MJA723:MJD723"/>
    <mergeCell ref="MJE723:MJH723"/>
    <mergeCell ref="MJI723:MJL723"/>
    <mergeCell ref="MHY723:MIB723"/>
    <mergeCell ref="MIC723:MIF723"/>
    <mergeCell ref="MIG723:MIJ723"/>
    <mergeCell ref="MIK723:MIN723"/>
    <mergeCell ref="MIO723:MIR723"/>
    <mergeCell ref="MHE723:MHH723"/>
    <mergeCell ref="MHI723:MHL723"/>
    <mergeCell ref="MHM723:MHP723"/>
    <mergeCell ref="MHQ723:MHT723"/>
    <mergeCell ref="MHU723:MHX723"/>
    <mergeCell ref="MRE723:MRH723"/>
    <mergeCell ref="MRI723:MRL723"/>
    <mergeCell ref="MRM723:MRP723"/>
    <mergeCell ref="MRQ723:MRT723"/>
    <mergeCell ref="MRU723:MRX723"/>
    <mergeCell ref="MQK723:MQN723"/>
    <mergeCell ref="MQO723:MQR723"/>
    <mergeCell ref="MQS723:MQV723"/>
    <mergeCell ref="MQW723:MQZ723"/>
    <mergeCell ref="MRA723:MRD723"/>
    <mergeCell ref="MPQ723:MPT723"/>
    <mergeCell ref="MPU723:MPX723"/>
    <mergeCell ref="MPY723:MQB723"/>
    <mergeCell ref="MQC723:MQF723"/>
    <mergeCell ref="MQG723:MQJ723"/>
    <mergeCell ref="MOW723:MOZ723"/>
    <mergeCell ref="MPA723:MPD723"/>
    <mergeCell ref="MPE723:MPH723"/>
    <mergeCell ref="MPI723:MPL723"/>
    <mergeCell ref="MPM723:MPP723"/>
    <mergeCell ref="MOC723:MOF723"/>
    <mergeCell ref="MOG723:MOJ723"/>
    <mergeCell ref="MOK723:MON723"/>
    <mergeCell ref="MOO723:MOR723"/>
    <mergeCell ref="MOS723:MOV723"/>
    <mergeCell ref="MNI723:MNL723"/>
    <mergeCell ref="MNM723:MNP723"/>
    <mergeCell ref="MNQ723:MNT723"/>
    <mergeCell ref="MNU723:MNX723"/>
    <mergeCell ref="MNY723:MOB723"/>
    <mergeCell ref="MMO723:MMR723"/>
    <mergeCell ref="MMS723:MMV723"/>
    <mergeCell ref="MMW723:MMZ723"/>
    <mergeCell ref="MNA723:MND723"/>
    <mergeCell ref="MNE723:MNH723"/>
    <mergeCell ref="MWO723:MWR723"/>
    <mergeCell ref="MWS723:MWV723"/>
    <mergeCell ref="MWW723:MWZ723"/>
    <mergeCell ref="MXA723:MXD723"/>
    <mergeCell ref="MXE723:MXH723"/>
    <mergeCell ref="MVU723:MVX723"/>
    <mergeCell ref="MVY723:MWB723"/>
    <mergeCell ref="MWC723:MWF723"/>
    <mergeCell ref="MWG723:MWJ723"/>
    <mergeCell ref="MWK723:MWN723"/>
    <mergeCell ref="MVA723:MVD723"/>
    <mergeCell ref="MVE723:MVH723"/>
    <mergeCell ref="MVI723:MVL723"/>
    <mergeCell ref="MVM723:MVP723"/>
    <mergeCell ref="MVQ723:MVT723"/>
    <mergeCell ref="MUG723:MUJ723"/>
    <mergeCell ref="MUK723:MUN723"/>
    <mergeCell ref="MUO723:MUR723"/>
    <mergeCell ref="MUS723:MUV723"/>
    <mergeCell ref="MUW723:MUZ723"/>
    <mergeCell ref="MTM723:MTP723"/>
    <mergeCell ref="MTQ723:MTT723"/>
    <mergeCell ref="MTU723:MTX723"/>
    <mergeCell ref="MTY723:MUB723"/>
    <mergeCell ref="MUC723:MUF723"/>
    <mergeCell ref="MSS723:MSV723"/>
    <mergeCell ref="MSW723:MSZ723"/>
    <mergeCell ref="MTA723:MTD723"/>
    <mergeCell ref="MTE723:MTH723"/>
    <mergeCell ref="MTI723:MTL723"/>
    <mergeCell ref="MRY723:MSB723"/>
    <mergeCell ref="MSC723:MSF723"/>
    <mergeCell ref="MSG723:MSJ723"/>
    <mergeCell ref="MSK723:MSN723"/>
    <mergeCell ref="MSO723:MSR723"/>
    <mergeCell ref="NBY723:NCB723"/>
    <mergeCell ref="NCC723:NCF723"/>
    <mergeCell ref="NCG723:NCJ723"/>
    <mergeCell ref="NCK723:NCN723"/>
    <mergeCell ref="NCO723:NCR723"/>
    <mergeCell ref="NBE723:NBH723"/>
    <mergeCell ref="NBI723:NBL723"/>
    <mergeCell ref="NBM723:NBP723"/>
    <mergeCell ref="NBQ723:NBT723"/>
    <mergeCell ref="NBU723:NBX723"/>
    <mergeCell ref="NAK723:NAN723"/>
    <mergeCell ref="NAO723:NAR723"/>
    <mergeCell ref="NAS723:NAV723"/>
    <mergeCell ref="NAW723:NAZ723"/>
    <mergeCell ref="NBA723:NBD723"/>
    <mergeCell ref="MZQ723:MZT723"/>
    <mergeCell ref="MZU723:MZX723"/>
    <mergeCell ref="MZY723:NAB723"/>
    <mergeCell ref="NAC723:NAF723"/>
    <mergeCell ref="NAG723:NAJ723"/>
    <mergeCell ref="MYW723:MYZ723"/>
    <mergeCell ref="MZA723:MZD723"/>
    <mergeCell ref="MZE723:MZH723"/>
    <mergeCell ref="MZI723:MZL723"/>
    <mergeCell ref="MZM723:MZP723"/>
    <mergeCell ref="MYC723:MYF723"/>
    <mergeCell ref="MYG723:MYJ723"/>
    <mergeCell ref="MYK723:MYN723"/>
    <mergeCell ref="MYO723:MYR723"/>
    <mergeCell ref="MYS723:MYV723"/>
    <mergeCell ref="MXI723:MXL723"/>
    <mergeCell ref="MXM723:MXP723"/>
    <mergeCell ref="MXQ723:MXT723"/>
    <mergeCell ref="MXU723:MXX723"/>
    <mergeCell ref="MXY723:MYB723"/>
    <mergeCell ref="NHI723:NHL723"/>
    <mergeCell ref="NHM723:NHP723"/>
    <mergeCell ref="NHQ723:NHT723"/>
    <mergeCell ref="NHU723:NHX723"/>
    <mergeCell ref="NHY723:NIB723"/>
    <mergeCell ref="NGO723:NGR723"/>
    <mergeCell ref="NGS723:NGV723"/>
    <mergeCell ref="NGW723:NGZ723"/>
    <mergeCell ref="NHA723:NHD723"/>
    <mergeCell ref="NHE723:NHH723"/>
    <mergeCell ref="NFU723:NFX723"/>
    <mergeCell ref="NFY723:NGB723"/>
    <mergeCell ref="NGC723:NGF723"/>
    <mergeCell ref="NGG723:NGJ723"/>
    <mergeCell ref="NGK723:NGN723"/>
    <mergeCell ref="NFA723:NFD723"/>
    <mergeCell ref="NFE723:NFH723"/>
    <mergeCell ref="NFI723:NFL723"/>
    <mergeCell ref="NFM723:NFP723"/>
    <mergeCell ref="NFQ723:NFT723"/>
    <mergeCell ref="NEG723:NEJ723"/>
    <mergeCell ref="NEK723:NEN723"/>
    <mergeCell ref="NEO723:NER723"/>
    <mergeCell ref="NES723:NEV723"/>
    <mergeCell ref="NEW723:NEZ723"/>
    <mergeCell ref="NDM723:NDP723"/>
    <mergeCell ref="NDQ723:NDT723"/>
    <mergeCell ref="NDU723:NDX723"/>
    <mergeCell ref="NDY723:NEB723"/>
    <mergeCell ref="NEC723:NEF723"/>
    <mergeCell ref="NCS723:NCV723"/>
    <mergeCell ref="NCW723:NCZ723"/>
    <mergeCell ref="NDA723:NDD723"/>
    <mergeCell ref="NDE723:NDH723"/>
    <mergeCell ref="NDI723:NDL723"/>
    <mergeCell ref="NMS723:NMV723"/>
    <mergeCell ref="NMW723:NMZ723"/>
    <mergeCell ref="NNA723:NND723"/>
    <mergeCell ref="NNE723:NNH723"/>
    <mergeCell ref="NNI723:NNL723"/>
    <mergeCell ref="NLY723:NMB723"/>
    <mergeCell ref="NMC723:NMF723"/>
    <mergeCell ref="NMG723:NMJ723"/>
    <mergeCell ref="NMK723:NMN723"/>
    <mergeCell ref="NMO723:NMR723"/>
    <mergeCell ref="NLE723:NLH723"/>
    <mergeCell ref="NLI723:NLL723"/>
    <mergeCell ref="NLM723:NLP723"/>
    <mergeCell ref="NLQ723:NLT723"/>
    <mergeCell ref="NLU723:NLX723"/>
    <mergeCell ref="NKK723:NKN723"/>
    <mergeCell ref="NKO723:NKR723"/>
    <mergeCell ref="NKS723:NKV723"/>
    <mergeCell ref="NKW723:NKZ723"/>
    <mergeCell ref="NLA723:NLD723"/>
    <mergeCell ref="NJQ723:NJT723"/>
    <mergeCell ref="NJU723:NJX723"/>
    <mergeCell ref="NJY723:NKB723"/>
    <mergeCell ref="NKC723:NKF723"/>
    <mergeCell ref="NKG723:NKJ723"/>
    <mergeCell ref="NIW723:NIZ723"/>
    <mergeCell ref="NJA723:NJD723"/>
    <mergeCell ref="NJE723:NJH723"/>
    <mergeCell ref="NJI723:NJL723"/>
    <mergeCell ref="NJM723:NJP723"/>
    <mergeCell ref="NIC723:NIF723"/>
    <mergeCell ref="NIG723:NIJ723"/>
    <mergeCell ref="NIK723:NIN723"/>
    <mergeCell ref="NIO723:NIR723"/>
    <mergeCell ref="NIS723:NIV723"/>
    <mergeCell ref="NSC723:NSF723"/>
    <mergeCell ref="NSG723:NSJ723"/>
    <mergeCell ref="NSK723:NSN723"/>
    <mergeCell ref="NSO723:NSR723"/>
    <mergeCell ref="NSS723:NSV723"/>
    <mergeCell ref="NRI723:NRL723"/>
    <mergeCell ref="NRM723:NRP723"/>
    <mergeCell ref="NRQ723:NRT723"/>
    <mergeCell ref="NRU723:NRX723"/>
    <mergeCell ref="NRY723:NSB723"/>
    <mergeCell ref="NQO723:NQR723"/>
    <mergeCell ref="NQS723:NQV723"/>
    <mergeCell ref="NQW723:NQZ723"/>
    <mergeCell ref="NRA723:NRD723"/>
    <mergeCell ref="NRE723:NRH723"/>
    <mergeCell ref="NPU723:NPX723"/>
    <mergeCell ref="NPY723:NQB723"/>
    <mergeCell ref="NQC723:NQF723"/>
    <mergeCell ref="NQG723:NQJ723"/>
    <mergeCell ref="NQK723:NQN723"/>
    <mergeCell ref="NPA723:NPD723"/>
    <mergeCell ref="NPE723:NPH723"/>
    <mergeCell ref="NPI723:NPL723"/>
    <mergeCell ref="NPM723:NPP723"/>
    <mergeCell ref="NPQ723:NPT723"/>
    <mergeCell ref="NOG723:NOJ723"/>
    <mergeCell ref="NOK723:NON723"/>
    <mergeCell ref="NOO723:NOR723"/>
    <mergeCell ref="NOS723:NOV723"/>
    <mergeCell ref="NOW723:NOZ723"/>
    <mergeCell ref="NNM723:NNP723"/>
    <mergeCell ref="NNQ723:NNT723"/>
    <mergeCell ref="NNU723:NNX723"/>
    <mergeCell ref="NNY723:NOB723"/>
    <mergeCell ref="NOC723:NOF723"/>
    <mergeCell ref="NXM723:NXP723"/>
    <mergeCell ref="NXQ723:NXT723"/>
    <mergeCell ref="NXU723:NXX723"/>
    <mergeCell ref="NXY723:NYB723"/>
    <mergeCell ref="NYC723:NYF723"/>
    <mergeCell ref="NWS723:NWV723"/>
    <mergeCell ref="NWW723:NWZ723"/>
    <mergeCell ref="NXA723:NXD723"/>
    <mergeCell ref="NXE723:NXH723"/>
    <mergeCell ref="NXI723:NXL723"/>
    <mergeCell ref="NVY723:NWB723"/>
    <mergeCell ref="NWC723:NWF723"/>
    <mergeCell ref="NWG723:NWJ723"/>
    <mergeCell ref="NWK723:NWN723"/>
    <mergeCell ref="NWO723:NWR723"/>
    <mergeCell ref="NVE723:NVH723"/>
    <mergeCell ref="NVI723:NVL723"/>
    <mergeCell ref="NVM723:NVP723"/>
    <mergeCell ref="NVQ723:NVT723"/>
    <mergeCell ref="NVU723:NVX723"/>
    <mergeCell ref="NUK723:NUN723"/>
    <mergeCell ref="NUO723:NUR723"/>
    <mergeCell ref="NUS723:NUV723"/>
    <mergeCell ref="NUW723:NUZ723"/>
    <mergeCell ref="NVA723:NVD723"/>
    <mergeCell ref="NTQ723:NTT723"/>
    <mergeCell ref="NTU723:NTX723"/>
    <mergeCell ref="NTY723:NUB723"/>
    <mergeCell ref="NUC723:NUF723"/>
    <mergeCell ref="NUG723:NUJ723"/>
    <mergeCell ref="NSW723:NSZ723"/>
    <mergeCell ref="NTA723:NTD723"/>
    <mergeCell ref="NTE723:NTH723"/>
    <mergeCell ref="NTI723:NTL723"/>
    <mergeCell ref="NTM723:NTP723"/>
    <mergeCell ref="OCW723:OCZ723"/>
    <mergeCell ref="ODA723:ODD723"/>
    <mergeCell ref="ODE723:ODH723"/>
    <mergeCell ref="ODI723:ODL723"/>
    <mergeCell ref="ODM723:ODP723"/>
    <mergeCell ref="OCC723:OCF723"/>
    <mergeCell ref="OCG723:OCJ723"/>
    <mergeCell ref="OCK723:OCN723"/>
    <mergeCell ref="OCO723:OCR723"/>
    <mergeCell ref="OCS723:OCV723"/>
    <mergeCell ref="OBI723:OBL723"/>
    <mergeCell ref="OBM723:OBP723"/>
    <mergeCell ref="OBQ723:OBT723"/>
    <mergeCell ref="OBU723:OBX723"/>
    <mergeCell ref="OBY723:OCB723"/>
    <mergeCell ref="OAO723:OAR723"/>
    <mergeCell ref="OAS723:OAV723"/>
    <mergeCell ref="OAW723:OAZ723"/>
    <mergeCell ref="OBA723:OBD723"/>
    <mergeCell ref="OBE723:OBH723"/>
    <mergeCell ref="NZU723:NZX723"/>
    <mergeCell ref="NZY723:OAB723"/>
    <mergeCell ref="OAC723:OAF723"/>
    <mergeCell ref="OAG723:OAJ723"/>
    <mergeCell ref="OAK723:OAN723"/>
    <mergeCell ref="NZA723:NZD723"/>
    <mergeCell ref="NZE723:NZH723"/>
    <mergeCell ref="NZI723:NZL723"/>
    <mergeCell ref="NZM723:NZP723"/>
    <mergeCell ref="NZQ723:NZT723"/>
    <mergeCell ref="NYG723:NYJ723"/>
    <mergeCell ref="NYK723:NYN723"/>
    <mergeCell ref="NYO723:NYR723"/>
    <mergeCell ref="NYS723:NYV723"/>
    <mergeCell ref="NYW723:NYZ723"/>
    <mergeCell ref="OIG723:OIJ723"/>
    <mergeCell ref="OIK723:OIN723"/>
    <mergeCell ref="OIO723:OIR723"/>
    <mergeCell ref="OIS723:OIV723"/>
    <mergeCell ref="OIW723:OIZ723"/>
    <mergeCell ref="OHM723:OHP723"/>
    <mergeCell ref="OHQ723:OHT723"/>
    <mergeCell ref="OHU723:OHX723"/>
    <mergeCell ref="OHY723:OIB723"/>
    <mergeCell ref="OIC723:OIF723"/>
    <mergeCell ref="OGS723:OGV723"/>
    <mergeCell ref="OGW723:OGZ723"/>
    <mergeCell ref="OHA723:OHD723"/>
    <mergeCell ref="OHE723:OHH723"/>
    <mergeCell ref="OHI723:OHL723"/>
    <mergeCell ref="OFY723:OGB723"/>
    <mergeCell ref="OGC723:OGF723"/>
    <mergeCell ref="OGG723:OGJ723"/>
    <mergeCell ref="OGK723:OGN723"/>
    <mergeCell ref="OGO723:OGR723"/>
    <mergeCell ref="OFE723:OFH723"/>
    <mergeCell ref="OFI723:OFL723"/>
    <mergeCell ref="OFM723:OFP723"/>
    <mergeCell ref="OFQ723:OFT723"/>
    <mergeCell ref="OFU723:OFX723"/>
    <mergeCell ref="OEK723:OEN723"/>
    <mergeCell ref="OEO723:OER723"/>
    <mergeCell ref="OES723:OEV723"/>
    <mergeCell ref="OEW723:OEZ723"/>
    <mergeCell ref="OFA723:OFD723"/>
    <mergeCell ref="ODQ723:ODT723"/>
    <mergeCell ref="ODU723:ODX723"/>
    <mergeCell ref="ODY723:OEB723"/>
    <mergeCell ref="OEC723:OEF723"/>
    <mergeCell ref="OEG723:OEJ723"/>
    <mergeCell ref="ONQ723:ONT723"/>
    <mergeCell ref="ONU723:ONX723"/>
    <mergeCell ref="ONY723:OOB723"/>
    <mergeCell ref="OOC723:OOF723"/>
    <mergeCell ref="OOG723:OOJ723"/>
    <mergeCell ref="OMW723:OMZ723"/>
    <mergeCell ref="ONA723:OND723"/>
    <mergeCell ref="ONE723:ONH723"/>
    <mergeCell ref="ONI723:ONL723"/>
    <mergeCell ref="ONM723:ONP723"/>
    <mergeCell ref="OMC723:OMF723"/>
    <mergeCell ref="OMG723:OMJ723"/>
    <mergeCell ref="OMK723:OMN723"/>
    <mergeCell ref="OMO723:OMR723"/>
    <mergeCell ref="OMS723:OMV723"/>
    <mergeCell ref="OLI723:OLL723"/>
    <mergeCell ref="OLM723:OLP723"/>
    <mergeCell ref="OLQ723:OLT723"/>
    <mergeCell ref="OLU723:OLX723"/>
    <mergeCell ref="OLY723:OMB723"/>
    <mergeCell ref="OKO723:OKR723"/>
    <mergeCell ref="OKS723:OKV723"/>
    <mergeCell ref="OKW723:OKZ723"/>
    <mergeCell ref="OLA723:OLD723"/>
    <mergeCell ref="OLE723:OLH723"/>
    <mergeCell ref="OJU723:OJX723"/>
    <mergeCell ref="OJY723:OKB723"/>
    <mergeCell ref="OKC723:OKF723"/>
    <mergeCell ref="OKG723:OKJ723"/>
    <mergeCell ref="OKK723:OKN723"/>
    <mergeCell ref="OJA723:OJD723"/>
    <mergeCell ref="OJE723:OJH723"/>
    <mergeCell ref="OJI723:OJL723"/>
    <mergeCell ref="OJM723:OJP723"/>
    <mergeCell ref="OJQ723:OJT723"/>
    <mergeCell ref="OTA723:OTD723"/>
    <mergeCell ref="OTE723:OTH723"/>
    <mergeCell ref="OTI723:OTL723"/>
    <mergeCell ref="OTM723:OTP723"/>
    <mergeCell ref="OTQ723:OTT723"/>
    <mergeCell ref="OSG723:OSJ723"/>
    <mergeCell ref="OSK723:OSN723"/>
    <mergeCell ref="OSO723:OSR723"/>
    <mergeCell ref="OSS723:OSV723"/>
    <mergeCell ref="OSW723:OSZ723"/>
    <mergeCell ref="ORM723:ORP723"/>
    <mergeCell ref="ORQ723:ORT723"/>
    <mergeCell ref="ORU723:ORX723"/>
    <mergeCell ref="ORY723:OSB723"/>
    <mergeCell ref="OSC723:OSF723"/>
    <mergeCell ref="OQS723:OQV723"/>
    <mergeCell ref="OQW723:OQZ723"/>
    <mergeCell ref="ORA723:ORD723"/>
    <mergeCell ref="ORE723:ORH723"/>
    <mergeCell ref="ORI723:ORL723"/>
    <mergeCell ref="OPY723:OQB723"/>
    <mergeCell ref="OQC723:OQF723"/>
    <mergeCell ref="OQG723:OQJ723"/>
    <mergeCell ref="OQK723:OQN723"/>
    <mergeCell ref="OQO723:OQR723"/>
    <mergeCell ref="OPE723:OPH723"/>
    <mergeCell ref="OPI723:OPL723"/>
    <mergeCell ref="OPM723:OPP723"/>
    <mergeCell ref="OPQ723:OPT723"/>
    <mergeCell ref="OPU723:OPX723"/>
    <mergeCell ref="OOK723:OON723"/>
    <mergeCell ref="OOO723:OOR723"/>
    <mergeCell ref="OOS723:OOV723"/>
    <mergeCell ref="OOW723:OOZ723"/>
    <mergeCell ref="OPA723:OPD723"/>
    <mergeCell ref="OYK723:OYN723"/>
    <mergeCell ref="OYO723:OYR723"/>
    <mergeCell ref="OYS723:OYV723"/>
    <mergeCell ref="OYW723:OYZ723"/>
    <mergeCell ref="OZA723:OZD723"/>
    <mergeCell ref="OXQ723:OXT723"/>
    <mergeCell ref="OXU723:OXX723"/>
    <mergeCell ref="OXY723:OYB723"/>
    <mergeCell ref="OYC723:OYF723"/>
    <mergeCell ref="OYG723:OYJ723"/>
    <mergeCell ref="OWW723:OWZ723"/>
    <mergeCell ref="OXA723:OXD723"/>
    <mergeCell ref="OXE723:OXH723"/>
    <mergeCell ref="OXI723:OXL723"/>
    <mergeCell ref="OXM723:OXP723"/>
    <mergeCell ref="OWC723:OWF723"/>
    <mergeCell ref="OWG723:OWJ723"/>
    <mergeCell ref="OWK723:OWN723"/>
    <mergeCell ref="OWO723:OWR723"/>
    <mergeCell ref="OWS723:OWV723"/>
    <mergeCell ref="OVI723:OVL723"/>
    <mergeCell ref="OVM723:OVP723"/>
    <mergeCell ref="OVQ723:OVT723"/>
    <mergeCell ref="OVU723:OVX723"/>
    <mergeCell ref="OVY723:OWB723"/>
    <mergeCell ref="OUO723:OUR723"/>
    <mergeCell ref="OUS723:OUV723"/>
    <mergeCell ref="OUW723:OUZ723"/>
    <mergeCell ref="OVA723:OVD723"/>
    <mergeCell ref="OVE723:OVH723"/>
    <mergeCell ref="OTU723:OTX723"/>
    <mergeCell ref="OTY723:OUB723"/>
    <mergeCell ref="OUC723:OUF723"/>
    <mergeCell ref="OUG723:OUJ723"/>
    <mergeCell ref="OUK723:OUN723"/>
    <mergeCell ref="PDU723:PDX723"/>
    <mergeCell ref="PDY723:PEB723"/>
    <mergeCell ref="PEC723:PEF723"/>
    <mergeCell ref="PEG723:PEJ723"/>
    <mergeCell ref="PEK723:PEN723"/>
    <mergeCell ref="PDA723:PDD723"/>
    <mergeCell ref="PDE723:PDH723"/>
    <mergeCell ref="PDI723:PDL723"/>
    <mergeCell ref="PDM723:PDP723"/>
    <mergeCell ref="PDQ723:PDT723"/>
    <mergeCell ref="PCG723:PCJ723"/>
    <mergeCell ref="PCK723:PCN723"/>
    <mergeCell ref="PCO723:PCR723"/>
    <mergeCell ref="PCS723:PCV723"/>
    <mergeCell ref="PCW723:PCZ723"/>
    <mergeCell ref="PBM723:PBP723"/>
    <mergeCell ref="PBQ723:PBT723"/>
    <mergeCell ref="PBU723:PBX723"/>
    <mergeCell ref="PBY723:PCB723"/>
    <mergeCell ref="PCC723:PCF723"/>
    <mergeCell ref="PAS723:PAV723"/>
    <mergeCell ref="PAW723:PAZ723"/>
    <mergeCell ref="PBA723:PBD723"/>
    <mergeCell ref="PBE723:PBH723"/>
    <mergeCell ref="PBI723:PBL723"/>
    <mergeCell ref="OZY723:PAB723"/>
    <mergeCell ref="PAC723:PAF723"/>
    <mergeCell ref="PAG723:PAJ723"/>
    <mergeCell ref="PAK723:PAN723"/>
    <mergeCell ref="PAO723:PAR723"/>
    <mergeCell ref="OZE723:OZH723"/>
    <mergeCell ref="OZI723:OZL723"/>
    <mergeCell ref="OZM723:OZP723"/>
    <mergeCell ref="OZQ723:OZT723"/>
    <mergeCell ref="OZU723:OZX723"/>
    <mergeCell ref="PJE723:PJH723"/>
    <mergeCell ref="PJI723:PJL723"/>
    <mergeCell ref="PJM723:PJP723"/>
    <mergeCell ref="PJQ723:PJT723"/>
    <mergeCell ref="PJU723:PJX723"/>
    <mergeCell ref="PIK723:PIN723"/>
    <mergeCell ref="PIO723:PIR723"/>
    <mergeCell ref="PIS723:PIV723"/>
    <mergeCell ref="PIW723:PIZ723"/>
    <mergeCell ref="PJA723:PJD723"/>
    <mergeCell ref="PHQ723:PHT723"/>
    <mergeCell ref="PHU723:PHX723"/>
    <mergeCell ref="PHY723:PIB723"/>
    <mergeCell ref="PIC723:PIF723"/>
    <mergeCell ref="PIG723:PIJ723"/>
    <mergeCell ref="PGW723:PGZ723"/>
    <mergeCell ref="PHA723:PHD723"/>
    <mergeCell ref="PHE723:PHH723"/>
    <mergeCell ref="PHI723:PHL723"/>
    <mergeCell ref="PHM723:PHP723"/>
    <mergeCell ref="PGC723:PGF723"/>
    <mergeCell ref="PGG723:PGJ723"/>
    <mergeCell ref="PGK723:PGN723"/>
    <mergeCell ref="PGO723:PGR723"/>
    <mergeCell ref="PGS723:PGV723"/>
    <mergeCell ref="PFI723:PFL723"/>
    <mergeCell ref="PFM723:PFP723"/>
    <mergeCell ref="PFQ723:PFT723"/>
    <mergeCell ref="PFU723:PFX723"/>
    <mergeCell ref="PFY723:PGB723"/>
    <mergeCell ref="PEO723:PER723"/>
    <mergeCell ref="PES723:PEV723"/>
    <mergeCell ref="PEW723:PEZ723"/>
    <mergeCell ref="PFA723:PFD723"/>
    <mergeCell ref="PFE723:PFH723"/>
    <mergeCell ref="POO723:POR723"/>
    <mergeCell ref="POS723:POV723"/>
    <mergeCell ref="POW723:POZ723"/>
    <mergeCell ref="PPA723:PPD723"/>
    <mergeCell ref="PPE723:PPH723"/>
    <mergeCell ref="PNU723:PNX723"/>
    <mergeCell ref="PNY723:POB723"/>
    <mergeCell ref="POC723:POF723"/>
    <mergeCell ref="POG723:POJ723"/>
    <mergeCell ref="POK723:PON723"/>
    <mergeCell ref="PNA723:PND723"/>
    <mergeCell ref="PNE723:PNH723"/>
    <mergeCell ref="PNI723:PNL723"/>
    <mergeCell ref="PNM723:PNP723"/>
    <mergeCell ref="PNQ723:PNT723"/>
    <mergeCell ref="PMG723:PMJ723"/>
    <mergeCell ref="PMK723:PMN723"/>
    <mergeCell ref="PMO723:PMR723"/>
    <mergeCell ref="PMS723:PMV723"/>
    <mergeCell ref="PMW723:PMZ723"/>
    <mergeCell ref="PLM723:PLP723"/>
    <mergeCell ref="PLQ723:PLT723"/>
    <mergeCell ref="PLU723:PLX723"/>
    <mergeCell ref="PLY723:PMB723"/>
    <mergeCell ref="PMC723:PMF723"/>
    <mergeCell ref="PKS723:PKV723"/>
    <mergeCell ref="PKW723:PKZ723"/>
    <mergeCell ref="PLA723:PLD723"/>
    <mergeCell ref="PLE723:PLH723"/>
    <mergeCell ref="PLI723:PLL723"/>
    <mergeCell ref="PJY723:PKB723"/>
    <mergeCell ref="PKC723:PKF723"/>
    <mergeCell ref="PKG723:PKJ723"/>
    <mergeCell ref="PKK723:PKN723"/>
    <mergeCell ref="PKO723:PKR723"/>
    <mergeCell ref="PTY723:PUB723"/>
    <mergeCell ref="PUC723:PUF723"/>
    <mergeCell ref="PUG723:PUJ723"/>
    <mergeCell ref="PUK723:PUN723"/>
    <mergeCell ref="PUO723:PUR723"/>
    <mergeCell ref="PTE723:PTH723"/>
    <mergeCell ref="PTI723:PTL723"/>
    <mergeCell ref="PTM723:PTP723"/>
    <mergeCell ref="PTQ723:PTT723"/>
    <mergeCell ref="PTU723:PTX723"/>
    <mergeCell ref="PSK723:PSN723"/>
    <mergeCell ref="PSO723:PSR723"/>
    <mergeCell ref="PSS723:PSV723"/>
    <mergeCell ref="PSW723:PSZ723"/>
    <mergeCell ref="PTA723:PTD723"/>
    <mergeCell ref="PRQ723:PRT723"/>
    <mergeCell ref="PRU723:PRX723"/>
    <mergeCell ref="PRY723:PSB723"/>
    <mergeCell ref="PSC723:PSF723"/>
    <mergeCell ref="PSG723:PSJ723"/>
    <mergeCell ref="PQW723:PQZ723"/>
    <mergeCell ref="PRA723:PRD723"/>
    <mergeCell ref="PRE723:PRH723"/>
    <mergeCell ref="PRI723:PRL723"/>
    <mergeCell ref="PRM723:PRP723"/>
    <mergeCell ref="PQC723:PQF723"/>
    <mergeCell ref="PQG723:PQJ723"/>
    <mergeCell ref="PQK723:PQN723"/>
    <mergeCell ref="PQO723:PQR723"/>
    <mergeCell ref="PQS723:PQV723"/>
    <mergeCell ref="PPI723:PPL723"/>
    <mergeCell ref="PPM723:PPP723"/>
    <mergeCell ref="PPQ723:PPT723"/>
    <mergeCell ref="PPU723:PPX723"/>
    <mergeCell ref="PPY723:PQB723"/>
    <mergeCell ref="PZI723:PZL723"/>
    <mergeCell ref="PZM723:PZP723"/>
    <mergeCell ref="PZQ723:PZT723"/>
    <mergeCell ref="PZU723:PZX723"/>
    <mergeCell ref="PZY723:QAB723"/>
    <mergeCell ref="PYO723:PYR723"/>
    <mergeCell ref="PYS723:PYV723"/>
    <mergeCell ref="PYW723:PYZ723"/>
    <mergeCell ref="PZA723:PZD723"/>
    <mergeCell ref="PZE723:PZH723"/>
    <mergeCell ref="PXU723:PXX723"/>
    <mergeCell ref="PXY723:PYB723"/>
    <mergeCell ref="PYC723:PYF723"/>
    <mergeCell ref="PYG723:PYJ723"/>
    <mergeCell ref="PYK723:PYN723"/>
    <mergeCell ref="PXA723:PXD723"/>
    <mergeCell ref="PXE723:PXH723"/>
    <mergeCell ref="PXI723:PXL723"/>
    <mergeCell ref="PXM723:PXP723"/>
    <mergeCell ref="PXQ723:PXT723"/>
    <mergeCell ref="PWG723:PWJ723"/>
    <mergeCell ref="PWK723:PWN723"/>
    <mergeCell ref="PWO723:PWR723"/>
    <mergeCell ref="PWS723:PWV723"/>
    <mergeCell ref="PWW723:PWZ723"/>
    <mergeCell ref="PVM723:PVP723"/>
    <mergeCell ref="PVQ723:PVT723"/>
    <mergeCell ref="PVU723:PVX723"/>
    <mergeCell ref="PVY723:PWB723"/>
    <mergeCell ref="PWC723:PWF723"/>
    <mergeCell ref="PUS723:PUV723"/>
    <mergeCell ref="PUW723:PUZ723"/>
    <mergeCell ref="PVA723:PVD723"/>
    <mergeCell ref="PVE723:PVH723"/>
    <mergeCell ref="PVI723:PVL723"/>
    <mergeCell ref="QES723:QEV723"/>
    <mergeCell ref="QEW723:QEZ723"/>
    <mergeCell ref="QFA723:QFD723"/>
    <mergeCell ref="QFE723:QFH723"/>
    <mergeCell ref="QFI723:QFL723"/>
    <mergeCell ref="QDY723:QEB723"/>
    <mergeCell ref="QEC723:QEF723"/>
    <mergeCell ref="QEG723:QEJ723"/>
    <mergeCell ref="QEK723:QEN723"/>
    <mergeCell ref="QEO723:QER723"/>
    <mergeCell ref="QDE723:QDH723"/>
    <mergeCell ref="QDI723:QDL723"/>
    <mergeCell ref="QDM723:QDP723"/>
    <mergeCell ref="QDQ723:QDT723"/>
    <mergeCell ref="QDU723:QDX723"/>
    <mergeCell ref="QCK723:QCN723"/>
    <mergeCell ref="QCO723:QCR723"/>
    <mergeCell ref="QCS723:QCV723"/>
    <mergeCell ref="QCW723:QCZ723"/>
    <mergeCell ref="QDA723:QDD723"/>
    <mergeCell ref="QBQ723:QBT723"/>
    <mergeCell ref="QBU723:QBX723"/>
    <mergeCell ref="QBY723:QCB723"/>
    <mergeCell ref="QCC723:QCF723"/>
    <mergeCell ref="QCG723:QCJ723"/>
    <mergeCell ref="QAW723:QAZ723"/>
    <mergeCell ref="QBA723:QBD723"/>
    <mergeCell ref="QBE723:QBH723"/>
    <mergeCell ref="QBI723:QBL723"/>
    <mergeCell ref="QBM723:QBP723"/>
    <mergeCell ref="QAC723:QAF723"/>
    <mergeCell ref="QAG723:QAJ723"/>
    <mergeCell ref="QAK723:QAN723"/>
    <mergeCell ref="QAO723:QAR723"/>
    <mergeCell ref="QAS723:QAV723"/>
    <mergeCell ref="QKC723:QKF723"/>
    <mergeCell ref="QKG723:QKJ723"/>
    <mergeCell ref="QKK723:QKN723"/>
    <mergeCell ref="QKO723:QKR723"/>
    <mergeCell ref="QKS723:QKV723"/>
    <mergeCell ref="QJI723:QJL723"/>
    <mergeCell ref="QJM723:QJP723"/>
    <mergeCell ref="QJQ723:QJT723"/>
    <mergeCell ref="QJU723:QJX723"/>
    <mergeCell ref="QJY723:QKB723"/>
    <mergeCell ref="QIO723:QIR723"/>
    <mergeCell ref="QIS723:QIV723"/>
    <mergeCell ref="QIW723:QIZ723"/>
    <mergeCell ref="QJA723:QJD723"/>
    <mergeCell ref="QJE723:QJH723"/>
    <mergeCell ref="QHU723:QHX723"/>
    <mergeCell ref="QHY723:QIB723"/>
    <mergeCell ref="QIC723:QIF723"/>
    <mergeCell ref="QIG723:QIJ723"/>
    <mergeCell ref="QIK723:QIN723"/>
    <mergeCell ref="QHA723:QHD723"/>
    <mergeCell ref="QHE723:QHH723"/>
    <mergeCell ref="QHI723:QHL723"/>
    <mergeCell ref="QHM723:QHP723"/>
    <mergeCell ref="QHQ723:QHT723"/>
    <mergeCell ref="QGG723:QGJ723"/>
    <mergeCell ref="QGK723:QGN723"/>
    <mergeCell ref="QGO723:QGR723"/>
    <mergeCell ref="QGS723:QGV723"/>
    <mergeCell ref="QGW723:QGZ723"/>
    <mergeCell ref="QFM723:QFP723"/>
    <mergeCell ref="QFQ723:QFT723"/>
    <mergeCell ref="QFU723:QFX723"/>
    <mergeCell ref="QFY723:QGB723"/>
    <mergeCell ref="QGC723:QGF723"/>
    <mergeCell ref="QPM723:QPP723"/>
    <mergeCell ref="QPQ723:QPT723"/>
    <mergeCell ref="QPU723:QPX723"/>
    <mergeCell ref="QPY723:QQB723"/>
    <mergeCell ref="QQC723:QQF723"/>
    <mergeCell ref="QOS723:QOV723"/>
    <mergeCell ref="QOW723:QOZ723"/>
    <mergeCell ref="QPA723:QPD723"/>
    <mergeCell ref="QPE723:QPH723"/>
    <mergeCell ref="QPI723:QPL723"/>
    <mergeCell ref="QNY723:QOB723"/>
    <mergeCell ref="QOC723:QOF723"/>
    <mergeCell ref="QOG723:QOJ723"/>
    <mergeCell ref="QOK723:QON723"/>
    <mergeCell ref="QOO723:QOR723"/>
    <mergeCell ref="QNE723:QNH723"/>
    <mergeCell ref="QNI723:QNL723"/>
    <mergeCell ref="QNM723:QNP723"/>
    <mergeCell ref="QNQ723:QNT723"/>
    <mergeCell ref="QNU723:QNX723"/>
    <mergeCell ref="QMK723:QMN723"/>
    <mergeCell ref="QMO723:QMR723"/>
    <mergeCell ref="QMS723:QMV723"/>
    <mergeCell ref="QMW723:QMZ723"/>
    <mergeCell ref="QNA723:QND723"/>
    <mergeCell ref="QLQ723:QLT723"/>
    <mergeCell ref="QLU723:QLX723"/>
    <mergeCell ref="QLY723:QMB723"/>
    <mergeCell ref="QMC723:QMF723"/>
    <mergeCell ref="QMG723:QMJ723"/>
    <mergeCell ref="QKW723:QKZ723"/>
    <mergeCell ref="QLA723:QLD723"/>
    <mergeCell ref="QLE723:QLH723"/>
    <mergeCell ref="QLI723:QLL723"/>
    <mergeCell ref="QLM723:QLP723"/>
    <mergeCell ref="QUW723:QUZ723"/>
    <mergeCell ref="QVA723:QVD723"/>
    <mergeCell ref="QVE723:QVH723"/>
    <mergeCell ref="QVI723:QVL723"/>
    <mergeCell ref="QVM723:QVP723"/>
    <mergeCell ref="QUC723:QUF723"/>
    <mergeCell ref="QUG723:QUJ723"/>
    <mergeCell ref="QUK723:QUN723"/>
    <mergeCell ref="QUO723:QUR723"/>
    <mergeCell ref="QUS723:QUV723"/>
    <mergeCell ref="QTI723:QTL723"/>
    <mergeCell ref="QTM723:QTP723"/>
    <mergeCell ref="QTQ723:QTT723"/>
    <mergeCell ref="QTU723:QTX723"/>
    <mergeCell ref="QTY723:QUB723"/>
    <mergeCell ref="QSO723:QSR723"/>
    <mergeCell ref="QSS723:QSV723"/>
    <mergeCell ref="QSW723:QSZ723"/>
    <mergeCell ref="QTA723:QTD723"/>
    <mergeCell ref="QTE723:QTH723"/>
    <mergeCell ref="QRU723:QRX723"/>
    <mergeCell ref="QRY723:QSB723"/>
    <mergeCell ref="QSC723:QSF723"/>
    <mergeCell ref="QSG723:QSJ723"/>
    <mergeCell ref="QSK723:QSN723"/>
    <mergeCell ref="QRA723:QRD723"/>
    <mergeCell ref="QRE723:QRH723"/>
    <mergeCell ref="QRI723:QRL723"/>
    <mergeCell ref="QRM723:QRP723"/>
    <mergeCell ref="QRQ723:QRT723"/>
    <mergeCell ref="QQG723:QQJ723"/>
    <mergeCell ref="QQK723:QQN723"/>
    <mergeCell ref="QQO723:QQR723"/>
    <mergeCell ref="QQS723:QQV723"/>
    <mergeCell ref="QQW723:QQZ723"/>
    <mergeCell ref="RAG723:RAJ723"/>
    <mergeCell ref="RAK723:RAN723"/>
    <mergeCell ref="RAO723:RAR723"/>
    <mergeCell ref="RAS723:RAV723"/>
    <mergeCell ref="RAW723:RAZ723"/>
    <mergeCell ref="QZM723:QZP723"/>
    <mergeCell ref="QZQ723:QZT723"/>
    <mergeCell ref="QZU723:QZX723"/>
    <mergeCell ref="QZY723:RAB723"/>
    <mergeCell ref="RAC723:RAF723"/>
    <mergeCell ref="QYS723:QYV723"/>
    <mergeCell ref="QYW723:QYZ723"/>
    <mergeCell ref="QZA723:QZD723"/>
    <mergeCell ref="QZE723:QZH723"/>
    <mergeCell ref="QZI723:QZL723"/>
    <mergeCell ref="QXY723:QYB723"/>
    <mergeCell ref="QYC723:QYF723"/>
    <mergeCell ref="QYG723:QYJ723"/>
    <mergeCell ref="QYK723:QYN723"/>
    <mergeCell ref="QYO723:QYR723"/>
    <mergeCell ref="QXE723:QXH723"/>
    <mergeCell ref="QXI723:QXL723"/>
    <mergeCell ref="QXM723:QXP723"/>
    <mergeCell ref="QXQ723:QXT723"/>
    <mergeCell ref="QXU723:QXX723"/>
    <mergeCell ref="QWK723:QWN723"/>
    <mergeCell ref="QWO723:QWR723"/>
    <mergeCell ref="QWS723:QWV723"/>
    <mergeCell ref="QWW723:QWZ723"/>
    <mergeCell ref="QXA723:QXD723"/>
    <mergeCell ref="QVQ723:QVT723"/>
    <mergeCell ref="QVU723:QVX723"/>
    <mergeCell ref="QVY723:QWB723"/>
    <mergeCell ref="QWC723:QWF723"/>
    <mergeCell ref="QWG723:QWJ723"/>
    <mergeCell ref="RFQ723:RFT723"/>
    <mergeCell ref="RFU723:RFX723"/>
    <mergeCell ref="RFY723:RGB723"/>
    <mergeCell ref="RGC723:RGF723"/>
    <mergeCell ref="RGG723:RGJ723"/>
    <mergeCell ref="REW723:REZ723"/>
    <mergeCell ref="RFA723:RFD723"/>
    <mergeCell ref="RFE723:RFH723"/>
    <mergeCell ref="RFI723:RFL723"/>
    <mergeCell ref="RFM723:RFP723"/>
    <mergeCell ref="REC723:REF723"/>
    <mergeCell ref="REG723:REJ723"/>
    <mergeCell ref="REK723:REN723"/>
    <mergeCell ref="REO723:RER723"/>
    <mergeCell ref="RES723:REV723"/>
    <mergeCell ref="RDI723:RDL723"/>
    <mergeCell ref="RDM723:RDP723"/>
    <mergeCell ref="RDQ723:RDT723"/>
    <mergeCell ref="RDU723:RDX723"/>
    <mergeCell ref="RDY723:REB723"/>
    <mergeCell ref="RCO723:RCR723"/>
    <mergeCell ref="RCS723:RCV723"/>
    <mergeCell ref="RCW723:RCZ723"/>
    <mergeCell ref="RDA723:RDD723"/>
    <mergeCell ref="RDE723:RDH723"/>
    <mergeCell ref="RBU723:RBX723"/>
    <mergeCell ref="RBY723:RCB723"/>
    <mergeCell ref="RCC723:RCF723"/>
    <mergeCell ref="RCG723:RCJ723"/>
    <mergeCell ref="RCK723:RCN723"/>
    <mergeCell ref="RBA723:RBD723"/>
    <mergeCell ref="RBE723:RBH723"/>
    <mergeCell ref="RBI723:RBL723"/>
    <mergeCell ref="RBM723:RBP723"/>
    <mergeCell ref="RBQ723:RBT723"/>
    <mergeCell ref="RLA723:RLD723"/>
    <mergeCell ref="RLE723:RLH723"/>
    <mergeCell ref="RLI723:RLL723"/>
    <mergeCell ref="RLM723:RLP723"/>
    <mergeCell ref="RLQ723:RLT723"/>
    <mergeCell ref="RKG723:RKJ723"/>
    <mergeCell ref="RKK723:RKN723"/>
    <mergeCell ref="RKO723:RKR723"/>
    <mergeCell ref="RKS723:RKV723"/>
    <mergeCell ref="RKW723:RKZ723"/>
    <mergeCell ref="RJM723:RJP723"/>
    <mergeCell ref="RJQ723:RJT723"/>
    <mergeCell ref="RJU723:RJX723"/>
    <mergeCell ref="RJY723:RKB723"/>
    <mergeCell ref="RKC723:RKF723"/>
    <mergeCell ref="RIS723:RIV723"/>
    <mergeCell ref="RIW723:RIZ723"/>
    <mergeCell ref="RJA723:RJD723"/>
    <mergeCell ref="RJE723:RJH723"/>
    <mergeCell ref="RJI723:RJL723"/>
    <mergeCell ref="RHY723:RIB723"/>
    <mergeCell ref="RIC723:RIF723"/>
    <mergeCell ref="RIG723:RIJ723"/>
    <mergeCell ref="RIK723:RIN723"/>
    <mergeCell ref="RIO723:RIR723"/>
    <mergeCell ref="RHE723:RHH723"/>
    <mergeCell ref="RHI723:RHL723"/>
    <mergeCell ref="RHM723:RHP723"/>
    <mergeCell ref="RHQ723:RHT723"/>
    <mergeCell ref="RHU723:RHX723"/>
    <mergeCell ref="RGK723:RGN723"/>
    <mergeCell ref="RGO723:RGR723"/>
    <mergeCell ref="RGS723:RGV723"/>
    <mergeCell ref="RGW723:RGZ723"/>
    <mergeCell ref="RHA723:RHD723"/>
    <mergeCell ref="RQK723:RQN723"/>
    <mergeCell ref="RQO723:RQR723"/>
    <mergeCell ref="RQS723:RQV723"/>
    <mergeCell ref="RQW723:RQZ723"/>
    <mergeCell ref="RRA723:RRD723"/>
    <mergeCell ref="RPQ723:RPT723"/>
    <mergeCell ref="RPU723:RPX723"/>
    <mergeCell ref="RPY723:RQB723"/>
    <mergeCell ref="RQC723:RQF723"/>
    <mergeCell ref="RQG723:RQJ723"/>
    <mergeCell ref="ROW723:ROZ723"/>
    <mergeCell ref="RPA723:RPD723"/>
    <mergeCell ref="RPE723:RPH723"/>
    <mergeCell ref="RPI723:RPL723"/>
    <mergeCell ref="RPM723:RPP723"/>
    <mergeCell ref="ROC723:ROF723"/>
    <mergeCell ref="ROG723:ROJ723"/>
    <mergeCell ref="ROK723:RON723"/>
    <mergeCell ref="ROO723:ROR723"/>
    <mergeCell ref="ROS723:ROV723"/>
    <mergeCell ref="RNI723:RNL723"/>
    <mergeCell ref="RNM723:RNP723"/>
    <mergeCell ref="RNQ723:RNT723"/>
    <mergeCell ref="RNU723:RNX723"/>
    <mergeCell ref="RNY723:ROB723"/>
    <mergeCell ref="RMO723:RMR723"/>
    <mergeCell ref="RMS723:RMV723"/>
    <mergeCell ref="RMW723:RMZ723"/>
    <mergeCell ref="RNA723:RND723"/>
    <mergeCell ref="RNE723:RNH723"/>
    <mergeCell ref="RLU723:RLX723"/>
    <mergeCell ref="RLY723:RMB723"/>
    <mergeCell ref="RMC723:RMF723"/>
    <mergeCell ref="RMG723:RMJ723"/>
    <mergeCell ref="RMK723:RMN723"/>
    <mergeCell ref="RVU723:RVX723"/>
    <mergeCell ref="RVY723:RWB723"/>
    <mergeCell ref="RWC723:RWF723"/>
    <mergeCell ref="RWG723:RWJ723"/>
    <mergeCell ref="RWK723:RWN723"/>
    <mergeCell ref="RVA723:RVD723"/>
    <mergeCell ref="RVE723:RVH723"/>
    <mergeCell ref="RVI723:RVL723"/>
    <mergeCell ref="RVM723:RVP723"/>
    <mergeCell ref="RVQ723:RVT723"/>
    <mergeCell ref="RUG723:RUJ723"/>
    <mergeCell ref="RUK723:RUN723"/>
    <mergeCell ref="RUO723:RUR723"/>
    <mergeCell ref="RUS723:RUV723"/>
    <mergeCell ref="RUW723:RUZ723"/>
    <mergeCell ref="RTM723:RTP723"/>
    <mergeCell ref="RTQ723:RTT723"/>
    <mergeCell ref="RTU723:RTX723"/>
    <mergeCell ref="RTY723:RUB723"/>
    <mergeCell ref="RUC723:RUF723"/>
    <mergeCell ref="RSS723:RSV723"/>
    <mergeCell ref="RSW723:RSZ723"/>
    <mergeCell ref="RTA723:RTD723"/>
    <mergeCell ref="RTE723:RTH723"/>
    <mergeCell ref="RTI723:RTL723"/>
    <mergeCell ref="RRY723:RSB723"/>
    <mergeCell ref="RSC723:RSF723"/>
    <mergeCell ref="RSG723:RSJ723"/>
    <mergeCell ref="RSK723:RSN723"/>
    <mergeCell ref="RSO723:RSR723"/>
    <mergeCell ref="RRE723:RRH723"/>
    <mergeCell ref="RRI723:RRL723"/>
    <mergeCell ref="RRM723:RRP723"/>
    <mergeCell ref="RRQ723:RRT723"/>
    <mergeCell ref="RRU723:RRX723"/>
    <mergeCell ref="SBE723:SBH723"/>
    <mergeCell ref="SBI723:SBL723"/>
    <mergeCell ref="SBM723:SBP723"/>
    <mergeCell ref="SBQ723:SBT723"/>
    <mergeCell ref="SBU723:SBX723"/>
    <mergeCell ref="SAK723:SAN723"/>
    <mergeCell ref="SAO723:SAR723"/>
    <mergeCell ref="SAS723:SAV723"/>
    <mergeCell ref="SAW723:SAZ723"/>
    <mergeCell ref="SBA723:SBD723"/>
    <mergeCell ref="RZQ723:RZT723"/>
    <mergeCell ref="RZU723:RZX723"/>
    <mergeCell ref="RZY723:SAB723"/>
    <mergeCell ref="SAC723:SAF723"/>
    <mergeCell ref="SAG723:SAJ723"/>
    <mergeCell ref="RYW723:RYZ723"/>
    <mergeCell ref="RZA723:RZD723"/>
    <mergeCell ref="RZE723:RZH723"/>
    <mergeCell ref="RZI723:RZL723"/>
    <mergeCell ref="RZM723:RZP723"/>
    <mergeCell ref="RYC723:RYF723"/>
    <mergeCell ref="RYG723:RYJ723"/>
    <mergeCell ref="RYK723:RYN723"/>
    <mergeCell ref="RYO723:RYR723"/>
    <mergeCell ref="RYS723:RYV723"/>
    <mergeCell ref="RXI723:RXL723"/>
    <mergeCell ref="RXM723:RXP723"/>
    <mergeCell ref="RXQ723:RXT723"/>
    <mergeCell ref="RXU723:RXX723"/>
    <mergeCell ref="RXY723:RYB723"/>
    <mergeCell ref="RWO723:RWR723"/>
    <mergeCell ref="RWS723:RWV723"/>
    <mergeCell ref="RWW723:RWZ723"/>
    <mergeCell ref="RXA723:RXD723"/>
    <mergeCell ref="RXE723:RXH723"/>
    <mergeCell ref="SGO723:SGR723"/>
    <mergeCell ref="SGS723:SGV723"/>
    <mergeCell ref="SGW723:SGZ723"/>
    <mergeCell ref="SHA723:SHD723"/>
    <mergeCell ref="SHE723:SHH723"/>
    <mergeCell ref="SFU723:SFX723"/>
    <mergeCell ref="SFY723:SGB723"/>
    <mergeCell ref="SGC723:SGF723"/>
    <mergeCell ref="SGG723:SGJ723"/>
    <mergeCell ref="SGK723:SGN723"/>
    <mergeCell ref="SFA723:SFD723"/>
    <mergeCell ref="SFE723:SFH723"/>
    <mergeCell ref="SFI723:SFL723"/>
    <mergeCell ref="SFM723:SFP723"/>
    <mergeCell ref="SFQ723:SFT723"/>
    <mergeCell ref="SEG723:SEJ723"/>
    <mergeCell ref="SEK723:SEN723"/>
    <mergeCell ref="SEO723:SER723"/>
    <mergeCell ref="SES723:SEV723"/>
    <mergeCell ref="SEW723:SEZ723"/>
    <mergeCell ref="SDM723:SDP723"/>
    <mergeCell ref="SDQ723:SDT723"/>
    <mergeCell ref="SDU723:SDX723"/>
    <mergeCell ref="SDY723:SEB723"/>
    <mergeCell ref="SEC723:SEF723"/>
    <mergeCell ref="SCS723:SCV723"/>
    <mergeCell ref="SCW723:SCZ723"/>
    <mergeCell ref="SDA723:SDD723"/>
    <mergeCell ref="SDE723:SDH723"/>
    <mergeCell ref="SDI723:SDL723"/>
    <mergeCell ref="SBY723:SCB723"/>
    <mergeCell ref="SCC723:SCF723"/>
    <mergeCell ref="SCG723:SCJ723"/>
    <mergeCell ref="SCK723:SCN723"/>
    <mergeCell ref="SCO723:SCR723"/>
    <mergeCell ref="SLY723:SMB723"/>
    <mergeCell ref="SMC723:SMF723"/>
    <mergeCell ref="SMG723:SMJ723"/>
    <mergeCell ref="SMK723:SMN723"/>
    <mergeCell ref="SMO723:SMR723"/>
    <mergeCell ref="SLE723:SLH723"/>
    <mergeCell ref="SLI723:SLL723"/>
    <mergeCell ref="SLM723:SLP723"/>
    <mergeCell ref="SLQ723:SLT723"/>
    <mergeCell ref="SLU723:SLX723"/>
    <mergeCell ref="SKK723:SKN723"/>
    <mergeCell ref="SKO723:SKR723"/>
    <mergeCell ref="SKS723:SKV723"/>
    <mergeCell ref="SKW723:SKZ723"/>
    <mergeCell ref="SLA723:SLD723"/>
    <mergeCell ref="SJQ723:SJT723"/>
    <mergeCell ref="SJU723:SJX723"/>
    <mergeCell ref="SJY723:SKB723"/>
    <mergeCell ref="SKC723:SKF723"/>
    <mergeCell ref="SKG723:SKJ723"/>
    <mergeCell ref="SIW723:SIZ723"/>
    <mergeCell ref="SJA723:SJD723"/>
    <mergeCell ref="SJE723:SJH723"/>
    <mergeCell ref="SJI723:SJL723"/>
    <mergeCell ref="SJM723:SJP723"/>
    <mergeCell ref="SIC723:SIF723"/>
    <mergeCell ref="SIG723:SIJ723"/>
    <mergeCell ref="SIK723:SIN723"/>
    <mergeCell ref="SIO723:SIR723"/>
    <mergeCell ref="SIS723:SIV723"/>
    <mergeCell ref="SHI723:SHL723"/>
    <mergeCell ref="SHM723:SHP723"/>
    <mergeCell ref="SHQ723:SHT723"/>
    <mergeCell ref="SHU723:SHX723"/>
    <mergeCell ref="SHY723:SIB723"/>
    <mergeCell ref="SRI723:SRL723"/>
    <mergeCell ref="SRM723:SRP723"/>
    <mergeCell ref="SRQ723:SRT723"/>
    <mergeCell ref="SRU723:SRX723"/>
    <mergeCell ref="SRY723:SSB723"/>
    <mergeCell ref="SQO723:SQR723"/>
    <mergeCell ref="SQS723:SQV723"/>
    <mergeCell ref="SQW723:SQZ723"/>
    <mergeCell ref="SRA723:SRD723"/>
    <mergeCell ref="SRE723:SRH723"/>
    <mergeCell ref="SPU723:SPX723"/>
    <mergeCell ref="SPY723:SQB723"/>
    <mergeCell ref="SQC723:SQF723"/>
    <mergeCell ref="SQG723:SQJ723"/>
    <mergeCell ref="SQK723:SQN723"/>
    <mergeCell ref="SPA723:SPD723"/>
    <mergeCell ref="SPE723:SPH723"/>
    <mergeCell ref="SPI723:SPL723"/>
    <mergeCell ref="SPM723:SPP723"/>
    <mergeCell ref="SPQ723:SPT723"/>
    <mergeCell ref="SOG723:SOJ723"/>
    <mergeCell ref="SOK723:SON723"/>
    <mergeCell ref="SOO723:SOR723"/>
    <mergeCell ref="SOS723:SOV723"/>
    <mergeCell ref="SOW723:SOZ723"/>
    <mergeCell ref="SNM723:SNP723"/>
    <mergeCell ref="SNQ723:SNT723"/>
    <mergeCell ref="SNU723:SNX723"/>
    <mergeCell ref="SNY723:SOB723"/>
    <mergeCell ref="SOC723:SOF723"/>
    <mergeCell ref="SMS723:SMV723"/>
    <mergeCell ref="SMW723:SMZ723"/>
    <mergeCell ref="SNA723:SND723"/>
    <mergeCell ref="SNE723:SNH723"/>
    <mergeCell ref="SNI723:SNL723"/>
    <mergeCell ref="SWS723:SWV723"/>
    <mergeCell ref="SWW723:SWZ723"/>
    <mergeCell ref="SXA723:SXD723"/>
    <mergeCell ref="SXE723:SXH723"/>
    <mergeCell ref="SXI723:SXL723"/>
    <mergeCell ref="SVY723:SWB723"/>
    <mergeCell ref="SWC723:SWF723"/>
    <mergeCell ref="SWG723:SWJ723"/>
    <mergeCell ref="SWK723:SWN723"/>
    <mergeCell ref="SWO723:SWR723"/>
    <mergeCell ref="SVE723:SVH723"/>
    <mergeCell ref="SVI723:SVL723"/>
    <mergeCell ref="SVM723:SVP723"/>
    <mergeCell ref="SVQ723:SVT723"/>
    <mergeCell ref="SVU723:SVX723"/>
    <mergeCell ref="SUK723:SUN723"/>
    <mergeCell ref="SUO723:SUR723"/>
    <mergeCell ref="SUS723:SUV723"/>
    <mergeCell ref="SUW723:SUZ723"/>
    <mergeCell ref="SVA723:SVD723"/>
    <mergeCell ref="STQ723:STT723"/>
    <mergeCell ref="STU723:STX723"/>
    <mergeCell ref="STY723:SUB723"/>
    <mergeCell ref="SUC723:SUF723"/>
    <mergeCell ref="SUG723:SUJ723"/>
    <mergeCell ref="SSW723:SSZ723"/>
    <mergeCell ref="STA723:STD723"/>
    <mergeCell ref="STE723:STH723"/>
    <mergeCell ref="STI723:STL723"/>
    <mergeCell ref="STM723:STP723"/>
    <mergeCell ref="SSC723:SSF723"/>
    <mergeCell ref="SSG723:SSJ723"/>
    <mergeCell ref="SSK723:SSN723"/>
    <mergeCell ref="SSO723:SSR723"/>
    <mergeCell ref="SSS723:SSV723"/>
    <mergeCell ref="TCC723:TCF723"/>
    <mergeCell ref="TCG723:TCJ723"/>
    <mergeCell ref="TCK723:TCN723"/>
    <mergeCell ref="TCO723:TCR723"/>
    <mergeCell ref="TCS723:TCV723"/>
    <mergeCell ref="TBI723:TBL723"/>
    <mergeCell ref="TBM723:TBP723"/>
    <mergeCell ref="TBQ723:TBT723"/>
    <mergeCell ref="TBU723:TBX723"/>
    <mergeCell ref="TBY723:TCB723"/>
    <mergeCell ref="TAO723:TAR723"/>
    <mergeCell ref="TAS723:TAV723"/>
    <mergeCell ref="TAW723:TAZ723"/>
    <mergeCell ref="TBA723:TBD723"/>
    <mergeCell ref="TBE723:TBH723"/>
    <mergeCell ref="SZU723:SZX723"/>
    <mergeCell ref="SZY723:TAB723"/>
    <mergeCell ref="TAC723:TAF723"/>
    <mergeCell ref="TAG723:TAJ723"/>
    <mergeCell ref="TAK723:TAN723"/>
    <mergeCell ref="SZA723:SZD723"/>
    <mergeCell ref="SZE723:SZH723"/>
    <mergeCell ref="SZI723:SZL723"/>
    <mergeCell ref="SZM723:SZP723"/>
    <mergeCell ref="SZQ723:SZT723"/>
    <mergeCell ref="SYG723:SYJ723"/>
    <mergeCell ref="SYK723:SYN723"/>
    <mergeCell ref="SYO723:SYR723"/>
    <mergeCell ref="SYS723:SYV723"/>
    <mergeCell ref="SYW723:SYZ723"/>
    <mergeCell ref="SXM723:SXP723"/>
    <mergeCell ref="SXQ723:SXT723"/>
    <mergeCell ref="SXU723:SXX723"/>
    <mergeCell ref="SXY723:SYB723"/>
    <mergeCell ref="SYC723:SYF723"/>
    <mergeCell ref="THM723:THP723"/>
    <mergeCell ref="THQ723:THT723"/>
    <mergeCell ref="THU723:THX723"/>
    <mergeCell ref="THY723:TIB723"/>
    <mergeCell ref="TIC723:TIF723"/>
    <mergeCell ref="TGS723:TGV723"/>
    <mergeCell ref="TGW723:TGZ723"/>
    <mergeCell ref="THA723:THD723"/>
    <mergeCell ref="THE723:THH723"/>
    <mergeCell ref="THI723:THL723"/>
    <mergeCell ref="TFY723:TGB723"/>
    <mergeCell ref="TGC723:TGF723"/>
    <mergeCell ref="TGG723:TGJ723"/>
    <mergeCell ref="TGK723:TGN723"/>
    <mergeCell ref="TGO723:TGR723"/>
    <mergeCell ref="TFE723:TFH723"/>
    <mergeCell ref="TFI723:TFL723"/>
    <mergeCell ref="TFM723:TFP723"/>
    <mergeCell ref="TFQ723:TFT723"/>
    <mergeCell ref="TFU723:TFX723"/>
    <mergeCell ref="TEK723:TEN723"/>
    <mergeCell ref="TEO723:TER723"/>
    <mergeCell ref="TES723:TEV723"/>
    <mergeCell ref="TEW723:TEZ723"/>
    <mergeCell ref="TFA723:TFD723"/>
    <mergeCell ref="TDQ723:TDT723"/>
    <mergeCell ref="TDU723:TDX723"/>
    <mergeCell ref="TDY723:TEB723"/>
    <mergeCell ref="TEC723:TEF723"/>
    <mergeCell ref="TEG723:TEJ723"/>
    <mergeCell ref="TCW723:TCZ723"/>
    <mergeCell ref="TDA723:TDD723"/>
    <mergeCell ref="TDE723:TDH723"/>
    <mergeCell ref="TDI723:TDL723"/>
    <mergeCell ref="TDM723:TDP723"/>
    <mergeCell ref="TMW723:TMZ723"/>
    <mergeCell ref="TNA723:TND723"/>
    <mergeCell ref="TNE723:TNH723"/>
    <mergeCell ref="TNI723:TNL723"/>
    <mergeCell ref="TNM723:TNP723"/>
    <mergeCell ref="TMC723:TMF723"/>
    <mergeCell ref="TMG723:TMJ723"/>
    <mergeCell ref="TMK723:TMN723"/>
    <mergeCell ref="TMO723:TMR723"/>
    <mergeCell ref="TMS723:TMV723"/>
    <mergeCell ref="TLI723:TLL723"/>
    <mergeCell ref="TLM723:TLP723"/>
    <mergeCell ref="TLQ723:TLT723"/>
    <mergeCell ref="TLU723:TLX723"/>
    <mergeCell ref="TLY723:TMB723"/>
    <mergeCell ref="TKO723:TKR723"/>
    <mergeCell ref="TKS723:TKV723"/>
    <mergeCell ref="TKW723:TKZ723"/>
    <mergeCell ref="TLA723:TLD723"/>
    <mergeCell ref="TLE723:TLH723"/>
    <mergeCell ref="TJU723:TJX723"/>
    <mergeCell ref="TJY723:TKB723"/>
    <mergeCell ref="TKC723:TKF723"/>
    <mergeCell ref="TKG723:TKJ723"/>
    <mergeCell ref="TKK723:TKN723"/>
    <mergeCell ref="TJA723:TJD723"/>
    <mergeCell ref="TJE723:TJH723"/>
    <mergeCell ref="TJI723:TJL723"/>
    <mergeCell ref="TJM723:TJP723"/>
    <mergeCell ref="TJQ723:TJT723"/>
    <mergeCell ref="TIG723:TIJ723"/>
    <mergeCell ref="TIK723:TIN723"/>
    <mergeCell ref="TIO723:TIR723"/>
    <mergeCell ref="TIS723:TIV723"/>
    <mergeCell ref="TIW723:TIZ723"/>
    <mergeCell ref="TSG723:TSJ723"/>
    <mergeCell ref="TSK723:TSN723"/>
    <mergeCell ref="TSO723:TSR723"/>
    <mergeCell ref="TSS723:TSV723"/>
    <mergeCell ref="TSW723:TSZ723"/>
    <mergeCell ref="TRM723:TRP723"/>
    <mergeCell ref="TRQ723:TRT723"/>
    <mergeCell ref="TRU723:TRX723"/>
    <mergeCell ref="TRY723:TSB723"/>
    <mergeCell ref="TSC723:TSF723"/>
    <mergeCell ref="TQS723:TQV723"/>
    <mergeCell ref="TQW723:TQZ723"/>
    <mergeCell ref="TRA723:TRD723"/>
    <mergeCell ref="TRE723:TRH723"/>
    <mergeCell ref="TRI723:TRL723"/>
    <mergeCell ref="TPY723:TQB723"/>
    <mergeCell ref="TQC723:TQF723"/>
    <mergeCell ref="TQG723:TQJ723"/>
    <mergeCell ref="TQK723:TQN723"/>
    <mergeCell ref="TQO723:TQR723"/>
    <mergeCell ref="TPE723:TPH723"/>
    <mergeCell ref="TPI723:TPL723"/>
    <mergeCell ref="TPM723:TPP723"/>
    <mergeCell ref="TPQ723:TPT723"/>
    <mergeCell ref="TPU723:TPX723"/>
    <mergeCell ref="TOK723:TON723"/>
    <mergeCell ref="TOO723:TOR723"/>
    <mergeCell ref="TOS723:TOV723"/>
    <mergeCell ref="TOW723:TOZ723"/>
    <mergeCell ref="TPA723:TPD723"/>
    <mergeCell ref="TNQ723:TNT723"/>
    <mergeCell ref="TNU723:TNX723"/>
    <mergeCell ref="TNY723:TOB723"/>
    <mergeCell ref="TOC723:TOF723"/>
    <mergeCell ref="TOG723:TOJ723"/>
    <mergeCell ref="TXQ723:TXT723"/>
    <mergeCell ref="TXU723:TXX723"/>
    <mergeCell ref="TXY723:TYB723"/>
    <mergeCell ref="TYC723:TYF723"/>
    <mergeCell ref="TYG723:TYJ723"/>
    <mergeCell ref="TWW723:TWZ723"/>
    <mergeCell ref="TXA723:TXD723"/>
    <mergeCell ref="TXE723:TXH723"/>
    <mergeCell ref="TXI723:TXL723"/>
    <mergeCell ref="TXM723:TXP723"/>
    <mergeCell ref="TWC723:TWF723"/>
    <mergeCell ref="TWG723:TWJ723"/>
    <mergeCell ref="TWK723:TWN723"/>
    <mergeCell ref="TWO723:TWR723"/>
    <mergeCell ref="TWS723:TWV723"/>
    <mergeCell ref="TVI723:TVL723"/>
    <mergeCell ref="TVM723:TVP723"/>
    <mergeCell ref="TVQ723:TVT723"/>
    <mergeCell ref="TVU723:TVX723"/>
    <mergeCell ref="TVY723:TWB723"/>
    <mergeCell ref="TUO723:TUR723"/>
    <mergeCell ref="TUS723:TUV723"/>
    <mergeCell ref="TUW723:TUZ723"/>
    <mergeCell ref="TVA723:TVD723"/>
    <mergeCell ref="TVE723:TVH723"/>
    <mergeCell ref="TTU723:TTX723"/>
    <mergeCell ref="TTY723:TUB723"/>
    <mergeCell ref="TUC723:TUF723"/>
    <mergeCell ref="TUG723:TUJ723"/>
    <mergeCell ref="TUK723:TUN723"/>
    <mergeCell ref="TTA723:TTD723"/>
    <mergeCell ref="TTE723:TTH723"/>
    <mergeCell ref="TTI723:TTL723"/>
    <mergeCell ref="TTM723:TTP723"/>
    <mergeCell ref="TTQ723:TTT723"/>
    <mergeCell ref="UDA723:UDD723"/>
    <mergeCell ref="UDE723:UDH723"/>
    <mergeCell ref="UDI723:UDL723"/>
    <mergeCell ref="UDM723:UDP723"/>
    <mergeCell ref="UDQ723:UDT723"/>
    <mergeCell ref="UCG723:UCJ723"/>
    <mergeCell ref="UCK723:UCN723"/>
    <mergeCell ref="UCO723:UCR723"/>
    <mergeCell ref="UCS723:UCV723"/>
    <mergeCell ref="UCW723:UCZ723"/>
    <mergeCell ref="UBM723:UBP723"/>
    <mergeCell ref="UBQ723:UBT723"/>
    <mergeCell ref="UBU723:UBX723"/>
    <mergeCell ref="UBY723:UCB723"/>
    <mergeCell ref="UCC723:UCF723"/>
    <mergeCell ref="UAS723:UAV723"/>
    <mergeCell ref="UAW723:UAZ723"/>
    <mergeCell ref="UBA723:UBD723"/>
    <mergeCell ref="UBE723:UBH723"/>
    <mergeCell ref="UBI723:UBL723"/>
    <mergeCell ref="TZY723:UAB723"/>
    <mergeCell ref="UAC723:UAF723"/>
    <mergeCell ref="UAG723:UAJ723"/>
    <mergeCell ref="UAK723:UAN723"/>
    <mergeCell ref="UAO723:UAR723"/>
    <mergeCell ref="TZE723:TZH723"/>
    <mergeCell ref="TZI723:TZL723"/>
    <mergeCell ref="TZM723:TZP723"/>
    <mergeCell ref="TZQ723:TZT723"/>
    <mergeCell ref="TZU723:TZX723"/>
    <mergeCell ref="TYK723:TYN723"/>
    <mergeCell ref="TYO723:TYR723"/>
    <mergeCell ref="TYS723:TYV723"/>
    <mergeCell ref="TYW723:TYZ723"/>
    <mergeCell ref="TZA723:TZD723"/>
    <mergeCell ref="UIK723:UIN723"/>
    <mergeCell ref="UIO723:UIR723"/>
    <mergeCell ref="UIS723:UIV723"/>
    <mergeCell ref="UIW723:UIZ723"/>
    <mergeCell ref="UJA723:UJD723"/>
    <mergeCell ref="UHQ723:UHT723"/>
    <mergeCell ref="UHU723:UHX723"/>
    <mergeCell ref="UHY723:UIB723"/>
    <mergeCell ref="UIC723:UIF723"/>
    <mergeCell ref="UIG723:UIJ723"/>
    <mergeCell ref="UGW723:UGZ723"/>
    <mergeCell ref="UHA723:UHD723"/>
    <mergeCell ref="UHE723:UHH723"/>
    <mergeCell ref="UHI723:UHL723"/>
    <mergeCell ref="UHM723:UHP723"/>
    <mergeCell ref="UGC723:UGF723"/>
    <mergeCell ref="UGG723:UGJ723"/>
    <mergeCell ref="UGK723:UGN723"/>
    <mergeCell ref="UGO723:UGR723"/>
    <mergeCell ref="UGS723:UGV723"/>
    <mergeCell ref="UFI723:UFL723"/>
    <mergeCell ref="UFM723:UFP723"/>
    <mergeCell ref="UFQ723:UFT723"/>
    <mergeCell ref="UFU723:UFX723"/>
    <mergeCell ref="UFY723:UGB723"/>
    <mergeCell ref="UEO723:UER723"/>
    <mergeCell ref="UES723:UEV723"/>
    <mergeCell ref="UEW723:UEZ723"/>
    <mergeCell ref="UFA723:UFD723"/>
    <mergeCell ref="UFE723:UFH723"/>
    <mergeCell ref="UDU723:UDX723"/>
    <mergeCell ref="UDY723:UEB723"/>
    <mergeCell ref="UEC723:UEF723"/>
    <mergeCell ref="UEG723:UEJ723"/>
    <mergeCell ref="UEK723:UEN723"/>
    <mergeCell ref="UNU723:UNX723"/>
    <mergeCell ref="UNY723:UOB723"/>
    <mergeCell ref="UOC723:UOF723"/>
    <mergeCell ref="UOG723:UOJ723"/>
    <mergeCell ref="UOK723:UON723"/>
    <mergeCell ref="UNA723:UND723"/>
    <mergeCell ref="UNE723:UNH723"/>
    <mergeCell ref="UNI723:UNL723"/>
    <mergeCell ref="UNM723:UNP723"/>
    <mergeCell ref="UNQ723:UNT723"/>
    <mergeCell ref="UMG723:UMJ723"/>
    <mergeCell ref="UMK723:UMN723"/>
    <mergeCell ref="UMO723:UMR723"/>
    <mergeCell ref="UMS723:UMV723"/>
    <mergeCell ref="UMW723:UMZ723"/>
    <mergeCell ref="ULM723:ULP723"/>
    <mergeCell ref="ULQ723:ULT723"/>
    <mergeCell ref="ULU723:ULX723"/>
    <mergeCell ref="ULY723:UMB723"/>
    <mergeCell ref="UMC723:UMF723"/>
    <mergeCell ref="UKS723:UKV723"/>
    <mergeCell ref="UKW723:UKZ723"/>
    <mergeCell ref="ULA723:ULD723"/>
    <mergeCell ref="ULE723:ULH723"/>
    <mergeCell ref="ULI723:ULL723"/>
    <mergeCell ref="UJY723:UKB723"/>
    <mergeCell ref="UKC723:UKF723"/>
    <mergeCell ref="UKG723:UKJ723"/>
    <mergeCell ref="UKK723:UKN723"/>
    <mergeCell ref="UKO723:UKR723"/>
    <mergeCell ref="UJE723:UJH723"/>
    <mergeCell ref="UJI723:UJL723"/>
    <mergeCell ref="UJM723:UJP723"/>
    <mergeCell ref="UJQ723:UJT723"/>
    <mergeCell ref="UJU723:UJX723"/>
    <mergeCell ref="UTE723:UTH723"/>
    <mergeCell ref="UTI723:UTL723"/>
    <mergeCell ref="UTM723:UTP723"/>
    <mergeCell ref="UTQ723:UTT723"/>
    <mergeCell ref="UTU723:UTX723"/>
    <mergeCell ref="USK723:USN723"/>
    <mergeCell ref="USO723:USR723"/>
    <mergeCell ref="USS723:USV723"/>
    <mergeCell ref="USW723:USZ723"/>
    <mergeCell ref="UTA723:UTD723"/>
    <mergeCell ref="URQ723:URT723"/>
    <mergeCell ref="URU723:URX723"/>
    <mergeCell ref="URY723:USB723"/>
    <mergeCell ref="USC723:USF723"/>
    <mergeCell ref="USG723:USJ723"/>
    <mergeCell ref="UQW723:UQZ723"/>
    <mergeCell ref="URA723:URD723"/>
    <mergeCell ref="URE723:URH723"/>
    <mergeCell ref="URI723:URL723"/>
    <mergeCell ref="URM723:URP723"/>
    <mergeCell ref="UQC723:UQF723"/>
    <mergeCell ref="UQG723:UQJ723"/>
    <mergeCell ref="UQK723:UQN723"/>
    <mergeCell ref="UQO723:UQR723"/>
    <mergeCell ref="UQS723:UQV723"/>
    <mergeCell ref="UPI723:UPL723"/>
    <mergeCell ref="UPM723:UPP723"/>
    <mergeCell ref="UPQ723:UPT723"/>
    <mergeCell ref="UPU723:UPX723"/>
    <mergeCell ref="UPY723:UQB723"/>
    <mergeCell ref="UOO723:UOR723"/>
    <mergeCell ref="UOS723:UOV723"/>
    <mergeCell ref="UOW723:UOZ723"/>
    <mergeCell ref="UPA723:UPD723"/>
    <mergeCell ref="UPE723:UPH723"/>
    <mergeCell ref="UYO723:UYR723"/>
    <mergeCell ref="UYS723:UYV723"/>
    <mergeCell ref="UYW723:UYZ723"/>
    <mergeCell ref="UZA723:UZD723"/>
    <mergeCell ref="UZE723:UZH723"/>
    <mergeCell ref="UXU723:UXX723"/>
    <mergeCell ref="UXY723:UYB723"/>
    <mergeCell ref="UYC723:UYF723"/>
    <mergeCell ref="UYG723:UYJ723"/>
    <mergeCell ref="UYK723:UYN723"/>
    <mergeCell ref="UXA723:UXD723"/>
    <mergeCell ref="UXE723:UXH723"/>
    <mergeCell ref="UXI723:UXL723"/>
    <mergeCell ref="UXM723:UXP723"/>
    <mergeCell ref="UXQ723:UXT723"/>
    <mergeCell ref="UWG723:UWJ723"/>
    <mergeCell ref="UWK723:UWN723"/>
    <mergeCell ref="UWO723:UWR723"/>
    <mergeCell ref="UWS723:UWV723"/>
    <mergeCell ref="UWW723:UWZ723"/>
    <mergeCell ref="UVM723:UVP723"/>
    <mergeCell ref="UVQ723:UVT723"/>
    <mergeCell ref="UVU723:UVX723"/>
    <mergeCell ref="UVY723:UWB723"/>
    <mergeCell ref="UWC723:UWF723"/>
    <mergeCell ref="UUS723:UUV723"/>
    <mergeCell ref="UUW723:UUZ723"/>
    <mergeCell ref="UVA723:UVD723"/>
    <mergeCell ref="UVE723:UVH723"/>
    <mergeCell ref="UVI723:UVL723"/>
    <mergeCell ref="UTY723:UUB723"/>
    <mergeCell ref="UUC723:UUF723"/>
    <mergeCell ref="UUG723:UUJ723"/>
    <mergeCell ref="UUK723:UUN723"/>
    <mergeCell ref="UUO723:UUR723"/>
    <mergeCell ref="VDY723:VEB723"/>
    <mergeCell ref="VEC723:VEF723"/>
    <mergeCell ref="VEG723:VEJ723"/>
    <mergeCell ref="VEK723:VEN723"/>
    <mergeCell ref="VEO723:VER723"/>
    <mergeCell ref="VDE723:VDH723"/>
    <mergeCell ref="VDI723:VDL723"/>
    <mergeCell ref="VDM723:VDP723"/>
    <mergeCell ref="VDQ723:VDT723"/>
    <mergeCell ref="VDU723:VDX723"/>
    <mergeCell ref="VCK723:VCN723"/>
    <mergeCell ref="VCO723:VCR723"/>
    <mergeCell ref="VCS723:VCV723"/>
    <mergeCell ref="VCW723:VCZ723"/>
    <mergeCell ref="VDA723:VDD723"/>
    <mergeCell ref="VBQ723:VBT723"/>
    <mergeCell ref="VBU723:VBX723"/>
    <mergeCell ref="VBY723:VCB723"/>
    <mergeCell ref="VCC723:VCF723"/>
    <mergeCell ref="VCG723:VCJ723"/>
    <mergeCell ref="VAW723:VAZ723"/>
    <mergeCell ref="VBA723:VBD723"/>
    <mergeCell ref="VBE723:VBH723"/>
    <mergeCell ref="VBI723:VBL723"/>
    <mergeCell ref="VBM723:VBP723"/>
    <mergeCell ref="VAC723:VAF723"/>
    <mergeCell ref="VAG723:VAJ723"/>
    <mergeCell ref="VAK723:VAN723"/>
    <mergeCell ref="VAO723:VAR723"/>
    <mergeCell ref="VAS723:VAV723"/>
    <mergeCell ref="UZI723:UZL723"/>
    <mergeCell ref="UZM723:UZP723"/>
    <mergeCell ref="UZQ723:UZT723"/>
    <mergeCell ref="UZU723:UZX723"/>
    <mergeCell ref="UZY723:VAB723"/>
    <mergeCell ref="VJI723:VJL723"/>
    <mergeCell ref="VJM723:VJP723"/>
    <mergeCell ref="VJQ723:VJT723"/>
    <mergeCell ref="VJU723:VJX723"/>
    <mergeCell ref="VJY723:VKB723"/>
    <mergeCell ref="VIO723:VIR723"/>
    <mergeCell ref="VIS723:VIV723"/>
    <mergeCell ref="VIW723:VIZ723"/>
    <mergeCell ref="VJA723:VJD723"/>
    <mergeCell ref="VJE723:VJH723"/>
    <mergeCell ref="VHU723:VHX723"/>
    <mergeCell ref="VHY723:VIB723"/>
    <mergeCell ref="VIC723:VIF723"/>
    <mergeCell ref="VIG723:VIJ723"/>
    <mergeCell ref="VIK723:VIN723"/>
    <mergeCell ref="VHA723:VHD723"/>
    <mergeCell ref="VHE723:VHH723"/>
    <mergeCell ref="VHI723:VHL723"/>
    <mergeCell ref="VHM723:VHP723"/>
    <mergeCell ref="VHQ723:VHT723"/>
    <mergeCell ref="VGG723:VGJ723"/>
    <mergeCell ref="VGK723:VGN723"/>
    <mergeCell ref="VGO723:VGR723"/>
    <mergeCell ref="VGS723:VGV723"/>
    <mergeCell ref="VGW723:VGZ723"/>
    <mergeCell ref="VFM723:VFP723"/>
    <mergeCell ref="VFQ723:VFT723"/>
    <mergeCell ref="VFU723:VFX723"/>
    <mergeCell ref="VFY723:VGB723"/>
    <mergeCell ref="VGC723:VGF723"/>
    <mergeCell ref="VES723:VEV723"/>
    <mergeCell ref="VEW723:VEZ723"/>
    <mergeCell ref="VFA723:VFD723"/>
    <mergeCell ref="VFE723:VFH723"/>
    <mergeCell ref="VFI723:VFL723"/>
    <mergeCell ref="VOS723:VOV723"/>
    <mergeCell ref="VOW723:VOZ723"/>
    <mergeCell ref="VPA723:VPD723"/>
    <mergeCell ref="VPE723:VPH723"/>
    <mergeCell ref="VPI723:VPL723"/>
    <mergeCell ref="VNY723:VOB723"/>
    <mergeCell ref="VOC723:VOF723"/>
    <mergeCell ref="VOG723:VOJ723"/>
    <mergeCell ref="VOK723:VON723"/>
    <mergeCell ref="VOO723:VOR723"/>
    <mergeCell ref="VNE723:VNH723"/>
    <mergeCell ref="VNI723:VNL723"/>
    <mergeCell ref="VNM723:VNP723"/>
    <mergeCell ref="VNQ723:VNT723"/>
    <mergeCell ref="VNU723:VNX723"/>
    <mergeCell ref="VMK723:VMN723"/>
    <mergeCell ref="VMO723:VMR723"/>
    <mergeCell ref="VMS723:VMV723"/>
    <mergeCell ref="VMW723:VMZ723"/>
    <mergeCell ref="VNA723:VND723"/>
    <mergeCell ref="VLQ723:VLT723"/>
    <mergeCell ref="VLU723:VLX723"/>
    <mergeCell ref="VLY723:VMB723"/>
    <mergeCell ref="VMC723:VMF723"/>
    <mergeCell ref="VMG723:VMJ723"/>
    <mergeCell ref="VKW723:VKZ723"/>
    <mergeCell ref="VLA723:VLD723"/>
    <mergeCell ref="VLE723:VLH723"/>
    <mergeCell ref="VLI723:VLL723"/>
    <mergeCell ref="VLM723:VLP723"/>
    <mergeCell ref="VKC723:VKF723"/>
    <mergeCell ref="VKG723:VKJ723"/>
    <mergeCell ref="VKK723:VKN723"/>
    <mergeCell ref="VKO723:VKR723"/>
    <mergeCell ref="VKS723:VKV723"/>
    <mergeCell ref="VUC723:VUF723"/>
    <mergeCell ref="VUG723:VUJ723"/>
    <mergeCell ref="VUK723:VUN723"/>
    <mergeCell ref="VUO723:VUR723"/>
    <mergeCell ref="VUS723:VUV723"/>
    <mergeCell ref="VTI723:VTL723"/>
    <mergeCell ref="VTM723:VTP723"/>
    <mergeCell ref="VTQ723:VTT723"/>
    <mergeCell ref="VTU723:VTX723"/>
    <mergeCell ref="VTY723:VUB723"/>
    <mergeCell ref="VSO723:VSR723"/>
    <mergeCell ref="VSS723:VSV723"/>
    <mergeCell ref="VSW723:VSZ723"/>
    <mergeCell ref="VTA723:VTD723"/>
    <mergeCell ref="VTE723:VTH723"/>
    <mergeCell ref="VRU723:VRX723"/>
    <mergeCell ref="VRY723:VSB723"/>
    <mergeCell ref="VSC723:VSF723"/>
    <mergeCell ref="VSG723:VSJ723"/>
    <mergeCell ref="VSK723:VSN723"/>
    <mergeCell ref="VRA723:VRD723"/>
    <mergeCell ref="VRE723:VRH723"/>
    <mergeCell ref="VRI723:VRL723"/>
    <mergeCell ref="VRM723:VRP723"/>
    <mergeCell ref="VRQ723:VRT723"/>
    <mergeCell ref="VQG723:VQJ723"/>
    <mergeCell ref="VQK723:VQN723"/>
    <mergeCell ref="VQO723:VQR723"/>
    <mergeCell ref="VQS723:VQV723"/>
    <mergeCell ref="VQW723:VQZ723"/>
    <mergeCell ref="VPM723:VPP723"/>
    <mergeCell ref="VPQ723:VPT723"/>
    <mergeCell ref="VPU723:VPX723"/>
    <mergeCell ref="VPY723:VQB723"/>
    <mergeCell ref="VQC723:VQF723"/>
    <mergeCell ref="VZM723:VZP723"/>
    <mergeCell ref="VZQ723:VZT723"/>
    <mergeCell ref="VZU723:VZX723"/>
    <mergeCell ref="VZY723:WAB723"/>
    <mergeCell ref="WAC723:WAF723"/>
    <mergeCell ref="VYS723:VYV723"/>
    <mergeCell ref="VYW723:VYZ723"/>
    <mergeCell ref="VZA723:VZD723"/>
    <mergeCell ref="VZE723:VZH723"/>
    <mergeCell ref="VZI723:VZL723"/>
    <mergeCell ref="VXY723:VYB723"/>
    <mergeCell ref="VYC723:VYF723"/>
    <mergeCell ref="VYG723:VYJ723"/>
    <mergeCell ref="VYK723:VYN723"/>
    <mergeCell ref="VYO723:VYR723"/>
    <mergeCell ref="VXE723:VXH723"/>
    <mergeCell ref="VXI723:VXL723"/>
    <mergeCell ref="VXM723:VXP723"/>
    <mergeCell ref="VXQ723:VXT723"/>
    <mergeCell ref="VXU723:VXX723"/>
    <mergeCell ref="VWK723:VWN723"/>
    <mergeCell ref="VWO723:VWR723"/>
    <mergeCell ref="VWS723:VWV723"/>
    <mergeCell ref="VWW723:VWZ723"/>
    <mergeCell ref="VXA723:VXD723"/>
    <mergeCell ref="VVQ723:VVT723"/>
    <mergeCell ref="VVU723:VVX723"/>
    <mergeCell ref="VVY723:VWB723"/>
    <mergeCell ref="VWC723:VWF723"/>
    <mergeCell ref="VWG723:VWJ723"/>
    <mergeCell ref="VUW723:VUZ723"/>
    <mergeCell ref="VVA723:VVD723"/>
    <mergeCell ref="VVE723:VVH723"/>
    <mergeCell ref="VVI723:VVL723"/>
    <mergeCell ref="VVM723:VVP723"/>
    <mergeCell ref="WEW723:WEZ723"/>
    <mergeCell ref="WFA723:WFD723"/>
    <mergeCell ref="WFE723:WFH723"/>
    <mergeCell ref="WFI723:WFL723"/>
    <mergeCell ref="WFM723:WFP723"/>
    <mergeCell ref="WEC723:WEF723"/>
    <mergeCell ref="WEG723:WEJ723"/>
    <mergeCell ref="WEK723:WEN723"/>
    <mergeCell ref="WEO723:WER723"/>
    <mergeCell ref="WES723:WEV723"/>
    <mergeCell ref="WDI723:WDL723"/>
    <mergeCell ref="WDM723:WDP723"/>
    <mergeCell ref="WDQ723:WDT723"/>
    <mergeCell ref="WDU723:WDX723"/>
    <mergeCell ref="WDY723:WEB723"/>
    <mergeCell ref="WCO723:WCR723"/>
    <mergeCell ref="WCS723:WCV723"/>
    <mergeCell ref="WCW723:WCZ723"/>
    <mergeCell ref="WDA723:WDD723"/>
    <mergeCell ref="WDE723:WDH723"/>
    <mergeCell ref="WBU723:WBX723"/>
    <mergeCell ref="WBY723:WCB723"/>
    <mergeCell ref="WCC723:WCF723"/>
    <mergeCell ref="WCG723:WCJ723"/>
    <mergeCell ref="WCK723:WCN723"/>
    <mergeCell ref="WBA723:WBD723"/>
    <mergeCell ref="WBE723:WBH723"/>
    <mergeCell ref="WBI723:WBL723"/>
    <mergeCell ref="WBM723:WBP723"/>
    <mergeCell ref="WBQ723:WBT723"/>
    <mergeCell ref="WAG723:WAJ723"/>
    <mergeCell ref="WAK723:WAN723"/>
    <mergeCell ref="WAO723:WAR723"/>
    <mergeCell ref="WAS723:WAV723"/>
    <mergeCell ref="WAW723:WAZ723"/>
    <mergeCell ref="WKG723:WKJ723"/>
    <mergeCell ref="WKK723:WKN723"/>
    <mergeCell ref="WKO723:WKR723"/>
    <mergeCell ref="WKS723:WKV723"/>
    <mergeCell ref="WKW723:WKZ723"/>
    <mergeCell ref="WJM723:WJP723"/>
    <mergeCell ref="WJQ723:WJT723"/>
    <mergeCell ref="WJU723:WJX723"/>
    <mergeCell ref="WJY723:WKB723"/>
    <mergeCell ref="WKC723:WKF723"/>
    <mergeCell ref="WIS723:WIV723"/>
    <mergeCell ref="WIW723:WIZ723"/>
    <mergeCell ref="WJA723:WJD723"/>
    <mergeCell ref="WJE723:WJH723"/>
    <mergeCell ref="WJI723:WJL723"/>
    <mergeCell ref="WHY723:WIB723"/>
    <mergeCell ref="WIC723:WIF723"/>
    <mergeCell ref="WIG723:WIJ723"/>
    <mergeCell ref="WIK723:WIN723"/>
    <mergeCell ref="WIO723:WIR723"/>
    <mergeCell ref="WHE723:WHH723"/>
    <mergeCell ref="WHI723:WHL723"/>
    <mergeCell ref="WHM723:WHP723"/>
    <mergeCell ref="WHQ723:WHT723"/>
    <mergeCell ref="WHU723:WHX723"/>
    <mergeCell ref="WGK723:WGN723"/>
    <mergeCell ref="WGO723:WGR723"/>
    <mergeCell ref="WGS723:WGV723"/>
    <mergeCell ref="WGW723:WGZ723"/>
    <mergeCell ref="WHA723:WHD723"/>
    <mergeCell ref="WFQ723:WFT723"/>
    <mergeCell ref="WFU723:WFX723"/>
    <mergeCell ref="WFY723:WGB723"/>
    <mergeCell ref="WGC723:WGF723"/>
    <mergeCell ref="WGG723:WGJ723"/>
    <mergeCell ref="WPQ723:WPT723"/>
    <mergeCell ref="WPU723:WPX723"/>
    <mergeCell ref="WPY723:WQB723"/>
    <mergeCell ref="WQC723:WQF723"/>
    <mergeCell ref="WQG723:WQJ723"/>
    <mergeCell ref="WOW723:WOZ723"/>
    <mergeCell ref="WPA723:WPD723"/>
    <mergeCell ref="WPE723:WPH723"/>
    <mergeCell ref="WPI723:WPL723"/>
    <mergeCell ref="WPM723:WPP723"/>
    <mergeCell ref="WOC723:WOF723"/>
    <mergeCell ref="WOG723:WOJ723"/>
    <mergeCell ref="WOK723:WON723"/>
    <mergeCell ref="WOO723:WOR723"/>
    <mergeCell ref="WOS723:WOV723"/>
    <mergeCell ref="WNI723:WNL723"/>
    <mergeCell ref="WNM723:WNP723"/>
    <mergeCell ref="WNQ723:WNT723"/>
    <mergeCell ref="WNU723:WNX723"/>
    <mergeCell ref="WNY723:WOB723"/>
    <mergeCell ref="WMO723:WMR723"/>
    <mergeCell ref="WMS723:WMV723"/>
    <mergeCell ref="WMW723:WMZ723"/>
    <mergeCell ref="WNA723:WND723"/>
    <mergeCell ref="WNE723:WNH723"/>
    <mergeCell ref="WLU723:WLX723"/>
    <mergeCell ref="WLY723:WMB723"/>
    <mergeCell ref="WMC723:WMF723"/>
    <mergeCell ref="WMG723:WMJ723"/>
    <mergeCell ref="WMK723:WMN723"/>
    <mergeCell ref="WLA723:WLD723"/>
    <mergeCell ref="WLE723:WLH723"/>
    <mergeCell ref="WLI723:WLL723"/>
    <mergeCell ref="WLM723:WLP723"/>
    <mergeCell ref="WLQ723:WLT723"/>
    <mergeCell ref="WVA723:WVD723"/>
    <mergeCell ref="WVE723:WVH723"/>
    <mergeCell ref="WVI723:WVL723"/>
    <mergeCell ref="WVM723:WVP723"/>
    <mergeCell ref="WVQ723:WVT723"/>
    <mergeCell ref="WUG723:WUJ723"/>
    <mergeCell ref="WUK723:WUN723"/>
    <mergeCell ref="WUO723:WUR723"/>
    <mergeCell ref="WUS723:WUV723"/>
    <mergeCell ref="WUW723:WUZ723"/>
    <mergeCell ref="WTM723:WTP723"/>
    <mergeCell ref="WTQ723:WTT723"/>
    <mergeCell ref="WTU723:WTX723"/>
    <mergeCell ref="WTY723:WUB723"/>
    <mergeCell ref="WUC723:WUF723"/>
    <mergeCell ref="WSS723:WSV723"/>
    <mergeCell ref="WSW723:WSZ723"/>
    <mergeCell ref="WTA723:WTD723"/>
    <mergeCell ref="WTE723:WTH723"/>
    <mergeCell ref="WTI723:WTL723"/>
    <mergeCell ref="WRY723:WSB723"/>
    <mergeCell ref="WSC723:WSF723"/>
    <mergeCell ref="WSG723:WSJ723"/>
    <mergeCell ref="WSK723:WSN723"/>
    <mergeCell ref="WSO723:WSR723"/>
    <mergeCell ref="WRE723:WRH723"/>
    <mergeCell ref="WRI723:WRL723"/>
    <mergeCell ref="WRM723:WRP723"/>
    <mergeCell ref="WRQ723:WRT723"/>
    <mergeCell ref="WRU723:WRX723"/>
    <mergeCell ref="WQK723:WQN723"/>
    <mergeCell ref="WQO723:WQR723"/>
    <mergeCell ref="WQS723:WQV723"/>
    <mergeCell ref="WQW723:WQZ723"/>
    <mergeCell ref="WRA723:WRD723"/>
    <mergeCell ref="XBQ723:XBT723"/>
    <mergeCell ref="XBU723:XBX723"/>
    <mergeCell ref="XAK723:XAN723"/>
    <mergeCell ref="XAO723:XAR723"/>
    <mergeCell ref="XAS723:XAV723"/>
    <mergeCell ref="XAW723:XAZ723"/>
    <mergeCell ref="XBA723:XBD723"/>
    <mergeCell ref="WZQ723:WZT723"/>
    <mergeCell ref="WZU723:WZX723"/>
    <mergeCell ref="WZY723:XAB723"/>
    <mergeCell ref="XAC723:XAF723"/>
    <mergeCell ref="XAG723:XAJ723"/>
    <mergeCell ref="WYW723:WYZ723"/>
    <mergeCell ref="WZA723:WZD723"/>
    <mergeCell ref="WZE723:WZH723"/>
    <mergeCell ref="WZI723:WZL723"/>
    <mergeCell ref="WZM723:WZP723"/>
    <mergeCell ref="WYC723:WYF723"/>
    <mergeCell ref="WYG723:WYJ723"/>
    <mergeCell ref="WYK723:WYN723"/>
    <mergeCell ref="WYO723:WYR723"/>
    <mergeCell ref="WYS723:WYV723"/>
    <mergeCell ref="WXI723:WXL723"/>
    <mergeCell ref="WXM723:WXP723"/>
    <mergeCell ref="WXQ723:WXT723"/>
    <mergeCell ref="WXU723:WXX723"/>
    <mergeCell ref="WXY723:WYB723"/>
    <mergeCell ref="WWO723:WWR723"/>
    <mergeCell ref="WWS723:WWV723"/>
    <mergeCell ref="WWW723:WWZ723"/>
    <mergeCell ref="WXA723:WXD723"/>
    <mergeCell ref="WXE723:WXH723"/>
    <mergeCell ref="WVU723:WVX723"/>
    <mergeCell ref="WVY723:WWB723"/>
    <mergeCell ref="WWC723:WWF723"/>
    <mergeCell ref="WWG723:WWJ723"/>
    <mergeCell ref="WWK723:WWN723"/>
    <mergeCell ref="EK724:EN724"/>
    <mergeCell ref="EO724:ER724"/>
    <mergeCell ref="ES724:EV724"/>
    <mergeCell ref="EW724:EZ724"/>
    <mergeCell ref="FA724:FD724"/>
    <mergeCell ref="DQ724:DT724"/>
    <mergeCell ref="DU724:DX724"/>
    <mergeCell ref="DY724:EB724"/>
    <mergeCell ref="EC724:EF724"/>
    <mergeCell ref="EG724:EJ724"/>
    <mergeCell ref="CW724:CZ724"/>
    <mergeCell ref="DA724:DD724"/>
    <mergeCell ref="DE724:DH724"/>
    <mergeCell ref="DI724:DL724"/>
    <mergeCell ref="DM724:DP724"/>
    <mergeCell ref="CC724:CF724"/>
    <mergeCell ref="CG724:CJ724"/>
    <mergeCell ref="CK724:CN724"/>
    <mergeCell ref="CO724:CR724"/>
    <mergeCell ref="CS724:CV724"/>
    <mergeCell ref="BI724:BL724"/>
    <mergeCell ref="BM724:BP724"/>
    <mergeCell ref="BQ724:BT724"/>
    <mergeCell ref="BU724:BX724"/>
    <mergeCell ref="BY724:CB724"/>
    <mergeCell ref="XFA723:XFD723"/>
    <mergeCell ref="A724:D724"/>
    <mergeCell ref="E724:H724"/>
    <mergeCell ref="I724:L724"/>
    <mergeCell ref="M724:P724"/>
    <mergeCell ref="Q724:T724"/>
    <mergeCell ref="U724:X724"/>
    <mergeCell ref="Y724:AB724"/>
    <mergeCell ref="AC724:AF724"/>
    <mergeCell ref="AG724:AJ724"/>
    <mergeCell ref="AK724:AN724"/>
    <mergeCell ref="AO724:AR724"/>
    <mergeCell ref="AS724:AV724"/>
    <mergeCell ref="AW724:AZ724"/>
    <mergeCell ref="BA724:BD724"/>
    <mergeCell ref="BE724:BH724"/>
    <mergeCell ref="XEG723:XEJ723"/>
    <mergeCell ref="XEK723:XEN723"/>
    <mergeCell ref="XEO723:XER723"/>
    <mergeCell ref="XES723:XEV723"/>
    <mergeCell ref="XEW723:XEZ723"/>
    <mergeCell ref="XDM723:XDP723"/>
    <mergeCell ref="XDQ723:XDT723"/>
    <mergeCell ref="XDU723:XDX723"/>
    <mergeCell ref="XDY723:XEB723"/>
    <mergeCell ref="XEC723:XEF723"/>
    <mergeCell ref="XCS723:XCV723"/>
    <mergeCell ref="XCW723:XCZ723"/>
    <mergeCell ref="XDA723:XDD723"/>
    <mergeCell ref="XDE723:XDH723"/>
    <mergeCell ref="XDI723:XDL723"/>
    <mergeCell ref="XBY723:XCB723"/>
    <mergeCell ref="XCC723:XCF723"/>
    <mergeCell ref="XCG723:XCJ723"/>
    <mergeCell ref="XCK723:XCN723"/>
    <mergeCell ref="XCO723:XCR723"/>
    <mergeCell ref="XBE723:XBH723"/>
    <mergeCell ref="XBI723:XBL723"/>
    <mergeCell ref="XBM723:XBP723"/>
    <mergeCell ref="JU724:JX724"/>
    <mergeCell ref="JY724:KB724"/>
    <mergeCell ref="KC724:KF724"/>
    <mergeCell ref="KG724:KJ724"/>
    <mergeCell ref="KK724:KN724"/>
    <mergeCell ref="JA724:JD724"/>
    <mergeCell ref="JE724:JH724"/>
    <mergeCell ref="JI724:JL724"/>
    <mergeCell ref="JM724:JP724"/>
    <mergeCell ref="JQ724:JT724"/>
    <mergeCell ref="IG724:IJ724"/>
    <mergeCell ref="IK724:IN724"/>
    <mergeCell ref="IO724:IR724"/>
    <mergeCell ref="IS724:IV724"/>
    <mergeCell ref="IW724:IZ724"/>
    <mergeCell ref="HM724:HP724"/>
    <mergeCell ref="HQ724:HT724"/>
    <mergeCell ref="HU724:HX724"/>
    <mergeCell ref="HY724:IB724"/>
    <mergeCell ref="IC724:IF724"/>
    <mergeCell ref="GS724:GV724"/>
    <mergeCell ref="GW724:GZ724"/>
    <mergeCell ref="HA724:HD724"/>
    <mergeCell ref="HE724:HH724"/>
    <mergeCell ref="HI724:HL724"/>
    <mergeCell ref="FY724:GB724"/>
    <mergeCell ref="GC724:GF724"/>
    <mergeCell ref="GG724:GJ724"/>
    <mergeCell ref="GK724:GN724"/>
    <mergeCell ref="GO724:GR724"/>
    <mergeCell ref="FE724:FH724"/>
    <mergeCell ref="FI724:FL724"/>
    <mergeCell ref="FM724:FP724"/>
    <mergeCell ref="FQ724:FT724"/>
    <mergeCell ref="FU724:FX724"/>
    <mergeCell ref="PE724:PH724"/>
    <mergeCell ref="PI724:PL724"/>
    <mergeCell ref="PM724:PP724"/>
    <mergeCell ref="PQ724:PT724"/>
    <mergeCell ref="PU724:PX724"/>
    <mergeCell ref="OK724:ON724"/>
    <mergeCell ref="OO724:OR724"/>
    <mergeCell ref="OS724:OV724"/>
    <mergeCell ref="OW724:OZ724"/>
    <mergeCell ref="PA724:PD724"/>
    <mergeCell ref="NQ724:NT724"/>
    <mergeCell ref="NU724:NX724"/>
    <mergeCell ref="NY724:OB724"/>
    <mergeCell ref="OC724:OF724"/>
    <mergeCell ref="OG724:OJ724"/>
    <mergeCell ref="MW724:MZ724"/>
    <mergeCell ref="NA724:ND724"/>
    <mergeCell ref="NE724:NH724"/>
    <mergeCell ref="NI724:NL724"/>
    <mergeCell ref="NM724:NP724"/>
    <mergeCell ref="MC724:MF724"/>
    <mergeCell ref="MG724:MJ724"/>
    <mergeCell ref="MK724:MN724"/>
    <mergeCell ref="MO724:MR724"/>
    <mergeCell ref="MS724:MV724"/>
    <mergeCell ref="LI724:LL724"/>
    <mergeCell ref="LM724:LP724"/>
    <mergeCell ref="LQ724:LT724"/>
    <mergeCell ref="LU724:LX724"/>
    <mergeCell ref="LY724:MB724"/>
    <mergeCell ref="KO724:KR724"/>
    <mergeCell ref="KS724:KV724"/>
    <mergeCell ref="KW724:KZ724"/>
    <mergeCell ref="LA724:LD724"/>
    <mergeCell ref="LE724:LH724"/>
    <mergeCell ref="UO724:UR724"/>
    <mergeCell ref="US724:UV724"/>
    <mergeCell ref="UW724:UZ724"/>
    <mergeCell ref="VA724:VD724"/>
    <mergeCell ref="VE724:VH724"/>
    <mergeCell ref="TU724:TX724"/>
    <mergeCell ref="TY724:UB724"/>
    <mergeCell ref="UC724:UF724"/>
    <mergeCell ref="UG724:UJ724"/>
    <mergeCell ref="UK724:UN724"/>
    <mergeCell ref="TA724:TD724"/>
    <mergeCell ref="TE724:TH724"/>
    <mergeCell ref="TI724:TL724"/>
    <mergeCell ref="TM724:TP724"/>
    <mergeCell ref="TQ724:TT724"/>
    <mergeCell ref="SG724:SJ724"/>
    <mergeCell ref="SK724:SN724"/>
    <mergeCell ref="SO724:SR724"/>
    <mergeCell ref="SS724:SV724"/>
    <mergeCell ref="SW724:SZ724"/>
    <mergeCell ref="RM724:RP724"/>
    <mergeCell ref="RQ724:RT724"/>
    <mergeCell ref="RU724:RX724"/>
    <mergeCell ref="RY724:SB724"/>
    <mergeCell ref="SC724:SF724"/>
    <mergeCell ref="QS724:QV724"/>
    <mergeCell ref="QW724:QZ724"/>
    <mergeCell ref="RA724:RD724"/>
    <mergeCell ref="RE724:RH724"/>
    <mergeCell ref="RI724:RL724"/>
    <mergeCell ref="PY724:QB724"/>
    <mergeCell ref="QC724:QF724"/>
    <mergeCell ref="QG724:QJ724"/>
    <mergeCell ref="QK724:QN724"/>
    <mergeCell ref="QO724:QR724"/>
    <mergeCell ref="ZY724:AAB724"/>
    <mergeCell ref="AAC724:AAF724"/>
    <mergeCell ref="AAG724:AAJ724"/>
    <mergeCell ref="AAK724:AAN724"/>
    <mergeCell ref="AAO724:AAR724"/>
    <mergeCell ref="ZE724:ZH724"/>
    <mergeCell ref="ZI724:ZL724"/>
    <mergeCell ref="ZM724:ZP724"/>
    <mergeCell ref="ZQ724:ZT724"/>
    <mergeCell ref="ZU724:ZX724"/>
    <mergeCell ref="YK724:YN724"/>
    <mergeCell ref="YO724:YR724"/>
    <mergeCell ref="YS724:YV724"/>
    <mergeCell ref="YW724:YZ724"/>
    <mergeCell ref="ZA724:ZD724"/>
    <mergeCell ref="XQ724:XT724"/>
    <mergeCell ref="XU724:XX724"/>
    <mergeCell ref="XY724:YB724"/>
    <mergeCell ref="YC724:YF724"/>
    <mergeCell ref="YG724:YJ724"/>
    <mergeCell ref="WW724:WZ724"/>
    <mergeCell ref="XA724:XD724"/>
    <mergeCell ref="XE724:XH724"/>
    <mergeCell ref="XI724:XL724"/>
    <mergeCell ref="XM724:XP724"/>
    <mergeCell ref="WC724:WF724"/>
    <mergeCell ref="WG724:WJ724"/>
    <mergeCell ref="WK724:WN724"/>
    <mergeCell ref="WO724:WR724"/>
    <mergeCell ref="WS724:WV724"/>
    <mergeCell ref="VI724:VL724"/>
    <mergeCell ref="VM724:VP724"/>
    <mergeCell ref="VQ724:VT724"/>
    <mergeCell ref="VU724:VX724"/>
    <mergeCell ref="VY724:WB724"/>
    <mergeCell ref="AFI724:AFL724"/>
    <mergeCell ref="AFM724:AFP724"/>
    <mergeCell ref="AFQ724:AFT724"/>
    <mergeCell ref="AFU724:AFX724"/>
    <mergeCell ref="AFY724:AGB724"/>
    <mergeCell ref="AEO724:AER724"/>
    <mergeCell ref="AES724:AEV724"/>
    <mergeCell ref="AEW724:AEZ724"/>
    <mergeCell ref="AFA724:AFD724"/>
    <mergeCell ref="AFE724:AFH724"/>
    <mergeCell ref="ADU724:ADX724"/>
    <mergeCell ref="ADY724:AEB724"/>
    <mergeCell ref="AEC724:AEF724"/>
    <mergeCell ref="AEG724:AEJ724"/>
    <mergeCell ref="AEK724:AEN724"/>
    <mergeCell ref="ADA724:ADD724"/>
    <mergeCell ref="ADE724:ADH724"/>
    <mergeCell ref="ADI724:ADL724"/>
    <mergeCell ref="ADM724:ADP724"/>
    <mergeCell ref="ADQ724:ADT724"/>
    <mergeCell ref="ACG724:ACJ724"/>
    <mergeCell ref="ACK724:ACN724"/>
    <mergeCell ref="ACO724:ACR724"/>
    <mergeCell ref="ACS724:ACV724"/>
    <mergeCell ref="ACW724:ACZ724"/>
    <mergeCell ref="ABM724:ABP724"/>
    <mergeCell ref="ABQ724:ABT724"/>
    <mergeCell ref="ABU724:ABX724"/>
    <mergeCell ref="ABY724:ACB724"/>
    <mergeCell ref="ACC724:ACF724"/>
    <mergeCell ref="AAS724:AAV724"/>
    <mergeCell ref="AAW724:AAZ724"/>
    <mergeCell ref="ABA724:ABD724"/>
    <mergeCell ref="ABE724:ABH724"/>
    <mergeCell ref="ABI724:ABL724"/>
    <mergeCell ref="AKS724:AKV724"/>
    <mergeCell ref="AKW724:AKZ724"/>
    <mergeCell ref="ALA724:ALD724"/>
    <mergeCell ref="ALE724:ALH724"/>
    <mergeCell ref="ALI724:ALL724"/>
    <mergeCell ref="AJY724:AKB724"/>
    <mergeCell ref="AKC724:AKF724"/>
    <mergeCell ref="AKG724:AKJ724"/>
    <mergeCell ref="AKK724:AKN724"/>
    <mergeCell ref="AKO724:AKR724"/>
    <mergeCell ref="AJE724:AJH724"/>
    <mergeCell ref="AJI724:AJL724"/>
    <mergeCell ref="AJM724:AJP724"/>
    <mergeCell ref="AJQ724:AJT724"/>
    <mergeCell ref="AJU724:AJX724"/>
    <mergeCell ref="AIK724:AIN724"/>
    <mergeCell ref="AIO724:AIR724"/>
    <mergeCell ref="AIS724:AIV724"/>
    <mergeCell ref="AIW724:AIZ724"/>
    <mergeCell ref="AJA724:AJD724"/>
    <mergeCell ref="AHQ724:AHT724"/>
    <mergeCell ref="AHU724:AHX724"/>
    <mergeCell ref="AHY724:AIB724"/>
    <mergeCell ref="AIC724:AIF724"/>
    <mergeCell ref="AIG724:AIJ724"/>
    <mergeCell ref="AGW724:AGZ724"/>
    <mergeCell ref="AHA724:AHD724"/>
    <mergeCell ref="AHE724:AHH724"/>
    <mergeCell ref="AHI724:AHL724"/>
    <mergeCell ref="AHM724:AHP724"/>
    <mergeCell ref="AGC724:AGF724"/>
    <mergeCell ref="AGG724:AGJ724"/>
    <mergeCell ref="AGK724:AGN724"/>
    <mergeCell ref="AGO724:AGR724"/>
    <mergeCell ref="AGS724:AGV724"/>
    <mergeCell ref="AQC724:AQF724"/>
    <mergeCell ref="AQG724:AQJ724"/>
    <mergeCell ref="AQK724:AQN724"/>
    <mergeCell ref="AQO724:AQR724"/>
    <mergeCell ref="AQS724:AQV724"/>
    <mergeCell ref="API724:APL724"/>
    <mergeCell ref="APM724:APP724"/>
    <mergeCell ref="APQ724:APT724"/>
    <mergeCell ref="APU724:APX724"/>
    <mergeCell ref="APY724:AQB724"/>
    <mergeCell ref="AOO724:AOR724"/>
    <mergeCell ref="AOS724:AOV724"/>
    <mergeCell ref="AOW724:AOZ724"/>
    <mergeCell ref="APA724:APD724"/>
    <mergeCell ref="APE724:APH724"/>
    <mergeCell ref="ANU724:ANX724"/>
    <mergeCell ref="ANY724:AOB724"/>
    <mergeCell ref="AOC724:AOF724"/>
    <mergeCell ref="AOG724:AOJ724"/>
    <mergeCell ref="AOK724:AON724"/>
    <mergeCell ref="ANA724:AND724"/>
    <mergeCell ref="ANE724:ANH724"/>
    <mergeCell ref="ANI724:ANL724"/>
    <mergeCell ref="ANM724:ANP724"/>
    <mergeCell ref="ANQ724:ANT724"/>
    <mergeCell ref="AMG724:AMJ724"/>
    <mergeCell ref="AMK724:AMN724"/>
    <mergeCell ref="AMO724:AMR724"/>
    <mergeCell ref="AMS724:AMV724"/>
    <mergeCell ref="AMW724:AMZ724"/>
    <mergeCell ref="ALM724:ALP724"/>
    <mergeCell ref="ALQ724:ALT724"/>
    <mergeCell ref="ALU724:ALX724"/>
    <mergeCell ref="ALY724:AMB724"/>
    <mergeCell ref="AMC724:AMF724"/>
    <mergeCell ref="AVM724:AVP724"/>
    <mergeCell ref="AVQ724:AVT724"/>
    <mergeCell ref="AVU724:AVX724"/>
    <mergeCell ref="AVY724:AWB724"/>
    <mergeCell ref="AWC724:AWF724"/>
    <mergeCell ref="AUS724:AUV724"/>
    <mergeCell ref="AUW724:AUZ724"/>
    <mergeCell ref="AVA724:AVD724"/>
    <mergeCell ref="AVE724:AVH724"/>
    <mergeCell ref="AVI724:AVL724"/>
    <mergeCell ref="ATY724:AUB724"/>
    <mergeCell ref="AUC724:AUF724"/>
    <mergeCell ref="AUG724:AUJ724"/>
    <mergeCell ref="AUK724:AUN724"/>
    <mergeCell ref="AUO724:AUR724"/>
    <mergeCell ref="ATE724:ATH724"/>
    <mergeCell ref="ATI724:ATL724"/>
    <mergeCell ref="ATM724:ATP724"/>
    <mergeCell ref="ATQ724:ATT724"/>
    <mergeCell ref="ATU724:ATX724"/>
    <mergeCell ref="ASK724:ASN724"/>
    <mergeCell ref="ASO724:ASR724"/>
    <mergeCell ref="ASS724:ASV724"/>
    <mergeCell ref="ASW724:ASZ724"/>
    <mergeCell ref="ATA724:ATD724"/>
    <mergeCell ref="ARQ724:ART724"/>
    <mergeCell ref="ARU724:ARX724"/>
    <mergeCell ref="ARY724:ASB724"/>
    <mergeCell ref="ASC724:ASF724"/>
    <mergeCell ref="ASG724:ASJ724"/>
    <mergeCell ref="AQW724:AQZ724"/>
    <mergeCell ref="ARA724:ARD724"/>
    <mergeCell ref="ARE724:ARH724"/>
    <mergeCell ref="ARI724:ARL724"/>
    <mergeCell ref="ARM724:ARP724"/>
    <mergeCell ref="BAW724:BAZ724"/>
    <mergeCell ref="BBA724:BBD724"/>
    <mergeCell ref="BBE724:BBH724"/>
    <mergeCell ref="BBI724:BBL724"/>
    <mergeCell ref="BBM724:BBP724"/>
    <mergeCell ref="BAC724:BAF724"/>
    <mergeCell ref="BAG724:BAJ724"/>
    <mergeCell ref="BAK724:BAN724"/>
    <mergeCell ref="BAO724:BAR724"/>
    <mergeCell ref="BAS724:BAV724"/>
    <mergeCell ref="AZI724:AZL724"/>
    <mergeCell ref="AZM724:AZP724"/>
    <mergeCell ref="AZQ724:AZT724"/>
    <mergeCell ref="AZU724:AZX724"/>
    <mergeCell ref="AZY724:BAB724"/>
    <mergeCell ref="AYO724:AYR724"/>
    <mergeCell ref="AYS724:AYV724"/>
    <mergeCell ref="AYW724:AYZ724"/>
    <mergeCell ref="AZA724:AZD724"/>
    <mergeCell ref="AZE724:AZH724"/>
    <mergeCell ref="AXU724:AXX724"/>
    <mergeCell ref="AXY724:AYB724"/>
    <mergeCell ref="AYC724:AYF724"/>
    <mergeCell ref="AYG724:AYJ724"/>
    <mergeCell ref="AYK724:AYN724"/>
    <mergeCell ref="AXA724:AXD724"/>
    <mergeCell ref="AXE724:AXH724"/>
    <mergeCell ref="AXI724:AXL724"/>
    <mergeCell ref="AXM724:AXP724"/>
    <mergeCell ref="AXQ724:AXT724"/>
    <mergeCell ref="AWG724:AWJ724"/>
    <mergeCell ref="AWK724:AWN724"/>
    <mergeCell ref="AWO724:AWR724"/>
    <mergeCell ref="AWS724:AWV724"/>
    <mergeCell ref="AWW724:AWZ724"/>
    <mergeCell ref="BGG724:BGJ724"/>
    <mergeCell ref="BGK724:BGN724"/>
    <mergeCell ref="BGO724:BGR724"/>
    <mergeCell ref="BGS724:BGV724"/>
    <mergeCell ref="BGW724:BGZ724"/>
    <mergeCell ref="BFM724:BFP724"/>
    <mergeCell ref="BFQ724:BFT724"/>
    <mergeCell ref="BFU724:BFX724"/>
    <mergeCell ref="BFY724:BGB724"/>
    <mergeCell ref="BGC724:BGF724"/>
    <mergeCell ref="BES724:BEV724"/>
    <mergeCell ref="BEW724:BEZ724"/>
    <mergeCell ref="BFA724:BFD724"/>
    <mergeCell ref="BFE724:BFH724"/>
    <mergeCell ref="BFI724:BFL724"/>
    <mergeCell ref="BDY724:BEB724"/>
    <mergeCell ref="BEC724:BEF724"/>
    <mergeCell ref="BEG724:BEJ724"/>
    <mergeCell ref="BEK724:BEN724"/>
    <mergeCell ref="BEO724:BER724"/>
    <mergeCell ref="BDE724:BDH724"/>
    <mergeCell ref="BDI724:BDL724"/>
    <mergeCell ref="BDM724:BDP724"/>
    <mergeCell ref="BDQ724:BDT724"/>
    <mergeCell ref="BDU724:BDX724"/>
    <mergeCell ref="BCK724:BCN724"/>
    <mergeCell ref="BCO724:BCR724"/>
    <mergeCell ref="BCS724:BCV724"/>
    <mergeCell ref="BCW724:BCZ724"/>
    <mergeCell ref="BDA724:BDD724"/>
    <mergeCell ref="BBQ724:BBT724"/>
    <mergeCell ref="BBU724:BBX724"/>
    <mergeCell ref="BBY724:BCB724"/>
    <mergeCell ref="BCC724:BCF724"/>
    <mergeCell ref="BCG724:BCJ724"/>
    <mergeCell ref="BLQ724:BLT724"/>
    <mergeCell ref="BLU724:BLX724"/>
    <mergeCell ref="BLY724:BMB724"/>
    <mergeCell ref="BMC724:BMF724"/>
    <mergeCell ref="BMG724:BMJ724"/>
    <mergeCell ref="BKW724:BKZ724"/>
    <mergeCell ref="BLA724:BLD724"/>
    <mergeCell ref="BLE724:BLH724"/>
    <mergeCell ref="BLI724:BLL724"/>
    <mergeCell ref="BLM724:BLP724"/>
    <mergeCell ref="BKC724:BKF724"/>
    <mergeCell ref="BKG724:BKJ724"/>
    <mergeCell ref="BKK724:BKN724"/>
    <mergeCell ref="BKO724:BKR724"/>
    <mergeCell ref="BKS724:BKV724"/>
    <mergeCell ref="BJI724:BJL724"/>
    <mergeCell ref="BJM724:BJP724"/>
    <mergeCell ref="BJQ724:BJT724"/>
    <mergeCell ref="BJU724:BJX724"/>
    <mergeCell ref="BJY724:BKB724"/>
    <mergeCell ref="BIO724:BIR724"/>
    <mergeCell ref="BIS724:BIV724"/>
    <mergeCell ref="BIW724:BIZ724"/>
    <mergeCell ref="BJA724:BJD724"/>
    <mergeCell ref="BJE724:BJH724"/>
    <mergeCell ref="BHU724:BHX724"/>
    <mergeCell ref="BHY724:BIB724"/>
    <mergeCell ref="BIC724:BIF724"/>
    <mergeCell ref="BIG724:BIJ724"/>
    <mergeCell ref="BIK724:BIN724"/>
    <mergeCell ref="BHA724:BHD724"/>
    <mergeCell ref="BHE724:BHH724"/>
    <mergeCell ref="BHI724:BHL724"/>
    <mergeCell ref="BHM724:BHP724"/>
    <mergeCell ref="BHQ724:BHT724"/>
    <mergeCell ref="BRA724:BRD724"/>
    <mergeCell ref="BRE724:BRH724"/>
    <mergeCell ref="BRI724:BRL724"/>
    <mergeCell ref="BRM724:BRP724"/>
    <mergeCell ref="BRQ724:BRT724"/>
    <mergeCell ref="BQG724:BQJ724"/>
    <mergeCell ref="BQK724:BQN724"/>
    <mergeCell ref="BQO724:BQR724"/>
    <mergeCell ref="BQS724:BQV724"/>
    <mergeCell ref="BQW724:BQZ724"/>
    <mergeCell ref="BPM724:BPP724"/>
    <mergeCell ref="BPQ724:BPT724"/>
    <mergeCell ref="BPU724:BPX724"/>
    <mergeCell ref="BPY724:BQB724"/>
    <mergeCell ref="BQC724:BQF724"/>
    <mergeCell ref="BOS724:BOV724"/>
    <mergeCell ref="BOW724:BOZ724"/>
    <mergeCell ref="BPA724:BPD724"/>
    <mergeCell ref="BPE724:BPH724"/>
    <mergeCell ref="BPI724:BPL724"/>
    <mergeCell ref="BNY724:BOB724"/>
    <mergeCell ref="BOC724:BOF724"/>
    <mergeCell ref="BOG724:BOJ724"/>
    <mergeCell ref="BOK724:BON724"/>
    <mergeCell ref="BOO724:BOR724"/>
    <mergeCell ref="BNE724:BNH724"/>
    <mergeCell ref="BNI724:BNL724"/>
    <mergeCell ref="BNM724:BNP724"/>
    <mergeCell ref="BNQ724:BNT724"/>
    <mergeCell ref="BNU724:BNX724"/>
    <mergeCell ref="BMK724:BMN724"/>
    <mergeCell ref="BMO724:BMR724"/>
    <mergeCell ref="BMS724:BMV724"/>
    <mergeCell ref="BMW724:BMZ724"/>
    <mergeCell ref="BNA724:BND724"/>
    <mergeCell ref="BWK724:BWN724"/>
    <mergeCell ref="BWO724:BWR724"/>
    <mergeCell ref="BWS724:BWV724"/>
    <mergeCell ref="BWW724:BWZ724"/>
    <mergeCell ref="BXA724:BXD724"/>
    <mergeCell ref="BVQ724:BVT724"/>
    <mergeCell ref="BVU724:BVX724"/>
    <mergeCell ref="BVY724:BWB724"/>
    <mergeCell ref="BWC724:BWF724"/>
    <mergeCell ref="BWG724:BWJ724"/>
    <mergeCell ref="BUW724:BUZ724"/>
    <mergeCell ref="BVA724:BVD724"/>
    <mergeCell ref="BVE724:BVH724"/>
    <mergeCell ref="BVI724:BVL724"/>
    <mergeCell ref="BVM724:BVP724"/>
    <mergeCell ref="BUC724:BUF724"/>
    <mergeCell ref="BUG724:BUJ724"/>
    <mergeCell ref="BUK724:BUN724"/>
    <mergeCell ref="BUO724:BUR724"/>
    <mergeCell ref="BUS724:BUV724"/>
    <mergeCell ref="BTI724:BTL724"/>
    <mergeCell ref="BTM724:BTP724"/>
    <mergeCell ref="BTQ724:BTT724"/>
    <mergeCell ref="BTU724:BTX724"/>
    <mergeCell ref="BTY724:BUB724"/>
    <mergeCell ref="BSO724:BSR724"/>
    <mergeCell ref="BSS724:BSV724"/>
    <mergeCell ref="BSW724:BSZ724"/>
    <mergeCell ref="BTA724:BTD724"/>
    <mergeCell ref="BTE724:BTH724"/>
    <mergeCell ref="BRU724:BRX724"/>
    <mergeCell ref="BRY724:BSB724"/>
    <mergeCell ref="BSC724:BSF724"/>
    <mergeCell ref="BSG724:BSJ724"/>
    <mergeCell ref="BSK724:BSN724"/>
    <mergeCell ref="CBU724:CBX724"/>
    <mergeCell ref="CBY724:CCB724"/>
    <mergeCell ref="CCC724:CCF724"/>
    <mergeCell ref="CCG724:CCJ724"/>
    <mergeCell ref="CCK724:CCN724"/>
    <mergeCell ref="CBA724:CBD724"/>
    <mergeCell ref="CBE724:CBH724"/>
    <mergeCell ref="CBI724:CBL724"/>
    <mergeCell ref="CBM724:CBP724"/>
    <mergeCell ref="CBQ724:CBT724"/>
    <mergeCell ref="CAG724:CAJ724"/>
    <mergeCell ref="CAK724:CAN724"/>
    <mergeCell ref="CAO724:CAR724"/>
    <mergeCell ref="CAS724:CAV724"/>
    <mergeCell ref="CAW724:CAZ724"/>
    <mergeCell ref="BZM724:BZP724"/>
    <mergeCell ref="BZQ724:BZT724"/>
    <mergeCell ref="BZU724:BZX724"/>
    <mergeCell ref="BZY724:CAB724"/>
    <mergeCell ref="CAC724:CAF724"/>
    <mergeCell ref="BYS724:BYV724"/>
    <mergeCell ref="BYW724:BYZ724"/>
    <mergeCell ref="BZA724:BZD724"/>
    <mergeCell ref="BZE724:BZH724"/>
    <mergeCell ref="BZI724:BZL724"/>
    <mergeCell ref="BXY724:BYB724"/>
    <mergeCell ref="BYC724:BYF724"/>
    <mergeCell ref="BYG724:BYJ724"/>
    <mergeCell ref="BYK724:BYN724"/>
    <mergeCell ref="BYO724:BYR724"/>
    <mergeCell ref="BXE724:BXH724"/>
    <mergeCell ref="BXI724:BXL724"/>
    <mergeCell ref="BXM724:BXP724"/>
    <mergeCell ref="BXQ724:BXT724"/>
    <mergeCell ref="BXU724:BXX724"/>
    <mergeCell ref="CHE724:CHH724"/>
    <mergeCell ref="CHI724:CHL724"/>
    <mergeCell ref="CHM724:CHP724"/>
    <mergeCell ref="CHQ724:CHT724"/>
    <mergeCell ref="CHU724:CHX724"/>
    <mergeCell ref="CGK724:CGN724"/>
    <mergeCell ref="CGO724:CGR724"/>
    <mergeCell ref="CGS724:CGV724"/>
    <mergeCell ref="CGW724:CGZ724"/>
    <mergeCell ref="CHA724:CHD724"/>
    <mergeCell ref="CFQ724:CFT724"/>
    <mergeCell ref="CFU724:CFX724"/>
    <mergeCell ref="CFY724:CGB724"/>
    <mergeCell ref="CGC724:CGF724"/>
    <mergeCell ref="CGG724:CGJ724"/>
    <mergeCell ref="CEW724:CEZ724"/>
    <mergeCell ref="CFA724:CFD724"/>
    <mergeCell ref="CFE724:CFH724"/>
    <mergeCell ref="CFI724:CFL724"/>
    <mergeCell ref="CFM724:CFP724"/>
    <mergeCell ref="CEC724:CEF724"/>
    <mergeCell ref="CEG724:CEJ724"/>
    <mergeCell ref="CEK724:CEN724"/>
    <mergeCell ref="CEO724:CER724"/>
    <mergeCell ref="CES724:CEV724"/>
    <mergeCell ref="CDI724:CDL724"/>
    <mergeCell ref="CDM724:CDP724"/>
    <mergeCell ref="CDQ724:CDT724"/>
    <mergeCell ref="CDU724:CDX724"/>
    <mergeCell ref="CDY724:CEB724"/>
    <mergeCell ref="CCO724:CCR724"/>
    <mergeCell ref="CCS724:CCV724"/>
    <mergeCell ref="CCW724:CCZ724"/>
    <mergeCell ref="CDA724:CDD724"/>
    <mergeCell ref="CDE724:CDH724"/>
    <mergeCell ref="CMO724:CMR724"/>
    <mergeCell ref="CMS724:CMV724"/>
    <mergeCell ref="CMW724:CMZ724"/>
    <mergeCell ref="CNA724:CND724"/>
    <mergeCell ref="CNE724:CNH724"/>
    <mergeCell ref="CLU724:CLX724"/>
    <mergeCell ref="CLY724:CMB724"/>
    <mergeCell ref="CMC724:CMF724"/>
    <mergeCell ref="CMG724:CMJ724"/>
    <mergeCell ref="CMK724:CMN724"/>
    <mergeCell ref="CLA724:CLD724"/>
    <mergeCell ref="CLE724:CLH724"/>
    <mergeCell ref="CLI724:CLL724"/>
    <mergeCell ref="CLM724:CLP724"/>
    <mergeCell ref="CLQ724:CLT724"/>
    <mergeCell ref="CKG724:CKJ724"/>
    <mergeCell ref="CKK724:CKN724"/>
    <mergeCell ref="CKO724:CKR724"/>
    <mergeCell ref="CKS724:CKV724"/>
    <mergeCell ref="CKW724:CKZ724"/>
    <mergeCell ref="CJM724:CJP724"/>
    <mergeCell ref="CJQ724:CJT724"/>
    <mergeCell ref="CJU724:CJX724"/>
    <mergeCell ref="CJY724:CKB724"/>
    <mergeCell ref="CKC724:CKF724"/>
    <mergeCell ref="CIS724:CIV724"/>
    <mergeCell ref="CIW724:CIZ724"/>
    <mergeCell ref="CJA724:CJD724"/>
    <mergeCell ref="CJE724:CJH724"/>
    <mergeCell ref="CJI724:CJL724"/>
    <mergeCell ref="CHY724:CIB724"/>
    <mergeCell ref="CIC724:CIF724"/>
    <mergeCell ref="CIG724:CIJ724"/>
    <mergeCell ref="CIK724:CIN724"/>
    <mergeCell ref="CIO724:CIR724"/>
    <mergeCell ref="CRY724:CSB724"/>
    <mergeCell ref="CSC724:CSF724"/>
    <mergeCell ref="CSG724:CSJ724"/>
    <mergeCell ref="CSK724:CSN724"/>
    <mergeCell ref="CSO724:CSR724"/>
    <mergeCell ref="CRE724:CRH724"/>
    <mergeCell ref="CRI724:CRL724"/>
    <mergeCell ref="CRM724:CRP724"/>
    <mergeCell ref="CRQ724:CRT724"/>
    <mergeCell ref="CRU724:CRX724"/>
    <mergeCell ref="CQK724:CQN724"/>
    <mergeCell ref="CQO724:CQR724"/>
    <mergeCell ref="CQS724:CQV724"/>
    <mergeCell ref="CQW724:CQZ724"/>
    <mergeCell ref="CRA724:CRD724"/>
    <mergeCell ref="CPQ724:CPT724"/>
    <mergeCell ref="CPU724:CPX724"/>
    <mergeCell ref="CPY724:CQB724"/>
    <mergeCell ref="CQC724:CQF724"/>
    <mergeCell ref="CQG724:CQJ724"/>
    <mergeCell ref="COW724:COZ724"/>
    <mergeCell ref="CPA724:CPD724"/>
    <mergeCell ref="CPE724:CPH724"/>
    <mergeCell ref="CPI724:CPL724"/>
    <mergeCell ref="CPM724:CPP724"/>
    <mergeCell ref="COC724:COF724"/>
    <mergeCell ref="COG724:COJ724"/>
    <mergeCell ref="COK724:CON724"/>
    <mergeCell ref="COO724:COR724"/>
    <mergeCell ref="COS724:COV724"/>
    <mergeCell ref="CNI724:CNL724"/>
    <mergeCell ref="CNM724:CNP724"/>
    <mergeCell ref="CNQ724:CNT724"/>
    <mergeCell ref="CNU724:CNX724"/>
    <mergeCell ref="CNY724:COB724"/>
    <mergeCell ref="CXI724:CXL724"/>
    <mergeCell ref="CXM724:CXP724"/>
    <mergeCell ref="CXQ724:CXT724"/>
    <mergeCell ref="CXU724:CXX724"/>
    <mergeCell ref="CXY724:CYB724"/>
    <mergeCell ref="CWO724:CWR724"/>
    <mergeCell ref="CWS724:CWV724"/>
    <mergeCell ref="CWW724:CWZ724"/>
    <mergeCell ref="CXA724:CXD724"/>
    <mergeCell ref="CXE724:CXH724"/>
    <mergeCell ref="CVU724:CVX724"/>
    <mergeCell ref="CVY724:CWB724"/>
    <mergeCell ref="CWC724:CWF724"/>
    <mergeCell ref="CWG724:CWJ724"/>
    <mergeCell ref="CWK724:CWN724"/>
    <mergeCell ref="CVA724:CVD724"/>
    <mergeCell ref="CVE724:CVH724"/>
    <mergeCell ref="CVI724:CVL724"/>
    <mergeCell ref="CVM724:CVP724"/>
    <mergeCell ref="CVQ724:CVT724"/>
    <mergeCell ref="CUG724:CUJ724"/>
    <mergeCell ref="CUK724:CUN724"/>
    <mergeCell ref="CUO724:CUR724"/>
    <mergeCell ref="CUS724:CUV724"/>
    <mergeCell ref="CUW724:CUZ724"/>
    <mergeCell ref="CTM724:CTP724"/>
    <mergeCell ref="CTQ724:CTT724"/>
    <mergeCell ref="CTU724:CTX724"/>
    <mergeCell ref="CTY724:CUB724"/>
    <mergeCell ref="CUC724:CUF724"/>
    <mergeCell ref="CSS724:CSV724"/>
    <mergeCell ref="CSW724:CSZ724"/>
    <mergeCell ref="CTA724:CTD724"/>
    <mergeCell ref="CTE724:CTH724"/>
    <mergeCell ref="CTI724:CTL724"/>
    <mergeCell ref="DCS724:DCV724"/>
    <mergeCell ref="DCW724:DCZ724"/>
    <mergeCell ref="DDA724:DDD724"/>
    <mergeCell ref="DDE724:DDH724"/>
    <mergeCell ref="DDI724:DDL724"/>
    <mergeCell ref="DBY724:DCB724"/>
    <mergeCell ref="DCC724:DCF724"/>
    <mergeCell ref="DCG724:DCJ724"/>
    <mergeCell ref="DCK724:DCN724"/>
    <mergeCell ref="DCO724:DCR724"/>
    <mergeCell ref="DBE724:DBH724"/>
    <mergeCell ref="DBI724:DBL724"/>
    <mergeCell ref="DBM724:DBP724"/>
    <mergeCell ref="DBQ724:DBT724"/>
    <mergeCell ref="DBU724:DBX724"/>
    <mergeCell ref="DAK724:DAN724"/>
    <mergeCell ref="DAO724:DAR724"/>
    <mergeCell ref="DAS724:DAV724"/>
    <mergeCell ref="DAW724:DAZ724"/>
    <mergeCell ref="DBA724:DBD724"/>
    <mergeCell ref="CZQ724:CZT724"/>
    <mergeCell ref="CZU724:CZX724"/>
    <mergeCell ref="CZY724:DAB724"/>
    <mergeCell ref="DAC724:DAF724"/>
    <mergeCell ref="DAG724:DAJ724"/>
    <mergeCell ref="CYW724:CYZ724"/>
    <mergeCell ref="CZA724:CZD724"/>
    <mergeCell ref="CZE724:CZH724"/>
    <mergeCell ref="CZI724:CZL724"/>
    <mergeCell ref="CZM724:CZP724"/>
    <mergeCell ref="CYC724:CYF724"/>
    <mergeCell ref="CYG724:CYJ724"/>
    <mergeCell ref="CYK724:CYN724"/>
    <mergeCell ref="CYO724:CYR724"/>
    <mergeCell ref="CYS724:CYV724"/>
    <mergeCell ref="DIC724:DIF724"/>
    <mergeCell ref="DIG724:DIJ724"/>
    <mergeCell ref="DIK724:DIN724"/>
    <mergeCell ref="DIO724:DIR724"/>
    <mergeCell ref="DIS724:DIV724"/>
    <mergeCell ref="DHI724:DHL724"/>
    <mergeCell ref="DHM724:DHP724"/>
    <mergeCell ref="DHQ724:DHT724"/>
    <mergeCell ref="DHU724:DHX724"/>
    <mergeCell ref="DHY724:DIB724"/>
    <mergeCell ref="DGO724:DGR724"/>
    <mergeCell ref="DGS724:DGV724"/>
    <mergeCell ref="DGW724:DGZ724"/>
    <mergeCell ref="DHA724:DHD724"/>
    <mergeCell ref="DHE724:DHH724"/>
    <mergeCell ref="DFU724:DFX724"/>
    <mergeCell ref="DFY724:DGB724"/>
    <mergeCell ref="DGC724:DGF724"/>
    <mergeCell ref="DGG724:DGJ724"/>
    <mergeCell ref="DGK724:DGN724"/>
    <mergeCell ref="DFA724:DFD724"/>
    <mergeCell ref="DFE724:DFH724"/>
    <mergeCell ref="DFI724:DFL724"/>
    <mergeCell ref="DFM724:DFP724"/>
    <mergeCell ref="DFQ724:DFT724"/>
    <mergeCell ref="DEG724:DEJ724"/>
    <mergeCell ref="DEK724:DEN724"/>
    <mergeCell ref="DEO724:DER724"/>
    <mergeCell ref="DES724:DEV724"/>
    <mergeCell ref="DEW724:DEZ724"/>
    <mergeCell ref="DDM724:DDP724"/>
    <mergeCell ref="DDQ724:DDT724"/>
    <mergeCell ref="DDU724:DDX724"/>
    <mergeCell ref="DDY724:DEB724"/>
    <mergeCell ref="DEC724:DEF724"/>
    <mergeCell ref="DNM724:DNP724"/>
    <mergeCell ref="DNQ724:DNT724"/>
    <mergeCell ref="DNU724:DNX724"/>
    <mergeCell ref="DNY724:DOB724"/>
    <mergeCell ref="DOC724:DOF724"/>
    <mergeCell ref="DMS724:DMV724"/>
    <mergeCell ref="DMW724:DMZ724"/>
    <mergeCell ref="DNA724:DND724"/>
    <mergeCell ref="DNE724:DNH724"/>
    <mergeCell ref="DNI724:DNL724"/>
    <mergeCell ref="DLY724:DMB724"/>
    <mergeCell ref="DMC724:DMF724"/>
    <mergeCell ref="DMG724:DMJ724"/>
    <mergeCell ref="DMK724:DMN724"/>
    <mergeCell ref="DMO724:DMR724"/>
    <mergeCell ref="DLE724:DLH724"/>
    <mergeCell ref="DLI724:DLL724"/>
    <mergeCell ref="DLM724:DLP724"/>
    <mergeCell ref="DLQ724:DLT724"/>
    <mergeCell ref="DLU724:DLX724"/>
    <mergeCell ref="DKK724:DKN724"/>
    <mergeCell ref="DKO724:DKR724"/>
    <mergeCell ref="DKS724:DKV724"/>
    <mergeCell ref="DKW724:DKZ724"/>
    <mergeCell ref="DLA724:DLD724"/>
    <mergeCell ref="DJQ724:DJT724"/>
    <mergeCell ref="DJU724:DJX724"/>
    <mergeCell ref="DJY724:DKB724"/>
    <mergeCell ref="DKC724:DKF724"/>
    <mergeCell ref="DKG724:DKJ724"/>
    <mergeCell ref="DIW724:DIZ724"/>
    <mergeCell ref="DJA724:DJD724"/>
    <mergeCell ref="DJE724:DJH724"/>
    <mergeCell ref="DJI724:DJL724"/>
    <mergeCell ref="DJM724:DJP724"/>
    <mergeCell ref="DSW724:DSZ724"/>
    <mergeCell ref="DTA724:DTD724"/>
    <mergeCell ref="DTE724:DTH724"/>
    <mergeCell ref="DTI724:DTL724"/>
    <mergeCell ref="DTM724:DTP724"/>
    <mergeCell ref="DSC724:DSF724"/>
    <mergeCell ref="DSG724:DSJ724"/>
    <mergeCell ref="DSK724:DSN724"/>
    <mergeCell ref="DSO724:DSR724"/>
    <mergeCell ref="DSS724:DSV724"/>
    <mergeCell ref="DRI724:DRL724"/>
    <mergeCell ref="DRM724:DRP724"/>
    <mergeCell ref="DRQ724:DRT724"/>
    <mergeCell ref="DRU724:DRX724"/>
    <mergeCell ref="DRY724:DSB724"/>
    <mergeCell ref="DQO724:DQR724"/>
    <mergeCell ref="DQS724:DQV724"/>
    <mergeCell ref="DQW724:DQZ724"/>
    <mergeCell ref="DRA724:DRD724"/>
    <mergeCell ref="DRE724:DRH724"/>
    <mergeCell ref="DPU724:DPX724"/>
    <mergeCell ref="DPY724:DQB724"/>
    <mergeCell ref="DQC724:DQF724"/>
    <mergeCell ref="DQG724:DQJ724"/>
    <mergeCell ref="DQK724:DQN724"/>
    <mergeCell ref="DPA724:DPD724"/>
    <mergeCell ref="DPE724:DPH724"/>
    <mergeCell ref="DPI724:DPL724"/>
    <mergeCell ref="DPM724:DPP724"/>
    <mergeCell ref="DPQ724:DPT724"/>
    <mergeCell ref="DOG724:DOJ724"/>
    <mergeCell ref="DOK724:DON724"/>
    <mergeCell ref="DOO724:DOR724"/>
    <mergeCell ref="DOS724:DOV724"/>
    <mergeCell ref="DOW724:DOZ724"/>
    <mergeCell ref="DYG724:DYJ724"/>
    <mergeCell ref="DYK724:DYN724"/>
    <mergeCell ref="DYO724:DYR724"/>
    <mergeCell ref="DYS724:DYV724"/>
    <mergeCell ref="DYW724:DYZ724"/>
    <mergeCell ref="DXM724:DXP724"/>
    <mergeCell ref="DXQ724:DXT724"/>
    <mergeCell ref="DXU724:DXX724"/>
    <mergeCell ref="DXY724:DYB724"/>
    <mergeCell ref="DYC724:DYF724"/>
    <mergeCell ref="DWS724:DWV724"/>
    <mergeCell ref="DWW724:DWZ724"/>
    <mergeCell ref="DXA724:DXD724"/>
    <mergeCell ref="DXE724:DXH724"/>
    <mergeCell ref="DXI724:DXL724"/>
    <mergeCell ref="DVY724:DWB724"/>
    <mergeCell ref="DWC724:DWF724"/>
    <mergeCell ref="DWG724:DWJ724"/>
    <mergeCell ref="DWK724:DWN724"/>
    <mergeCell ref="DWO724:DWR724"/>
    <mergeCell ref="DVE724:DVH724"/>
    <mergeCell ref="DVI724:DVL724"/>
    <mergeCell ref="DVM724:DVP724"/>
    <mergeCell ref="DVQ724:DVT724"/>
    <mergeCell ref="DVU724:DVX724"/>
    <mergeCell ref="DUK724:DUN724"/>
    <mergeCell ref="DUO724:DUR724"/>
    <mergeCell ref="DUS724:DUV724"/>
    <mergeCell ref="DUW724:DUZ724"/>
    <mergeCell ref="DVA724:DVD724"/>
    <mergeCell ref="DTQ724:DTT724"/>
    <mergeCell ref="DTU724:DTX724"/>
    <mergeCell ref="DTY724:DUB724"/>
    <mergeCell ref="DUC724:DUF724"/>
    <mergeCell ref="DUG724:DUJ724"/>
    <mergeCell ref="EDQ724:EDT724"/>
    <mergeCell ref="EDU724:EDX724"/>
    <mergeCell ref="EDY724:EEB724"/>
    <mergeCell ref="EEC724:EEF724"/>
    <mergeCell ref="EEG724:EEJ724"/>
    <mergeCell ref="ECW724:ECZ724"/>
    <mergeCell ref="EDA724:EDD724"/>
    <mergeCell ref="EDE724:EDH724"/>
    <mergeCell ref="EDI724:EDL724"/>
    <mergeCell ref="EDM724:EDP724"/>
    <mergeCell ref="ECC724:ECF724"/>
    <mergeCell ref="ECG724:ECJ724"/>
    <mergeCell ref="ECK724:ECN724"/>
    <mergeCell ref="ECO724:ECR724"/>
    <mergeCell ref="ECS724:ECV724"/>
    <mergeCell ref="EBI724:EBL724"/>
    <mergeCell ref="EBM724:EBP724"/>
    <mergeCell ref="EBQ724:EBT724"/>
    <mergeCell ref="EBU724:EBX724"/>
    <mergeCell ref="EBY724:ECB724"/>
    <mergeCell ref="EAO724:EAR724"/>
    <mergeCell ref="EAS724:EAV724"/>
    <mergeCell ref="EAW724:EAZ724"/>
    <mergeCell ref="EBA724:EBD724"/>
    <mergeCell ref="EBE724:EBH724"/>
    <mergeCell ref="DZU724:DZX724"/>
    <mergeCell ref="DZY724:EAB724"/>
    <mergeCell ref="EAC724:EAF724"/>
    <mergeCell ref="EAG724:EAJ724"/>
    <mergeCell ref="EAK724:EAN724"/>
    <mergeCell ref="DZA724:DZD724"/>
    <mergeCell ref="DZE724:DZH724"/>
    <mergeCell ref="DZI724:DZL724"/>
    <mergeCell ref="DZM724:DZP724"/>
    <mergeCell ref="DZQ724:DZT724"/>
    <mergeCell ref="EJA724:EJD724"/>
    <mergeCell ref="EJE724:EJH724"/>
    <mergeCell ref="EJI724:EJL724"/>
    <mergeCell ref="EJM724:EJP724"/>
    <mergeCell ref="EJQ724:EJT724"/>
    <mergeCell ref="EIG724:EIJ724"/>
    <mergeCell ref="EIK724:EIN724"/>
    <mergeCell ref="EIO724:EIR724"/>
    <mergeCell ref="EIS724:EIV724"/>
    <mergeCell ref="EIW724:EIZ724"/>
    <mergeCell ref="EHM724:EHP724"/>
    <mergeCell ref="EHQ724:EHT724"/>
    <mergeCell ref="EHU724:EHX724"/>
    <mergeCell ref="EHY724:EIB724"/>
    <mergeCell ref="EIC724:EIF724"/>
    <mergeCell ref="EGS724:EGV724"/>
    <mergeCell ref="EGW724:EGZ724"/>
    <mergeCell ref="EHA724:EHD724"/>
    <mergeCell ref="EHE724:EHH724"/>
    <mergeCell ref="EHI724:EHL724"/>
    <mergeCell ref="EFY724:EGB724"/>
    <mergeCell ref="EGC724:EGF724"/>
    <mergeCell ref="EGG724:EGJ724"/>
    <mergeCell ref="EGK724:EGN724"/>
    <mergeCell ref="EGO724:EGR724"/>
    <mergeCell ref="EFE724:EFH724"/>
    <mergeCell ref="EFI724:EFL724"/>
    <mergeCell ref="EFM724:EFP724"/>
    <mergeCell ref="EFQ724:EFT724"/>
    <mergeCell ref="EFU724:EFX724"/>
    <mergeCell ref="EEK724:EEN724"/>
    <mergeCell ref="EEO724:EER724"/>
    <mergeCell ref="EES724:EEV724"/>
    <mergeCell ref="EEW724:EEZ724"/>
    <mergeCell ref="EFA724:EFD724"/>
    <mergeCell ref="EOK724:EON724"/>
    <mergeCell ref="EOO724:EOR724"/>
    <mergeCell ref="EOS724:EOV724"/>
    <mergeCell ref="EOW724:EOZ724"/>
    <mergeCell ref="EPA724:EPD724"/>
    <mergeCell ref="ENQ724:ENT724"/>
    <mergeCell ref="ENU724:ENX724"/>
    <mergeCell ref="ENY724:EOB724"/>
    <mergeCell ref="EOC724:EOF724"/>
    <mergeCell ref="EOG724:EOJ724"/>
    <mergeCell ref="EMW724:EMZ724"/>
    <mergeCell ref="ENA724:END724"/>
    <mergeCell ref="ENE724:ENH724"/>
    <mergeCell ref="ENI724:ENL724"/>
    <mergeCell ref="ENM724:ENP724"/>
    <mergeCell ref="EMC724:EMF724"/>
    <mergeCell ref="EMG724:EMJ724"/>
    <mergeCell ref="EMK724:EMN724"/>
    <mergeCell ref="EMO724:EMR724"/>
    <mergeCell ref="EMS724:EMV724"/>
    <mergeCell ref="ELI724:ELL724"/>
    <mergeCell ref="ELM724:ELP724"/>
    <mergeCell ref="ELQ724:ELT724"/>
    <mergeCell ref="ELU724:ELX724"/>
    <mergeCell ref="ELY724:EMB724"/>
    <mergeCell ref="EKO724:EKR724"/>
    <mergeCell ref="EKS724:EKV724"/>
    <mergeCell ref="EKW724:EKZ724"/>
    <mergeCell ref="ELA724:ELD724"/>
    <mergeCell ref="ELE724:ELH724"/>
    <mergeCell ref="EJU724:EJX724"/>
    <mergeCell ref="EJY724:EKB724"/>
    <mergeCell ref="EKC724:EKF724"/>
    <mergeCell ref="EKG724:EKJ724"/>
    <mergeCell ref="EKK724:EKN724"/>
    <mergeCell ref="ETU724:ETX724"/>
    <mergeCell ref="ETY724:EUB724"/>
    <mergeCell ref="EUC724:EUF724"/>
    <mergeCell ref="EUG724:EUJ724"/>
    <mergeCell ref="EUK724:EUN724"/>
    <mergeCell ref="ETA724:ETD724"/>
    <mergeCell ref="ETE724:ETH724"/>
    <mergeCell ref="ETI724:ETL724"/>
    <mergeCell ref="ETM724:ETP724"/>
    <mergeCell ref="ETQ724:ETT724"/>
    <mergeCell ref="ESG724:ESJ724"/>
    <mergeCell ref="ESK724:ESN724"/>
    <mergeCell ref="ESO724:ESR724"/>
    <mergeCell ref="ESS724:ESV724"/>
    <mergeCell ref="ESW724:ESZ724"/>
    <mergeCell ref="ERM724:ERP724"/>
    <mergeCell ref="ERQ724:ERT724"/>
    <mergeCell ref="ERU724:ERX724"/>
    <mergeCell ref="ERY724:ESB724"/>
    <mergeCell ref="ESC724:ESF724"/>
    <mergeCell ref="EQS724:EQV724"/>
    <mergeCell ref="EQW724:EQZ724"/>
    <mergeCell ref="ERA724:ERD724"/>
    <mergeCell ref="ERE724:ERH724"/>
    <mergeCell ref="ERI724:ERL724"/>
    <mergeCell ref="EPY724:EQB724"/>
    <mergeCell ref="EQC724:EQF724"/>
    <mergeCell ref="EQG724:EQJ724"/>
    <mergeCell ref="EQK724:EQN724"/>
    <mergeCell ref="EQO724:EQR724"/>
    <mergeCell ref="EPE724:EPH724"/>
    <mergeCell ref="EPI724:EPL724"/>
    <mergeCell ref="EPM724:EPP724"/>
    <mergeCell ref="EPQ724:EPT724"/>
    <mergeCell ref="EPU724:EPX724"/>
    <mergeCell ref="EZE724:EZH724"/>
    <mergeCell ref="EZI724:EZL724"/>
    <mergeCell ref="EZM724:EZP724"/>
    <mergeCell ref="EZQ724:EZT724"/>
    <mergeCell ref="EZU724:EZX724"/>
    <mergeCell ref="EYK724:EYN724"/>
    <mergeCell ref="EYO724:EYR724"/>
    <mergeCell ref="EYS724:EYV724"/>
    <mergeCell ref="EYW724:EYZ724"/>
    <mergeCell ref="EZA724:EZD724"/>
    <mergeCell ref="EXQ724:EXT724"/>
    <mergeCell ref="EXU724:EXX724"/>
    <mergeCell ref="EXY724:EYB724"/>
    <mergeCell ref="EYC724:EYF724"/>
    <mergeCell ref="EYG724:EYJ724"/>
    <mergeCell ref="EWW724:EWZ724"/>
    <mergeCell ref="EXA724:EXD724"/>
    <mergeCell ref="EXE724:EXH724"/>
    <mergeCell ref="EXI724:EXL724"/>
    <mergeCell ref="EXM724:EXP724"/>
    <mergeCell ref="EWC724:EWF724"/>
    <mergeCell ref="EWG724:EWJ724"/>
    <mergeCell ref="EWK724:EWN724"/>
    <mergeCell ref="EWO724:EWR724"/>
    <mergeCell ref="EWS724:EWV724"/>
    <mergeCell ref="EVI724:EVL724"/>
    <mergeCell ref="EVM724:EVP724"/>
    <mergeCell ref="EVQ724:EVT724"/>
    <mergeCell ref="EVU724:EVX724"/>
    <mergeCell ref="EVY724:EWB724"/>
    <mergeCell ref="EUO724:EUR724"/>
    <mergeCell ref="EUS724:EUV724"/>
    <mergeCell ref="EUW724:EUZ724"/>
    <mergeCell ref="EVA724:EVD724"/>
    <mergeCell ref="EVE724:EVH724"/>
    <mergeCell ref="FEO724:FER724"/>
    <mergeCell ref="FES724:FEV724"/>
    <mergeCell ref="FEW724:FEZ724"/>
    <mergeCell ref="FFA724:FFD724"/>
    <mergeCell ref="FFE724:FFH724"/>
    <mergeCell ref="FDU724:FDX724"/>
    <mergeCell ref="FDY724:FEB724"/>
    <mergeCell ref="FEC724:FEF724"/>
    <mergeCell ref="FEG724:FEJ724"/>
    <mergeCell ref="FEK724:FEN724"/>
    <mergeCell ref="FDA724:FDD724"/>
    <mergeCell ref="FDE724:FDH724"/>
    <mergeCell ref="FDI724:FDL724"/>
    <mergeCell ref="FDM724:FDP724"/>
    <mergeCell ref="FDQ724:FDT724"/>
    <mergeCell ref="FCG724:FCJ724"/>
    <mergeCell ref="FCK724:FCN724"/>
    <mergeCell ref="FCO724:FCR724"/>
    <mergeCell ref="FCS724:FCV724"/>
    <mergeCell ref="FCW724:FCZ724"/>
    <mergeCell ref="FBM724:FBP724"/>
    <mergeCell ref="FBQ724:FBT724"/>
    <mergeCell ref="FBU724:FBX724"/>
    <mergeCell ref="FBY724:FCB724"/>
    <mergeCell ref="FCC724:FCF724"/>
    <mergeCell ref="FAS724:FAV724"/>
    <mergeCell ref="FAW724:FAZ724"/>
    <mergeCell ref="FBA724:FBD724"/>
    <mergeCell ref="FBE724:FBH724"/>
    <mergeCell ref="FBI724:FBL724"/>
    <mergeCell ref="EZY724:FAB724"/>
    <mergeCell ref="FAC724:FAF724"/>
    <mergeCell ref="FAG724:FAJ724"/>
    <mergeCell ref="FAK724:FAN724"/>
    <mergeCell ref="FAO724:FAR724"/>
    <mergeCell ref="FJY724:FKB724"/>
    <mergeCell ref="FKC724:FKF724"/>
    <mergeCell ref="FKG724:FKJ724"/>
    <mergeCell ref="FKK724:FKN724"/>
    <mergeCell ref="FKO724:FKR724"/>
    <mergeCell ref="FJE724:FJH724"/>
    <mergeCell ref="FJI724:FJL724"/>
    <mergeCell ref="FJM724:FJP724"/>
    <mergeCell ref="FJQ724:FJT724"/>
    <mergeCell ref="FJU724:FJX724"/>
    <mergeCell ref="FIK724:FIN724"/>
    <mergeCell ref="FIO724:FIR724"/>
    <mergeCell ref="FIS724:FIV724"/>
    <mergeCell ref="FIW724:FIZ724"/>
    <mergeCell ref="FJA724:FJD724"/>
    <mergeCell ref="FHQ724:FHT724"/>
    <mergeCell ref="FHU724:FHX724"/>
    <mergeCell ref="FHY724:FIB724"/>
    <mergeCell ref="FIC724:FIF724"/>
    <mergeCell ref="FIG724:FIJ724"/>
    <mergeCell ref="FGW724:FGZ724"/>
    <mergeCell ref="FHA724:FHD724"/>
    <mergeCell ref="FHE724:FHH724"/>
    <mergeCell ref="FHI724:FHL724"/>
    <mergeCell ref="FHM724:FHP724"/>
    <mergeCell ref="FGC724:FGF724"/>
    <mergeCell ref="FGG724:FGJ724"/>
    <mergeCell ref="FGK724:FGN724"/>
    <mergeCell ref="FGO724:FGR724"/>
    <mergeCell ref="FGS724:FGV724"/>
    <mergeCell ref="FFI724:FFL724"/>
    <mergeCell ref="FFM724:FFP724"/>
    <mergeCell ref="FFQ724:FFT724"/>
    <mergeCell ref="FFU724:FFX724"/>
    <mergeCell ref="FFY724:FGB724"/>
    <mergeCell ref="FPI724:FPL724"/>
    <mergeCell ref="FPM724:FPP724"/>
    <mergeCell ref="FPQ724:FPT724"/>
    <mergeCell ref="FPU724:FPX724"/>
    <mergeCell ref="FPY724:FQB724"/>
    <mergeCell ref="FOO724:FOR724"/>
    <mergeCell ref="FOS724:FOV724"/>
    <mergeCell ref="FOW724:FOZ724"/>
    <mergeCell ref="FPA724:FPD724"/>
    <mergeCell ref="FPE724:FPH724"/>
    <mergeCell ref="FNU724:FNX724"/>
    <mergeCell ref="FNY724:FOB724"/>
    <mergeCell ref="FOC724:FOF724"/>
    <mergeCell ref="FOG724:FOJ724"/>
    <mergeCell ref="FOK724:FON724"/>
    <mergeCell ref="FNA724:FND724"/>
    <mergeCell ref="FNE724:FNH724"/>
    <mergeCell ref="FNI724:FNL724"/>
    <mergeCell ref="FNM724:FNP724"/>
    <mergeCell ref="FNQ724:FNT724"/>
    <mergeCell ref="FMG724:FMJ724"/>
    <mergeCell ref="FMK724:FMN724"/>
    <mergeCell ref="FMO724:FMR724"/>
    <mergeCell ref="FMS724:FMV724"/>
    <mergeCell ref="FMW724:FMZ724"/>
    <mergeCell ref="FLM724:FLP724"/>
    <mergeCell ref="FLQ724:FLT724"/>
    <mergeCell ref="FLU724:FLX724"/>
    <mergeCell ref="FLY724:FMB724"/>
    <mergeCell ref="FMC724:FMF724"/>
    <mergeCell ref="FKS724:FKV724"/>
    <mergeCell ref="FKW724:FKZ724"/>
    <mergeCell ref="FLA724:FLD724"/>
    <mergeCell ref="FLE724:FLH724"/>
    <mergeCell ref="FLI724:FLL724"/>
    <mergeCell ref="FUS724:FUV724"/>
    <mergeCell ref="FUW724:FUZ724"/>
    <mergeCell ref="FVA724:FVD724"/>
    <mergeCell ref="FVE724:FVH724"/>
    <mergeCell ref="FVI724:FVL724"/>
    <mergeCell ref="FTY724:FUB724"/>
    <mergeCell ref="FUC724:FUF724"/>
    <mergeCell ref="FUG724:FUJ724"/>
    <mergeCell ref="FUK724:FUN724"/>
    <mergeCell ref="FUO724:FUR724"/>
    <mergeCell ref="FTE724:FTH724"/>
    <mergeCell ref="FTI724:FTL724"/>
    <mergeCell ref="FTM724:FTP724"/>
    <mergeCell ref="FTQ724:FTT724"/>
    <mergeCell ref="FTU724:FTX724"/>
    <mergeCell ref="FSK724:FSN724"/>
    <mergeCell ref="FSO724:FSR724"/>
    <mergeCell ref="FSS724:FSV724"/>
    <mergeCell ref="FSW724:FSZ724"/>
    <mergeCell ref="FTA724:FTD724"/>
    <mergeCell ref="FRQ724:FRT724"/>
    <mergeCell ref="FRU724:FRX724"/>
    <mergeCell ref="FRY724:FSB724"/>
    <mergeCell ref="FSC724:FSF724"/>
    <mergeCell ref="FSG724:FSJ724"/>
    <mergeCell ref="FQW724:FQZ724"/>
    <mergeCell ref="FRA724:FRD724"/>
    <mergeCell ref="FRE724:FRH724"/>
    <mergeCell ref="FRI724:FRL724"/>
    <mergeCell ref="FRM724:FRP724"/>
    <mergeCell ref="FQC724:FQF724"/>
    <mergeCell ref="FQG724:FQJ724"/>
    <mergeCell ref="FQK724:FQN724"/>
    <mergeCell ref="FQO724:FQR724"/>
    <mergeCell ref="FQS724:FQV724"/>
    <mergeCell ref="GAC724:GAF724"/>
    <mergeCell ref="GAG724:GAJ724"/>
    <mergeCell ref="GAK724:GAN724"/>
    <mergeCell ref="GAO724:GAR724"/>
    <mergeCell ref="GAS724:GAV724"/>
    <mergeCell ref="FZI724:FZL724"/>
    <mergeCell ref="FZM724:FZP724"/>
    <mergeCell ref="FZQ724:FZT724"/>
    <mergeCell ref="FZU724:FZX724"/>
    <mergeCell ref="FZY724:GAB724"/>
    <mergeCell ref="FYO724:FYR724"/>
    <mergeCell ref="FYS724:FYV724"/>
    <mergeCell ref="FYW724:FYZ724"/>
    <mergeCell ref="FZA724:FZD724"/>
    <mergeCell ref="FZE724:FZH724"/>
    <mergeCell ref="FXU724:FXX724"/>
    <mergeCell ref="FXY724:FYB724"/>
    <mergeCell ref="FYC724:FYF724"/>
    <mergeCell ref="FYG724:FYJ724"/>
    <mergeCell ref="FYK724:FYN724"/>
    <mergeCell ref="FXA724:FXD724"/>
    <mergeCell ref="FXE724:FXH724"/>
    <mergeCell ref="FXI724:FXL724"/>
    <mergeCell ref="FXM724:FXP724"/>
    <mergeCell ref="FXQ724:FXT724"/>
    <mergeCell ref="FWG724:FWJ724"/>
    <mergeCell ref="FWK724:FWN724"/>
    <mergeCell ref="FWO724:FWR724"/>
    <mergeCell ref="FWS724:FWV724"/>
    <mergeCell ref="FWW724:FWZ724"/>
    <mergeCell ref="FVM724:FVP724"/>
    <mergeCell ref="FVQ724:FVT724"/>
    <mergeCell ref="FVU724:FVX724"/>
    <mergeCell ref="FVY724:FWB724"/>
    <mergeCell ref="FWC724:FWF724"/>
    <mergeCell ref="GFM724:GFP724"/>
    <mergeCell ref="GFQ724:GFT724"/>
    <mergeCell ref="GFU724:GFX724"/>
    <mergeCell ref="GFY724:GGB724"/>
    <mergeCell ref="GGC724:GGF724"/>
    <mergeCell ref="GES724:GEV724"/>
    <mergeCell ref="GEW724:GEZ724"/>
    <mergeCell ref="GFA724:GFD724"/>
    <mergeCell ref="GFE724:GFH724"/>
    <mergeCell ref="GFI724:GFL724"/>
    <mergeCell ref="GDY724:GEB724"/>
    <mergeCell ref="GEC724:GEF724"/>
    <mergeCell ref="GEG724:GEJ724"/>
    <mergeCell ref="GEK724:GEN724"/>
    <mergeCell ref="GEO724:GER724"/>
    <mergeCell ref="GDE724:GDH724"/>
    <mergeCell ref="GDI724:GDL724"/>
    <mergeCell ref="GDM724:GDP724"/>
    <mergeCell ref="GDQ724:GDT724"/>
    <mergeCell ref="GDU724:GDX724"/>
    <mergeCell ref="GCK724:GCN724"/>
    <mergeCell ref="GCO724:GCR724"/>
    <mergeCell ref="GCS724:GCV724"/>
    <mergeCell ref="GCW724:GCZ724"/>
    <mergeCell ref="GDA724:GDD724"/>
    <mergeCell ref="GBQ724:GBT724"/>
    <mergeCell ref="GBU724:GBX724"/>
    <mergeCell ref="GBY724:GCB724"/>
    <mergeCell ref="GCC724:GCF724"/>
    <mergeCell ref="GCG724:GCJ724"/>
    <mergeCell ref="GAW724:GAZ724"/>
    <mergeCell ref="GBA724:GBD724"/>
    <mergeCell ref="GBE724:GBH724"/>
    <mergeCell ref="GBI724:GBL724"/>
    <mergeCell ref="GBM724:GBP724"/>
    <mergeCell ref="GKW724:GKZ724"/>
    <mergeCell ref="GLA724:GLD724"/>
    <mergeCell ref="GLE724:GLH724"/>
    <mergeCell ref="GLI724:GLL724"/>
    <mergeCell ref="GLM724:GLP724"/>
    <mergeCell ref="GKC724:GKF724"/>
    <mergeCell ref="GKG724:GKJ724"/>
    <mergeCell ref="GKK724:GKN724"/>
    <mergeCell ref="GKO724:GKR724"/>
    <mergeCell ref="GKS724:GKV724"/>
    <mergeCell ref="GJI724:GJL724"/>
    <mergeCell ref="GJM724:GJP724"/>
    <mergeCell ref="GJQ724:GJT724"/>
    <mergeCell ref="GJU724:GJX724"/>
    <mergeCell ref="GJY724:GKB724"/>
    <mergeCell ref="GIO724:GIR724"/>
    <mergeCell ref="GIS724:GIV724"/>
    <mergeCell ref="GIW724:GIZ724"/>
    <mergeCell ref="GJA724:GJD724"/>
    <mergeCell ref="GJE724:GJH724"/>
    <mergeCell ref="GHU724:GHX724"/>
    <mergeCell ref="GHY724:GIB724"/>
    <mergeCell ref="GIC724:GIF724"/>
    <mergeCell ref="GIG724:GIJ724"/>
    <mergeCell ref="GIK724:GIN724"/>
    <mergeCell ref="GHA724:GHD724"/>
    <mergeCell ref="GHE724:GHH724"/>
    <mergeCell ref="GHI724:GHL724"/>
    <mergeCell ref="GHM724:GHP724"/>
    <mergeCell ref="GHQ724:GHT724"/>
    <mergeCell ref="GGG724:GGJ724"/>
    <mergeCell ref="GGK724:GGN724"/>
    <mergeCell ref="GGO724:GGR724"/>
    <mergeCell ref="GGS724:GGV724"/>
    <mergeCell ref="GGW724:GGZ724"/>
    <mergeCell ref="GQG724:GQJ724"/>
    <mergeCell ref="GQK724:GQN724"/>
    <mergeCell ref="GQO724:GQR724"/>
    <mergeCell ref="GQS724:GQV724"/>
    <mergeCell ref="GQW724:GQZ724"/>
    <mergeCell ref="GPM724:GPP724"/>
    <mergeCell ref="GPQ724:GPT724"/>
    <mergeCell ref="GPU724:GPX724"/>
    <mergeCell ref="GPY724:GQB724"/>
    <mergeCell ref="GQC724:GQF724"/>
    <mergeCell ref="GOS724:GOV724"/>
    <mergeCell ref="GOW724:GOZ724"/>
    <mergeCell ref="GPA724:GPD724"/>
    <mergeCell ref="GPE724:GPH724"/>
    <mergeCell ref="GPI724:GPL724"/>
    <mergeCell ref="GNY724:GOB724"/>
    <mergeCell ref="GOC724:GOF724"/>
    <mergeCell ref="GOG724:GOJ724"/>
    <mergeCell ref="GOK724:GON724"/>
    <mergeCell ref="GOO724:GOR724"/>
    <mergeCell ref="GNE724:GNH724"/>
    <mergeCell ref="GNI724:GNL724"/>
    <mergeCell ref="GNM724:GNP724"/>
    <mergeCell ref="GNQ724:GNT724"/>
    <mergeCell ref="GNU724:GNX724"/>
    <mergeCell ref="GMK724:GMN724"/>
    <mergeCell ref="GMO724:GMR724"/>
    <mergeCell ref="GMS724:GMV724"/>
    <mergeCell ref="GMW724:GMZ724"/>
    <mergeCell ref="GNA724:GND724"/>
    <mergeCell ref="GLQ724:GLT724"/>
    <mergeCell ref="GLU724:GLX724"/>
    <mergeCell ref="GLY724:GMB724"/>
    <mergeCell ref="GMC724:GMF724"/>
    <mergeCell ref="GMG724:GMJ724"/>
    <mergeCell ref="GVQ724:GVT724"/>
    <mergeCell ref="GVU724:GVX724"/>
    <mergeCell ref="GVY724:GWB724"/>
    <mergeCell ref="GWC724:GWF724"/>
    <mergeCell ref="GWG724:GWJ724"/>
    <mergeCell ref="GUW724:GUZ724"/>
    <mergeCell ref="GVA724:GVD724"/>
    <mergeCell ref="GVE724:GVH724"/>
    <mergeCell ref="GVI724:GVL724"/>
    <mergeCell ref="GVM724:GVP724"/>
    <mergeCell ref="GUC724:GUF724"/>
    <mergeCell ref="GUG724:GUJ724"/>
    <mergeCell ref="GUK724:GUN724"/>
    <mergeCell ref="GUO724:GUR724"/>
    <mergeCell ref="GUS724:GUV724"/>
    <mergeCell ref="GTI724:GTL724"/>
    <mergeCell ref="GTM724:GTP724"/>
    <mergeCell ref="GTQ724:GTT724"/>
    <mergeCell ref="GTU724:GTX724"/>
    <mergeCell ref="GTY724:GUB724"/>
    <mergeCell ref="GSO724:GSR724"/>
    <mergeCell ref="GSS724:GSV724"/>
    <mergeCell ref="GSW724:GSZ724"/>
    <mergeCell ref="GTA724:GTD724"/>
    <mergeCell ref="GTE724:GTH724"/>
    <mergeCell ref="GRU724:GRX724"/>
    <mergeCell ref="GRY724:GSB724"/>
    <mergeCell ref="GSC724:GSF724"/>
    <mergeCell ref="GSG724:GSJ724"/>
    <mergeCell ref="GSK724:GSN724"/>
    <mergeCell ref="GRA724:GRD724"/>
    <mergeCell ref="GRE724:GRH724"/>
    <mergeCell ref="GRI724:GRL724"/>
    <mergeCell ref="GRM724:GRP724"/>
    <mergeCell ref="GRQ724:GRT724"/>
    <mergeCell ref="HBA724:HBD724"/>
    <mergeCell ref="HBE724:HBH724"/>
    <mergeCell ref="HBI724:HBL724"/>
    <mergeCell ref="HBM724:HBP724"/>
    <mergeCell ref="HBQ724:HBT724"/>
    <mergeCell ref="HAG724:HAJ724"/>
    <mergeCell ref="HAK724:HAN724"/>
    <mergeCell ref="HAO724:HAR724"/>
    <mergeCell ref="HAS724:HAV724"/>
    <mergeCell ref="HAW724:HAZ724"/>
    <mergeCell ref="GZM724:GZP724"/>
    <mergeCell ref="GZQ724:GZT724"/>
    <mergeCell ref="GZU724:GZX724"/>
    <mergeCell ref="GZY724:HAB724"/>
    <mergeCell ref="HAC724:HAF724"/>
    <mergeCell ref="GYS724:GYV724"/>
    <mergeCell ref="GYW724:GYZ724"/>
    <mergeCell ref="GZA724:GZD724"/>
    <mergeCell ref="GZE724:GZH724"/>
    <mergeCell ref="GZI724:GZL724"/>
    <mergeCell ref="GXY724:GYB724"/>
    <mergeCell ref="GYC724:GYF724"/>
    <mergeCell ref="GYG724:GYJ724"/>
    <mergeCell ref="GYK724:GYN724"/>
    <mergeCell ref="GYO724:GYR724"/>
    <mergeCell ref="GXE724:GXH724"/>
    <mergeCell ref="GXI724:GXL724"/>
    <mergeCell ref="GXM724:GXP724"/>
    <mergeCell ref="GXQ724:GXT724"/>
    <mergeCell ref="GXU724:GXX724"/>
    <mergeCell ref="GWK724:GWN724"/>
    <mergeCell ref="GWO724:GWR724"/>
    <mergeCell ref="GWS724:GWV724"/>
    <mergeCell ref="GWW724:GWZ724"/>
    <mergeCell ref="GXA724:GXD724"/>
    <mergeCell ref="HGK724:HGN724"/>
    <mergeCell ref="HGO724:HGR724"/>
    <mergeCell ref="HGS724:HGV724"/>
    <mergeCell ref="HGW724:HGZ724"/>
    <mergeCell ref="HHA724:HHD724"/>
    <mergeCell ref="HFQ724:HFT724"/>
    <mergeCell ref="HFU724:HFX724"/>
    <mergeCell ref="HFY724:HGB724"/>
    <mergeCell ref="HGC724:HGF724"/>
    <mergeCell ref="HGG724:HGJ724"/>
    <mergeCell ref="HEW724:HEZ724"/>
    <mergeCell ref="HFA724:HFD724"/>
    <mergeCell ref="HFE724:HFH724"/>
    <mergeCell ref="HFI724:HFL724"/>
    <mergeCell ref="HFM724:HFP724"/>
    <mergeCell ref="HEC724:HEF724"/>
    <mergeCell ref="HEG724:HEJ724"/>
    <mergeCell ref="HEK724:HEN724"/>
    <mergeCell ref="HEO724:HER724"/>
    <mergeCell ref="HES724:HEV724"/>
    <mergeCell ref="HDI724:HDL724"/>
    <mergeCell ref="HDM724:HDP724"/>
    <mergeCell ref="HDQ724:HDT724"/>
    <mergeCell ref="HDU724:HDX724"/>
    <mergeCell ref="HDY724:HEB724"/>
    <mergeCell ref="HCO724:HCR724"/>
    <mergeCell ref="HCS724:HCV724"/>
    <mergeCell ref="HCW724:HCZ724"/>
    <mergeCell ref="HDA724:HDD724"/>
    <mergeCell ref="HDE724:HDH724"/>
    <mergeCell ref="HBU724:HBX724"/>
    <mergeCell ref="HBY724:HCB724"/>
    <mergeCell ref="HCC724:HCF724"/>
    <mergeCell ref="HCG724:HCJ724"/>
    <mergeCell ref="HCK724:HCN724"/>
    <mergeCell ref="HLU724:HLX724"/>
    <mergeCell ref="HLY724:HMB724"/>
    <mergeCell ref="HMC724:HMF724"/>
    <mergeCell ref="HMG724:HMJ724"/>
    <mergeCell ref="HMK724:HMN724"/>
    <mergeCell ref="HLA724:HLD724"/>
    <mergeCell ref="HLE724:HLH724"/>
    <mergeCell ref="HLI724:HLL724"/>
    <mergeCell ref="HLM724:HLP724"/>
    <mergeCell ref="HLQ724:HLT724"/>
    <mergeCell ref="HKG724:HKJ724"/>
    <mergeCell ref="HKK724:HKN724"/>
    <mergeCell ref="HKO724:HKR724"/>
    <mergeCell ref="HKS724:HKV724"/>
    <mergeCell ref="HKW724:HKZ724"/>
    <mergeCell ref="HJM724:HJP724"/>
    <mergeCell ref="HJQ724:HJT724"/>
    <mergeCell ref="HJU724:HJX724"/>
    <mergeCell ref="HJY724:HKB724"/>
    <mergeCell ref="HKC724:HKF724"/>
    <mergeCell ref="HIS724:HIV724"/>
    <mergeCell ref="HIW724:HIZ724"/>
    <mergeCell ref="HJA724:HJD724"/>
    <mergeCell ref="HJE724:HJH724"/>
    <mergeCell ref="HJI724:HJL724"/>
    <mergeCell ref="HHY724:HIB724"/>
    <mergeCell ref="HIC724:HIF724"/>
    <mergeCell ref="HIG724:HIJ724"/>
    <mergeCell ref="HIK724:HIN724"/>
    <mergeCell ref="HIO724:HIR724"/>
    <mergeCell ref="HHE724:HHH724"/>
    <mergeCell ref="HHI724:HHL724"/>
    <mergeCell ref="HHM724:HHP724"/>
    <mergeCell ref="HHQ724:HHT724"/>
    <mergeCell ref="HHU724:HHX724"/>
    <mergeCell ref="HRE724:HRH724"/>
    <mergeCell ref="HRI724:HRL724"/>
    <mergeCell ref="HRM724:HRP724"/>
    <mergeCell ref="HRQ724:HRT724"/>
    <mergeCell ref="HRU724:HRX724"/>
    <mergeCell ref="HQK724:HQN724"/>
    <mergeCell ref="HQO724:HQR724"/>
    <mergeCell ref="HQS724:HQV724"/>
    <mergeCell ref="HQW724:HQZ724"/>
    <mergeCell ref="HRA724:HRD724"/>
    <mergeCell ref="HPQ724:HPT724"/>
    <mergeCell ref="HPU724:HPX724"/>
    <mergeCell ref="HPY724:HQB724"/>
    <mergeCell ref="HQC724:HQF724"/>
    <mergeCell ref="HQG724:HQJ724"/>
    <mergeCell ref="HOW724:HOZ724"/>
    <mergeCell ref="HPA724:HPD724"/>
    <mergeCell ref="HPE724:HPH724"/>
    <mergeCell ref="HPI724:HPL724"/>
    <mergeCell ref="HPM724:HPP724"/>
    <mergeCell ref="HOC724:HOF724"/>
    <mergeCell ref="HOG724:HOJ724"/>
    <mergeCell ref="HOK724:HON724"/>
    <mergeCell ref="HOO724:HOR724"/>
    <mergeCell ref="HOS724:HOV724"/>
    <mergeCell ref="HNI724:HNL724"/>
    <mergeCell ref="HNM724:HNP724"/>
    <mergeCell ref="HNQ724:HNT724"/>
    <mergeCell ref="HNU724:HNX724"/>
    <mergeCell ref="HNY724:HOB724"/>
    <mergeCell ref="HMO724:HMR724"/>
    <mergeCell ref="HMS724:HMV724"/>
    <mergeCell ref="HMW724:HMZ724"/>
    <mergeCell ref="HNA724:HND724"/>
    <mergeCell ref="HNE724:HNH724"/>
    <mergeCell ref="HWO724:HWR724"/>
    <mergeCell ref="HWS724:HWV724"/>
    <mergeCell ref="HWW724:HWZ724"/>
    <mergeCell ref="HXA724:HXD724"/>
    <mergeCell ref="HXE724:HXH724"/>
    <mergeCell ref="HVU724:HVX724"/>
    <mergeCell ref="HVY724:HWB724"/>
    <mergeCell ref="HWC724:HWF724"/>
    <mergeCell ref="HWG724:HWJ724"/>
    <mergeCell ref="HWK724:HWN724"/>
    <mergeCell ref="HVA724:HVD724"/>
    <mergeCell ref="HVE724:HVH724"/>
    <mergeCell ref="HVI724:HVL724"/>
    <mergeCell ref="HVM724:HVP724"/>
    <mergeCell ref="HVQ724:HVT724"/>
    <mergeCell ref="HUG724:HUJ724"/>
    <mergeCell ref="HUK724:HUN724"/>
    <mergeCell ref="HUO724:HUR724"/>
    <mergeCell ref="HUS724:HUV724"/>
    <mergeCell ref="HUW724:HUZ724"/>
    <mergeCell ref="HTM724:HTP724"/>
    <mergeCell ref="HTQ724:HTT724"/>
    <mergeCell ref="HTU724:HTX724"/>
    <mergeCell ref="HTY724:HUB724"/>
    <mergeCell ref="HUC724:HUF724"/>
    <mergeCell ref="HSS724:HSV724"/>
    <mergeCell ref="HSW724:HSZ724"/>
    <mergeCell ref="HTA724:HTD724"/>
    <mergeCell ref="HTE724:HTH724"/>
    <mergeCell ref="HTI724:HTL724"/>
    <mergeCell ref="HRY724:HSB724"/>
    <mergeCell ref="HSC724:HSF724"/>
    <mergeCell ref="HSG724:HSJ724"/>
    <mergeCell ref="HSK724:HSN724"/>
    <mergeCell ref="HSO724:HSR724"/>
    <mergeCell ref="IBY724:ICB724"/>
    <mergeCell ref="ICC724:ICF724"/>
    <mergeCell ref="ICG724:ICJ724"/>
    <mergeCell ref="ICK724:ICN724"/>
    <mergeCell ref="ICO724:ICR724"/>
    <mergeCell ref="IBE724:IBH724"/>
    <mergeCell ref="IBI724:IBL724"/>
    <mergeCell ref="IBM724:IBP724"/>
    <mergeCell ref="IBQ724:IBT724"/>
    <mergeCell ref="IBU724:IBX724"/>
    <mergeCell ref="IAK724:IAN724"/>
    <mergeCell ref="IAO724:IAR724"/>
    <mergeCell ref="IAS724:IAV724"/>
    <mergeCell ref="IAW724:IAZ724"/>
    <mergeCell ref="IBA724:IBD724"/>
    <mergeCell ref="HZQ724:HZT724"/>
    <mergeCell ref="HZU724:HZX724"/>
    <mergeCell ref="HZY724:IAB724"/>
    <mergeCell ref="IAC724:IAF724"/>
    <mergeCell ref="IAG724:IAJ724"/>
    <mergeCell ref="HYW724:HYZ724"/>
    <mergeCell ref="HZA724:HZD724"/>
    <mergeCell ref="HZE724:HZH724"/>
    <mergeCell ref="HZI724:HZL724"/>
    <mergeCell ref="HZM724:HZP724"/>
    <mergeCell ref="HYC724:HYF724"/>
    <mergeCell ref="HYG724:HYJ724"/>
    <mergeCell ref="HYK724:HYN724"/>
    <mergeCell ref="HYO724:HYR724"/>
    <mergeCell ref="HYS724:HYV724"/>
    <mergeCell ref="HXI724:HXL724"/>
    <mergeCell ref="HXM724:HXP724"/>
    <mergeCell ref="HXQ724:HXT724"/>
    <mergeCell ref="HXU724:HXX724"/>
    <mergeCell ref="HXY724:HYB724"/>
    <mergeCell ref="IHI724:IHL724"/>
    <mergeCell ref="IHM724:IHP724"/>
    <mergeCell ref="IHQ724:IHT724"/>
    <mergeCell ref="IHU724:IHX724"/>
    <mergeCell ref="IHY724:IIB724"/>
    <mergeCell ref="IGO724:IGR724"/>
    <mergeCell ref="IGS724:IGV724"/>
    <mergeCell ref="IGW724:IGZ724"/>
    <mergeCell ref="IHA724:IHD724"/>
    <mergeCell ref="IHE724:IHH724"/>
    <mergeCell ref="IFU724:IFX724"/>
    <mergeCell ref="IFY724:IGB724"/>
    <mergeCell ref="IGC724:IGF724"/>
    <mergeCell ref="IGG724:IGJ724"/>
    <mergeCell ref="IGK724:IGN724"/>
    <mergeCell ref="IFA724:IFD724"/>
    <mergeCell ref="IFE724:IFH724"/>
    <mergeCell ref="IFI724:IFL724"/>
    <mergeCell ref="IFM724:IFP724"/>
    <mergeCell ref="IFQ724:IFT724"/>
    <mergeCell ref="IEG724:IEJ724"/>
    <mergeCell ref="IEK724:IEN724"/>
    <mergeCell ref="IEO724:IER724"/>
    <mergeCell ref="IES724:IEV724"/>
    <mergeCell ref="IEW724:IEZ724"/>
    <mergeCell ref="IDM724:IDP724"/>
    <mergeCell ref="IDQ724:IDT724"/>
    <mergeCell ref="IDU724:IDX724"/>
    <mergeCell ref="IDY724:IEB724"/>
    <mergeCell ref="IEC724:IEF724"/>
    <mergeCell ref="ICS724:ICV724"/>
    <mergeCell ref="ICW724:ICZ724"/>
    <mergeCell ref="IDA724:IDD724"/>
    <mergeCell ref="IDE724:IDH724"/>
    <mergeCell ref="IDI724:IDL724"/>
    <mergeCell ref="IMS724:IMV724"/>
    <mergeCell ref="IMW724:IMZ724"/>
    <mergeCell ref="INA724:IND724"/>
    <mergeCell ref="INE724:INH724"/>
    <mergeCell ref="INI724:INL724"/>
    <mergeCell ref="ILY724:IMB724"/>
    <mergeCell ref="IMC724:IMF724"/>
    <mergeCell ref="IMG724:IMJ724"/>
    <mergeCell ref="IMK724:IMN724"/>
    <mergeCell ref="IMO724:IMR724"/>
    <mergeCell ref="ILE724:ILH724"/>
    <mergeCell ref="ILI724:ILL724"/>
    <mergeCell ref="ILM724:ILP724"/>
    <mergeCell ref="ILQ724:ILT724"/>
    <mergeCell ref="ILU724:ILX724"/>
    <mergeCell ref="IKK724:IKN724"/>
    <mergeCell ref="IKO724:IKR724"/>
    <mergeCell ref="IKS724:IKV724"/>
    <mergeCell ref="IKW724:IKZ724"/>
    <mergeCell ref="ILA724:ILD724"/>
    <mergeCell ref="IJQ724:IJT724"/>
    <mergeCell ref="IJU724:IJX724"/>
    <mergeCell ref="IJY724:IKB724"/>
    <mergeCell ref="IKC724:IKF724"/>
    <mergeCell ref="IKG724:IKJ724"/>
    <mergeCell ref="IIW724:IIZ724"/>
    <mergeCell ref="IJA724:IJD724"/>
    <mergeCell ref="IJE724:IJH724"/>
    <mergeCell ref="IJI724:IJL724"/>
    <mergeCell ref="IJM724:IJP724"/>
    <mergeCell ref="IIC724:IIF724"/>
    <mergeCell ref="IIG724:IIJ724"/>
    <mergeCell ref="IIK724:IIN724"/>
    <mergeCell ref="IIO724:IIR724"/>
    <mergeCell ref="IIS724:IIV724"/>
    <mergeCell ref="ISC724:ISF724"/>
    <mergeCell ref="ISG724:ISJ724"/>
    <mergeCell ref="ISK724:ISN724"/>
    <mergeCell ref="ISO724:ISR724"/>
    <mergeCell ref="ISS724:ISV724"/>
    <mergeCell ref="IRI724:IRL724"/>
    <mergeCell ref="IRM724:IRP724"/>
    <mergeCell ref="IRQ724:IRT724"/>
    <mergeCell ref="IRU724:IRX724"/>
    <mergeCell ref="IRY724:ISB724"/>
    <mergeCell ref="IQO724:IQR724"/>
    <mergeCell ref="IQS724:IQV724"/>
    <mergeCell ref="IQW724:IQZ724"/>
    <mergeCell ref="IRA724:IRD724"/>
    <mergeCell ref="IRE724:IRH724"/>
    <mergeCell ref="IPU724:IPX724"/>
    <mergeCell ref="IPY724:IQB724"/>
    <mergeCell ref="IQC724:IQF724"/>
    <mergeCell ref="IQG724:IQJ724"/>
    <mergeCell ref="IQK724:IQN724"/>
    <mergeCell ref="IPA724:IPD724"/>
    <mergeCell ref="IPE724:IPH724"/>
    <mergeCell ref="IPI724:IPL724"/>
    <mergeCell ref="IPM724:IPP724"/>
    <mergeCell ref="IPQ724:IPT724"/>
    <mergeCell ref="IOG724:IOJ724"/>
    <mergeCell ref="IOK724:ION724"/>
    <mergeCell ref="IOO724:IOR724"/>
    <mergeCell ref="IOS724:IOV724"/>
    <mergeCell ref="IOW724:IOZ724"/>
    <mergeCell ref="INM724:INP724"/>
    <mergeCell ref="INQ724:INT724"/>
    <mergeCell ref="INU724:INX724"/>
    <mergeCell ref="INY724:IOB724"/>
    <mergeCell ref="IOC724:IOF724"/>
    <mergeCell ref="IXM724:IXP724"/>
    <mergeCell ref="IXQ724:IXT724"/>
    <mergeCell ref="IXU724:IXX724"/>
    <mergeCell ref="IXY724:IYB724"/>
    <mergeCell ref="IYC724:IYF724"/>
    <mergeCell ref="IWS724:IWV724"/>
    <mergeCell ref="IWW724:IWZ724"/>
    <mergeCell ref="IXA724:IXD724"/>
    <mergeCell ref="IXE724:IXH724"/>
    <mergeCell ref="IXI724:IXL724"/>
    <mergeCell ref="IVY724:IWB724"/>
    <mergeCell ref="IWC724:IWF724"/>
    <mergeCell ref="IWG724:IWJ724"/>
    <mergeCell ref="IWK724:IWN724"/>
    <mergeCell ref="IWO724:IWR724"/>
    <mergeCell ref="IVE724:IVH724"/>
    <mergeCell ref="IVI724:IVL724"/>
    <mergeCell ref="IVM724:IVP724"/>
    <mergeCell ref="IVQ724:IVT724"/>
    <mergeCell ref="IVU724:IVX724"/>
    <mergeCell ref="IUK724:IUN724"/>
    <mergeCell ref="IUO724:IUR724"/>
    <mergeCell ref="IUS724:IUV724"/>
    <mergeCell ref="IUW724:IUZ724"/>
    <mergeCell ref="IVA724:IVD724"/>
    <mergeCell ref="ITQ724:ITT724"/>
    <mergeCell ref="ITU724:ITX724"/>
    <mergeCell ref="ITY724:IUB724"/>
    <mergeCell ref="IUC724:IUF724"/>
    <mergeCell ref="IUG724:IUJ724"/>
    <mergeCell ref="ISW724:ISZ724"/>
    <mergeCell ref="ITA724:ITD724"/>
    <mergeCell ref="ITE724:ITH724"/>
    <mergeCell ref="ITI724:ITL724"/>
    <mergeCell ref="ITM724:ITP724"/>
    <mergeCell ref="JCW724:JCZ724"/>
    <mergeCell ref="JDA724:JDD724"/>
    <mergeCell ref="JDE724:JDH724"/>
    <mergeCell ref="JDI724:JDL724"/>
    <mergeCell ref="JDM724:JDP724"/>
    <mergeCell ref="JCC724:JCF724"/>
    <mergeCell ref="JCG724:JCJ724"/>
    <mergeCell ref="JCK724:JCN724"/>
    <mergeCell ref="JCO724:JCR724"/>
    <mergeCell ref="JCS724:JCV724"/>
    <mergeCell ref="JBI724:JBL724"/>
    <mergeCell ref="JBM724:JBP724"/>
    <mergeCell ref="JBQ724:JBT724"/>
    <mergeCell ref="JBU724:JBX724"/>
    <mergeCell ref="JBY724:JCB724"/>
    <mergeCell ref="JAO724:JAR724"/>
    <mergeCell ref="JAS724:JAV724"/>
    <mergeCell ref="JAW724:JAZ724"/>
    <mergeCell ref="JBA724:JBD724"/>
    <mergeCell ref="JBE724:JBH724"/>
    <mergeCell ref="IZU724:IZX724"/>
    <mergeCell ref="IZY724:JAB724"/>
    <mergeCell ref="JAC724:JAF724"/>
    <mergeCell ref="JAG724:JAJ724"/>
    <mergeCell ref="JAK724:JAN724"/>
    <mergeCell ref="IZA724:IZD724"/>
    <mergeCell ref="IZE724:IZH724"/>
    <mergeCell ref="IZI724:IZL724"/>
    <mergeCell ref="IZM724:IZP724"/>
    <mergeCell ref="IZQ724:IZT724"/>
    <mergeCell ref="IYG724:IYJ724"/>
    <mergeCell ref="IYK724:IYN724"/>
    <mergeCell ref="IYO724:IYR724"/>
    <mergeCell ref="IYS724:IYV724"/>
    <mergeCell ref="IYW724:IYZ724"/>
    <mergeCell ref="JIG724:JIJ724"/>
    <mergeCell ref="JIK724:JIN724"/>
    <mergeCell ref="JIO724:JIR724"/>
    <mergeCell ref="JIS724:JIV724"/>
    <mergeCell ref="JIW724:JIZ724"/>
    <mergeCell ref="JHM724:JHP724"/>
    <mergeCell ref="JHQ724:JHT724"/>
    <mergeCell ref="JHU724:JHX724"/>
    <mergeCell ref="JHY724:JIB724"/>
    <mergeCell ref="JIC724:JIF724"/>
    <mergeCell ref="JGS724:JGV724"/>
    <mergeCell ref="JGW724:JGZ724"/>
    <mergeCell ref="JHA724:JHD724"/>
    <mergeCell ref="JHE724:JHH724"/>
    <mergeCell ref="JHI724:JHL724"/>
    <mergeCell ref="JFY724:JGB724"/>
    <mergeCell ref="JGC724:JGF724"/>
    <mergeCell ref="JGG724:JGJ724"/>
    <mergeCell ref="JGK724:JGN724"/>
    <mergeCell ref="JGO724:JGR724"/>
    <mergeCell ref="JFE724:JFH724"/>
    <mergeCell ref="JFI724:JFL724"/>
    <mergeCell ref="JFM724:JFP724"/>
    <mergeCell ref="JFQ724:JFT724"/>
    <mergeCell ref="JFU724:JFX724"/>
    <mergeCell ref="JEK724:JEN724"/>
    <mergeCell ref="JEO724:JER724"/>
    <mergeCell ref="JES724:JEV724"/>
    <mergeCell ref="JEW724:JEZ724"/>
    <mergeCell ref="JFA724:JFD724"/>
    <mergeCell ref="JDQ724:JDT724"/>
    <mergeCell ref="JDU724:JDX724"/>
    <mergeCell ref="JDY724:JEB724"/>
    <mergeCell ref="JEC724:JEF724"/>
    <mergeCell ref="JEG724:JEJ724"/>
    <mergeCell ref="JNQ724:JNT724"/>
    <mergeCell ref="JNU724:JNX724"/>
    <mergeCell ref="JNY724:JOB724"/>
    <mergeCell ref="JOC724:JOF724"/>
    <mergeCell ref="JOG724:JOJ724"/>
    <mergeCell ref="JMW724:JMZ724"/>
    <mergeCell ref="JNA724:JND724"/>
    <mergeCell ref="JNE724:JNH724"/>
    <mergeCell ref="JNI724:JNL724"/>
    <mergeCell ref="JNM724:JNP724"/>
    <mergeCell ref="JMC724:JMF724"/>
    <mergeCell ref="JMG724:JMJ724"/>
    <mergeCell ref="JMK724:JMN724"/>
    <mergeCell ref="JMO724:JMR724"/>
    <mergeCell ref="JMS724:JMV724"/>
    <mergeCell ref="JLI724:JLL724"/>
    <mergeCell ref="JLM724:JLP724"/>
    <mergeCell ref="JLQ724:JLT724"/>
    <mergeCell ref="JLU724:JLX724"/>
    <mergeCell ref="JLY724:JMB724"/>
    <mergeCell ref="JKO724:JKR724"/>
    <mergeCell ref="JKS724:JKV724"/>
    <mergeCell ref="JKW724:JKZ724"/>
    <mergeCell ref="JLA724:JLD724"/>
    <mergeCell ref="JLE724:JLH724"/>
    <mergeCell ref="JJU724:JJX724"/>
    <mergeCell ref="JJY724:JKB724"/>
    <mergeCell ref="JKC724:JKF724"/>
    <mergeCell ref="JKG724:JKJ724"/>
    <mergeCell ref="JKK724:JKN724"/>
    <mergeCell ref="JJA724:JJD724"/>
    <mergeCell ref="JJE724:JJH724"/>
    <mergeCell ref="JJI724:JJL724"/>
    <mergeCell ref="JJM724:JJP724"/>
    <mergeCell ref="JJQ724:JJT724"/>
    <mergeCell ref="JTA724:JTD724"/>
    <mergeCell ref="JTE724:JTH724"/>
    <mergeCell ref="JTI724:JTL724"/>
    <mergeCell ref="JTM724:JTP724"/>
    <mergeCell ref="JTQ724:JTT724"/>
    <mergeCell ref="JSG724:JSJ724"/>
    <mergeCell ref="JSK724:JSN724"/>
    <mergeCell ref="JSO724:JSR724"/>
    <mergeCell ref="JSS724:JSV724"/>
    <mergeCell ref="JSW724:JSZ724"/>
    <mergeCell ref="JRM724:JRP724"/>
    <mergeCell ref="JRQ724:JRT724"/>
    <mergeCell ref="JRU724:JRX724"/>
    <mergeCell ref="JRY724:JSB724"/>
    <mergeCell ref="JSC724:JSF724"/>
    <mergeCell ref="JQS724:JQV724"/>
    <mergeCell ref="JQW724:JQZ724"/>
    <mergeCell ref="JRA724:JRD724"/>
    <mergeCell ref="JRE724:JRH724"/>
    <mergeCell ref="JRI724:JRL724"/>
    <mergeCell ref="JPY724:JQB724"/>
    <mergeCell ref="JQC724:JQF724"/>
    <mergeCell ref="JQG724:JQJ724"/>
    <mergeCell ref="JQK724:JQN724"/>
    <mergeCell ref="JQO724:JQR724"/>
    <mergeCell ref="JPE724:JPH724"/>
    <mergeCell ref="JPI724:JPL724"/>
    <mergeCell ref="JPM724:JPP724"/>
    <mergeCell ref="JPQ724:JPT724"/>
    <mergeCell ref="JPU724:JPX724"/>
    <mergeCell ref="JOK724:JON724"/>
    <mergeCell ref="JOO724:JOR724"/>
    <mergeCell ref="JOS724:JOV724"/>
    <mergeCell ref="JOW724:JOZ724"/>
    <mergeCell ref="JPA724:JPD724"/>
    <mergeCell ref="JYK724:JYN724"/>
    <mergeCell ref="JYO724:JYR724"/>
    <mergeCell ref="JYS724:JYV724"/>
    <mergeCell ref="JYW724:JYZ724"/>
    <mergeCell ref="JZA724:JZD724"/>
    <mergeCell ref="JXQ724:JXT724"/>
    <mergeCell ref="JXU724:JXX724"/>
    <mergeCell ref="JXY724:JYB724"/>
    <mergeCell ref="JYC724:JYF724"/>
    <mergeCell ref="JYG724:JYJ724"/>
    <mergeCell ref="JWW724:JWZ724"/>
    <mergeCell ref="JXA724:JXD724"/>
    <mergeCell ref="JXE724:JXH724"/>
    <mergeCell ref="JXI724:JXL724"/>
    <mergeCell ref="JXM724:JXP724"/>
    <mergeCell ref="JWC724:JWF724"/>
    <mergeCell ref="JWG724:JWJ724"/>
    <mergeCell ref="JWK724:JWN724"/>
    <mergeCell ref="JWO724:JWR724"/>
    <mergeCell ref="JWS724:JWV724"/>
    <mergeCell ref="JVI724:JVL724"/>
    <mergeCell ref="JVM724:JVP724"/>
    <mergeCell ref="JVQ724:JVT724"/>
    <mergeCell ref="JVU724:JVX724"/>
    <mergeCell ref="JVY724:JWB724"/>
    <mergeCell ref="JUO724:JUR724"/>
    <mergeCell ref="JUS724:JUV724"/>
    <mergeCell ref="JUW724:JUZ724"/>
    <mergeCell ref="JVA724:JVD724"/>
    <mergeCell ref="JVE724:JVH724"/>
    <mergeCell ref="JTU724:JTX724"/>
    <mergeCell ref="JTY724:JUB724"/>
    <mergeCell ref="JUC724:JUF724"/>
    <mergeCell ref="JUG724:JUJ724"/>
    <mergeCell ref="JUK724:JUN724"/>
    <mergeCell ref="KDU724:KDX724"/>
    <mergeCell ref="KDY724:KEB724"/>
    <mergeCell ref="KEC724:KEF724"/>
    <mergeCell ref="KEG724:KEJ724"/>
    <mergeCell ref="KEK724:KEN724"/>
    <mergeCell ref="KDA724:KDD724"/>
    <mergeCell ref="KDE724:KDH724"/>
    <mergeCell ref="KDI724:KDL724"/>
    <mergeCell ref="KDM724:KDP724"/>
    <mergeCell ref="KDQ724:KDT724"/>
    <mergeCell ref="KCG724:KCJ724"/>
    <mergeCell ref="KCK724:KCN724"/>
    <mergeCell ref="KCO724:KCR724"/>
    <mergeCell ref="KCS724:KCV724"/>
    <mergeCell ref="KCW724:KCZ724"/>
    <mergeCell ref="KBM724:KBP724"/>
    <mergeCell ref="KBQ724:KBT724"/>
    <mergeCell ref="KBU724:KBX724"/>
    <mergeCell ref="KBY724:KCB724"/>
    <mergeCell ref="KCC724:KCF724"/>
    <mergeCell ref="KAS724:KAV724"/>
    <mergeCell ref="KAW724:KAZ724"/>
    <mergeCell ref="KBA724:KBD724"/>
    <mergeCell ref="KBE724:KBH724"/>
    <mergeCell ref="KBI724:KBL724"/>
    <mergeCell ref="JZY724:KAB724"/>
    <mergeCell ref="KAC724:KAF724"/>
    <mergeCell ref="KAG724:KAJ724"/>
    <mergeCell ref="KAK724:KAN724"/>
    <mergeCell ref="KAO724:KAR724"/>
    <mergeCell ref="JZE724:JZH724"/>
    <mergeCell ref="JZI724:JZL724"/>
    <mergeCell ref="JZM724:JZP724"/>
    <mergeCell ref="JZQ724:JZT724"/>
    <mergeCell ref="JZU724:JZX724"/>
    <mergeCell ref="KJE724:KJH724"/>
    <mergeCell ref="KJI724:KJL724"/>
    <mergeCell ref="KJM724:KJP724"/>
    <mergeCell ref="KJQ724:KJT724"/>
    <mergeCell ref="KJU724:KJX724"/>
    <mergeCell ref="KIK724:KIN724"/>
    <mergeCell ref="KIO724:KIR724"/>
    <mergeCell ref="KIS724:KIV724"/>
    <mergeCell ref="KIW724:KIZ724"/>
    <mergeCell ref="KJA724:KJD724"/>
    <mergeCell ref="KHQ724:KHT724"/>
    <mergeCell ref="KHU724:KHX724"/>
    <mergeCell ref="KHY724:KIB724"/>
    <mergeCell ref="KIC724:KIF724"/>
    <mergeCell ref="KIG724:KIJ724"/>
    <mergeCell ref="KGW724:KGZ724"/>
    <mergeCell ref="KHA724:KHD724"/>
    <mergeCell ref="KHE724:KHH724"/>
    <mergeCell ref="KHI724:KHL724"/>
    <mergeCell ref="KHM724:KHP724"/>
    <mergeCell ref="KGC724:KGF724"/>
    <mergeCell ref="KGG724:KGJ724"/>
    <mergeCell ref="KGK724:KGN724"/>
    <mergeCell ref="KGO724:KGR724"/>
    <mergeCell ref="KGS724:KGV724"/>
    <mergeCell ref="KFI724:KFL724"/>
    <mergeCell ref="KFM724:KFP724"/>
    <mergeCell ref="KFQ724:KFT724"/>
    <mergeCell ref="KFU724:KFX724"/>
    <mergeCell ref="KFY724:KGB724"/>
    <mergeCell ref="KEO724:KER724"/>
    <mergeCell ref="KES724:KEV724"/>
    <mergeCell ref="KEW724:KEZ724"/>
    <mergeCell ref="KFA724:KFD724"/>
    <mergeCell ref="KFE724:KFH724"/>
    <mergeCell ref="KOO724:KOR724"/>
    <mergeCell ref="KOS724:KOV724"/>
    <mergeCell ref="KOW724:KOZ724"/>
    <mergeCell ref="KPA724:KPD724"/>
    <mergeCell ref="KPE724:KPH724"/>
    <mergeCell ref="KNU724:KNX724"/>
    <mergeCell ref="KNY724:KOB724"/>
    <mergeCell ref="KOC724:KOF724"/>
    <mergeCell ref="KOG724:KOJ724"/>
    <mergeCell ref="KOK724:KON724"/>
    <mergeCell ref="KNA724:KND724"/>
    <mergeCell ref="KNE724:KNH724"/>
    <mergeCell ref="KNI724:KNL724"/>
    <mergeCell ref="KNM724:KNP724"/>
    <mergeCell ref="KNQ724:KNT724"/>
    <mergeCell ref="KMG724:KMJ724"/>
    <mergeCell ref="KMK724:KMN724"/>
    <mergeCell ref="KMO724:KMR724"/>
    <mergeCell ref="KMS724:KMV724"/>
    <mergeCell ref="KMW724:KMZ724"/>
    <mergeCell ref="KLM724:KLP724"/>
    <mergeCell ref="KLQ724:KLT724"/>
    <mergeCell ref="KLU724:KLX724"/>
    <mergeCell ref="KLY724:KMB724"/>
    <mergeCell ref="KMC724:KMF724"/>
    <mergeCell ref="KKS724:KKV724"/>
    <mergeCell ref="KKW724:KKZ724"/>
    <mergeCell ref="KLA724:KLD724"/>
    <mergeCell ref="KLE724:KLH724"/>
    <mergeCell ref="KLI724:KLL724"/>
    <mergeCell ref="KJY724:KKB724"/>
    <mergeCell ref="KKC724:KKF724"/>
    <mergeCell ref="KKG724:KKJ724"/>
    <mergeCell ref="KKK724:KKN724"/>
    <mergeCell ref="KKO724:KKR724"/>
    <mergeCell ref="KTY724:KUB724"/>
    <mergeCell ref="KUC724:KUF724"/>
    <mergeCell ref="KUG724:KUJ724"/>
    <mergeCell ref="KUK724:KUN724"/>
    <mergeCell ref="KUO724:KUR724"/>
    <mergeCell ref="KTE724:KTH724"/>
    <mergeCell ref="KTI724:KTL724"/>
    <mergeCell ref="KTM724:KTP724"/>
    <mergeCell ref="KTQ724:KTT724"/>
    <mergeCell ref="KTU724:KTX724"/>
    <mergeCell ref="KSK724:KSN724"/>
    <mergeCell ref="KSO724:KSR724"/>
    <mergeCell ref="KSS724:KSV724"/>
    <mergeCell ref="KSW724:KSZ724"/>
    <mergeCell ref="KTA724:KTD724"/>
    <mergeCell ref="KRQ724:KRT724"/>
    <mergeCell ref="KRU724:KRX724"/>
    <mergeCell ref="KRY724:KSB724"/>
    <mergeCell ref="KSC724:KSF724"/>
    <mergeCell ref="KSG724:KSJ724"/>
    <mergeCell ref="KQW724:KQZ724"/>
    <mergeCell ref="KRA724:KRD724"/>
    <mergeCell ref="KRE724:KRH724"/>
    <mergeCell ref="KRI724:KRL724"/>
    <mergeCell ref="KRM724:KRP724"/>
    <mergeCell ref="KQC724:KQF724"/>
    <mergeCell ref="KQG724:KQJ724"/>
    <mergeCell ref="KQK724:KQN724"/>
    <mergeCell ref="KQO724:KQR724"/>
    <mergeCell ref="KQS724:KQV724"/>
    <mergeCell ref="KPI724:KPL724"/>
    <mergeCell ref="KPM724:KPP724"/>
    <mergeCell ref="KPQ724:KPT724"/>
    <mergeCell ref="KPU724:KPX724"/>
    <mergeCell ref="KPY724:KQB724"/>
    <mergeCell ref="KZI724:KZL724"/>
    <mergeCell ref="KZM724:KZP724"/>
    <mergeCell ref="KZQ724:KZT724"/>
    <mergeCell ref="KZU724:KZX724"/>
    <mergeCell ref="KZY724:LAB724"/>
    <mergeCell ref="KYO724:KYR724"/>
    <mergeCell ref="KYS724:KYV724"/>
    <mergeCell ref="KYW724:KYZ724"/>
    <mergeCell ref="KZA724:KZD724"/>
    <mergeCell ref="KZE724:KZH724"/>
    <mergeCell ref="KXU724:KXX724"/>
    <mergeCell ref="KXY724:KYB724"/>
    <mergeCell ref="KYC724:KYF724"/>
    <mergeCell ref="KYG724:KYJ724"/>
    <mergeCell ref="KYK724:KYN724"/>
    <mergeCell ref="KXA724:KXD724"/>
    <mergeCell ref="KXE724:KXH724"/>
    <mergeCell ref="KXI724:KXL724"/>
    <mergeCell ref="KXM724:KXP724"/>
    <mergeCell ref="KXQ724:KXT724"/>
    <mergeCell ref="KWG724:KWJ724"/>
    <mergeCell ref="KWK724:KWN724"/>
    <mergeCell ref="KWO724:KWR724"/>
    <mergeCell ref="KWS724:KWV724"/>
    <mergeCell ref="KWW724:KWZ724"/>
    <mergeCell ref="KVM724:KVP724"/>
    <mergeCell ref="KVQ724:KVT724"/>
    <mergeCell ref="KVU724:KVX724"/>
    <mergeCell ref="KVY724:KWB724"/>
    <mergeCell ref="KWC724:KWF724"/>
    <mergeCell ref="KUS724:KUV724"/>
    <mergeCell ref="KUW724:KUZ724"/>
    <mergeCell ref="KVA724:KVD724"/>
    <mergeCell ref="KVE724:KVH724"/>
    <mergeCell ref="KVI724:KVL724"/>
    <mergeCell ref="LES724:LEV724"/>
    <mergeCell ref="LEW724:LEZ724"/>
    <mergeCell ref="LFA724:LFD724"/>
    <mergeCell ref="LFE724:LFH724"/>
    <mergeCell ref="LFI724:LFL724"/>
    <mergeCell ref="LDY724:LEB724"/>
    <mergeCell ref="LEC724:LEF724"/>
    <mergeCell ref="LEG724:LEJ724"/>
    <mergeCell ref="LEK724:LEN724"/>
    <mergeCell ref="LEO724:LER724"/>
    <mergeCell ref="LDE724:LDH724"/>
    <mergeCell ref="LDI724:LDL724"/>
    <mergeCell ref="LDM724:LDP724"/>
    <mergeCell ref="LDQ724:LDT724"/>
    <mergeCell ref="LDU724:LDX724"/>
    <mergeCell ref="LCK724:LCN724"/>
    <mergeCell ref="LCO724:LCR724"/>
    <mergeCell ref="LCS724:LCV724"/>
    <mergeCell ref="LCW724:LCZ724"/>
    <mergeCell ref="LDA724:LDD724"/>
    <mergeCell ref="LBQ724:LBT724"/>
    <mergeCell ref="LBU724:LBX724"/>
    <mergeCell ref="LBY724:LCB724"/>
    <mergeCell ref="LCC724:LCF724"/>
    <mergeCell ref="LCG724:LCJ724"/>
    <mergeCell ref="LAW724:LAZ724"/>
    <mergeCell ref="LBA724:LBD724"/>
    <mergeCell ref="LBE724:LBH724"/>
    <mergeCell ref="LBI724:LBL724"/>
    <mergeCell ref="LBM724:LBP724"/>
    <mergeCell ref="LAC724:LAF724"/>
    <mergeCell ref="LAG724:LAJ724"/>
    <mergeCell ref="LAK724:LAN724"/>
    <mergeCell ref="LAO724:LAR724"/>
    <mergeCell ref="LAS724:LAV724"/>
    <mergeCell ref="LKC724:LKF724"/>
    <mergeCell ref="LKG724:LKJ724"/>
    <mergeCell ref="LKK724:LKN724"/>
    <mergeCell ref="LKO724:LKR724"/>
    <mergeCell ref="LKS724:LKV724"/>
    <mergeCell ref="LJI724:LJL724"/>
    <mergeCell ref="LJM724:LJP724"/>
    <mergeCell ref="LJQ724:LJT724"/>
    <mergeCell ref="LJU724:LJX724"/>
    <mergeCell ref="LJY724:LKB724"/>
    <mergeCell ref="LIO724:LIR724"/>
    <mergeCell ref="LIS724:LIV724"/>
    <mergeCell ref="LIW724:LIZ724"/>
    <mergeCell ref="LJA724:LJD724"/>
    <mergeCell ref="LJE724:LJH724"/>
    <mergeCell ref="LHU724:LHX724"/>
    <mergeCell ref="LHY724:LIB724"/>
    <mergeCell ref="LIC724:LIF724"/>
    <mergeCell ref="LIG724:LIJ724"/>
    <mergeCell ref="LIK724:LIN724"/>
    <mergeCell ref="LHA724:LHD724"/>
    <mergeCell ref="LHE724:LHH724"/>
    <mergeCell ref="LHI724:LHL724"/>
    <mergeCell ref="LHM724:LHP724"/>
    <mergeCell ref="LHQ724:LHT724"/>
    <mergeCell ref="LGG724:LGJ724"/>
    <mergeCell ref="LGK724:LGN724"/>
    <mergeCell ref="LGO724:LGR724"/>
    <mergeCell ref="LGS724:LGV724"/>
    <mergeCell ref="LGW724:LGZ724"/>
    <mergeCell ref="LFM724:LFP724"/>
    <mergeCell ref="LFQ724:LFT724"/>
    <mergeCell ref="LFU724:LFX724"/>
    <mergeCell ref="LFY724:LGB724"/>
    <mergeCell ref="LGC724:LGF724"/>
    <mergeCell ref="LPM724:LPP724"/>
    <mergeCell ref="LPQ724:LPT724"/>
    <mergeCell ref="LPU724:LPX724"/>
    <mergeCell ref="LPY724:LQB724"/>
    <mergeCell ref="LQC724:LQF724"/>
    <mergeCell ref="LOS724:LOV724"/>
    <mergeCell ref="LOW724:LOZ724"/>
    <mergeCell ref="LPA724:LPD724"/>
    <mergeCell ref="LPE724:LPH724"/>
    <mergeCell ref="LPI724:LPL724"/>
    <mergeCell ref="LNY724:LOB724"/>
    <mergeCell ref="LOC724:LOF724"/>
    <mergeCell ref="LOG724:LOJ724"/>
    <mergeCell ref="LOK724:LON724"/>
    <mergeCell ref="LOO724:LOR724"/>
    <mergeCell ref="LNE724:LNH724"/>
    <mergeCell ref="LNI724:LNL724"/>
    <mergeCell ref="LNM724:LNP724"/>
    <mergeCell ref="LNQ724:LNT724"/>
    <mergeCell ref="LNU724:LNX724"/>
    <mergeCell ref="LMK724:LMN724"/>
    <mergeCell ref="LMO724:LMR724"/>
    <mergeCell ref="LMS724:LMV724"/>
    <mergeCell ref="LMW724:LMZ724"/>
    <mergeCell ref="LNA724:LND724"/>
    <mergeCell ref="LLQ724:LLT724"/>
    <mergeCell ref="LLU724:LLX724"/>
    <mergeCell ref="LLY724:LMB724"/>
    <mergeCell ref="LMC724:LMF724"/>
    <mergeCell ref="LMG724:LMJ724"/>
    <mergeCell ref="LKW724:LKZ724"/>
    <mergeCell ref="LLA724:LLD724"/>
    <mergeCell ref="LLE724:LLH724"/>
    <mergeCell ref="LLI724:LLL724"/>
    <mergeCell ref="LLM724:LLP724"/>
    <mergeCell ref="LUW724:LUZ724"/>
    <mergeCell ref="LVA724:LVD724"/>
    <mergeCell ref="LVE724:LVH724"/>
    <mergeCell ref="LVI724:LVL724"/>
    <mergeCell ref="LVM724:LVP724"/>
    <mergeCell ref="LUC724:LUF724"/>
    <mergeCell ref="LUG724:LUJ724"/>
    <mergeCell ref="LUK724:LUN724"/>
    <mergeCell ref="LUO724:LUR724"/>
    <mergeCell ref="LUS724:LUV724"/>
    <mergeCell ref="LTI724:LTL724"/>
    <mergeCell ref="LTM724:LTP724"/>
    <mergeCell ref="LTQ724:LTT724"/>
    <mergeCell ref="LTU724:LTX724"/>
    <mergeCell ref="LTY724:LUB724"/>
    <mergeCell ref="LSO724:LSR724"/>
    <mergeCell ref="LSS724:LSV724"/>
    <mergeCell ref="LSW724:LSZ724"/>
    <mergeCell ref="LTA724:LTD724"/>
    <mergeCell ref="LTE724:LTH724"/>
    <mergeCell ref="LRU724:LRX724"/>
    <mergeCell ref="LRY724:LSB724"/>
    <mergeCell ref="LSC724:LSF724"/>
    <mergeCell ref="LSG724:LSJ724"/>
    <mergeCell ref="LSK724:LSN724"/>
    <mergeCell ref="LRA724:LRD724"/>
    <mergeCell ref="LRE724:LRH724"/>
    <mergeCell ref="LRI724:LRL724"/>
    <mergeCell ref="LRM724:LRP724"/>
    <mergeCell ref="LRQ724:LRT724"/>
    <mergeCell ref="LQG724:LQJ724"/>
    <mergeCell ref="LQK724:LQN724"/>
    <mergeCell ref="LQO724:LQR724"/>
    <mergeCell ref="LQS724:LQV724"/>
    <mergeCell ref="LQW724:LQZ724"/>
    <mergeCell ref="MAG724:MAJ724"/>
    <mergeCell ref="MAK724:MAN724"/>
    <mergeCell ref="MAO724:MAR724"/>
    <mergeCell ref="MAS724:MAV724"/>
    <mergeCell ref="MAW724:MAZ724"/>
    <mergeCell ref="LZM724:LZP724"/>
    <mergeCell ref="LZQ724:LZT724"/>
    <mergeCell ref="LZU724:LZX724"/>
    <mergeCell ref="LZY724:MAB724"/>
    <mergeCell ref="MAC724:MAF724"/>
    <mergeCell ref="LYS724:LYV724"/>
    <mergeCell ref="LYW724:LYZ724"/>
    <mergeCell ref="LZA724:LZD724"/>
    <mergeCell ref="LZE724:LZH724"/>
    <mergeCell ref="LZI724:LZL724"/>
    <mergeCell ref="LXY724:LYB724"/>
    <mergeCell ref="LYC724:LYF724"/>
    <mergeCell ref="LYG724:LYJ724"/>
    <mergeCell ref="LYK724:LYN724"/>
    <mergeCell ref="LYO724:LYR724"/>
    <mergeCell ref="LXE724:LXH724"/>
    <mergeCell ref="LXI724:LXL724"/>
    <mergeCell ref="LXM724:LXP724"/>
    <mergeCell ref="LXQ724:LXT724"/>
    <mergeCell ref="LXU724:LXX724"/>
    <mergeCell ref="LWK724:LWN724"/>
    <mergeCell ref="LWO724:LWR724"/>
    <mergeCell ref="LWS724:LWV724"/>
    <mergeCell ref="LWW724:LWZ724"/>
    <mergeCell ref="LXA724:LXD724"/>
    <mergeCell ref="LVQ724:LVT724"/>
    <mergeCell ref="LVU724:LVX724"/>
    <mergeCell ref="LVY724:LWB724"/>
    <mergeCell ref="LWC724:LWF724"/>
    <mergeCell ref="LWG724:LWJ724"/>
    <mergeCell ref="MFQ724:MFT724"/>
    <mergeCell ref="MFU724:MFX724"/>
    <mergeCell ref="MFY724:MGB724"/>
    <mergeCell ref="MGC724:MGF724"/>
    <mergeCell ref="MGG724:MGJ724"/>
    <mergeCell ref="MEW724:MEZ724"/>
    <mergeCell ref="MFA724:MFD724"/>
    <mergeCell ref="MFE724:MFH724"/>
    <mergeCell ref="MFI724:MFL724"/>
    <mergeCell ref="MFM724:MFP724"/>
    <mergeCell ref="MEC724:MEF724"/>
    <mergeCell ref="MEG724:MEJ724"/>
    <mergeCell ref="MEK724:MEN724"/>
    <mergeCell ref="MEO724:MER724"/>
    <mergeCell ref="MES724:MEV724"/>
    <mergeCell ref="MDI724:MDL724"/>
    <mergeCell ref="MDM724:MDP724"/>
    <mergeCell ref="MDQ724:MDT724"/>
    <mergeCell ref="MDU724:MDX724"/>
    <mergeCell ref="MDY724:MEB724"/>
    <mergeCell ref="MCO724:MCR724"/>
    <mergeCell ref="MCS724:MCV724"/>
    <mergeCell ref="MCW724:MCZ724"/>
    <mergeCell ref="MDA724:MDD724"/>
    <mergeCell ref="MDE724:MDH724"/>
    <mergeCell ref="MBU724:MBX724"/>
    <mergeCell ref="MBY724:MCB724"/>
    <mergeCell ref="MCC724:MCF724"/>
    <mergeCell ref="MCG724:MCJ724"/>
    <mergeCell ref="MCK724:MCN724"/>
    <mergeCell ref="MBA724:MBD724"/>
    <mergeCell ref="MBE724:MBH724"/>
    <mergeCell ref="MBI724:MBL724"/>
    <mergeCell ref="MBM724:MBP724"/>
    <mergeCell ref="MBQ724:MBT724"/>
    <mergeCell ref="MLA724:MLD724"/>
    <mergeCell ref="MLE724:MLH724"/>
    <mergeCell ref="MLI724:MLL724"/>
    <mergeCell ref="MLM724:MLP724"/>
    <mergeCell ref="MLQ724:MLT724"/>
    <mergeCell ref="MKG724:MKJ724"/>
    <mergeCell ref="MKK724:MKN724"/>
    <mergeCell ref="MKO724:MKR724"/>
    <mergeCell ref="MKS724:MKV724"/>
    <mergeCell ref="MKW724:MKZ724"/>
    <mergeCell ref="MJM724:MJP724"/>
    <mergeCell ref="MJQ724:MJT724"/>
    <mergeCell ref="MJU724:MJX724"/>
    <mergeCell ref="MJY724:MKB724"/>
    <mergeCell ref="MKC724:MKF724"/>
    <mergeCell ref="MIS724:MIV724"/>
    <mergeCell ref="MIW724:MIZ724"/>
    <mergeCell ref="MJA724:MJD724"/>
    <mergeCell ref="MJE724:MJH724"/>
    <mergeCell ref="MJI724:MJL724"/>
    <mergeCell ref="MHY724:MIB724"/>
    <mergeCell ref="MIC724:MIF724"/>
    <mergeCell ref="MIG724:MIJ724"/>
    <mergeCell ref="MIK724:MIN724"/>
    <mergeCell ref="MIO724:MIR724"/>
    <mergeCell ref="MHE724:MHH724"/>
    <mergeCell ref="MHI724:MHL724"/>
    <mergeCell ref="MHM724:MHP724"/>
    <mergeCell ref="MHQ724:MHT724"/>
    <mergeCell ref="MHU724:MHX724"/>
    <mergeCell ref="MGK724:MGN724"/>
    <mergeCell ref="MGO724:MGR724"/>
    <mergeCell ref="MGS724:MGV724"/>
    <mergeCell ref="MGW724:MGZ724"/>
    <mergeCell ref="MHA724:MHD724"/>
    <mergeCell ref="MQK724:MQN724"/>
    <mergeCell ref="MQO724:MQR724"/>
    <mergeCell ref="MQS724:MQV724"/>
    <mergeCell ref="MQW724:MQZ724"/>
    <mergeCell ref="MRA724:MRD724"/>
    <mergeCell ref="MPQ724:MPT724"/>
    <mergeCell ref="MPU724:MPX724"/>
    <mergeCell ref="MPY724:MQB724"/>
    <mergeCell ref="MQC724:MQF724"/>
    <mergeCell ref="MQG724:MQJ724"/>
    <mergeCell ref="MOW724:MOZ724"/>
    <mergeCell ref="MPA724:MPD724"/>
    <mergeCell ref="MPE724:MPH724"/>
    <mergeCell ref="MPI724:MPL724"/>
    <mergeCell ref="MPM724:MPP724"/>
    <mergeCell ref="MOC724:MOF724"/>
    <mergeCell ref="MOG724:MOJ724"/>
    <mergeCell ref="MOK724:MON724"/>
    <mergeCell ref="MOO724:MOR724"/>
    <mergeCell ref="MOS724:MOV724"/>
    <mergeCell ref="MNI724:MNL724"/>
    <mergeCell ref="MNM724:MNP724"/>
    <mergeCell ref="MNQ724:MNT724"/>
    <mergeCell ref="MNU724:MNX724"/>
    <mergeCell ref="MNY724:MOB724"/>
    <mergeCell ref="MMO724:MMR724"/>
    <mergeCell ref="MMS724:MMV724"/>
    <mergeCell ref="MMW724:MMZ724"/>
    <mergeCell ref="MNA724:MND724"/>
    <mergeCell ref="MNE724:MNH724"/>
    <mergeCell ref="MLU724:MLX724"/>
    <mergeCell ref="MLY724:MMB724"/>
    <mergeCell ref="MMC724:MMF724"/>
    <mergeCell ref="MMG724:MMJ724"/>
    <mergeCell ref="MMK724:MMN724"/>
    <mergeCell ref="MVU724:MVX724"/>
    <mergeCell ref="MVY724:MWB724"/>
    <mergeCell ref="MWC724:MWF724"/>
    <mergeCell ref="MWG724:MWJ724"/>
    <mergeCell ref="MWK724:MWN724"/>
    <mergeCell ref="MVA724:MVD724"/>
    <mergeCell ref="MVE724:MVH724"/>
    <mergeCell ref="MVI724:MVL724"/>
    <mergeCell ref="MVM724:MVP724"/>
    <mergeCell ref="MVQ724:MVT724"/>
    <mergeCell ref="MUG724:MUJ724"/>
    <mergeCell ref="MUK724:MUN724"/>
    <mergeCell ref="MUO724:MUR724"/>
    <mergeCell ref="MUS724:MUV724"/>
    <mergeCell ref="MUW724:MUZ724"/>
    <mergeCell ref="MTM724:MTP724"/>
    <mergeCell ref="MTQ724:MTT724"/>
    <mergeCell ref="MTU724:MTX724"/>
    <mergeCell ref="MTY724:MUB724"/>
    <mergeCell ref="MUC724:MUF724"/>
    <mergeCell ref="MSS724:MSV724"/>
    <mergeCell ref="MSW724:MSZ724"/>
    <mergeCell ref="MTA724:MTD724"/>
    <mergeCell ref="MTE724:MTH724"/>
    <mergeCell ref="MTI724:MTL724"/>
    <mergeCell ref="MRY724:MSB724"/>
    <mergeCell ref="MSC724:MSF724"/>
    <mergeCell ref="MSG724:MSJ724"/>
    <mergeCell ref="MSK724:MSN724"/>
    <mergeCell ref="MSO724:MSR724"/>
    <mergeCell ref="MRE724:MRH724"/>
    <mergeCell ref="MRI724:MRL724"/>
    <mergeCell ref="MRM724:MRP724"/>
    <mergeCell ref="MRQ724:MRT724"/>
    <mergeCell ref="MRU724:MRX724"/>
    <mergeCell ref="NBE724:NBH724"/>
    <mergeCell ref="NBI724:NBL724"/>
    <mergeCell ref="NBM724:NBP724"/>
    <mergeCell ref="NBQ724:NBT724"/>
    <mergeCell ref="NBU724:NBX724"/>
    <mergeCell ref="NAK724:NAN724"/>
    <mergeCell ref="NAO724:NAR724"/>
    <mergeCell ref="NAS724:NAV724"/>
    <mergeCell ref="NAW724:NAZ724"/>
    <mergeCell ref="NBA724:NBD724"/>
    <mergeCell ref="MZQ724:MZT724"/>
    <mergeCell ref="MZU724:MZX724"/>
    <mergeCell ref="MZY724:NAB724"/>
    <mergeCell ref="NAC724:NAF724"/>
    <mergeCell ref="NAG724:NAJ724"/>
    <mergeCell ref="MYW724:MYZ724"/>
    <mergeCell ref="MZA724:MZD724"/>
    <mergeCell ref="MZE724:MZH724"/>
    <mergeCell ref="MZI724:MZL724"/>
    <mergeCell ref="MZM724:MZP724"/>
    <mergeCell ref="MYC724:MYF724"/>
    <mergeCell ref="MYG724:MYJ724"/>
    <mergeCell ref="MYK724:MYN724"/>
    <mergeCell ref="MYO724:MYR724"/>
    <mergeCell ref="MYS724:MYV724"/>
    <mergeCell ref="MXI724:MXL724"/>
    <mergeCell ref="MXM724:MXP724"/>
    <mergeCell ref="MXQ724:MXT724"/>
    <mergeCell ref="MXU724:MXX724"/>
    <mergeCell ref="MXY724:MYB724"/>
    <mergeCell ref="MWO724:MWR724"/>
    <mergeCell ref="MWS724:MWV724"/>
    <mergeCell ref="MWW724:MWZ724"/>
    <mergeCell ref="MXA724:MXD724"/>
    <mergeCell ref="MXE724:MXH724"/>
    <mergeCell ref="NGO724:NGR724"/>
    <mergeCell ref="NGS724:NGV724"/>
    <mergeCell ref="NGW724:NGZ724"/>
    <mergeCell ref="NHA724:NHD724"/>
    <mergeCell ref="NHE724:NHH724"/>
    <mergeCell ref="NFU724:NFX724"/>
    <mergeCell ref="NFY724:NGB724"/>
    <mergeCell ref="NGC724:NGF724"/>
    <mergeCell ref="NGG724:NGJ724"/>
    <mergeCell ref="NGK724:NGN724"/>
    <mergeCell ref="NFA724:NFD724"/>
    <mergeCell ref="NFE724:NFH724"/>
    <mergeCell ref="NFI724:NFL724"/>
    <mergeCell ref="NFM724:NFP724"/>
    <mergeCell ref="NFQ724:NFT724"/>
    <mergeCell ref="NEG724:NEJ724"/>
    <mergeCell ref="NEK724:NEN724"/>
    <mergeCell ref="NEO724:NER724"/>
    <mergeCell ref="NES724:NEV724"/>
    <mergeCell ref="NEW724:NEZ724"/>
    <mergeCell ref="NDM724:NDP724"/>
    <mergeCell ref="NDQ724:NDT724"/>
    <mergeCell ref="NDU724:NDX724"/>
    <mergeCell ref="NDY724:NEB724"/>
    <mergeCell ref="NEC724:NEF724"/>
    <mergeCell ref="NCS724:NCV724"/>
    <mergeCell ref="NCW724:NCZ724"/>
    <mergeCell ref="NDA724:NDD724"/>
    <mergeCell ref="NDE724:NDH724"/>
    <mergeCell ref="NDI724:NDL724"/>
    <mergeCell ref="NBY724:NCB724"/>
    <mergeCell ref="NCC724:NCF724"/>
    <mergeCell ref="NCG724:NCJ724"/>
    <mergeCell ref="NCK724:NCN724"/>
    <mergeCell ref="NCO724:NCR724"/>
    <mergeCell ref="NLY724:NMB724"/>
    <mergeCell ref="NMC724:NMF724"/>
    <mergeCell ref="NMG724:NMJ724"/>
    <mergeCell ref="NMK724:NMN724"/>
    <mergeCell ref="NMO724:NMR724"/>
    <mergeCell ref="NLE724:NLH724"/>
    <mergeCell ref="NLI724:NLL724"/>
    <mergeCell ref="NLM724:NLP724"/>
    <mergeCell ref="NLQ724:NLT724"/>
    <mergeCell ref="NLU724:NLX724"/>
    <mergeCell ref="NKK724:NKN724"/>
    <mergeCell ref="NKO724:NKR724"/>
    <mergeCell ref="NKS724:NKV724"/>
    <mergeCell ref="NKW724:NKZ724"/>
    <mergeCell ref="NLA724:NLD724"/>
    <mergeCell ref="NJQ724:NJT724"/>
    <mergeCell ref="NJU724:NJX724"/>
    <mergeCell ref="NJY724:NKB724"/>
    <mergeCell ref="NKC724:NKF724"/>
    <mergeCell ref="NKG724:NKJ724"/>
    <mergeCell ref="NIW724:NIZ724"/>
    <mergeCell ref="NJA724:NJD724"/>
    <mergeCell ref="NJE724:NJH724"/>
    <mergeCell ref="NJI724:NJL724"/>
    <mergeCell ref="NJM724:NJP724"/>
    <mergeCell ref="NIC724:NIF724"/>
    <mergeCell ref="NIG724:NIJ724"/>
    <mergeCell ref="NIK724:NIN724"/>
    <mergeCell ref="NIO724:NIR724"/>
    <mergeCell ref="NIS724:NIV724"/>
    <mergeCell ref="NHI724:NHL724"/>
    <mergeCell ref="NHM724:NHP724"/>
    <mergeCell ref="NHQ724:NHT724"/>
    <mergeCell ref="NHU724:NHX724"/>
    <mergeCell ref="NHY724:NIB724"/>
    <mergeCell ref="NRI724:NRL724"/>
    <mergeCell ref="NRM724:NRP724"/>
    <mergeCell ref="NRQ724:NRT724"/>
    <mergeCell ref="NRU724:NRX724"/>
    <mergeCell ref="NRY724:NSB724"/>
    <mergeCell ref="NQO724:NQR724"/>
    <mergeCell ref="NQS724:NQV724"/>
    <mergeCell ref="NQW724:NQZ724"/>
    <mergeCell ref="NRA724:NRD724"/>
    <mergeCell ref="NRE724:NRH724"/>
    <mergeCell ref="NPU724:NPX724"/>
    <mergeCell ref="NPY724:NQB724"/>
    <mergeCell ref="NQC724:NQF724"/>
    <mergeCell ref="NQG724:NQJ724"/>
    <mergeCell ref="NQK724:NQN724"/>
    <mergeCell ref="NPA724:NPD724"/>
    <mergeCell ref="NPE724:NPH724"/>
    <mergeCell ref="NPI724:NPL724"/>
    <mergeCell ref="NPM724:NPP724"/>
    <mergeCell ref="NPQ724:NPT724"/>
    <mergeCell ref="NOG724:NOJ724"/>
    <mergeCell ref="NOK724:NON724"/>
    <mergeCell ref="NOO724:NOR724"/>
    <mergeCell ref="NOS724:NOV724"/>
    <mergeCell ref="NOW724:NOZ724"/>
    <mergeCell ref="NNM724:NNP724"/>
    <mergeCell ref="NNQ724:NNT724"/>
    <mergeCell ref="NNU724:NNX724"/>
    <mergeCell ref="NNY724:NOB724"/>
    <mergeCell ref="NOC724:NOF724"/>
    <mergeCell ref="NMS724:NMV724"/>
    <mergeCell ref="NMW724:NMZ724"/>
    <mergeCell ref="NNA724:NND724"/>
    <mergeCell ref="NNE724:NNH724"/>
    <mergeCell ref="NNI724:NNL724"/>
    <mergeCell ref="NWS724:NWV724"/>
    <mergeCell ref="NWW724:NWZ724"/>
    <mergeCell ref="NXA724:NXD724"/>
    <mergeCell ref="NXE724:NXH724"/>
    <mergeCell ref="NXI724:NXL724"/>
    <mergeCell ref="NVY724:NWB724"/>
    <mergeCell ref="NWC724:NWF724"/>
    <mergeCell ref="NWG724:NWJ724"/>
    <mergeCell ref="NWK724:NWN724"/>
    <mergeCell ref="NWO724:NWR724"/>
    <mergeCell ref="NVE724:NVH724"/>
    <mergeCell ref="NVI724:NVL724"/>
    <mergeCell ref="NVM724:NVP724"/>
    <mergeCell ref="NVQ724:NVT724"/>
    <mergeCell ref="NVU724:NVX724"/>
    <mergeCell ref="NUK724:NUN724"/>
    <mergeCell ref="NUO724:NUR724"/>
    <mergeCell ref="NUS724:NUV724"/>
    <mergeCell ref="NUW724:NUZ724"/>
    <mergeCell ref="NVA724:NVD724"/>
    <mergeCell ref="NTQ724:NTT724"/>
    <mergeCell ref="NTU724:NTX724"/>
    <mergeCell ref="NTY724:NUB724"/>
    <mergeCell ref="NUC724:NUF724"/>
    <mergeCell ref="NUG724:NUJ724"/>
    <mergeCell ref="NSW724:NSZ724"/>
    <mergeCell ref="NTA724:NTD724"/>
    <mergeCell ref="NTE724:NTH724"/>
    <mergeCell ref="NTI724:NTL724"/>
    <mergeCell ref="NTM724:NTP724"/>
    <mergeCell ref="NSC724:NSF724"/>
    <mergeCell ref="NSG724:NSJ724"/>
    <mergeCell ref="NSK724:NSN724"/>
    <mergeCell ref="NSO724:NSR724"/>
    <mergeCell ref="NSS724:NSV724"/>
    <mergeCell ref="OCC724:OCF724"/>
    <mergeCell ref="OCG724:OCJ724"/>
    <mergeCell ref="OCK724:OCN724"/>
    <mergeCell ref="OCO724:OCR724"/>
    <mergeCell ref="OCS724:OCV724"/>
    <mergeCell ref="OBI724:OBL724"/>
    <mergeCell ref="OBM724:OBP724"/>
    <mergeCell ref="OBQ724:OBT724"/>
    <mergeCell ref="OBU724:OBX724"/>
    <mergeCell ref="OBY724:OCB724"/>
    <mergeCell ref="OAO724:OAR724"/>
    <mergeCell ref="OAS724:OAV724"/>
    <mergeCell ref="OAW724:OAZ724"/>
    <mergeCell ref="OBA724:OBD724"/>
    <mergeCell ref="OBE724:OBH724"/>
    <mergeCell ref="NZU724:NZX724"/>
    <mergeCell ref="NZY724:OAB724"/>
    <mergeCell ref="OAC724:OAF724"/>
    <mergeCell ref="OAG724:OAJ724"/>
    <mergeCell ref="OAK724:OAN724"/>
    <mergeCell ref="NZA724:NZD724"/>
    <mergeCell ref="NZE724:NZH724"/>
    <mergeCell ref="NZI724:NZL724"/>
    <mergeCell ref="NZM724:NZP724"/>
    <mergeCell ref="NZQ724:NZT724"/>
    <mergeCell ref="NYG724:NYJ724"/>
    <mergeCell ref="NYK724:NYN724"/>
    <mergeCell ref="NYO724:NYR724"/>
    <mergeCell ref="NYS724:NYV724"/>
    <mergeCell ref="NYW724:NYZ724"/>
    <mergeCell ref="NXM724:NXP724"/>
    <mergeCell ref="NXQ724:NXT724"/>
    <mergeCell ref="NXU724:NXX724"/>
    <mergeCell ref="NXY724:NYB724"/>
    <mergeCell ref="NYC724:NYF724"/>
    <mergeCell ref="OHM724:OHP724"/>
    <mergeCell ref="OHQ724:OHT724"/>
    <mergeCell ref="OHU724:OHX724"/>
    <mergeCell ref="OHY724:OIB724"/>
    <mergeCell ref="OIC724:OIF724"/>
    <mergeCell ref="OGS724:OGV724"/>
    <mergeCell ref="OGW724:OGZ724"/>
    <mergeCell ref="OHA724:OHD724"/>
    <mergeCell ref="OHE724:OHH724"/>
    <mergeCell ref="OHI724:OHL724"/>
    <mergeCell ref="OFY724:OGB724"/>
    <mergeCell ref="OGC724:OGF724"/>
    <mergeCell ref="OGG724:OGJ724"/>
    <mergeCell ref="OGK724:OGN724"/>
    <mergeCell ref="OGO724:OGR724"/>
    <mergeCell ref="OFE724:OFH724"/>
    <mergeCell ref="OFI724:OFL724"/>
    <mergeCell ref="OFM724:OFP724"/>
    <mergeCell ref="OFQ724:OFT724"/>
    <mergeCell ref="OFU724:OFX724"/>
    <mergeCell ref="OEK724:OEN724"/>
    <mergeCell ref="OEO724:OER724"/>
    <mergeCell ref="OES724:OEV724"/>
    <mergeCell ref="OEW724:OEZ724"/>
    <mergeCell ref="OFA724:OFD724"/>
    <mergeCell ref="ODQ724:ODT724"/>
    <mergeCell ref="ODU724:ODX724"/>
    <mergeCell ref="ODY724:OEB724"/>
    <mergeCell ref="OEC724:OEF724"/>
    <mergeCell ref="OEG724:OEJ724"/>
    <mergeCell ref="OCW724:OCZ724"/>
    <mergeCell ref="ODA724:ODD724"/>
    <mergeCell ref="ODE724:ODH724"/>
    <mergeCell ref="ODI724:ODL724"/>
    <mergeCell ref="ODM724:ODP724"/>
    <mergeCell ref="OMW724:OMZ724"/>
    <mergeCell ref="ONA724:OND724"/>
    <mergeCell ref="ONE724:ONH724"/>
    <mergeCell ref="ONI724:ONL724"/>
    <mergeCell ref="ONM724:ONP724"/>
    <mergeCell ref="OMC724:OMF724"/>
    <mergeCell ref="OMG724:OMJ724"/>
    <mergeCell ref="OMK724:OMN724"/>
    <mergeCell ref="OMO724:OMR724"/>
    <mergeCell ref="OMS724:OMV724"/>
    <mergeCell ref="OLI724:OLL724"/>
    <mergeCell ref="OLM724:OLP724"/>
    <mergeCell ref="OLQ724:OLT724"/>
    <mergeCell ref="OLU724:OLX724"/>
    <mergeCell ref="OLY724:OMB724"/>
    <mergeCell ref="OKO724:OKR724"/>
    <mergeCell ref="OKS724:OKV724"/>
    <mergeCell ref="OKW724:OKZ724"/>
    <mergeCell ref="OLA724:OLD724"/>
    <mergeCell ref="OLE724:OLH724"/>
    <mergeCell ref="OJU724:OJX724"/>
    <mergeCell ref="OJY724:OKB724"/>
    <mergeCell ref="OKC724:OKF724"/>
    <mergeCell ref="OKG724:OKJ724"/>
    <mergeCell ref="OKK724:OKN724"/>
    <mergeCell ref="OJA724:OJD724"/>
    <mergeCell ref="OJE724:OJH724"/>
    <mergeCell ref="OJI724:OJL724"/>
    <mergeCell ref="OJM724:OJP724"/>
    <mergeCell ref="OJQ724:OJT724"/>
    <mergeCell ref="OIG724:OIJ724"/>
    <mergeCell ref="OIK724:OIN724"/>
    <mergeCell ref="OIO724:OIR724"/>
    <mergeCell ref="OIS724:OIV724"/>
    <mergeCell ref="OIW724:OIZ724"/>
    <mergeCell ref="OSG724:OSJ724"/>
    <mergeCell ref="OSK724:OSN724"/>
    <mergeCell ref="OSO724:OSR724"/>
    <mergeCell ref="OSS724:OSV724"/>
    <mergeCell ref="OSW724:OSZ724"/>
    <mergeCell ref="ORM724:ORP724"/>
    <mergeCell ref="ORQ724:ORT724"/>
    <mergeCell ref="ORU724:ORX724"/>
    <mergeCell ref="ORY724:OSB724"/>
    <mergeCell ref="OSC724:OSF724"/>
    <mergeCell ref="OQS724:OQV724"/>
    <mergeCell ref="OQW724:OQZ724"/>
    <mergeCell ref="ORA724:ORD724"/>
    <mergeCell ref="ORE724:ORH724"/>
    <mergeCell ref="ORI724:ORL724"/>
    <mergeCell ref="OPY724:OQB724"/>
    <mergeCell ref="OQC724:OQF724"/>
    <mergeCell ref="OQG724:OQJ724"/>
    <mergeCell ref="OQK724:OQN724"/>
    <mergeCell ref="OQO724:OQR724"/>
    <mergeCell ref="OPE724:OPH724"/>
    <mergeCell ref="OPI724:OPL724"/>
    <mergeCell ref="OPM724:OPP724"/>
    <mergeCell ref="OPQ724:OPT724"/>
    <mergeCell ref="OPU724:OPX724"/>
    <mergeCell ref="OOK724:OON724"/>
    <mergeCell ref="OOO724:OOR724"/>
    <mergeCell ref="OOS724:OOV724"/>
    <mergeCell ref="OOW724:OOZ724"/>
    <mergeCell ref="OPA724:OPD724"/>
    <mergeCell ref="ONQ724:ONT724"/>
    <mergeCell ref="ONU724:ONX724"/>
    <mergeCell ref="ONY724:OOB724"/>
    <mergeCell ref="OOC724:OOF724"/>
    <mergeCell ref="OOG724:OOJ724"/>
    <mergeCell ref="OXQ724:OXT724"/>
    <mergeCell ref="OXU724:OXX724"/>
    <mergeCell ref="OXY724:OYB724"/>
    <mergeCell ref="OYC724:OYF724"/>
    <mergeCell ref="OYG724:OYJ724"/>
    <mergeCell ref="OWW724:OWZ724"/>
    <mergeCell ref="OXA724:OXD724"/>
    <mergeCell ref="OXE724:OXH724"/>
    <mergeCell ref="OXI724:OXL724"/>
    <mergeCell ref="OXM724:OXP724"/>
    <mergeCell ref="OWC724:OWF724"/>
    <mergeCell ref="OWG724:OWJ724"/>
    <mergeCell ref="OWK724:OWN724"/>
    <mergeCell ref="OWO724:OWR724"/>
    <mergeCell ref="OWS724:OWV724"/>
    <mergeCell ref="OVI724:OVL724"/>
    <mergeCell ref="OVM724:OVP724"/>
    <mergeCell ref="OVQ724:OVT724"/>
    <mergeCell ref="OVU724:OVX724"/>
    <mergeCell ref="OVY724:OWB724"/>
    <mergeCell ref="OUO724:OUR724"/>
    <mergeCell ref="OUS724:OUV724"/>
    <mergeCell ref="OUW724:OUZ724"/>
    <mergeCell ref="OVA724:OVD724"/>
    <mergeCell ref="OVE724:OVH724"/>
    <mergeCell ref="OTU724:OTX724"/>
    <mergeCell ref="OTY724:OUB724"/>
    <mergeCell ref="OUC724:OUF724"/>
    <mergeCell ref="OUG724:OUJ724"/>
    <mergeCell ref="OUK724:OUN724"/>
    <mergeCell ref="OTA724:OTD724"/>
    <mergeCell ref="OTE724:OTH724"/>
    <mergeCell ref="OTI724:OTL724"/>
    <mergeCell ref="OTM724:OTP724"/>
    <mergeCell ref="OTQ724:OTT724"/>
    <mergeCell ref="PDA724:PDD724"/>
    <mergeCell ref="PDE724:PDH724"/>
    <mergeCell ref="PDI724:PDL724"/>
    <mergeCell ref="PDM724:PDP724"/>
    <mergeCell ref="PDQ724:PDT724"/>
    <mergeCell ref="PCG724:PCJ724"/>
    <mergeCell ref="PCK724:PCN724"/>
    <mergeCell ref="PCO724:PCR724"/>
    <mergeCell ref="PCS724:PCV724"/>
    <mergeCell ref="PCW724:PCZ724"/>
    <mergeCell ref="PBM724:PBP724"/>
    <mergeCell ref="PBQ724:PBT724"/>
    <mergeCell ref="PBU724:PBX724"/>
    <mergeCell ref="PBY724:PCB724"/>
    <mergeCell ref="PCC724:PCF724"/>
    <mergeCell ref="PAS724:PAV724"/>
    <mergeCell ref="PAW724:PAZ724"/>
    <mergeCell ref="PBA724:PBD724"/>
    <mergeCell ref="PBE724:PBH724"/>
    <mergeCell ref="PBI724:PBL724"/>
    <mergeCell ref="OZY724:PAB724"/>
    <mergeCell ref="PAC724:PAF724"/>
    <mergeCell ref="PAG724:PAJ724"/>
    <mergeCell ref="PAK724:PAN724"/>
    <mergeCell ref="PAO724:PAR724"/>
    <mergeCell ref="OZE724:OZH724"/>
    <mergeCell ref="OZI724:OZL724"/>
    <mergeCell ref="OZM724:OZP724"/>
    <mergeCell ref="OZQ724:OZT724"/>
    <mergeCell ref="OZU724:OZX724"/>
    <mergeCell ref="OYK724:OYN724"/>
    <mergeCell ref="OYO724:OYR724"/>
    <mergeCell ref="OYS724:OYV724"/>
    <mergeCell ref="OYW724:OYZ724"/>
    <mergeCell ref="OZA724:OZD724"/>
    <mergeCell ref="PIK724:PIN724"/>
    <mergeCell ref="PIO724:PIR724"/>
    <mergeCell ref="PIS724:PIV724"/>
    <mergeCell ref="PIW724:PIZ724"/>
    <mergeCell ref="PJA724:PJD724"/>
    <mergeCell ref="PHQ724:PHT724"/>
    <mergeCell ref="PHU724:PHX724"/>
    <mergeCell ref="PHY724:PIB724"/>
    <mergeCell ref="PIC724:PIF724"/>
    <mergeCell ref="PIG724:PIJ724"/>
    <mergeCell ref="PGW724:PGZ724"/>
    <mergeCell ref="PHA724:PHD724"/>
    <mergeCell ref="PHE724:PHH724"/>
    <mergeCell ref="PHI724:PHL724"/>
    <mergeCell ref="PHM724:PHP724"/>
    <mergeCell ref="PGC724:PGF724"/>
    <mergeCell ref="PGG724:PGJ724"/>
    <mergeCell ref="PGK724:PGN724"/>
    <mergeCell ref="PGO724:PGR724"/>
    <mergeCell ref="PGS724:PGV724"/>
    <mergeCell ref="PFI724:PFL724"/>
    <mergeCell ref="PFM724:PFP724"/>
    <mergeCell ref="PFQ724:PFT724"/>
    <mergeCell ref="PFU724:PFX724"/>
    <mergeCell ref="PFY724:PGB724"/>
    <mergeCell ref="PEO724:PER724"/>
    <mergeCell ref="PES724:PEV724"/>
    <mergeCell ref="PEW724:PEZ724"/>
    <mergeCell ref="PFA724:PFD724"/>
    <mergeCell ref="PFE724:PFH724"/>
    <mergeCell ref="PDU724:PDX724"/>
    <mergeCell ref="PDY724:PEB724"/>
    <mergeCell ref="PEC724:PEF724"/>
    <mergeCell ref="PEG724:PEJ724"/>
    <mergeCell ref="PEK724:PEN724"/>
    <mergeCell ref="PNU724:PNX724"/>
    <mergeCell ref="PNY724:POB724"/>
    <mergeCell ref="POC724:POF724"/>
    <mergeCell ref="POG724:POJ724"/>
    <mergeCell ref="POK724:PON724"/>
    <mergeCell ref="PNA724:PND724"/>
    <mergeCell ref="PNE724:PNH724"/>
    <mergeCell ref="PNI724:PNL724"/>
    <mergeCell ref="PNM724:PNP724"/>
    <mergeCell ref="PNQ724:PNT724"/>
    <mergeCell ref="PMG724:PMJ724"/>
    <mergeCell ref="PMK724:PMN724"/>
    <mergeCell ref="PMO724:PMR724"/>
    <mergeCell ref="PMS724:PMV724"/>
    <mergeCell ref="PMW724:PMZ724"/>
    <mergeCell ref="PLM724:PLP724"/>
    <mergeCell ref="PLQ724:PLT724"/>
    <mergeCell ref="PLU724:PLX724"/>
    <mergeCell ref="PLY724:PMB724"/>
    <mergeCell ref="PMC724:PMF724"/>
    <mergeCell ref="PKS724:PKV724"/>
    <mergeCell ref="PKW724:PKZ724"/>
    <mergeCell ref="PLA724:PLD724"/>
    <mergeCell ref="PLE724:PLH724"/>
    <mergeCell ref="PLI724:PLL724"/>
    <mergeCell ref="PJY724:PKB724"/>
    <mergeCell ref="PKC724:PKF724"/>
    <mergeCell ref="PKG724:PKJ724"/>
    <mergeCell ref="PKK724:PKN724"/>
    <mergeCell ref="PKO724:PKR724"/>
    <mergeCell ref="PJE724:PJH724"/>
    <mergeCell ref="PJI724:PJL724"/>
    <mergeCell ref="PJM724:PJP724"/>
    <mergeCell ref="PJQ724:PJT724"/>
    <mergeCell ref="PJU724:PJX724"/>
    <mergeCell ref="PTE724:PTH724"/>
    <mergeCell ref="PTI724:PTL724"/>
    <mergeCell ref="PTM724:PTP724"/>
    <mergeCell ref="PTQ724:PTT724"/>
    <mergeCell ref="PTU724:PTX724"/>
    <mergeCell ref="PSK724:PSN724"/>
    <mergeCell ref="PSO724:PSR724"/>
    <mergeCell ref="PSS724:PSV724"/>
    <mergeCell ref="PSW724:PSZ724"/>
    <mergeCell ref="PTA724:PTD724"/>
    <mergeCell ref="PRQ724:PRT724"/>
    <mergeCell ref="PRU724:PRX724"/>
    <mergeCell ref="PRY724:PSB724"/>
    <mergeCell ref="PSC724:PSF724"/>
    <mergeCell ref="PSG724:PSJ724"/>
    <mergeCell ref="PQW724:PQZ724"/>
    <mergeCell ref="PRA724:PRD724"/>
    <mergeCell ref="PRE724:PRH724"/>
    <mergeCell ref="PRI724:PRL724"/>
    <mergeCell ref="PRM724:PRP724"/>
    <mergeCell ref="PQC724:PQF724"/>
    <mergeCell ref="PQG724:PQJ724"/>
    <mergeCell ref="PQK724:PQN724"/>
    <mergeCell ref="PQO724:PQR724"/>
    <mergeCell ref="PQS724:PQV724"/>
    <mergeCell ref="PPI724:PPL724"/>
    <mergeCell ref="PPM724:PPP724"/>
    <mergeCell ref="PPQ724:PPT724"/>
    <mergeCell ref="PPU724:PPX724"/>
    <mergeCell ref="PPY724:PQB724"/>
    <mergeCell ref="POO724:POR724"/>
    <mergeCell ref="POS724:POV724"/>
    <mergeCell ref="POW724:POZ724"/>
    <mergeCell ref="PPA724:PPD724"/>
    <mergeCell ref="PPE724:PPH724"/>
    <mergeCell ref="PYO724:PYR724"/>
    <mergeCell ref="PYS724:PYV724"/>
    <mergeCell ref="PYW724:PYZ724"/>
    <mergeCell ref="PZA724:PZD724"/>
    <mergeCell ref="PZE724:PZH724"/>
    <mergeCell ref="PXU724:PXX724"/>
    <mergeCell ref="PXY724:PYB724"/>
    <mergeCell ref="PYC724:PYF724"/>
    <mergeCell ref="PYG724:PYJ724"/>
    <mergeCell ref="PYK724:PYN724"/>
    <mergeCell ref="PXA724:PXD724"/>
    <mergeCell ref="PXE724:PXH724"/>
    <mergeCell ref="PXI724:PXL724"/>
    <mergeCell ref="PXM724:PXP724"/>
    <mergeCell ref="PXQ724:PXT724"/>
    <mergeCell ref="PWG724:PWJ724"/>
    <mergeCell ref="PWK724:PWN724"/>
    <mergeCell ref="PWO724:PWR724"/>
    <mergeCell ref="PWS724:PWV724"/>
    <mergeCell ref="PWW724:PWZ724"/>
    <mergeCell ref="PVM724:PVP724"/>
    <mergeCell ref="PVQ724:PVT724"/>
    <mergeCell ref="PVU724:PVX724"/>
    <mergeCell ref="PVY724:PWB724"/>
    <mergeCell ref="PWC724:PWF724"/>
    <mergeCell ref="PUS724:PUV724"/>
    <mergeCell ref="PUW724:PUZ724"/>
    <mergeCell ref="PVA724:PVD724"/>
    <mergeCell ref="PVE724:PVH724"/>
    <mergeCell ref="PVI724:PVL724"/>
    <mergeCell ref="PTY724:PUB724"/>
    <mergeCell ref="PUC724:PUF724"/>
    <mergeCell ref="PUG724:PUJ724"/>
    <mergeCell ref="PUK724:PUN724"/>
    <mergeCell ref="PUO724:PUR724"/>
    <mergeCell ref="QDY724:QEB724"/>
    <mergeCell ref="QEC724:QEF724"/>
    <mergeCell ref="QEG724:QEJ724"/>
    <mergeCell ref="QEK724:QEN724"/>
    <mergeCell ref="QEO724:QER724"/>
    <mergeCell ref="QDE724:QDH724"/>
    <mergeCell ref="QDI724:QDL724"/>
    <mergeCell ref="QDM724:QDP724"/>
    <mergeCell ref="QDQ724:QDT724"/>
    <mergeCell ref="QDU724:QDX724"/>
    <mergeCell ref="QCK724:QCN724"/>
    <mergeCell ref="QCO724:QCR724"/>
    <mergeCell ref="QCS724:QCV724"/>
    <mergeCell ref="QCW724:QCZ724"/>
    <mergeCell ref="QDA724:QDD724"/>
    <mergeCell ref="QBQ724:QBT724"/>
    <mergeCell ref="QBU724:QBX724"/>
    <mergeCell ref="QBY724:QCB724"/>
    <mergeCell ref="QCC724:QCF724"/>
    <mergeCell ref="QCG724:QCJ724"/>
    <mergeCell ref="QAW724:QAZ724"/>
    <mergeCell ref="QBA724:QBD724"/>
    <mergeCell ref="QBE724:QBH724"/>
    <mergeCell ref="QBI724:QBL724"/>
    <mergeCell ref="QBM724:QBP724"/>
    <mergeCell ref="QAC724:QAF724"/>
    <mergeCell ref="QAG724:QAJ724"/>
    <mergeCell ref="QAK724:QAN724"/>
    <mergeCell ref="QAO724:QAR724"/>
    <mergeCell ref="QAS724:QAV724"/>
    <mergeCell ref="PZI724:PZL724"/>
    <mergeCell ref="PZM724:PZP724"/>
    <mergeCell ref="PZQ724:PZT724"/>
    <mergeCell ref="PZU724:PZX724"/>
    <mergeCell ref="PZY724:QAB724"/>
    <mergeCell ref="QJI724:QJL724"/>
    <mergeCell ref="QJM724:QJP724"/>
    <mergeCell ref="QJQ724:QJT724"/>
    <mergeCell ref="QJU724:QJX724"/>
    <mergeCell ref="QJY724:QKB724"/>
    <mergeCell ref="QIO724:QIR724"/>
    <mergeCell ref="QIS724:QIV724"/>
    <mergeCell ref="QIW724:QIZ724"/>
    <mergeCell ref="QJA724:QJD724"/>
    <mergeCell ref="QJE724:QJH724"/>
    <mergeCell ref="QHU724:QHX724"/>
    <mergeCell ref="QHY724:QIB724"/>
    <mergeCell ref="QIC724:QIF724"/>
    <mergeCell ref="QIG724:QIJ724"/>
    <mergeCell ref="QIK724:QIN724"/>
    <mergeCell ref="QHA724:QHD724"/>
    <mergeCell ref="QHE724:QHH724"/>
    <mergeCell ref="QHI724:QHL724"/>
    <mergeCell ref="QHM724:QHP724"/>
    <mergeCell ref="QHQ724:QHT724"/>
    <mergeCell ref="QGG724:QGJ724"/>
    <mergeCell ref="QGK724:QGN724"/>
    <mergeCell ref="QGO724:QGR724"/>
    <mergeCell ref="QGS724:QGV724"/>
    <mergeCell ref="QGW724:QGZ724"/>
    <mergeCell ref="QFM724:QFP724"/>
    <mergeCell ref="QFQ724:QFT724"/>
    <mergeCell ref="QFU724:QFX724"/>
    <mergeCell ref="QFY724:QGB724"/>
    <mergeCell ref="QGC724:QGF724"/>
    <mergeCell ref="QES724:QEV724"/>
    <mergeCell ref="QEW724:QEZ724"/>
    <mergeCell ref="QFA724:QFD724"/>
    <mergeCell ref="QFE724:QFH724"/>
    <mergeCell ref="QFI724:QFL724"/>
    <mergeCell ref="QOS724:QOV724"/>
    <mergeCell ref="QOW724:QOZ724"/>
    <mergeCell ref="QPA724:QPD724"/>
    <mergeCell ref="QPE724:QPH724"/>
    <mergeCell ref="QPI724:QPL724"/>
    <mergeCell ref="QNY724:QOB724"/>
    <mergeCell ref="QOC724:QOF724"/>
    <mergeCell ref="QOG724:QOJ724"/>
    <mergeCell ref="QOK724:QON724"/>
    <mergeCell ref="QOO724:QOR724"/>
    <mergeCell ref="QNE724:QNH724"/>
    <mergeCell ref="QNI724:QNL724"/>
    <mergeCell ref="QNM724:QNP724"/>
    <mergeCell ref="QNQ724:QNT724"/>
    <mergeCell ref="QNU724:QNX724"/>
    <mergeCell ref="QMK724:QMN724"/>
    <mergeCell ref="QMO724:QMR724"/>
    <mergeCell ref="QMS724:QMV724"/>
    <mergeCell ref="QMW724:QMZ724"/>
    <mergeCell ref="QNA724:QND724"/>
    <mergeCell ref="QLQ724:QLT724"/>
    <mergeCell ref="QLU724:QLX724"/>
    <mergeCell ref="QLY724:QMB724"/>
    <mergeCell ref="QMC724:QMF724"/>
    <mergeCell ref="QMG724:QMJ724"/>
    <mergeCell ref="QKW724:QKZ724"/>
    <mergeCell ref="QLA724:QLD724"/>
    <mergeCell ref="QLE724:QLH724"/>
    <mergeCell ref="QLI724:QLL724"/>
    <mergeCell ref="QLM724:QLP724"/>
    <mergeCell ref="QKC724:QKF724"/>
    <mergeCell ref="QKG724:QKJ724"/>
    <mergeCell ref="QKK724:QKN724"/>
    <mergeCell ref="QKO724:QKR724"/>
    <mergeCell ref="QKS724:QKV724"/>
    <mergeCell ref="QUC724:QUF724"/>
    <mergeCell ref="QUG724:QUJ724"/>
    <mergeCell ref="QUK724:QUN724"/>
    <mergeCell ref="QUO724:QUR724"/>
    <mergeCell ref="QUS724:QUV724"/>
    <mergeCell ref="QTI724:QTL724"/>
    <mergeCell ref="QTM724:QTP724"/>
    <mergeCell ref="QTQ724:QTT724"/>
    <mergeCell ref="QTU724:QTX724"/>
    <mergeCell ref="QTY724:QUB724"/>
    <mergeCell ref="QSO724:QSR724"/>
    <mergeCell ref="QSS724:QSV724"/>
    <mergeCell ref="QSW724:QSZ724"/>
    <mergeCell ref="QTA724:QTD724"/>
    <mergeCell ref="QTE724:QTH724"/>
    <mergeCell ref="QRU724:QRX724"/>
    <mergeCell ref="QRY724:QSB724"/>
    <mergeCell ref="QSC724:QSF724"/>
    <mergeCell ref="QSG724:QSJ724"/>
    <mergeCell ref="QSK724:QSN724"/>
    <mergeCell ref="QRA724:QRD724"/>
    <mergeCell ref="QRE724:QRH724"/>
    <mergeCell ref="QRI724:QRL724"/>
    <mergeCell ref="QRM724:QRP724"/>
    <mergeCell ref="QRQ724:QRT724"/>
    <mergeCell ref="QQG724:QQJ724"/>
    <mergeCell ref="QQK724:QQN724"/>
    <mergeCell ref="QQO724:QQR724"/>
    <mergeCell ref="QQS724:QQV724"/>
    <mergeCell ref="QQW724:QQZ724"/>
    <mergeCell ref="QPM724:QPP724"/>
    <mergeCell ref="QPQ724:QPT724"/>
    <mergeCell ref="QPU724:QPX724"/>
    <mergeCell ref="QPY724:QQB724"/>
    <mergeCell ref="QQC724:QQF724"/>
    <mergeCell ref="QZM724:QZP724"/>
    <mergeCell ref="QZQ724:QZT724"/>
    <mergeCell ref="QZU724:QZX724"/>
    <mergeCell ref="QZY724:RAB724"/>
    <mergeCell ref="RAC724:RAF724"/>
    <mergeCell ref="QYS724:QYV724"/>
    <mergeCell ref="QYW724:QYZ724"/>
    <mergeCell ref="QZA724:QZD724"/>
    <mergeCell ref="QZE724:QZH724"/>
    <mergeCell ref="QZI724:QZL724"/>
    <mergeCell ref="QXY724:QYB724"/>
    <mergeCell ref="QYC724:QYF724"/>
    <mergeCell ref="QYG724:QYJ724"/>
    <mergeCell ref="QYK724:QYN724"/>
    <mergeCell ref="QYO724:QYR724"/>
    <mergeCell ref="QXE724:QXH724"/>
    <mergeCell ref="QXI724:QXL724"/>
    <mergeCell ref="QXM724:QXP724"/>
    <mergeCell ref="QXQ724:QXT724"/>
    <mergeCell ref="QXU724:QXX724"/>
    <mergeCell ref="QWK724:QWN724"/>
    <mergeCell ref="QWO724:QWR724"/>
    <mergeCell ref="QWS724:QWV724"/>
    <mergeCell ref="QWW724:QWZ724"/>
    <mergeCell ref="QXA724:QXD724"/>
    <mergeCell ref="QVQ724:QVT724"/>
    <mergeCell ref="QVU724:QVX724"/>
    <mergeCell ref="QVY724:QWB724"/>
    <mergeCell ref="QWC724:QWF724"/>
    <mergeCell ref="QWG724:QWJ724"/>
    <mergeCell ref="QUW724:QUZ724"/>
    <mergeCell ref="QVA724:QVD724"/>
    <mergeCell ref="QVE724:QVH724"/>
    <mergeCell ref="QVI724:QVL724"/>
    <mergeCell ref="QVM724:QVP724"/>
    <mergeCell ref="REW724:REZ724"/>
    <mergeCell ref="RFA724:RFD724"/>
    <mergeCell ref="RFE724:RFH724"/>
    <mergeCell ref="RFI724:RFL724"/>
    <mergeCell ref="RFM724:RFP724"/>
    <mergeCell ref="REC724:REF724"/>
    <mergeCell ref="REG724:REJ724"/>
    <mergeCell ref="REK724:REN724"/>
    <mergeCell ref="REO724:RER724"/>
    <mergeCell ref="RES724:REV724"/>
    <mergeCell ref="RDI724:RDL724"/>
    <mergeCell ref="RDM724:RDP724"/>
    <mergeCell ref="RDQ724:RDT724"/>
    <mergeCell ref="RDU724:RDX724"/>
    <mergeCell ref="RDY724:REB724"/>
    <mergeCell ref="RCO724:RCR724"/>
    <mergeCell ref="RCS724:RCV724"/>
    <mergeCell ref="RCW724:RCZ724"/>
    <mergeCell ref="RDA724:RDD724"/>
    <mergeCell ref="RDE724:RDH724"/>
    <mergeCell ref="RBU724:RBX724"/>
    <mergeCell ref="RBY724:RCB724"/>
    <mergeCell ref="RCC724:RCF724"/>
    <mergeCell ref="RCG724:RCJ724"/>
    <mergeCell ref="RCK724:RCN724"/>
    <mergeCell ref="RBA724:RBD724"/>
    <mergeCell ref="RBE724:RBH724"/>
    <mergeCell ref="RBI724:RBL724"/>
    <mergeCell ref="RBM724:RBP724"/>
    <mergeCell ref="RBQ724:RBT724"/>
    <mergeCell ref="RAG724:RAJ724"/>
    <mergeCell ref="RAK724:RAN724"/>
    <mergeCell ref="RAO724:RAR724"/>
    <mergeCell ref="RAS724:RAV724"/>
    <mergeCell ref="RAW724:RAZ724"/>
    <mergeCell ref="RKG724:RKJ724"/>
    <mergeCell ref="RKK724:RKN724"/>
    <mergeCell ref="RKO724:RKR724"/>
    <mergeCell ref="RKS724:RKV724"/>
    <mergeCell ref="RKW724:RKZ724"/>
    <mergeCell ref="RJM724:RJP724"/>
    <mergeCell ref="RJQ724:RJT724"/>
    <mergeCell ref="RJU724:RJX724"/>
    <mergeCell ref="RJY724:RKB724"/>
    <mergeCell ref="RKC724:RKF724"/>
    <mergeCell ref="RIS724:RIV724"/>
    <mergeCell ref="RIW724:RIZ724"/>
    <mergeCell ref="RJA724:RJD724"/>
    <mergeCell ref="RJE724:RJH724"/>
    <mergeCell ref="RJI724:RJL724"/>
    <mergeCell ref="RHY724:RIB724"/>
    <mergeCell ref="RIC724:RIF724"/>
    <mergeCell ref="RIG724:RIJ724"/>
    <mergeCell ref="RIK724:RIN724"/>
    <mergeCell ref="RIO724:RIR724"/>
    <mergeCell ref="RHE724:RHH724"/>
    <mergeCell ref="RHI724:RHL724"/>
    <mergeCell ref="RHM724:RHP724"/>
    <mergeCell ref="RHQ724:RHT724"/>
    <mergeCell ref="RHU724:RHX724"/>
    <mergeCell ref="RGK724:RGN724"/>
    <mergeCell ref="RGO724:RGR724"/>
    <mergeCell ref="RGS724:RGV724"/>
    <mergeCell ref="RGW724:RGZ724"/>
    <mergeCell ref="RHA724:RHD724"/>
    <mergeCell ref="RFQ724:RFT724"/>
    <mergeCell ref="RFU724:RFX724"/>
    <mergeCell ref="RFY724:RGB724"/>
    <mergeCell ref="RGC724:RGF724"/>
    <mergeCell ref="RGG724:RGJ724"/>
    <mergeCell ref="RPQ724:RPT724"/>
    <mergeCell ref="RPU724:RPX724"/>
    <mergeCell ref="RPY724:RQB724"/>
    <mergeCell ref="RQC724:RQF724"/>
    <mergeCell ref="RQG724:RQJ724"/>
    <mergeCell ref="ROW724:ROZ724"/>
    <mergeCell ref="RPA724:RPD724"/>
    <mergeCell ref="RPE724:RPH724"/>
    <mergeCell ref="RPI724:RPL724"/>
    <mergeCell ref="RPM724:RPP724"/>
    <mergeCell ref="ROC724:ROF724"/>
    <mergeCell ref="ROG724:ROJ724"/>
    <mergeCell ref="ROK724:RON724"/>
    <mergeCell ref="ROO724:ROR724"/>
    <mergeCell ref="ROS724:ROV724"/>
    <mergeCell ref="RNI724:RNL724"/>
    <mergeCell ref="RNM724:RNP724"/>
    <mergeCell ref="RNQ724:RNT724"/>
    <mergeCell ref="RNU724:RNX724"/>
    <mergeCell ref="RNY724:ROB724"/>
    <mergeCell ref="RMO724:RMR724"/>
    <mergeCell ref="RMS724:RMV724"/>
    <mergeCell ref="RMW724:RMZ724"/>
    <mergeCell ref="RNA724:RND724"/>
    <mergeCell ref="RNE724:RNH724"/>
    <mergeCell ref="RLU724:RLX724"/>
    <mergeCell ref="RLY724:RMB724"/>
    <mergeCell ref="RMC724:RMF724"/>
    <mergeCell ref="RMG724:RMJ724"/>
    <mergeCell ref="RMK724:RMN724"/>
    <mergeCell ref="RLA724:RLD724"/>
    <mergeCell ref="RLE724:RLH724"/>
    <mergeCell ref="RLI724:RLL724"/>
    <mergeCell ref="RLM724:RLP724"/>
    <mergeCell ref="RLQ724:RLT724"/>
    <mergeCell ref="RVA724:RVD724"/>
    <mergeCell ref="RVE724:RVH724"/>
    <mergeCell ref="RVI724:RVL724"/>
    <mergeCell ref="RVM724:RVP724"/>
    <mergeCell ref="RVQ724:RVT724"/>
    <mergeCell ref="RUG724:RUJ724"/>
    <mergeCell ref="RUK724:RUN724"/>
    <mergeCell ref="RUO724:RUR724"/>
    <mergeCell ref="RUS724:RUV724"/>
    <mergeCell ref="RUW724:RUZ724"/>
    <mergeCell ref="RTM724:RTP724"/>
    <mergeCell ref="RTQ724:RTT724"/>
    <mergeCell ref="RTU724:RTX724"/>
    <mergeCell ref="RTY724:RUB724"/>
    <mergeCell ref="RUC724:RUF724"/>
    <mergeCell ref="RSS724:RSV724"/>
    <mergeCell ref="RSW724:RSZ724"/>
    <mergeCell ref="RTA724:RTD724"/>
    <mergeCell ref="RTE724:RTH724"/>
    <mergeCell ref="RTI724:RTL724"/>
    <mergeCell ref="RRY724:RSB724"/>
    <mergeCell ref="RSC724:RSF724"/>
    <mergeCell ref="RSG724:RSJ724"/>
    <mergeCell ref="RSK724:RSN724"/>
    <mergeCell ref="RSO724:RSR724"/>
    <mergeCell ref="RRE724:RRH724"/>
    <mergeCell ref="RRI724:RRL724"/>
    <mergeCell ref="RRM724:RRP724"/>
    <mergeCell ref="RRQ724:RRT724"/>
    <mergeCell ref="RRU724:RRX724"/>
    <mergeCell ref="RQK724:RQN724"/>
    <mergeCell ref="RQO724:RQR724"/>
    <mergeCell ref="RQS724:RQV724"/>
    <mergeCell ref="RQW724:RQZ724"/>
    <mergeCell ref="RRA724:RRD724"/>
    <mergeCell ref="SAK724:SAN724"/>
    <mergeCell ref="SAO724:SAR724"/>
    <mergeCell ref="SAS724:SAV724"/>
    <mergeCell ref="SAW724:SAZ724"/>
    <mergeCell ref="SBA724:SBD724"/>
    <mergeCell ref="RZQ724:RZT724"/>
    <mergeCell ref="RZU724:RZX724"/>
    <mergeCell ref="RZY724:SAB724"/>
    <mergeCell ref="SAC724:SAF724"/>
    <mergeCell ref="SAG724:SAJ724"/>
    <mergeCell ref="RYW724:RYZ724"/>
    <mergeCell ref="RZA724:RZD724"/>
    <mergeCell ref="RZE724:RZH724"/>
    <mergeCell ref="RZI724:RZL724"/>
    <mergeCell ref="RZM724:RZP724"/>
    <mergeCell ref="RYC724:RYF724"/>
    <mergeCell ref="RYG724:RYJ724"/>
    <mergeCell ref="RYK724:RYN724"/>
    <mergeCell ref="RYO724:RYR724"/>
    <mergeCell ref="RYS724:RYV724"/>
    <mergeCell ref="RXI724:RXL724"/>
    <mergeCell ref="RXM724:RXP724"/>
    <mergeCell ref="RXQ724:RXT724"/>
    <mergeCell ref="RXU724:RXX724"/>
    <mergeCell ref="RXY724:RYB724"/>
    <mergeCell ref="RWO724:RWR724"/>
    <mergeCell ref="RWS724:RWV724"/>
    <mergeCell ref="RWW724:RWZ724"/>
    <mergeCell ref="RXA724:RXD724"/>
    <mergeCell ref="RXE724:RXH724"/>
    <mergeCell ref="RVU724:RVX724"/>
    <mergeCell ref="RVY724:RWB724"/>
    <mergeCell ref="RWC724:RWF724"/>
    <mergeCell ref="RWG724:RWJ724"/>
    <mergeCell ref="RWK724:RWN724"/>
    <mergeCell ref="SFU724:SFX724"/>
    <mergeCell ref="SFY724:SGB724"/>
    <mergeCell ref="SGC724:SGF724"/>
    <mergeCell ref="SGG724:SGJ724"/>
    <mergeCell ref="SGK724:SGN724"/>
    <mergeCell ref="SFA724:SFD724"/>
    <mergeCell ref="SFE724:SFH724"/>
    <mergeCell ref="SFI724:SFL724"/>
    <mergeCell ref="SFM724:SFP724"/>
    <mergeCell ref="SFQ724:SFT724"/>
    <mergeCell ref="SEG724:SEJ724"/>
    <mergeCell ref="SEK724:SEN724"/>
    <mergeCell ref="SEO724:SER724"/>
    <mergeCell ref="SES724:SEV724"/>
    <mergeCell ref="SEW724:SEZ724"/>
    <mergeCell ref="SDM724:SDP724"/>
    <mergeCell ref="SDQ724:SDT724"/>
    <mergeCell ref="SDU724:SDX724"/>
    <mergeCell ref="SDY724:SEB724"/>
    <mergeCell ref="SEC724:SEF724"/>
    <mergeCell ref="SCS724:SCV724"/>
    <mergeCell ref="SCW724:SCZ724"/>
    <mergeCell ref="SDA724:SDD724"/>
    <mergeCell ref="SDE724:SDH724"/>
    <mergeCell ref="SDI724:SDL724"/>
    <mergeCell ref="SBY724:SCB724"/>
    <mergeCell ref="SCC724:SCF724"/>
    <mergeCell ref="SCG724:SCJ724"/>
    <mergeCell ref="SCK724:SCN724"/>
    <mergeCell ref="SCO724:SCR724"/>
    <mergeCell ref="SBE724:SBH724"/>
    <mergeCell ref="SBI724:SBL724"/>
    <mergeCell ref="SBM724:SBP724"/>
    <mergeCell ref="SBQ724:SBT724"/>
    <mergeCell ref="SBU724:SBX724"/>
    <mergeCell ref="SLE724:SLH724"/>
    <mergeCell ref="SLI724:SLL724"/>
    <mergeCell ref="SLM724:SLP724"/>
    <mergeCell ref="SLQ724:SLT724"/>
    <mergeCell ref="SLU724:SLX724"/>
    <mergeCell ref="SKK724:SKN724"/>
    <mergeCell ref="SKO724:SKR724"/>
    <mergeCell ref="SKS724:SKV724"/>
    <mergeCell ref="SKW724:SKZ724"/>
    <mergeCell ref="SLA724:SLD724"/>
    <mergeCell ref="SJQ724:SJT724"/>
    <mergeCell ref="SJU724:SJX724"/>
    <mergeCell ref="SJY724:SKB724"/>
    <mergeCell ref="SKC724:SKF724"/>
    <mergeCell ref="SKG724:SKJ724"/>
    <mergeCell ref="SIW724:SIZ724"/>
    <mergeCell ref="SJA724:SJD724"/>
    <mergeCell ref="SJE724:SJH724"/>
    <mergeCell ref="SJI724:SJL724"/>
    <mergeCell ref="SJM724:SJP724"/>
    <mergeCell ref="SIC724:SIF724"/>
    <mergeCell ref="SIG724:SIJ724"/>
    <mergeCell ref="SIK724:SIN724"/>
    <mergeCell ref="SIO724:SIR724"/>
    <mergeCell ref="SIS724:SIV724"/>
    <mergeCell ref="SHI724:SHL724"/>
    <mergeCell ref="SHM724:SHP724"/>
    <mergeCell ref="SHQ724:SHT724"/>
    <mergeCell ref="SHU724:SHX724"/>
    <mergeCell ref="SHY724:SIB724"/>
    <mergeCell ref="SGO724:SGR724"/>
    <mergeCell ref="SGS724:SGV724"/>
    <mergeCell ref="SGW724:SGZ724"/>
    <mergeCell ref="SHA724:SHD724"/>
    <mergeCell ref="SHE724:SHH724"/>
    <mergeCell ref="SQO724:SQR724"/>
    <mergeCell ref="SQS724:SQV724"/>
    <mergeCell ref="SQW724:SQZ724"/>
    <mergeCell ref="SRA724:SRD724"/>
    <mergeCell ref="SRE724:SRH724"/>
    <mergeCell ref="SPU724:SPX724"/>
    <mergeCell ref="SPY724:SQB724"/>
    <mergeCell ref="SQC724:SQF724"/>
    <mergeCell ref="SQG724:SQJ724"/>
    <mergeCell ref="SQK724:SQN724"/>
    <mergeCell ref="SPA724:SPD724"/>
    <mergeCell ref="SPE724:SPH724"/>
    <mergeCell ref="SPI724:SPL724"/>
    <mergeCell ref="SPM724:SPP724"/>
    <mergeCell ref="SPQ724:SPT724"/>
    <mergeCell ref="SOG724:SOJ724"/>
    <mergeCell ref="SOK724:SON724"/>
    <mergeCell ref="SOO724:SOR724"/>
    <mergeCell ref="SOS724:SOV724"/>
    <mergeCell ref="SOW724:SOZ724"/>
    <mergeCell ref="SNM724:SNP724"/>
    <mergeCell ref="SNQ724:SNT724"/>
    <mergeCell ref="SNU724:SNX724"/>
    <mergeCell ref="SNY724:SOB724"/>
    <mergeCell ref="SOC724:SOF724"/>
    <mergeCell ref="SMS724:SMV724"/>
    <mergeCell ref="SMW724:SMZ724"/>
    <mergeCell ref="SNA724:SND724"/>
    <mergeCell ref="SNE724:SNH724"/>
    <mergeCell ref="SNI724:SNL724"/>
    <mergeCell ref="SLY724:SMB724"/>
    <mergeCell ref="SMC724:SMF724"/>
    <mergeCell ref="SMG724:SMJ724"/>
    <mergeCell ref="SMK724:SMN724"/>
    <mergeCell ref="SMO724:SMR724"/>
    <mergeCell ref="SVY724:SWB724"/>
    <mergeCell ref="SWC724:SWF724"/>
    <mergeCell ref="SWG724:SWJ724"/>
    <mergeCell ref="SWK724:SWN724"/>
    <mergeCell ref="SWO724:SWR724"/>
    <mergeCell ref="SVE724:SVH724"/>
    <mergeCell ref="SVI724:SVL724"/>
    <mergeCell ref="SVM724:SVP724"/>
    <mergeCell ref="SVQ724:SVT724"/>
    <mergeCell ref="SVU724:SVX724"/>
    <mergeCell ref="SUK724:SUN724"/>
    <mergeCell ref="SUO724:SUR724"/>
    <mergeCell ref="SUS724:SUV724"/>
    <mergeCell ref="SUW724:SUZ724"/>
    <mergeCell ref="SVA724:SVD724"/>
    <mergeCell ref="STQ724:STT724"/>
    <mergeCell ref="STU724:STX724"/>
    <mergeCell ref="STY724:SUB724"/>
    <mergeCell ref="SUC724:SUF724"/>
    <mergeCell ref="SUG724:SUJ724"/>
    <mergeCell ref="SSW724:SSZ724"/>
    <mergeCell ref="STA724:STD724"/>
    <mergeCell ref="STE724:STH724"/>
    <mergeCell ref="STI724:STL724"/>
    <mergeCell ref="STM724:STP724"/>
    <mergeCell ref="SSC724:SSF724"/>
    <mergeCell ref="SSG724:SSJ724"/>
    <mergeCell ref="SSK724:SSN724"/>
    <mergeCell ref="SSO724:SSR724"/>
    <mergeCell ref="SSS724:SSV724"/>
    <mergeCell ref="SRI724:SRL724"/>
    <mergeCell ref="SRM724:SRP724"/>
    <mergeCell ref="SRQ724:SRT724"/>
    <mergeCell ref="SRU724:SRX724"/>
    <mergeCell ref="SRY724:SSB724"/>
    <mergeCell ref="TBI724:TBL724"/>
    <mergeCell ref="TBM724:TBP724"/>
    <mergeCell ref="TBQ724:TBT724"/>
    <mergeCell ref="TBU724:TBX724"/>
    <mergeCell ref="TBY724:TCB724"/>
    <mergeCell ref="TAO724:TAR724"/>
    <mergeCell ref="TAS724:TAV724"/>
    <mergeCell ref="TAW724:TAZ724"/>
    <mergeCell ref="TBA724:TBD724"/>
    <mergeCell ref="TBE724:TBH724"/>
    <mergeCell ref="SZU724:SZX724"/>
    <mergeCell ref="SZY724:TAB724"/>
    <mergeCell ref="TAC724:TAF724"/>
    <mergeCell ref="TAG724:TAJ724"/>
    <mergeCell ref="TAK724:TAN724"/>
    <mergeCell ref="SZA724:SZD724"/>
    <mergeCell ref="SZE724:SZH724"/>
    <mergeCell ref="SZI724:SZL724"/>
    <mergeCell ref="SZM724:SZP724"/>
    <mergeCell ref="SZQ724:SZT724"/>
    <mergeCell ref="SYG724:SYJ724"/>
    <mergeCell ref="SYK724:SYN724"/>
    <mergeCell ref="SYO724:SYR724"/>
    <mergeCell ref="SYS724:SYV724"/>
    <mergeCell ref="SYW724:SYZ724"/>
    <mergeCell ref="SXM724:SXP724"/>
    <mergeCell ref="SXQ724:SXT724"/>
    <mergeCell ref="SXU724:SXX724"/>
    <mergeCell ref="SXY724:SYB724"/>
    <mergeCell ref="SYC724:SYF724"/>
    <mergeCell ref="SWS724:SWV724"/>
    <mergeCell ref="SWW724:SWZ724"/>
    <mergeCell ref="SXA724:SXD724"/>
    <mergeCell ref="SXE724:SXH724"/>
    <mergeCell ref="SXI724:SXL724"/>
    <mergeCell ref="TGS724:TGV724"/>
    <mergeCell ref="TGW724:TGZ724"/>
    <mergeCell ref="THA724:THD724"/>
    <mergeCell ref="THE724:THH724"/>
    <mergeCell ref="THI724:THL724"/>
    <mergeCell ref="TFY724:TGB724"/>
    <mergeCell ref="TGC724:TGF724"/>
    <mergeCell ref="TGG724:TGJ724"/>
    <mergeCell ref="TGK724:TGN724"/>
    <mergeCell ref="TGO724:TGR724"/>
    <mergeCell ref="TFE724:TFH724"/>
    <mergeCell ref="TFI724:TFL724"/>
    <mergeCell ref="TFM724:TFP724"/>
    <mergeCell ref="TFQ724:TFT724"/>
    <mergeCell ref="TFU724:TFX724"/>
    <mergeCell ref="TEK724:TEN724"/>
    <mergeCell ref="TEO724:TER724"/>
    <mergeCell ref="TES724:TEV724"/>
    <mergeCell ref="TEW724:TEZ724"/>
    <mergeCell ref="TFA724:TFD724"/>
    <mergeCell ref="TDQ724:TDT724"/>
    <mergeCell ref="TDU724:TDX724"/>
    <mergeCell ref="TDY724:TEB724"/>
    <mergeCell ref="TEC724:TEF724"/>
    <mergeCell ref="TEG724:TEJ724"/>
    <mergeCell ref="TCW724:TCZ724"/>
    <mergeCell ref="TDA724:TDD724"/>
    <mergeCell ref="TDE724:TDH724"/>
    <mergeCell ref="TDI724:TDL724"/>
    <mergeCell ref="TDM724:TDP724"/>
    <mergeCell ref="TCC724:TCF724"/>
    <mergeCell ref="TCG724:TCJ724"/>
    <mergeCell ref="TCK724:TCN724"/>
    <mergeCell ref="TCO724:TCR724"/>
    <mergeCell ref="TCS724:TCV724"/>
    <mergeCell ref="TMC724:TMF724"/>
    <mergeCell ref="TMG724:TMJ724"/>
    <mergeCell ref="TMK724:TMN724"/>
    <mergeCell ref="TMO724:TMR724"/>
    <mergeCell ref="TMS724:TMV724"/>
    <mergeCell ref="TLI724:TLL724"/>
    <mergeCell ref="TLM724:TLP724"/>
    <mergeCell ref="TLQ724:TLT724"/>
    <mergeCell ref="TLU724:TLX724"/>
    <mergeCell ref="TLY724:TMB724"/>
    <mergeCell ref="TKO724:TKR724"/>
    <mergeCell ref="TKS724:TKV724"/>
    <mergeCell ref="TKW724:TKZ724"/>
    <mergeCell ref="TLA724:TLD724"/>
    <mergeCell ref="TLE724:TLH724"/>
    <mergeCell ref="TJU724:TJX724"/>
    <mergeCell ref="TJY724:TKB724"/>
    <mergeCell ref="TKC724:TKF724"/>
    <mergeCell ref="TKG724:TKJ724"/>
    <mergeCell ref="TKK724:TKN724"/>
    <mergeCell ref="TJA724:TJD724"/>
    <mergeCell ref="TJE724:TJH724"/>
    <mergeCell ref="TJI724:TJL724"/>
    <mergeCell ref="TJM724:TJP724"/>
    <mergeCell ref="TJQ724:TJT724"/>
    <mergeCell ref="TIG724:TIJ724"/>
    <mergeCell ref="TIK724:TIN724"/>
    <mergeCell ref="TIO724:TIR724"/>
    <mergeCell ref="TIS724:TIV724"/>
    <mergeCell ref="TIW724:TIZ724"/>
    <mergeCell ref="THM724:THP724"/>
    <mergeCell ref="THQ724:THT724"/>
    <mergeCell ref="THU724:THX724"/>
    <mergeCell ref="THY724:TIB724"/>
    <mergeCell ref="TIC724:TIF724"/>
    <mergeCell ref="TRM724:TRP724"/>
    <mergeCell ref="TRQ724:TRT724"/>
    <mergeCell ref="TRU724:TRX724"/>
    <mergeCell ref="TRY724:TSB724"/>
    <mergeCell ref="TSC724:TSF724"/>
    <mergeCell ref="TQS724:TQV724"/>
    <mergeCell ref="TQW724:TQZ724"/>
    <mergeCell ref="TRA724:TRD724"/>
    <mergeCell ref="TRE724:TRH724"/>
    <mergeCell ref="TRI724:TRL724"/>
    <mergeCell ref="TPY724:TQB724"/>
    <mergeCell ref="TQC724:TQF724"/>
    <mergeCell ref="TQG724:TQJ724"/>
    <mergeCell ref="TQK724:TQN724"/>
    <mergeCell ref="TQO724:TQR724"/>
    <mergeCell ref="TPE724:TPH724"/>
    <mergeCell ref="TPI724:TPL724"/>
    <mergeCell ref="TPM724:TPP724"/>
    <mergeCell ref="TPQ724:TPT724"/>
    <mergeCell ref="TPU724:TPX724"/>
    <mergeCell ref="TOK724:TON724"/>
    <mergeCell ref="TOO724:TOR724"/>
    <mergeCell ref="TOS724:TOV724"/>
    <mergeCell ref="TOW724:TOZ724"/>
    <mergeCell ref="TPA724:TPD724"/>
    <mergeCell ref="TNQ724:TNT724"/>
    <mergeCell ref="TNU724:TNX724"/>
    <mergeCell ref="TNY724:TOB724"/>
    <mergeCell ref="TOC724:TOF724"/>
    <mergeCell ref="TOG724:TOJ724"/>
    <mergeCell ref="TMW724:TMZ724"/>
    <mergeCell ref="TNA724:TND724"/>
    <mergeCell ref="TNE724:TNH724"/>
    <mergeCell ref="TNI724:TNL724"/>
    <mergeCell ref="TNM724:TNP724"/>
    <mergeCell ref="TWW724:TWZ724"/>
    <mergeCell ref="TXA724:TXD724"/>
    <mergeCell ref="TXE724:TXH724"/>
    <mergeCell ref="TXI724:TXL724"/>
    <mergeCell ref="TXM724:TXP724"/>
    <mergeCell ref="TWC724:TWF724"/>
    <mergeCell ref="TWG724:TWJ724"/>
    <mergeCell ref="TWK724:TWN724"/>
    <mergeCell ref="TWO724:TWR724"/>
    <mergeCell ref="TWS724:TWV724"/>
    <mergeCell ref="TVI724:TVL724"/>
    <mergeCell ref="TVM724:TVP724"/>
    <mergeCell ref="TVQ724:TVT724"/>
    <mergeCell ref="TVU724:TVX724"/>
    <mergeCell ref="TVY724:TWB724"/>
    <mergeCell ref="TUO724:TUR724"/>
    <mergeCell ref="TUS724:TUV724"/>
    <mergeCell ref="TUW724:TUZ724"/>
    <mergeCell ref="TVA724:TVD724"/>
    <mergeCell ref="TVE724:TVH724"/>
    <mergeCell ref="TTU724:TTX724"/>
    <mergeCell ref="TTY724:TUB724"/>
    <mergeCell ref="TUC724:TUF724"/>
    <mergeCell ref="TUG724:TUJ724"/>
    <mergeCell ref="TUK724:TUN724"/>
    <mergeCell ref="TTA724:TTD724"/>
    <mergeCell ref="TTE724:TTH724"/>
    <mergeCell ref="TTI724:TTL724"/>
    <mergeCell ref="TTM724:TTP724"/>
    <mergeCell ref="TTQ724:TTT724"/>
    <mergeCell ref="TSG724:TSJ724"/>
    <mergeCell ref="TSK724:TSN724"/>
    <mergeCell ref="TSO724:TSR724"/>
    <mergeCell ref="TSS724:TSV724"/>
    <mergeCell ref="TSW724:TSZ724"/>
    <mergeCell ref="UCG724:UCJ724"/>
    <mergeCell ref="UCK724:UCN724"/>
    <mergeCell ref="UCO724:UCR724"/>
    <mergeCell ref="UCS724:UCV724"/>
    <mergeCell ref="UCW724:UCZ724"/>
    <mergeCell ref="UBM724:UBP724"/>
    <mergeCell ref="UBQ724:UBT724"/>
    <mergeCell ref="UBU724:UBX724"/>
    <mergeCell ref="UBY724:UCB724"/>
    <mergeCell ref="UCC724:UCF724"/>
    <mergeCell ref="UAS724:UAV724"/>
    <mergeCell ref="UAW724:UAZ724"/>
    <mergeCell ref="UBA724:UBD724"/>
    <mergeCell ref="UBE724:UBH724"/>
    <mergeCell ref="UBI724:UBL724"/>
    <mergeCell ref="TZY724:UAB724"/>
    <mergeCell ref="UAC724:UAF724"/>
    <mergeCell ref="UAG724:UAJ724"/>
    <mergeCell ref="UAK724:UAN724"/>
    <mergeCell ref="UAO724:UAR724"/>
    <mergeCell ref="TZE724:TZH724"/>
    <mergeCell ref="TZI724:TZL724"/>
    <mergeCell ref="TZM724:TZP724"/>
    <mergeCell ref="TZQ724:TZT724"/>
    <mergeCell ref="TZU724:TZX724"/>
    <mergeCell ref="TYK724:TYN724"/>
    <mergeCell ref="TYO724:TYR724"/>
    <mergeCell ref="TYS724:TYV724"/>
    <mergeCell ref="TYW724:TYZ724"/>
    <mergeCell ref="TZA724:TZD724"/>
    <mergeCell ref="TXQ724:TXT724"/>
    <mergeCell ref="TXU724:TXX724"/>
    <mergeCell ref="TXY724:TYB724"/>
    <mergeCell ref="TYC724:TYF724"/>
    <mergeCell ref="TYG724:TYJ724"/>
    <mergeCell ref="UHQ724:UHT724"/>
    <mergeCell ref="UHU724:UHX724"/>
    <mergeCell ref="UHY724:UIB724"/>
    <mergeCell ref="UIC724:UIF724"/>
    <mergeCell ref="UIG724:UIJ724"/>
    <mergeCell ref="UGW724:UGZ724"/>
    <mergeCell ref="UHA724:UHD724"/>
    <mergeCell ref="UHE724:UHH724"/>
    <mergeCell ref="UHI724:UHL724"/>
    <mergeCell ref="UHM724:UHP724"/>
    <mergeCell ref="UGC724:UGF724"/>
    <mergeCell ref="UGG724:UGJ724"/>
    <mergeCell ref="UGK724:UGN724"/>
    <mergeCell ref="UGO724:UGR724"/>
    <mergeCell ref="UGS724:UGV724"/>
    <mergeCell ref="UFI724:UFL724"/>
    <mergeCell ref="UFM724:UFP724"/>
    <mergeCell ref="UFQ724:UFT724"/>
    <mergeCell ref="UFU724:UFX724"/>
    <mergeCell ref="UFY724:UGB724"/>
    <mergeCell ref="UEO724:UER724"/>
    <mergeCell ref="UES724:UEV724"/>
    <mergeCell ref="UEW724:UEZ724"/>
    <mergeCell ref="UFA724:UFD724"/>
    <mergeCell ref="UFE724:UFH724"/>
    <mergeCell ref="UDU724:UDX724"/>
    <mergeCell ref="UDY724:UEB724"/>
    <mergeCell ref="UEC724:UEF724"/>
    <mergeCell ref="UEG724:UEJ724"/>
    <mergeCell ref="UEK724:UEN724"/>
    <mergeCell ref="UDA724:UDD724"/>
    <mergeCell ref="UDE724:UDH724"/>
    <mergeCell ref="UDI724:UDL724"/>
    <mergeCell ref="UDM724:UDP724"/>
    <mergeCell ref="UDQ724:UDT724"/>
    <mergeCell ref="UNA724:UND724"/>
    <mergeCell ref="UNE724:UNH724"/>
    <mergeCell ref="UNI724:UNL724"/>
    <mergeCell ref="UNM724:UNP724"/>
    <mergeCell ref="UNQ724:UNT724"/>
    <mergeCell ref="UMG724:UMJ724"/>
    <mergeCell ref="UMK724:UMN724"/>
    <mergeCell ref="UMO724:UMR724"/>
    <mergeCell ref="UMS724:UMV724"/>
    <mergeCell ref="UMW724:UMZ724"/>
    <mergeCell ref="ULM724:ULP724"/>
    <mergeCell ref="ULQ724:ULT724"/>
    <mergeCell ref="ULU724:ULX724"/>
    <mergeCell ref="ULY724:UMB724"/>
    <mergeCell ref="UMC724:UMF724"/>
    <mergeCell ref="UKS724:UKV724"/>
    <mergeCell ref="UKW724:UKZ724"/>
    <mergeCell ref="ULA724:ULD724"/>
    <mergeCell ref="ULE724:ULH724"/>
    <mergeCell ref="ULI724:ULL724"/>
    <mergeCell ref="UJY724:UKB724"/>
    <mergeCell ref="UKC724:UKF724"/>
    <mergeCell ref="UKG724:UKJ724"/>
    <mergeCell ref="UKK724:UKN724"/>
    <mergeCell ref="UKO724:UKR724"/>
    <mergeCell ref="UJE724:UJH724"/>
    <mergeCell ref="UJI724:UJL724"/>
    <mergeCell ref="UJM724:UJP724"/>
    <mergeCell ref="UJQ724:UJT724"/>
    <mergeCell ref="UJU724:UJX724"/>
    <mergeCell ref="UIK724:UIN724"/>
    <mergeCell ref="UIO724:UIR724"/>
    <mergeCell ref="UIS724:UIV724"/>
    <mergeCell ref="UIW724:UIZ724"/>
    <mergeCell ref="UJA724:UJD724"/>
    <mergeCell ref="USK724:USN724"/>
    <mergeCell ref="USO724:USR724"/>
    <mergeCell ref="USS724:USV724"/>
    <mergeCell ref="USW724:USZ724"/>
    <mergeCell ref="UTA724:UTD724"/>
    <mergeCell ref="URQ724:URT724"/>
    <mergeCell ref="URU724:URX724"/>
    <mergeCell ref="URY724:USB724"/>
    <mergeCell ref="USC724:USF724"/>
    <mergeCell ref="USG724:USJ724"/>
    <mergeCell ref="UQW724:UQZ724"/>
    <mergeCell ref="URA724:URD724"/>
    <mergeCell ref="URE724:URH724"/>
    <mergeCell ref="URI724:URL724"/>
    <mergeCell ref="URM724:URP724"/>
    <mergeCell ref="UQC724:UQF724"/>
    <mergeCell ref="UQG724:UQJ724"/>
    <mergeCell ref="UQK724:UQN724"/>
    <mergeCell ref="UQO724:UQR724"/>
    <mergeCell ref="UQS724:UQV724"/>
    <mergeCell ref="UPI724:UPL724"/>
    <mergeCell ref="UPM724:UPP724"/>
    <mergeCell ref="UPQ724:UPT724"/>
    <mergeCell ref="UPU724:UPX724"/>
    <mergeCell ref="UPY724:UQB724"/>
    <mergeCell ref="UOO724:UOR724"/>
    <mergeCell ref="UOS724:UOV724"/>
    <mergeCell ref="UOW724:UOZ724"/>
    <mergeCell ref="UPA724:UPD724"/>
    <mergeCell ref="UPE724:UPH724"/>
    <mergeCell ref="UNU724:UNX724"/>
    <mergeCell ref="UNY724:UOB724"/>
    <mergeCell ref="UOC724:UOF724"/>
    <mergeCell ref="UOG724:UOJ724"/>
    <mergeCell ref="UOK724:UON724"/>
    <mergeCell ref="UXU724:UXX724"/>
    <mergeCell ref="UXY724:UYB724"/>
    <mergeCell ref="UYC724:UYF724"/>
    <mergeCell ref="UYG724:UYJ724"/>
    <mergeCell ref="UYK724:UYN724"/>
    <mergeCell ref="UXA724:UXD724"/>
    <mergeCell ref="UXE724:UXH724"/>
    <mergeCell ref="UXI724:UXL724"/>
    <mergeCell ref="UXM724:UXP724"/>
    <mergeCell ref="UXQ724:UXT724"/>
    <mergeCell ref="UWG724:UWJ724"/>
    <mergeCell ref="UWK724:UWN724"/>
    <mergeCell ref="UWO724:UWR724"/>
    <mergeCell ref="UWS724:UWV724"/>
    <mergeCell ref="UWW724:UWZ724"/>
    <mergeCell ref="UVM724:UVP724"/>
    <mergeCell ref="UVQ724:UVT724"/>
    <mergeCell ref="UVU724:UVX724"/>
    <mergeCell ref="UVY724:UWB724"/>
    <mergeCell ref="UWC724:UWF724"/>
    <mergeCell ref="UUS724:UUV724"/>
    <mergeCell ref="UUW724:UUZ724"/>
    <mergeCell ref="UVA724:UVD724"/>
    <mergeCell ref="UVE724:UVH724"/>
    <mergeCell ref="UVI724:UVL724"/>
    <mergeCell ref="UTY724:UUB724"/>
    <mergeCell ref="UUC724:UUF724"/>
    <mergeCell ref="UUG724:UUJ724"/>
    <mergeCell ref="UUK724:UUN724"/>
    <mergeCell ref="UUO724:UUR724"/>
    <mergeCell ref="UTE724:UTH724"/>
    <mergeCell ref="UTI724:UTL724"/>
    <mergeCell ref="UTM724:UTP724"/>
    <mergeCell ref="UTQ724:UTT724"/>
    <mergeCell ref="UTU724:UTX724"/>
    <mergeCell ref="VDE724:VDH724"/>
    <mergeCell ref="VDI724:VDL724"/>
    <mergeCell ref="VDM724:VDP724"/>
    <mergeCell ref="VDQ724:VDT724"/>
    <mergeCell ref="VDU724:VDX724"/>
    <mergeCell ref="VCK724:VCN724"/>
    <mergeCell ref="VCO724:VCR724"/>
    <mergeCell ref="VCS724:VCV724"/>
    <mergeCell ref="VCW724:VCZ724"/>
    <mergeCell ref="VDA724:VDD724"/>
    <mergeCell ref="VBQ724:VBT724"/>
    <mergeCell ref="VBU724:VBX724"/>
    <mergeCell ref="VBY724:VCB724"/>
    <mergeCell ref="VCC724:VCF724"/>
    <mergeCell ref="VCG724:VCJ724"/>
    <mergeCell ref="VAW724:VAZ724"/>
    <mergeCell ref="VBA724:VBD724"/>
    <mergeCell ref="VBE724:VBH724"/>
    <mergeCell ref="VBI724:VBL724"/>
    <mergeCell ref="VBM724:VBP724"/>
    <mergeCell ref="VAC724:VAF724"/>
    <mergeCell ref="VAG724:VAJ724"/>
    <mergeCell ref="VAK724:VAN724"/>
    <mergeCell ref="VAO724:VAR724"/>
    <mergeCell ref="VAS724:VAV724"/>
    <mergeCell ref="UZI724:UZL724"/>
    <mergeCell ref="UZM724:UZP724"/>
    <mergeCell ref="UZQ724:UZT724"/>
    <mergeCell ref="UZU724:UZX724"/>
    <mergeCell ref="UZY724:VAB724"/>
    <mergeCell ref="UYO724:UYR724"/>
    <mergeCell ref="UYS724:UYV724"/>
    <mergeCell ref="UYW724:UYZ724"/>
    <mergeCell ref="UZA724:UZD724"/>
    <mergeCell ref="UZE724:UZH724"/>
    <mergeCell ref="VIO724:VIR724"/>
    <mergeCell ref="VIS724:VIV724"/>
    <mergeCell ref="VIW724:VIZ724"/>
    <mergeCell ref="VJA724:VJD724"/>
    <mergeCell ref="VJE724:VJH724"/>
    <mergeCell ref="VHU724:VHX724"/>
    <mergeCell ref="VHY724:VIB724"/>
    <mergeCell ref="VIC724:VIF724"/>
    <mergeCell ref="VIG724:VIJ724"/>
    <mergeCell ref="VIK724:VIN724"/>
    <mergeCell ref="VHA724:VHD724"/>
    <mergeCell ref="VHE724:VHH724"/>
    <mergeCell ref="VHI724:VHL724"/>
    <mergeCell ref="VHM724:VHP724"/>
    <mergeCell ref="VHQ724:VHT724"/>
    <mergeCell ref="VGG724:VGJ724"/>
    <mergeCell ref="VGK724:VGN724"/>
    <mergeCell ref="VGO724:VGR724"/>
    <mergeCell ref="VGS724:VGV724"/>
    <mergeCell ref="VGW724:VGZ724"/>
    <mergeCell ref="VFM724:VFP724"/>
    <mergeCell ref="VFQ724:VFT724"/>
    <mergeCell ref="VFU724:VFX724"/>
    <mergeCell ref="VFY724:VGB724"/>
    <mergeCell ref="VGC724:VGF724"/>
    <mergeCell ref="VES724:VEV724"/>
    <mergeCell ref="VEW724:VEZ724"/>
    <mergeCell ref="VFA724:VFD724"/>
    <mergeCell ref="VFE724:VFH724"/>
    <mergeCell ref="VFI724:VFL724"/>
    <mergeCell ref="VDY724:VEB724"/>
    <mergeCell ref="VEC724:VEF724"/>
    <mergeCell ref="VEG724:VEJ724"/>
    <mergeCell ref="VEK724:VEN724"/>
    <mergeCell ref="VEO724:VER724"/>
    <mergeCell ref="VNY724:VOB724"/>
    <mergeCell ref="VOC724:VOF724"/>
    <mergeCell ref="VOG724:VOJ724"/>
    <mergeCell ref="VOK724:VON724"/>
    <mergeCell ref="VOO724:VOR724"/>
    <mergeCell ref="VNE724:VNH724"/>
    <mergeCell ref="VNI724:VNL724"/>
    <mergeCell ref="VNM724:VNP724"/>
    <mergeCell ref="VNQ724:VNT724"/>
    <mergeCell ref="VNU724:VNX724"/>
    <mergeCell ref="VMK724:VMN724"/>
    <mergeCell ref="VMO724:VMR724"/>
    <mergeCell ref="VMS724:VMV724"/>
    <mergeCell ref="VMW724:VMZ724"/>
    <mergeCell ref="VNA724:VND724"/>
    <mergeCell ref="VLQ724:VLT724"/>
    <mergeCell ref="VLU724:VLX724"/>
    <mergeCell ref="VLY724:VMB724"/>
    <mergeCell ref="VMC724:VMF724"/>
    <mergeCell ref="VMG724:VMJ724"/>
    <mergeCell ref="VKW724:VKZ724"/>
    <mergeCell ref="VLA724:VLD724"/>
    <mergeCell ref="VLE724:VLH724"/>
    <mergeCell ref="VLI724:VLL724"/>
    <mergeCell ref="VLM724:VLP724"/>
    <mergeCell ref="VKC724:VKF724"/>
    <mergeCell ref="VKG724:VKJ724"/>
    <mergeCell ref="VKK724:VKN724"/>
    <mergeCell ref="VKO724:VKR724"/>
    <mergeCell ref="VKS724:VKV724"/>
    <mergeCell ref="VJI724:VJL724"/>
    <mergeCell ref="VJM724:VJP724"/>
    <mergeCell ref="VJQ724:VJT724"/>
    <mergeCell ref="VJU724:VJX724"/>
    <mergeCell ref="VJY724:VKB724"/>
    <mergeCell ref="VTI724:VTL724"/>
    <mergeCell ref="VTM724:VTP724"/>
    <mergeCell ref="VTQ724:VTT724"/>
    <mergeCell ref="VTU724:VTX724"/>
    <mergeCell ref="VTY724:VUB724"/>
    <mergeCell ref="VSO724:VSR724"/>
    <mergeCell ref="VSS724:VSV724"/>
    <mergeCell ref="VSW724:VSZ724"/>
    <mergeCell ref="VTA724:VTD724"/>
    <mergeCell ref="VTE724:VTH724"/>
    <mergeCell ref="VRU724:VRX724"/>
    <mergeCell ref="VRY724:VSB724"/>
    <mergeCell ref="VSC724:VSF724"/>
    <mergeCell ref="VSG724:VSJ724"/>
    <mergeCell ref="VSK724:VSN724"/>
    <mergeCell ref="VRA724:VRD724"/>
    <mergeCell ref="VRE724:VRH724"/>
    <mergeCell ref="VRI724:VRL724"/>
    <mergeCell ref="VRM724:VRP724"/>
    <mergeCell ref="VRQ724:VRT724"/>
    <mergeCell ref="VQG724:VQJ724"/>
    <mergeCell ref="VQK724:VQN724"/>
    <mergeCell ref="VQO724:VQR724"/>
    <mergeCell ref="VQS724:VQV724"/>
    <mergeCell ref="VQW724:VQZ724"/>
    <mergeCell ref="VPM724:VPP724"/>
    <mergeCell ref="VPQ724:VPT724"/>
    <mergeCell ref="VPU724:VPX724"/>
    <mergeCell ref="VPY724:VQB724"/>
    <mergeCell ref="VQC724:VQF724"/>
    <mergeCell ref="VOS724:VOV724"/>
    <mergeCell ref="VOW724:VOZ724"/>
    <mergeCell ref="VPA724:VPD724"/>
    <mergeCell ref="VPE724:VPH724"/>
    <mergeCell ref="VPI724:VPL724"/>
    <mergeCell ref="VYS724:VYV724"/>
    <mergeCell ref="VYW724:VYZ724"/>
    <mergeCell ref="VZA724:VZD724"/>
    <mergeCell ref="VZE724:VZH724"/>
    <mergeCell ref="VZI724:VZL724"/>
    <mergeCell ref="VXY724:VYB724"/>
    <mergeCell ref="VYC724:VYF724"/>
    <mergeCell ref="VYG724:VYJ724"/>
    <mergeCell ref="VYK724:VYN724"/>
    <mergeCell ref="VYO724:VYR724"/>
    <mergeCell ref="VXE724:VXH724"/>
    <mergeCell ref="VXI724:VXL724"/>
    <mergeCell ref="VXM724:VXP724"/>
    <mergeCell ref="VXQ724:VXT724"/>
    <mergeCell ref="VXU724:VXX724"/>
    <mergeCell ref="VWK724:VWN724"/>
    <mergeCell ref="VWO724:VWR724"/>
    <mergeCell ref="VWS724:VWV724"/>
    <mergeCell ref="VWW724:VWZ724"/>
    <mergeCell ref="VXA724:VXD724"/>
    <mergeCell ref="VVQ724:VVT724"/>
    <mergeCell ref="VVU724:VVX724"/>
    <mergeCell ref="VVY724:VWB724"/>
    <mergeCell ref="VWC724:VWF724"/>
    <mergeCell ref="VWG724:VWJ724"/>
    <mergeCell ref="VUW724:VUZ724"/>
    <mergeCell ref="VVA724:VVD724"/>
    <mergeCell ref="VVE724:VVH724"/>
    <mergeCell ref="VVI724:VVL724"/>
    <mergeCell ref="VVM724:VVP724"/>
    <mergeCell ref="VUC724:VUF724"/>
    <mergeCell ref="VUG724:VUJ724"/>
    <mergeCell ref="VUK724:VUN724"/>
    <mergeCell ref="VUO724:VUR724"/>
    <mergeCell ref="VUS724:VUV724"/>
    <mergeCell ref="WEC724:WEF724"/>
    <mergeCell ref="WEG724:WEJ724"/>
    <mergeCell ref="WEK724:WEN724"/>
    <mergeCell ref="WEO724:WER724"/>
    <mergeCell ref="WES724:WEV724"/>
    <mergeCell ref="WDI724:WDL724"/>
    <mergeCell ref="WDM724:WDP724"/>
    <mergeCell ref="WDQ724:WDT724"/>
    <mergeCell ref="WDU724:WDX724"/>
    <mergeCell ref="WDY724:WEB724"/>
    <mergeCell ref="WCO724:WCR724"/>
    <mergeCell ref="WCS724:WCV724"/>
    <mergeCell ref="WCW724:WCZ724"/>
    <mergeCell ref="WDA724:WDD724"/>
    <mergeCell ref="WDE724:WDH724"/>
    <mergeCell ref="WBU724:WBX724"/>
    <mergeCell ref="WBY724:WCB724"/>
    <mergeCell ref="WCC724:WCF724"/>
    <mergeCell ref="WCG724:WCJ724"/>
    <mergeCell ref="WCK724:WCN724"/>
    <mergeCell ref="WBA724:WBD724"/>
    <mergeCell ref="WBE724:WBH724"/>
    <mergeCell ref="WBI724:WBL724"/>
    <mergeCell ref="WBM724:WBP724"/>
    <mergeCell ref="WBQ724:WBT724"/>
    <mergeCell ref="WAG724:WAJ724"/>
    <mergeCell ref="WAK724:WAN724"/>
    <mergeCell ref="WAO724:WAR724"/>
    <mergeCell ref="WAS724:WAV724"/>
    <mergeCell ref="WAW724:WAZ724"/>
    <mergeCell ref="VZM724:VZP724"/>
    <mergeCell ref="VZQ724:VZT724"/>
    <mergeCell ref="VZU724:VZX724"/>
    <mergeCell ref="VZY724:WAB724"/>
    <mergeCell ref="WAC724:WAF724"/>
    <mergeCell ref="WJM724:WJP724"/>
    <mergeCell ref="WJQ724:WJT724"/>
    <mergeCell ref="WJU724:WJX724"/>
    <mergeCell ref="WJY724:WKB724"/>
    <mergeCell ref="WKC724:WKF724"/>
    <mergeCell ref="WIS724:WIV724"/>
    <mergeCell ref="WIW724:WIZ724"/>
    <mergeCell ref="WJA724:WJD724"/>
    <mergeCell ref="WJE724:WJH724"/>
    <mergeCell ref="WJI724:WJL724"/>
    <mergeCell ref="WHY724:WIB724"/>
    <mergeCell ref="WIC724:WIF724"/>
    <mergeCell ref="WIG724:WIJ724"/>
    <mergeCell ref="WIK724:WIN724"/>
    <mergeCell ref="WIO724:WIR724"/>
    <mergeCell ref="WHE724:WHH724"/>
    <mergeCell ref="WHI724:WHL724"/>
    <mergeCell ref="WHM724:WHP724"/>
    <mergeCell ref="WHQ724:WHT724"/>
    <mergeCell ref="WHU724:WHX724"/>
    <mergeCell ref="WGK724:WGN724"/>
    <mergeCell ref="WGO724:WGR724"/>
    <mergeCell ref="WGS724:WGV724"/>
    <mergeCell ref="WGW724:WGZ724"/>
    <mergeCell ref="WHA724:WHD724"/>
    <mergeCell ref="WFQ724:WFT724"/>
    <mergeCell ref="WFU724:WFX724"/>
    <mergeCell ref="WFY724:WGB724"/>
    <mergeCell ref="WGC724:WGF724"/>
    <mergeCell ref="WGG724:WGJ724"/>
    <mergeCell ref="WEW724:WEZ724"/>
    <mergeCell ref="WFA724:WFD724"/>
    <mergeCell ref="WFE724:WFH724"/>
    <mergeCell ref="WFI724:WFL724"/>
    <mergeCell ref="WFM724:WFP724"/>
    <mergeCell ref="WOW724:WOZ724"/>
    <mergeCell ref="WPA724:WPD724"/>
    <mergeCell ref="WPE724:WPH724"/>
    <mergeCell ref="WPI724:WPL724"/>
    <mergeCell ref="WPM724:WPP724"/>
    <mergeCell ref="WOC724:WOF724"/>
    <mergeCell ref="WOG724:WOJ724"/>
    <mergeCell ref="WOK724:WON724"/>
    <mergeCell ref="WOO724:WOR724"/>
    <mergeCell ref="WOS724:WOV724"/>
    <mergeCell ref="WNI724:WNL724"/>
    <mergeCell ref="WNM724:WNP724"/>
    <mergeCell ref="WNQ724:WNT724"/>
    <mergeCell ref="WNU724:WNX724"/>
    <mergeCell ref="WNY724:WOB724"/>
    <mergeCell ref="WMO724:WMR724"/>
    <mergeCell ref="WMS724:WMV724"/>
    <mergeCell ref="WMW724:WMZ724"/>
    <mergeCell ref="WNA724:WND724"/>
    <mergeCell ref="WNE724:WNH724"/>
    <mergeCell ref="WLU724:WLX724"/>
    <mergeCell ref="WLY724:WMB724"/>
    <mergeCell ref="WMC724:WMF724"/>
    <mergeCell ref="WMG724:WMJ724"/>
    <mergeCell ref="WMK724:WMN724"/>
    <mergeCell ref="WLA724:WLD724"/>
    <mergeCell ref="WLE724:WLH724"/>
    <mergeCell ref="WLI724:WLL724"/>
    <mergeCell ref="WLM724:WLP724"/>
    <mergeCell ref="WLQ724:WLT724"/>
    <mergeCell ref="WKG724:WKJ724"/>
    <mergeCell ref="WKK724:WKN724"/>
    <mergeCell ref="WKO724:WKR724"/>
    <mergeCell ref="WKS724:WKV724"/>
    <mergeCell ref="WKW724:WKZ724"/>
    <mergeCell ref="WUG724:WUJ724"/>
    <mergeCell ref="WUK724:WUN724"/>
    <mergeCell ref="WUO724:WUR724"/>
    <mergeCell ref="WUS724:WUV724"/>
    <mergeCell ref="WUW724:WUZ724"/>
    <mergeCell ref="WTM724:WTP724"/>
    <mergeCell ref="WTQ724:WTT724"/>
    <mergeCell ref="WTU724:WTX724"/>
    <mergeCell ref="WTY724:WUB724"/>
    <mergeCell ref="WUC724:WUF724"/>
    <mergeCell ref="WSS724:WSV724"/>
    <mergeCell ref="WSW724:WSZ724"/>
    <mergeCell ref="WTA724:WTD724"/>
    <mergeCell ref="WTE724:WTH724"/>
    <mergeCell ref="WTI724:WTL724"/>
    <mergeCell ref="WRY724:WSB724"/>
    <mergeCell ref="WSC724:WSF724"/>
    <mergeCell ref="WSG724:WSJ724"/>
    <mergeCell ref="WSK724:WSN724"/>
    <mergeCell ref="WSO724:WSR724"/>
    <mergeCell ref="WRE724:WRH724"/>
    <mergeCell ref="WRI724:WRL724"/>
    <mergeCell ref="WRM724:WRP724"/>
    <mergeCell ref="WRQ724:WRT724"/>
    <mergeCell ref="WRU724:WRX724"/>
    <mergeCell ref="WQK724:WQN724"/>
    <mergeCell ref="WQO724:WQR724"/>
    <mergeCell ref="WQS724:WQV724"/>
    <mergeCell ref="WQW724:WQZ724"/>
    <mergeCell ref="WRA724:WRD724"/>
    <mergeCell ref="WPQ724:WPT724"/>
    <mergeCell ref="WPU724:WPX724"/>
    <mergeCell ref="WPY724:WQB724"/>
    <mergeCell ref="WQC724:WQF724"/>
    <mergeCell ref="WQG724:WQJ724"/>
    <mergeCell ref="XAW724:XAZ724"/>
    <mergeCell ref="XBA724:XBD724"/>
    <mergeCell ref="WZQ724:WZT724"/>
    <mergeCell ref="WZU724:WZX724"/>
    <mergeCell ref="WZY724:XAB724"/>
    <mergeCell ref="XAC724:XAF724"/>
    <mergeCell ref="XAG724:XAJ724"/>
    <mergeCell ref="WYW724:WYZ724"/>
    <mergeCell ref="WZA724:WZD724"/>
    <mergeCell ref="WZE724:WZH724"/>
    <mergeCell ref="WZI724:WZL724"/>
    <mergeCell ref="WZM724:WZP724"/>
    <mergeCell ref="WYC724:WYF724"/>
    <mergeCell ref="WYG724:WYJ724"/>
    <mergeCell ref="WYK724:WYN724"/>
    <mergeCell ref="WYO724:WYR724"/>
    <mergeCell ref="WYS724:WYV724"/>
    <mergeCell ref="WXI724:WXL724"/>
    <mergeCell ref="WXM724:WXP724"/>
    <mergeCell ref="WXQ724:WXT724"/>
    <mergeCell ref="WXU724:WXX724"/>
    <mergeCell ref="WXY724:WYB724"/>
    <mergeCell ref="WWO724:WWR724"/>
    <mergeCell ref="WWS724:WWV724"/>
    <mergeCell ref="WWW724:WWZ724"/>
    <mergeCell ref="WXA724:WXD724"/>
    <mergeCell ref="WXE724:WXH724"/>
    <mergeCell ref="WVU724:WVX724"/>
    <mergeCell ref="WVY724:WWB724"/>
    <mergeCell ref="WWC724:WWF724"/>
    <mergeCell ref="WWG724:WWJ724"/>
    <mergeCell ref="WWK724:WWN724"/>
    <mergeCell ref="WVA724:WVD724"/>
    <mergeCell ref="WVE724:WVH724"/>
    <mergeCell ref="WVI724:WVL724"/>
    <mergeCell ref="WVM724:WVP724"/>
    <mergeCell ref="WVQ724:WVT724"/>
    <mergeCell ref="DQ725:DT725"/>
    <mergeCell ref="DU725:DX725"/>
    <mergeCell ref="DY725:EB725"/>
    <mergeCell ref="EC725:EF725"/>
    <mergeCell ref="EG725:EJ725"/>
    <mergeCell ref="CW725:CZ725"/>
    <mergeCell ref="DA725:DD725"/>
    <mergeCell ref="DE725:DH725"/>
    <mergeCell ref="DI725:DL725"/>
    <mergeCell ref="DM725:DP725"/>
    <mergeCell ref="CC725:CF725"/>
    <mergeCell ref="CG725:CJ725"/>
    <mergeCell ref="CK725:CN725"/>
    <mergeCell ref="CO725:CR725"/>
    <mergeCell ref="CS725:CV725"/>
    <mergeCell ref="BI725:BL725"/>
    <mergeCell ref="BM725:BP725"/>
    <mergeCell ref="BQ725:BT725"/>
    <mergeCell ref="BU725:BX725"/>
    <mergeCell ref="BY725:CB725"/>
    <mergeCell ref="XFA724:XFD724"/>
    <mergeCell ref="A725:D725"/>
    <mergeCell ref="E725:H725"/>
    <mergeCell ref="I725:L725"/>
    <mergeCell ref="M725:P725"/>
    <mergeCell ref="Q725:T725"/>
    <mergeCell ref="U725:X725"/>
    <mergeCell ref="Y725:AB725"/>
    <mergeCell ref="AC725:AF725"/>
    <mergeCell ref="AG725:AJ725"/>
    <mergeCell ref="AK725:AN725"/>
    <mergeCell ref="AO725:AR725"/>
    <mergeCell ref="AS725:AV725"/>
    <mergeCell ref="AW725:AZ725"/>
    <mergeCell ref="BA725:BD725"/>
    <mergeCell ref="BE725:BH725"/>
    <mergeCell ref="XEG724:XEJ724"/>
    <mergeCell ref="XEK724:XEN724"/>
    <mergeCell ref="XEO724:XER724"/>
    <mergeCell ref="XES724:XEV724"/>
    <mergeCell ref="XEW724:XEZ724"/>
    <mergeCell ref="XDM724:XDP724"/>
    <mergeCell ref="XDQ724:XDT724"/>
    <mergeCell ref="XDU724:XDX724"/>
    <mergeCell ref="XDY724:XEB724"/>
    <mergeCell ref="XEC724:XEF724"/>
    <mergeCell ref="XCS724:XCV724"/>
    <mergeCell ref="XCW724:XCZ724"/>
    <mergeCell ref="XDA724:XDD724"/>
    <mergeCell ref="XDE724:XDH724"/>
    <mergeCell ref="XDI724:XDL724"/>
    <mergeCell ref="XBY724:XCB724"/>
    <mergeCell ref="XCC724:XCF724"/>
    <mergeCell ref="XCG724:XCJ724"/>
    <mergeCell ref="XCK724:XCN724"/>
    <mergeCell ref="XCO724:XCR724"/>
    <mergeCell ref="XBE724:XBH724"/>
    <mergeCell ref="XBI724:XBL724"/>
    <mergeCell ref="XBM724:XBP724"/>
    <mergeCell ref="XBQ724:XBT724"/>
    <mergeCell ref="XBU724:XBX724"/>
    <mergeCell ref="XAK724:XAN724"/>
    <mergeCell ref="XAO724:XAR724"/>
    <mergeCell ref="XAS724:XAV724"/>
    <mergeCell ref="JA725:JD725"/>
    <mergeCell ref="JE725:JH725"/>
    <mergeCell ref="JI725:JL725"/>
    <mergeCell ref="JM725:JP725"/>
    <mergeCell ref="JQ725:JT725"/>
    <mergeCell ref="IG725:IJ725"/>
    <mergeCell ref="IK725:IN725"/>
    <mergeCell ref="IO725:IR725"/>
    <mergeCell ref="IS725:IV725"/>
    <mergeCell ref="IW725:IZ725"/>
    <mergeCell ref="HM725:HP725"/>
    <mergeCell ref="HQ725:HT725"/>
    <mergeCell ref="HU725:HX725"/>
    <mergeCell ref="HY725:IB725"/>
    <mergeCell ref="IC725:IF725"/>
    <mergeCell ref="GS725:GV725"/>
    <mergeCell ref="GW725:GZ725"/>
    <mergeCell ref="HA725:HD725"/>
    <mergeCell ref="HE725:HH725"/>
    <mergeCell ref="HI725:HL725"/>
    <mergeCell ref="FY725:GB725"/>
    <mergeCell ref="GC725:GF725"/>
    <mergeCell ref="GG725:GJ725"/>
    <mergeCell ref="GK725:GN725"/>
    <mergeCell ref="GO725:GR725"/>
    <mergeCell ref="FE725:FH725"/>
    <mergeCell ref="FI725:FL725"/>
    <mergeCell ref="FM725:FP725"/>
    <mergeCell ref="FQ725:FT725"/>
    <mergeCell ref="FU725:FX725"/>
    <mergeCell ref="EK725:EN725"/>
    <mergeCell ref="EO725:ER725"/>
    <mergeCell ref="ES725:EV725"/>
    <mergeCell ref="EW725:EZ725"/>
    <mergeCell ref="FA725:FD725"/>
    <mergeCell ref="OK725:ON725"/>
    <mergeCell ref="OO725:OR725"/>
    <mergeCell ref="OS725:OV725"/>
    <mergeCell ref="OW725:OZ725"/>
    <mergeCell ref="PA725:PD725"/>
    <mergeCell ref="NQ725:NT725"/>
    <mergeCell ref="NU725:NX725"/>
    <mergeCell ref="NY725:OB725"/>
    <mergeCell ref="OC725:OF725"/>
    <mergeCell ref="OG725:OJ725"/>
    <mergeCell ref="MW725:MZ725"/>
    <mergeCell ref="NA725:ND725"/>
    <mergeCell ref="NE725:NH725"/>
    <mergeCell ref="NI725:NL725"/>
    <mergeCell ref="NM725:NP725"/>
    <mergeCell ref="MC725:MF725"/>
    <mergeCell ref="MG725:MJ725"/>
    <mergeCell ref="MK725:MN725"/>
    <mergeCell ref="MO725:MR725"/>
    <mergeCell ref="MS725:MV725"/>
    <mergeCell ref="LI725:LL725"/>
    <mergeCell ref="LM725:LP725"/>
    <mergeCell ref="LQ725:LT725"/>
    <mergeCell ref="LU725:LX725"/>
    <mergeCell ref="LY725:MB725"/>
    <mergeCell ref="KO725:KR725"/>
    <mergeCell ref="KS725:KV725"/>
    <mergeCell ref="KW725:KZ725"/>
    <mergeCell ref="LA725:LD725"/>
    <mergeCell ref="LE725:LH725"/>
    <mergeCell ref="JU725:JX725"/>
    <mergeCell ref="JY725:KB725"/>
    <mergeCell ref="KC725:KF725"/>
    <mergeCell ref="KG725:KJ725"/>
    <mergeCell ref="KK725:KN725"/>
    <mergeCell ref="TU725:TX725"/>
    <mergeCell ref="TY725:UB725"/>
    <mergeCell ref="UC725:UF725"/>
    <mergeCell ref="UG725:UJ725"/>
    <mergeCell ref="UK725:UN725"/>
    <mergeCell ref="TA725:TD725"/>
    <mergeCell ref="TE725:TH725"/>
    <mergeCell ref="TI725:TL725"/>
    <mergeCell ref="TM725:TP725"/>
    <mergeCell ref="TQ725:TT725"/>
    <mergeCell ref="SG725:SJ725"/>
    <mergeCell ref="SK725:SN725"/>
    <mergeCell ref="SO725:SR725"/>
    <mergeCell ref="SS725:SV725"/>
    <mergeCell ref="SW725:SZ725"/>
    <mergeCell ref="RM725:RP725"/>
    <mergeCell ref="RQ725:RT725"/>
    <mergeCell ref="RU725:RX725"/>
    <mergeCell ref="RY725:SB725"/>
    <mergeCell ref="SC725:SF725"/>
    <mergeCell ref="QS725:QV725"/>
    <mergeCell ref="QW725:QZ725"/>
    <mergeCell ref="RA725:RD725"/>
    <mergeCell ref="RE725:RH725"/>
    <mergeCell ref="RI725:RL725"/>
    <mergeCell ref="PY725:QB725"/>
    <mergeCell ref="QC725:QF725"/>
    <mergeCell ref="QG725:QJ725"/>
    <mergeCell ref="QK725:QN725"/>
    <mergeCell ref="QO725:QR725"/>
    <mergeCell ref="PE725:PH725"/>
    <mergeCell ref="PI725:PL725"/>
    <mergeCell ref="PM725:PP725"/>
    <mergeCell ref="PQ725:PT725"/>
    <mergeCell ref="PU725:PX725"/>
    <mergeCell ref="ZE725:ZH725"/>
    <mergeCell ref="ZI725:ZL725"/>
    <mergeCell ref="ZM725:ZP725"/>
    <mergeCell ref="ZQ725:ZT725"/>
    <mergeCell ref="ZU725:ZX725"/>
    <mergeCell ref="YK725:YN725"/>
    <mergeCell ref="YO725:YR725"/>
    <mergeCell ref="YS725:YV725"/>
    <mergeCell ref="YW725:YZ725"/>
    <mergeCell ref="ZA725:ZD725"/>
    <mergeCell ref="XQ725:XT725"/>
    <mergeCell ref="XU725:XX725"/>
    <mergeCell ref="XY725:YB725"/>
    <mergeCell ref="YC725:YF725"/>
    <mergeCell ref="YG725:YJ725"/>
    <mergeCell ref="WW725:WZ725"/>
    <mergeCell ref="XA725:XD725"/>
    <mergeCell ref="XE725:XH725"/>
    <mergeCell ref="XI725:XL725"/>
    <mergeCell ref="XM725:XP725"/>
    <mergeCell ref="WC725:WF725"/>
    <mergeCell ref="WG725:WJ725"/>
    <mergeCell ref="WK725:WN725"/>
    <mergeCell ref="WO725:WR725"/>
    <mergeCell ref="WS725:WV725"/>
    <mergeCell ref="VI725:VL725"/>
    <mergeCell ref="VM725:VP725"/>
    <mergeCell ref="VQ725:VT725"/>
    <mergeCell ref="VU725:VX725"/>
    <mergeCell ref="VY725:WB725"/>
    <mergeCell ref="UO725:UR725"/>
    <mergeCell ref="US725:UV725"/>
    <mergeCell ref="UW725:UZ725"/>
    <mergeCell ref="VA725:VD725"/>
    <mergeCell ref="VE725:VH725"/>
    <mergeCell ref="AEO725:AER725"/>
    <mergeCell ref="AES725:AEV725"/>
    <mergeCell ref="AEW725:AEZ725"/>
    <mergeCell ref="AFA725:AFD725"/>
    <mergeCell ref="AFE725:AFH725"/>
    <mergeCell ref="ADU725:ADX725"/>
    <mergeCell ref="ADY725:AEB725"/>
    <mergeCell ref="AEC725:AEF725"/>
    <mergeCell ref="AEG725:AEJ725"/>
    <mergeCell ref="AEK725:AEN725"/>
    <mergeCell ref="ADA725:ADD725"/>
    <mergeCell ref="ADE725:ADH725"/>
    <mergeCell ref="ADI725:ADL725"/>
    <mergeCell ref="ADM725:ADP725"/>
    <mergeCell ref="ADQ725:ADT725"/>
    <mergeCell ref="ACG725:ACJ725"/>
    <mergeCell ref="ACK725:ACN725"/>
    <mergeCell ref="ACO725:ACR725"/>
    <mergeCell ref="ACS725:ACV725"/>
    <mergeCell ref="ACW725:ACZ725"/>
    <mergeCell ref="ABM725:ABP725"/>
    <mergeCell ref="ABQ725:ABT725"/>
    <mergeCell ref="ABU725:ABX725"/>
    <mergeCell ref="ABY725:ACB725"/>
    <mergeCell ref="ACC725:ACF725"/>
    <mergeCell ref="AAS725:AAV725"/>
    <mergeCell ref="AAW725:AAZ725"/>
    <mergeCell ref="ABA725:ABD725"/>
    <mergeCell ref="ABE725:ABH725"/>
    <mergeCell ref="ABI725:ABL725"/>
    <mergeCell ref="ZY725:AAB725"/>
    <mergeCell ref="AAC725:AAF725"/>
    <mergeCell ref="AAG725:AAJ725"/>
    <mergeCell ref="AAK725:AAN725"/>
    <mergeCell ref="AAO725:AAR725"/>
    <mergeCell ref="AJY725:AKB725"/>
    <mergeCell ref="AKC725:AKF725"/>
    <mergeCell ref="AKG725:AKJ725"/>
    <mergeCell ref="AKK725:AKN725"/>
    <mergeCell ref="AKO725:AKR725"/>
    <mergeCell ref="AJE725:AJH725"/>
    <mergeCell ref="AJI725:AJL725"/>
    <mergeCell ref="AJM725:AJP725"/>
    <mergeCell ref="AJQ725:AJT725"/>
    <mergeCell ref="AJU725:AJX725"/>
    <mergeCell ref="AIK725:AIN725"/>
    <mergeCell ref="AIO725:AIR725"/>
    <mergeCell ref="AIS725:AIV725"/>
    <mergeCell ref="AIW725:AIZ725"/>
    <mergeCell ref="AJA725:AJD725"/>
    <mergeCell ref="AHQ725:AHT725"/>
    <mergeCell ref="AHU725:AHX725"/>
    <mergeCell ref="AHY725:AIB725"/>
    <mergeCell ref="AIC725:AIF725"/>
    <mergeCell ref="AIG725:AIJ725"/>
    <mergeCell ref="AGW725:AGZ725"/>
    <mergeCell ref="AHA725:AHD725"/>
    <mergeCell ref="AHE725:AHH725"/>
    <mergeCell ref="AHI725:AHL725"/>
    <mergeCell ref="AHM725:AHP725"/>
    <mergeCell ref="AGC725:AGF725"/>
    <mergeCell ref="AGG725:AGJ725"/>
    <mergeCell ref="AGK725:AGN725"/>
    <mergeCell ref="AGO725:AGR725"/>
    <mergeCell ref="AGS725:AGV725"/>
    <mergeCell ref="AFI725:AFL725"/>
    <mergeCell ref="AFM725:AFP725"/>
    <mergeCell ref="AFQ725:AFT725"/>
    <mergeCell ref="AFU725:AFX725"/>
    <mergeCell ref="AFY725:AGB725"/>
    <mergeCell ref="API725:APL725"/>
    <mergeCell ref="APM725:APP725"/>
    <mergeCell ref="APQ725:APT725"/>
    <mergeCell ref="APU725:APX725"/>
    <mergeCell ref="APY725:AQB725"/>
    <mergeCell ref="AOO725:AOR725"/>
    <mergeCell ref="AOS725:AOV725"/>
    <mergeCell ref="AOW725:AOZ725"/>
    <mergeCell ref="APA725:APD725"/>
    <mergeCell ref="APE725:APH725"/>
    <mergeCell ref="ANU725:ANX725"/>
    <mergeCell ref="ANY725:AOB725"/>
    <mergeCell ref="AOC725:AOF725"/>
    <mergeCell ref="AOG725:AOJ725"/>
    <mergeCell ref="AOK725:AON725"/>
    <mergeCell ref="ANA725:AND725"/>
    <mergeCell ref="ANE725:ANH725"/>
    <mergeCell ref="ANI725:ANL725"/>
    <mergeCell ref="ANM725:ANP725"/>
    <mergeCell ref="ANQ725:ANT725"/>
    <mergeCell ref="AMG725:AMJ725"/>
    <mergeCell ref="AMK725:AMN725"/>
    <mergeCell ref="AMO725:AMR725"/>
    <mergeCell ref="AMS725:AMV725"/>
    <mergeCell ref="AMW725:AMZ725"/>
    <mergeCell ref="ALM725:ALP725"/>
    <mergeCell ref="ALQ725:ALT725"/>
    <mergeCell ref="ALU725:ALX725"/>
    <mergeCell ref="ALY725:AMB725"/>
    <mergeCell ref="AMC725:AMF725"/>
    <mergeCell ref="AKS725:AKV725"/>
    <mergeCell ref="AKW725:AKZ725"/>
    <mergeCell ref="ALA725:ALD725"/>
    <mergeCell ref="ALE725:ALH725"/>
    <mergeCell ref="ALI725:ALL725"/>
    <mergeCell ref="AUS725:AUV725"/>
    <mergeCell ref="AUW725:AUZ725"/>
    <mergeCell ref="AVA725:AVD725"/>
    <mergeCell ref="AVE725:AVH725"/>
    <mergeCell ref="AVI725:AVL725"/>
    <mergeCell ref="ATY725:AUB725"/>
    <mergeCell ref="AUC725:AUF725"/>
    <mergeCell ref="AUG725:AUJ725"/>
    <mergeCell ref="AUK725:AUN725"/>
    <mergeCell ref="AUO725:AUR725"/>
    <mergeCell ref="ATE725:ATH725"/>
    <mergeCell ref="ATI725:ATL725"/>
    <mergeCell ref="ATM725:ATP725"/>
    <mergeCell ref="ATQ725:ATT725"/>
    <mergeCell ref="ATU725:ATX725"/>
    <mergeCell ref="ASK725:ASN725"/>
    <mergeCell ref="ASO725:ASR725"/>
    <mergeCell ref="ASS725:ASV725"/>
    <mergeCell ref="ASW725:ASZ725"/>
    <mergeCell ref="ATA725:ATD725"/>
    <mergeCell ref="ARQ725:ART725"/>
    <mergeCell ref="ARU725:ARX725"/>
    <mergeCell ref="ARY725:ASB725"/>
    <mergeCell ref="ASC725:ASF725"/>
    <mergeCell ref="ASG725:ASJ725"/>
    <mergeCell ref="AQW725:AQZ725"/>
    <mergeCell ref="ARA725:ARD725"/>
    <mergeCell ref="ARE725:ARH725"/>
    <mergeCell ref="ARI725:ARL725"/>
    <mergeCell ref="ARM725:ARP725"/>
    <mergeCell ref="AQC725:AQF725"/>
    <mergeCell ref="AQG725:AQJ725"/>
    <mergeCell ref="AQK725:AQN725"/>
    <mergeCell ref="AQO725:AQR725"/>
    <mergeCell ref="AQS725:AQV725"/>
    <mergeCell ref="BAC725:BAF725"/>
    <mergeCell ref="BAG725:BAJ725"/>
    <mergeCell ref="BAK725:BAN725"/>
    <mergeCell ref="BAO725:BAR725"/>
    <mergeCell ref="BAS725:BAV725"/>
    <mergeCell ref="AZI725:AZL725"/>
    <mergeCell ref="AZM725:AZP725"/>
    <mergeCell ref="AZQ725:AZT725"/>
    <mergeCell ref="AZU725:AZX725"/>
    <mergeCell ref="AZY725:BAB725"/>
    <mergeCell ref="AYO725:AYR725"/>
    <mergeCell ref="AYS725:AYV725"/>
    <mergeCell ref="AYW725:AYZ725"/>
    <mergeCell ref="AZA725:AZD725"/>
    <mergeCell ref="AZE725:AZH725"/>
    <mergeCell ref="AXU725:AXX725"/>
    <mergeCell ref="AXY725:AYB725"/>
    <mergeCell ref="AYC725:AYF725"/>
    <mergeCell ref="AYG725:AYJ725"/>
    <mergeCell ref="AYK725:AYN725"/>
    <mergeCell ref="AXA725:AXD725"/>
    <mergeCell ref="AXE725:AXH725"/>
    <mergeCell ref="AXI725:AXL725"/>
    <mergeCell ref="AXM725:AXP725"/>
    <mergeCell ref="AXQ725:AXT725"/>
    <mergeCell ref="AWG725:AWJ725"/>
    <mergeCell ref="AWK725:AWN725"/>
    <mergeCell ref="AWO725:AWR725"/>
    <mergeCell ref="AWS725:AWV725"/>
    <mergeCell ref="AWW725:AWZ725"/>
    <mergeCell ref="AVM725:AVP725"/>
    <mergeCell ref="AVQ725:AVT725"/>
    <mergeCell ref="AVU725:AVX725"/>
    <mergeCell ref="AVY725:AWB725"/>
    <mergeCell ref="AWC725:AWF725"/>
    <mergeCell ref="BFM725:BFP725"/>
    <mergeCell ref="BFQ725:BFT725"/>
    <mergeCell ref="BFU725:BFX725"/>
    <mergeCell ref="BFY725:BGB725"/>
    <mergeCell ref="BGC725:BGF725"/>
    <mergeCell ref="BES725:BEV725"/>
    <mergeCell ref="BEW725:BEZ725"/>
    <mergeCell ref="BFA725:BFD725"/>
    <mergeCell ref="BFE725:BFH725"/>
    <mergeCell ref="BFI725:BFL725"/>
    <mergeCell ref="BDY725:BEB725"/>
    <mergeCell ref="BEC725:BEF725"/>
    <mergeCell ref="BEG725:BEJ725"/>
    <mergeCell ref="BEK725:BEN725"/>
    <mergeCell ref="BEO725:BER725"/>
    <mergeCell ref="BDE725:BDH725"/>
    <mergeCell ref="BDI725:BDL725"/>
    <mergeCell ref="BDM725:BDP725"/>
    <mergeCell ref="BDQ725:BDT725"/>
    <mergeCell ref="BDU725:BDX725"/>
    <mergeCell ref="BCK725:BCN725"/>
    <mergeCell ref="BCO725:BCR725"/>
    <mergeCell ref="BCS725:BCV725"/>
    <mergeCell ref="BCW725:BCZ725"/>
    <mergeCell ref="BDA725:BDD725"/>
    <mergeCell ref="BBQ725:BBT725"/>
    <mergeCell ref="BBU725:BBX725"/>
    <mergeCell ref="BBY725:BCB725"/>
    <mergeCell ref="BCC725:BCF725"/>
    <mergeCell ref="BCG725:BCJ725"/>
    <mergeCell ref="BAW725:BAZ725"/>
    <mergeCell ref="BBA725:BBD725"/>
    <mergeCell ref="BBE725:BBH725"/>
    <mergeCell ref="BBI725:BBL725"/>
    <mergeCell ref="BBM725:BBP725"/>
    <mergeCell ref="BKW725:BKZ725"/>
    <mergeCell ref="BLA725:BLD725"/>
    <mergeCell ref="BLE725:BLH725"/>
    <mergeCell ref="BLI725:BLL725"/>
    <mergeCell ref="BLM725:BLP725"/>
    <mergeCell ref="BKC725:BKF725"/>
    <mergeCell ref="BKG725:BKJ725"/>
    <mergeCell ref="BKK725:BKN725"/>
    <mergeCell ref="BKO725:BKR725"/>
    <mergeCell ref="BKS725:BKV725"/>
    <mergeCell ref="BJI725:BJL725"/>
    <mergeCell ref="BJM725:BJP725"/>
    <mergeCell ref="BJQ725:BJT725"/>
    <mergeCell ref="BJU725:BJX725"/>
    <mergeCell ref="BJY725:BKB725"/>
    <mergeCell ref="BIO725:BIR725"/>
    <mergeCell ref="BIS725:BIV725"/>
    <mergeCell ref="BIW725:BIZ725"/>
    <mergeCell ref="BJA725:BJD725"/>
    <mergeCell ref="BJE725:BJH725"/>
    <mergeCell ref="BHU725:BHX725"/>
    <mergeCell ref="BHY725:BIB725"/>
    <mergeCell ref="BIC725:BIF725"/>
    <mergeCell ref="BIG725:BIJ725"/>
    <mergeCell ref="BIK725:BIN725"/>
    <mergeCell ref="BHA725:BHD725"/>
    <mergeCell ref="BHE725:BHH725"/>
    <mergeCell ref="BHI725:BHL725"/>
    <mergeCell ref="BHM725:BHP725"/>
    <mergeCell ref="BHQ725:BHT725"/>
    <mergeCell ref="BGG725:BGJ725"/>
    <mergeCell ref="BGK725:BGN725"/>
    <mergeCell ref="BGO725:BGR725"/>
    <mergeCell ref="BGS725:BGV725"/>
    <mergeCell ref="BGW725:BGZ725"/>
    <mergeCell ref="BQG725:BQJ725"/>
    <mergeCell ref="BQK725:BQN725"/>
    <mergeCell ref="BQO725:BQR725"/>
    <mergeCell ref="BQS725:BQV725"/>
    <mergeCell ref="BQW725:BQZ725"/>
    <mergeCell ref="BPM725:BPP725"/>
    <mergeCell ref="BPQ725:BPT725"/>
    <mergeCell ref="BPU725:BPX725"/>
    <mergeCell ref="BPY725:BQB725"/>
    <mergeCell ref="BQC725:BQF725"/>
    <mergeCell ref="BOS725:BOV725"/>
    <mergeCell ref="BOW725:BOZ725"/>
    <mergeCell ref="BPA725:BPD725"/>
    <mergeCell ref="BPE725:BPH725"/>
    <mergeCell ref="BPI725:BPL725"/>
    <mergeCell ref="BNY725:BOB725"/>
    <mergeCell ref="BOC725:BOF725"/>
    <mergeCell ref="BOG725:BOJ725"/>
    <mergeCell ref="BOK725:BON725"/>
    <mergeCell ref="BOO725:BOR725"/>
    <mergeCell ref="BNE725:BNH725"/>
    <mergeCell ref="BNI725:BNL725"/>
    <mergeCell ref="BNM725:BNP725"/>
    <mergeCell ref="BNQ725:BNT725"/>
    <mergeCell ref="BNU725:BNX725"/>
    <mergeCell ref="BMK725:BMN725"/>
    <mergeCell ref="BMO725:BMR725"/>
    <mergeCell ref="BMS725:BMV725"/>
    <mergeCell ref="BMW725:BMZ725"/>
    <mergeCell ref="BNA725:BND725"/>
    <mergeCell ref="BLQ725:BLT725"/>
    <mergeCell ref="BLU725:BLX725"/>
    <mergeCell ref="BLY725:BMB725"/>
    <mergeCell ref="BMC725:BMF725"/>
    <mergeCell ref="BMG725:BMJ725"/>
    <mergeCell ref="BVQ725:BVT725"/>
    <mergeCell ref="BVU725:BVX725"/>
    <mergeCell ref="BVY725:BWB725"/>
    <mergeCell ref="BWC725:BWF725"/>
    <mergeCell ref="BWG725:BWJ725"/>
    <mergeCell ref="BUW725:BUZ725"/>
    <mergeCell ref="BVA725:BVD725"/>
    <mergeCell ref="BVE725:BVH725"/>
    <mergeCell ref="BVI725:BVL725"/>
    <mergeCell ref="BVM725:BVP725"/>
    <mergeCell ref="BUC725:BUF725"/>
    <mergeCell ref="BUG725:BUJ725"/>
    <mergeCell ref="BUK725:BUN725"/>
    <mergeCell ref="BUO725:BUR725"/>
    <mergeCell ref="BUS725:BUV725"/>
    <mergeCell ref="BTI725:BTL725"/>
    <mergeCell ref="BTM725:BTP725"/>
    <mergeCell ref="BTQ725:BTT725"/>
    <mergeCell ref="BTU725:BTX725"/>
    <mergeCell ref="BTY725:BUB725"/>
    <mergeCell ref="BSO725:BSR725"/>
    <mergeCell ref="BSS725:BSV725"/>
    <mergeCell ref="BSW725:BSZ725"/>
    <mergeCell ref="BTA725:BTD725"/>
    <mergeCell ref="BTE725:BTH725"/>
    <mergeCell ref="BRU725:BRX725"/>
    <mergeCell ref="BRY725:BSB725"/>
    <mergeCell ref="BSC725:BSF725"/>
    <mergeCell ref="BSG725:BSJ725"/>
    <mergeCell ref="BSK725:BSN725"/>
    <mergeCell ref="BRA725:BRD725"/>
    <mergeCell ref="BRE725:BRH725"/>
    <mergeCell ref="BRI725:BRL725"/>
    <mergeCell ref="BRM725:BRP725"/>
    <mergeCell ref="BRQ725:BRT725"/>
    <mergeCell ref="CBA725:CBD725"/>
    <mergeCell ref="CBE725:CBH725"/>
    <mergeCell ref="CBI725:CBL725"/>
    <mergeCell ref="CBM725:CBP725"/>
    <mergeCell ref="CBQ725:CBT725"/>
    <mergeCell ref="CAG725:CAJ725"/>
    <mergeCell ref="CAK725:CAN725"/>
    <mergeCell ref="CAO725:CAR725"/>
    <mergeCell ref="CAS725:CAV725"/>
    <mergeCell ref="CAW725:CAZ725"/>
    <mergeCell ref="BZM725:BZP725"/>
    <mergeCell ref="BZQ725:BZT725"/>
    <mergeCell ref="BZU725:BZX725"/>
    <mergeCell ref="BZY725:CAB725"/>
    <mergeCell ref="CAC725:CAF725"/>
    <mergeCell ref="BYS725:BYV725"/>
    <mergeCell ref="BYW725:BYZ725"/>
    <mergeCell ref="BZA725:BZD725"/>
    <mergeCell ref="BZE725:BZH725"/>
    <mergeCell ref="BZI725:BZL725"/>
    <mergeCell ref="BXY725:BYB725"/>
    <mergeCell ref="BYC725:BYF725"/>
    <mergeCell ref="BYG725:BYJ725"/>
    <mergeCell ref="BYK725:BYN725"/>
    <mergeCell ref="BYO725:BYR725"/>
    <mergeCell ref="BXE725:BXH725"/>
    <mergeCell ref="BXI725:BXL725"/>
    <mergeCell ref="BXM725:BXP725"/>
    <mergeCell ref="BXQ725:BXT725"/>
    <mergeCell ref="BXU725:BXX725"/>
    <mergeCell ref="BWK725:BWN725"/>
    <mergeCell ref="BWO725:BWR725"/>
    <mergeCell ref="BWS725:BWV725"/>
    <mergeCell ref="BWW725:BWZ725"/>
    <mergeCell ref="BXA725:BXD725"/>
    <mergeCell ref="CGK725:CGN725"/>
    <mergeCell ref="CGO725:CGR725"/>
    <mergeCell ref="CGS725:CGV725"/>
    <mergeCell ref="CGW725:CGZ725"/>
    <mergeCell ref="CHA725:CHD725"/>
    <mergeCell ref="CFQ725:CFT725"/>
    <mergeCell ref="CFU725:CFX725"/>
    <mergeCell ref="CFY725:CGB725"/>
    <mergeCell ref="CGC725:CGF725"/>
    <mergeCell ref="CGG725:CGJ725"/>
    <mergeCell ref="CEW725:CEZ725"/>
    <mergeCell ref="CFA725:CFD725"/>
    <mergeCell ref="CFE725:CFH725"/>
    <mergeCell ref="CFI725:CFL725"/>
    <mergeCell ref="CFM725:CFP725"/>
    <mergeCell ref="CEC725:CEF725"/>
    <mergeCell ref="CEG725:CEJ725"/>
    <mergeCell ref="CEK725:CEN725"/>
    <mergeCell ref="CEO725:CER725"/>
    <mergeCell ref="CES725:CEV725"/>
    <mergeCell ref="CDI725:CDL725"/>
    <mergeCell ref="CDM725:CDP725"/>
    <mergeCell ref="CDQ725:CDT725"/>
    <mergeCell ref="CDU725:CDX725"/>
    <mergeCell ref="CDY725:CEB725"/>
    <mergeCell ref="CCO725:CCR725"/>
    <mergeCell ref="CCS725:CCV725"/>
    <mergeCell ref="CCW725:CCZ725"/>
    <mergeCell ref="CDA725:CDD725"/>
    <mergeCell ref="CDE725:CDH725"/>
    <mergeCell ref="CBU725:CBX725"/>
    <mergeCell ref="CBY725:CCB725"/>
    <mergeCell ref="CCC725:CCF725"/>
    <mergeCell ref="CCG725:CCJ725"/>
    <mergeCell ref="CCK725:CCN725"/>
    <mergeCell ref="CLU725:CLX725"/>
    <mergeCell ref="CLY725:CMB725"/>
    <mergeCell ref="CMC725:CMF725"/>
    <mergeCell ref="CMG725:CMJ725"/>
    <mergeCell ref="CMK725:CMN725"/>
    <mergeCell ref="CLA725:CLD725"/>
    <mergeCell ref="CLE725:CLH725"/>
    <mergeCell ref="CLI725:CLL725"/>
    <mergeCell ref="CLM725:CLP725"/>
    <mergeCell ref="CLQ725:CLT725"/>
    <mergeCell ref="CKG725:CKJ725"/>
    <mergeCell ref="CKK725:CKN725"/>
    <mergeCell ref="CKO725:CKR725"/>
    <mergeCell ref="CKS725:CKV725"/>
    <mergeCell ref="CKW725:CKZ725"/>
    <mergeCell ref="CJM725:CJP725"/>
    <mergeCell ref="CJQ725:CJT725"/>
    <mergeCell ref="CJU725:CJX725"/>
    <mergeCell ref="CJY725:CKB725"/>
    <mergeCell ref="CKC725:CKF725"/>
    <mergeCell ref="CIS725:CIV725"/>
    <mergeCell ref="CIW725:CIZ725"/>
    <mergeCell ref="CJA725:CJD725"/>
    <mergeCell ref="CJE725:CJH725"/>
    <mergeCell ref="CJI725:CJL725"/>
    <mergeCell ref="CHY725:CIB725"/>
    <mergeCell ref="CIC725:CIF725"/>
    <mergeCell ref="CIG725:CIJ725"/>
    <mergeCell ref="CIK725:CIN725"/>
    <mergeCell ref="CIO725:CIR725"/>
    <mergeCell ref="CHE725:CHH725"/>
    <mergeCell ref="CHI725:CHL725"/>
    <mergeCell ref="CHM725:CHP725"/>
    <mergeCell ref="CHQ725:CHT725"/>
    <mergeCell ref="CHU725:CHX725"/>
    <mergeCell ref="CRE725:CRH725"/>
    <mergeCell ref="CRI725:CRL725"/>
    <mergeCell ref="CRM725:CRP725"/>
    <mergeCell ref="CRQ725:CRT725"/>
    <mergeCell ref="CRU725:CRX725"/>
    <mergeCell ref="CQK725:CQN725"/>
    <mergeCell ref="CQO725:CQR725"/>
    <mergeCell ref="CQS725:CQV725"/>
    <mergeCell ref="CQW725:CQZ725"/>
    <mergeCell ref="CRA725:CRD725"/>
    <mergeCell ref="CPQ725:CPT725"/>
    <mergeCell ref="CPU725:CPX725"/>
    <mergeCell ref="CPY725:CQB725"/>
    <mergeCell ref="CQC725:CQF725"/>
    <mergeCell ref="CQG725:CQJ725"/>
    <mergeCell ref="COW725:COZ725"/>
    <mergeCell ref="CPA725:CPD725"/>
    <mergeCell ref="CPE725:CPH725"/>
    <mergeCell ref="CPI725:CPL725"/>
    <mergeCell ref="CPM725:CPP725"/>
    <mergeCell ref="COC725:COF725"/>
    <mergeCell ref="COG725:COJ725"/>
    <mergeCell ref="COK725:CON725"/>
    <mergeCell ref="COO725:COR725"/>
    <mergeCell ref="COS725:COV725"/>
    <mergeCell ref="CNI725:CNL725"/>
    <mergeCell ref="CNM725:CNP725"/>
    <mergeCell ref="CNQ725:CNT725"/>
    <mergeCell ref="CNU725:CNX725"/>
    <mergeCell ref="CNY725:COB725"/>
    <mergeCell ref="CMO725:CMR725"/>
    <mergeCell ref="CMS725:CMV725"/>
    <mergeCell ref="CMW725:CMZ725"/>
    <mergeCell ref="CNA725:CND725"/>
    <mergeCell ref="CNE725:CNH725"/>
    <mergeCell ref="CWO725:CWR725"/>
    <mergeCell ref="CWS725:CWV725"/>
    <mergeCell ref="CWW725:CWZ725"/>
    <mergeCell ref="CXA725:CXD725"/>
    <mergeCell ref="CXE725:CXH725"/>
    <mergeCell ref="CVU725:CVX725"/>
    <mergeCell ref="CVY725:CWB725"/>
    <mergeCell ref="CWC725:CWF725"/>
    <mergeCell ref="CWG725:CWJ725"/>
    <mergeCell ref="CWK725:CWN725"/>
    <mergeCell ref="CVA725:CVD725"/>
    <mergeCell ref="CVE725:CVH725"/>
    <mergeCell ref="CVI725:CVL725"/>
    <mergeCell ref="CVM725:CVP725"/>
    <mergeCell ref="CVQ725:CVT725"/>
    <mergeCell ref="CUG725:CUJ725"/>
    <mergeCell ref="CUK725:CUN725"/>
    <mergeCell ref="CUO725:CUR725"/>
    <mergeCell ref="CUS725:CUV725"/>
    <mergeCell ref="CUW725:CUZ725"/>
    <mergeCell ref="CTM725:CTP725"/>
    <mergeCell ref="CTQ725:CTT725"/>
    <mergeCell ref="CTU725:CTX725"/>
    <mergeCell ref="CTY725:CUB725"/>
    <mergeCell ref="CUC725:CUF725"/>
    <mergeCell ref="CSS725:CSV725"/>
    <mergeCell ref="CSW725:CSZ725"/>
    <mergeCell ref="CTA725:CTD725"/>
    <mergeCell ref="CTE725:CTH725"/>
    <mergeCell ref="CTI725:CTL725"/>
    <mergeCell ref="CRY725:CSB725"/>
    <mergeCell ref="CSC725:CSF725"/>
    <mergeCell ref="CSG725:CSJ725"/>
    <mergeCell ref="CSK725:CSN725"/>
    <mergeCell ref="CSO725:CSR725"/>
    <mergeCell ref="DBY725:DCB725"/>
    <mergeCell ref="DCC725:DCF725"/>
    <mergeCell ref="DCG725:DCJ725"/>
    <mergeCell ref="DCK725:DCN725"/>
    <mergeCell ref="DCO725:DCR725"/>
    <mergeCell ref="DBE725:DBH725"/>
    <mergeCell ref="DBI725:DBL725"/>
    <mergeCell ref="DBM725:DBP725"/>
    <mergeCell ref="DBQ725:DBT725"/>
    <mergeCell ref="DBU725:DBX725"/>
    <mergeCell ref="DAK725:DAN725"/>
    <mergeCell ref="DAO725:DAR725"/>
    <mergeCell ref="DAS725:DAV725"/>
    <mergeCell ref="DAW725:DAZ725"/>
    <mergeCell ref="DBA725:DBD725"/>
    <mergeCell ref="CZQ725:CZT725"/>
    <mergeCell ref="CZU725:CZX725"/>
    <mergeCell ref="CZY725:DAB725"/>
    <mergeCell ref="DAC725:DAF725"/>
    <mergeCell ref="DAG725:DAJ725"/>
    <mergeCell ref="CYW725:CYZ725"/>
    <mergeCell ref="CZA725:CZD725"/>
    <mergeCell ref="CZE725:CZH725"/>
    <mergeCell ref="CZI725:CZL725"/>
    <mergeCell ref="CZM725:CZP725"/>
    <mergeCell ref="CYC725:CYF725"/>
    <mergeCell ref="CYG725:CYJ725"/>
    <mergeCell ref="CYK725:CYN725"/>
    <mergeCell ref="CYO725:CYR725"/>
    <mergeCell ref="CYS725:CYV725"/>
    <mergeCell ref="CXI725:CXL725"/>
    <mergeCell ref="CXM725:CXP725"/>
    <mergeCell ref="CXQ725:CXT725"/>
    <mergeCell ref="CXU725:CXX725"/>
    <mergeCell ref="CXY725:CYB725"/>
    <mergeCell ref="DHI725:DHL725"/>
    <mergeCell ref="DHM725:DHP725"/>
    <mergeCell ref="DHQ725:DHT725"/>
    <mergeCell ref="DHU725:DHX725"/>
    <mergeCell ref="DHY725:DIB725"/>
    <mergeCell ref="DGO725:DGR725"/>
    <mergeCell ref="DGS725:DGV725"/>
    <mergeCell ref="DGW725:DGZ725"/>
    <mergeCell ref="DHA725:DHD725"/>
    <mergeCell ref="DHE725:DHH725"/>
    <mergeCell ref="DFU725:DFX725"/>
    <mergeCell ref="DFY725:DGB725"/>
    <mergeCell ref="DGC725:DGF725"/>
    <mergeCell ref="DGG725:DGJ725"/>
    <mergeCell ref="DGK725:DGN725"/>
    <mergeCell ref="DFA725:DFD725"/>
    <mergeCell ref="DFE725:DFH725"/>
    <mergeCell ref="DFI725:DFL725"/>
    <mergeCell ref="DFM725:DFP725"/>
    <mergeCell ref="DFQ725:DFT725"/>
    <mergeCell ref="DEG725:DEJ725"/>
    <mergeCell ref="DEK725:DEN725"/>
    <mergeCell ref="DEO725:DER725"/>
    <mergeCell ref="DES725:DEV725"/>
    <mergeCell ref="DEW725:DEZ725"/>
    <mergeCell ref="DDM725:DDP725"/>
    <mergeCell ref="DDQ725:DDT725"/>
    <mergeCell ref="DDU725:DDX725"/>
    <mergeCell ref="DDY725:DEB725"/>
    <mergeCell ref="DEC725:DEF725"/>
    <mergeCell ref="DCS725:DCV725"/>
    <mergeCell ref="DCW725:DCZ725"/>
    <mergeCell ref="DDA725:DDD725"/>
    <mergeCell ref="DDE725:DDH725"/>
    <mergeCell ref="DDI725:DDL725"/>
    <mergeCell ref="DMS725:DMV725"/>
    <mergeCell ref="DMW725:DMZ725"/>
    <mergeCell ref="DNA725:DND725"/>
    <mergeCell ref="DNE725:DNH725"/>
    <mergeCell ref="DNI725:DNL725"/>
    <mergeCell ref="DLY725:DMB725"/>
    <mergeCell ref="DMC725:DMF725"/>
    <mergeCell ref="DMG725:DMJ725"/>
    <mergeCell ref="DMK725:DMN725"/>
    <mergeCell ref="DMO725:DMR725"/>
    <mergeCell ref="DLE725:DLH725"/>
    <mergeCell ref="DLI725:DLL725"/>
    <mergeCell ref="DLM725:DLP725"/>
    <mergeCell ref="DLQ725:DLT725"/>
    <mergeCell ref="DLU725:DLX725"/>
    <mergeCell ref="DKK725:DKN725"/>
    <mergeCell ref="DKO725:DKR725"/>
    <mergeCell ref="DKS725:DKV725"/>
    <mergeCell ref="DKW725:DKZ725"/>
    <mergeCell ref="DLA725:DLD725"/>
    <mergeCell ref="DJQ725:DJT725"/>
    <mergeCell ref="DJU725:DJX725"/>
    <mergeCell ref="DJY725:DKB725"/>
    <mergeCell ref="DKC725:DKF725"/>
    <mergeCell ref="DKG725:DKJ725"/>
    <mergeCell ref="DIW725:DIZ725"/>
    <mergeCell ref="DJA725:DJD725"/>
    <mergeCell ref="DJE725:DJH725"/>
    <mergeCell ref="DJI725:DJL725"/>
    <mergeCell ref="DJM725:DJP725"/>
    <mergeCell ref="DIC725:DIF725"/>
    <mergeCell ref="DIG725:DIJ725"/>
    <mergeCell ref="DIK725:DIN725"/>
    <mergeCell ref="DIO725:DIR725"/>
    <mergeCell ref="DIS725:DIV725"/>
    <mergeCell ref="DSC725:DSF725"/>
    <mergeCell ref="DSG725:DSJ725"/>
    <mergeCell ref="DSK725:DSN725"/>
    <mergeCell ref="DSO725:DSR725"/>
    <mergeCell ref="DSS725:DSV725"/>
    <mergeCell ref="DRI725:DRL725"/>
    <mergeCell ref="DRM725:DRP725"/>
    <mergeCell ref="DRQ725:DRT725"/>
    <mergeCell ref="DRU725:DRX725"/>
    <mergeCell ref="DRY725:DSB725"/>
    <mergeCell ref="DQO725:DQR725"/>
    <mergeCell ref="DQS725:DQV725"/>
    <mergeCell ref="DQW725:DQZ725"/>
    <mergeCell ref="DRA725:DRD725"/>
    <mergeCell ref="DRE725:DRH725"/>
    <mergeCell ref="DPU725:DPX725"/>
    <mergeCell ref="DPY725:DQB725"/>
    <mergeCell ref="DQC725:DQF725"/>
    <mergeCell ref="DQG725:DQJ725"/>
    <mergeCell ref="DQK725:DQN725"/>
    <mergeCell ref="DPA725:DPD725"/>
    <mergeCell ref="DPE725:DPH725"/>
    <mergeCell ref="DPI725:DPL725"/>
    <mergeCell ref="DPM725:DPP725"/>
    <mergeCell ref="DPQ725:DPT725"/>
    <mergeCell ref="DOG725:DOJ725"/>
    <mergeCell ref="DOK725:DON725"/>
    <mergeCell ref="DOO725:DOR725"/>
    <mergeCell ref="DOS725:DOV725"/>
    <mergeCell ref="DOW725:DOZ725"/>
    <mergeCell ref="DNM725:DNP725"/>
    <mergeCell ref="DNQ725:DNT725"/>
    <mergeCell ref="DNU725:DNX725"/>
    <mergeCell ref="DNY725:DOB725"/>
    <mergeCell ref="DOC725:DOF725"/>
    <mergeCell ref="DXM725:DXP725"/>
    <mergeCell ref="DXQ725:DXT725"/>
    <mergeCell ref="DXU725:DXX725"/>
    <mergeCell ref="DXY725:DYB725"/>
    <mergeCell ref="DYC725:DYF725"/>
    <mergeCell ref="DWS725:DWV725"/>
    <mergeCell ref="DWW725:DWZ725"/>
    <mergeCell ref="DXA725:DXD725"/>
    <mergeCell ref="DXE725:DXH725"/>
    <mergeCell ref="DXI725:DXL725"/>
    <mergeCell ref="DVY725:DWB725"/>
    <mergeCell ref="DWC725:DWF725"/>
    <mergeCell ref="DWG725:DWJ725"/>
    <mergeCell ref="DWK725:DWN725"/>
    <mergeCell ref="DWO725:DWR725"/>
    <mergeCell ref="DVE725:DVH725"/>
    <mergeCell ref="DVI725:DVL725"/>
    <mergeCell ref="DVM725:DVP725"/>
    <mergeCell ref="DVQ725:DVT725"/>
    <mergeCell ref="DVU725:DVX725"/>
    <mergeCell ref="DUK725:DUN725"/>
    <mergeCell ref="DUO725:DUR725"/>
    <mergeCell ref="DUS725:DUV725"/>
    <mergeCell ref="DUW725:DUZ725"/>
    <mergeCell ref="DVA725:DVD725"/>
    <mergeCell ref="DTQ725:DTT725"/>
    <mergeCell ref="DTU725:DTX725"/>
    <mergeCell ref="DTY725:DUB725"/>
    <mergeCell ref="DUC725:DUF725"/>
    <mergeCell ref="DUG725:DUJ725"/>
    <mergeCell ref="DSW725:DSZ725"/>
    <mergeCell ref="DTA725:DTD725"/>
    <mergeCell ref="DTE725:DTH725"/>
    <mergeCell ref="DTI725:DTL725"/>
    <mergeCell ref="DTM725:DTP725"/>
    <mergeCell ref="ECW725:ECZ725"/>
    <mergeCell ref="EDA725:EDD725"/>
    <mergeCell ref="EDE725:EDH725"/>
    <mergeCell ref="EDI725:EDL725"/>
    <mergeCell ref="EDM725:EDP725"/>
    <mergeCell ref="ECC725:ECF725"/>
    <mergeCell ref="ECG725:ECJ725"/>
    <mergeCell ref="ECK725:ECN725"/>
    <mergeCell ref="ECO725:ECR725"/>
    <mergeCell ref="ECS725:ECV725"/>
    <mergeCell ref="EBI725:EBL725"/>
    <mergeCell ref="EBM725:EBP725"/>
    <mergeCell ref="EBQ725:EBT725"/>
    <mergeCell ref="EBU725:EBX725"/>
    <mergeCell ref="EBY725:ECB725"/>
    <mergeCell ref="EAO725:EAR725"/>
    <mergeCell ref="EAS725:EAV725"/>
    <mergeCell ref="EAW725:EAZ725"/>
    <mergeCell ref="EBA725:EBD725"/>
    <mergeCell ref="EBE725:EBH725"/>
    <mergeCell ref="DZU725:DZX725"/>
    <mergeCell ref="DZY725:EAB725"/>
    <mergeCell ref="EAC725:EAF725"/>
    <mergeCell ref="EAG725:EAJ725"/>
    <mergeCell ref="EAK725:EAN725"/>
    <mergeCell ref="DZA725:DZD725"/>
    <mergeCell ref="DZE725:DZH725"/>
    <mergeCell ref="DZI725:DZL725"/>
    <mergeCell ref="DZM725:DZP725"/>
    <mergeCell ref="DZQ725:DZT725"/>
    <mergeCell ref="DYG725:DYJ725"/>
    <mergeCell ref="DYK725:DYN725"/>
    <mergeCell ref="DYO725:DYR725"/>
    <mergeCell ref="DYS725:DYV725"/>
    <mergeCell ref="DYW725:DYZ725"/>
    <mergeCell ref="EIG725:EIJ725"/>
    <mergeCell ref="EIK725:EIN725"/>
    <mergeCell ref="EIO725:EIR725"/>
    <mergeCell ref="EIS725:EIV725"/>
    <mergeCell ref="EIW725:EIZ725"/>
    <mergeCell ref="EHM725:EHP725"/>
    <mergeCell ref="EHQ725:EHT725"/>
    <mergeCell ref="EHU725:EHX725"/>
    <mergeCell ref="EHY725:EIB725"/>
    <mergeCell ref="EIC725:EIF725"/>
    <mergeCell ref="EGS725:EGV725"/>
    <mergeCell ref="EGW725:EGZ725"/>
    <mergeCell ref="EHA725:EHD725"/>
    <mergeCell ref="EHE725:EHH725"/>
    <mergeCell ref="EHI725:EHL725"/>
    <mergeCell ref="EFY725:EGB725"/>
    <mergeCell ref="EGC725:EGF725"/>
    <mergeCell ref="EGG725:EGJ725"/>
    <mergeCell ref="EGK725:EGN725"/>
    <mergeCell ref="EGO725:EGR725"/>
    <mergeCell ref="EFE725:EFH725"/>
    <mergeCell ref="EFI725:EFL725"/>
    <mergeCell ref="EFM725:EFP725"/>
    <mergeCell ref="EFQ725:EFT725"/>
    <mergeCell ref="EFU725:EFX725"/>
    <mergeCell ref="EEK725:EEN725"/>
    <mergeCell ref="EEO725:EER725"/>
    <mergeCell ref="EES725:EEV725"/>
    <mergeCell ref="EEW725:EEZ725"/>
    <mergeCell ref="EFA725:EFD725"/>
    <mergeCell ref="EDQ725:EDT725"/>
    <mergeCell ref="EDU725:EDX725"/>
    <mergeCell ref="EDY725:EEB725"/>
    <mergeCell ref="EEC725:EEF725"/>
    <mergeCell ref="EEG725:EEJ725"/>
    <mergeCell ref="ENQ725:ENT725"/>
    <mergeCell ref="ENU725:ENX725"/>
    <mergeCell ref="ENY725:EOB725"/>
    <mergeCell ref="EOC725:EOF725"/>
    <mergeCell ref="EOG725:EOJ725"/>
    <mergeCell ref="EMW725:EMZ725"/>
    <mergeCell ref="ENA725:END725"/>
    <mergeCell ref="ENE725:ENH725"/>
    <mergeCell ref="ENI725:ENL725"/>
    <mergeCell ref="ENM725:ENP725"/>
    <mergeCell ref="EMC725:EMF725"/>
    <mergeCell ref="EMG725:EMJ725"/>
    <mergeCell ref="EMK725:EMN725"/>
    <mergeCell ref="EMO725:EMR725"/>
    <mergeCell ref="EMS725:EMV725"/>
    <mergeCell ref="ELI725:ELL725"/>
    <mergeCell ref="ELM725:ELP725"/>
    <mergeCell ref="ELQ725:ELT725"/>
    <mergeCell ref="ELU725:ELX725"/>
    <mergeCell ref="ELY725:EMB725"/>
    <mergeCell ref="EKO725:EKR725"/>
    <mergeCell ref="EKS725:EKV725"/>
    <mergeCell ref="EKW725:EKZ725"/>
    <mergeCell ref="ELA725:ELD725"/>
    <mergeCell ref="ELE725:ELH725"/>
    <mergeCell ref="EJU725:EJX725"/>
    <mergeCell ref="EJY725:EKB725"/>
    <mergeCell ref="EKC725:EKF725"/>
    <mergeCell ref="EKG725:EKJ725"/>
    <mergeCell ref="EKK725:EKN725"/>
    <mergeCell ref="EJA725:EJD725"/>
    <mergeCell ref="EJE725:EJH725"/>
    <mergeCell ref="EJI725:EJL725"/>
    <mergeCell ref="EJM725:EJP725"/>
    <mergeCell ref="EJQ725:EJT725"/>
    <mergeCell ref="ETA725:ETD725"/>
    <mergeCell ref="ETE725:ETH725"/>
    <mergeCell ref="ETI725:ETL725"/>
    <mergeCell ref="ETM725:ETP725"/>
    <mergeCell ref="ETQ725:ETT725"/>
    <mergeCell ref="ESG725:ESJ725"/>
    <mergeCell ref="ESK725:ESN725"/>
    <mergeCell ref="ESO725:ESR725"/>
    <mergeCell ref="ESS725:ESV725"/>
    <mergeCell ref="ESW725:ESZ725"/>
    <mergeCell ref="ERM725:ERP725"/>
    <mergeCell ref="ERQ725:ERT725"/>
    <mergeCell ref="ERU725:ERX725"/>
    <mergeCell ref="ERY725:ESB725"/>
    <mergeCell ref="ESC725:ESF725"/>
    <mergeCell ref="EQS725:EQV725"/>
    <mergeCell ref="EQW725:EQZ725"/>
    <mergeCell ref="ERA725:ERD725"/>
    <mergeCell ref="ERE725:ERH725"/>
    <mergeCell ref="ERI725:ERL725"/>
    <mergeCell ref="EPY725:EQB725"/>
    <mergeCell ref="EQC725:EQF725"/>
    <mergeCell ref="EQG725:EQJ725"/>
    <mergeCell ref="EQK725:EQN725"/>
    <mergeCell ref="EQO725:EQR725"/>
    <mergeCell ref="EPE725:EPH725"/>
    <mergeCell ref="EPI725:EPL725"/>
    <mergeCell ref="EPM725:EPP725"/>
    <mergeCell ref="EPQ725:EPT725"/>
    <mergeCell ref="EPU725:EPX725"/>
    <mergeCell ref="EOK725:EON725"/>
    <mergeCell ref="EOO725:EOR725"/>
    <mergeCell ref="EOS725:EOV725"/>
    <mergeCell ref="EOW725:EOZ725"/>
    <mergeCell ref="EPA725:EPD725"/>
    <mergeCell ref="EYK725:EYN725"/>
    <mergeCell ref="EYO725:EYR725"/>
    <mergeCell ref="EYS725:EYV725"/>
    <mergeCell ref="EYW725:EYZ725"/>
    <mergeCell ref="EZA725:EZD725"/>
    <mergeCell ref="EXQ725:EXT725"/>
    <mergeCell ref="EXU725:EXX725"/>
    <mergeCell ref="EXY725:EYB725"/>
    <mergeCell ref="EYC725:EYF725"/>
    <mergeCell ref="EYG725:EYJ725"/>
    <mergeCell ref="EWW725:EWZ725"/>
    <mergeCell ref="EXA725:EXD725"/>
    <mergeCell ref="EXE725:EXH725"/>
    <mergeCell ref="EXI725:EXL725"/>
    <mergeCell ref="EXM725:EXP725"/>
    <mergeCell ref="EWC725:EWF725"/>
    <mergeCell ref="EWG725:EWJ725"/>
    <mergeCell ref="EWK725:EWN725"/>
    <mergeCell ref="EWO725:EWR725"/>
    <mergeCell ref="EWS725:EWV725"/>
    <mergeCell ref="EVI725:EVL725"/>
    <mergeCell ref="EVM725:EVP725"/>
    <mergeCell ref="EVQ725:EVT725"/>
    <mergeCell ref="EVU725:EVX725"/>
    <mergeCell ref="EVY725:EWB725"/>
    <mergeCell ref="EUO725:EUR725"/>
    <mergeCell ref="EUS725:EUV725"/>
    <mergeCell ref="EUW725:EUZ725"/>
    <mergeCell ref="EVA725:EVD725"/>
    <mergeCell ref="EVE725:EVH725"/>
    <mergeCell ref="ETU725:ETX725"/>
    <mergeCell ref="ETY725:EUB725"/>
    <mergeCell ref="EUC725:EUF725"/>
    <mergeCell ref="EUG725:EUJ725"/>
    <mergeCell ref="EUK725:EUN725"/>
    <mergeCell ref="FDU725:FDX725"/>
    <mergeCell ref="FDY725:FEB725"/>
    <mergeCell ref="FEC725:FEF725"/>
    <mergeCell ref="FEG725:FEJ725"/>
    <mergeCell ref="FEK725:FEN725"/>
    <mergeCell ref="FDA725:FDD725"/>
    <mergeCell ref="FDE725:FDH725"/>
    <mergeCell ref="FDI725:FDL725"/>
    <mergeCell ref="FDM725:FDP725"/>
    <mergeCell ref="FDQ725:FDT725"/>
    <mergeCell ref="FCG725:FCJ725"/>
    <mergeCell ref="FCK725:FCN725"/>
    <mergeCell ref="FCO725:FCR725"/>
    <mergeCell ref="FCS725:FCV725"/>
    <mergeCell ref="FCW725:FCZ725"/>
    <mergeCell ref="FBM725:FBP725"/>
    <mergeCell ref="FBQ725:FBT725"/>
    <mergeCell ref="FBU725:FBX725"/>
    <mergeCell ref="FBY725:FCB725"/>
    <mergeCell ref="FCC725:FCF725"/>
    <mergeCell ref="FAS725:FAV725"/>
    <mergeCell ref="FAW725:FAZ725"/>
    <mergeCell ref="FBA725:FBD725"/>
    <mergeCell ref="FBE725:FBH725"/>
    <mergeCell ref="FBI725:FBL725"/>
    <mergeCell ref="EZY725:FAB725"/>
    <mergeCell ref="FAC725:FAF725"/>
    <mergeCell ref="FAG725:FAJ725"/>
    <mergeCell ref="FAK725:FAN725"/>
    <mergeCell ref="FAO725:FAR725"/>
    <mergeCell ref="EZE725:EZH725"/>
    <mergeCell ref="EZI725:EZL725"/>
    <mergeCell ref="EZM725:EZP725"/>
    <mergeCell ref="EZQ725:EZT725"/>
    <mergeCell ref="EZU725:EZX725"/>
    <mergeCell ref="FJE725:FJH725"/>
    <mergeCell ref="FJI725:FJL725"/>
    <mergeCell ref="FJM725:FJP725"/>
    <mergeCell ref="FJQ725:FJT725"/>
    <mergeCell ref="FJU725:FJX725"/>
    <mergeCell ref="FIK725:FIN725"/>
    <mergeCell ref="FIO725:FIR725"/>
    <mergeCell ref="FIS725:FIV725"/>
    <mergeCell ref="FIW725:FIZ725"/>
    <mergeCell ref="FJA725:FJD725"/>
    <mergeCell ref="FHQ725:FHT725"/>
    <mergeCell ref="FHU725:FHX725"/>
    <mergeCell ref="FHY725:FIB725"/>
    <mergeCell ref="FIC725:FIF725"/>
    <mergeCell ref="FIG725:FIJ725"/>
    <mergeCell ref="FGW725:FGZ725"/>
    <mergeCell ref="FHA725:FHD725"/>
    <mergeCell ref="FHE725:FHH725"/>
    <mergeCell ref="FHI725:FHL725"/>
    <mergeCell ref="FHM725:FHP725"/>
    <mergeCell ref="FGC725:FGF725"/>
    <mergeCell ref="FGG725:FGJ725"/>
    <mergeCell ref="FGK725:FGN725"/>
    <mergeCell ref="FGO725:FGR725"/>
    <mergeCell ref="FGS725:FGV725"/>
    <mergeCell ref="FFI725:FFL725"/>
    <mergeCell ref="FFM725:FFP725"/>
    <mergeCell ref="FFQ725:FFT725"/>
    <mergeCell ref="FFU725:FFX725"/>
    <mergeCell ref="FFY725:FGB725"/>
    <mergeCell ref="FEO725:FER725"/>
    <mergeCell ref="FES725:FEV725"/>
    <mergeCell ref="FEW725:FEZ725"/>
    <mergeCell ref="FFA725:FFD725"/>
    <mergeCell ref="FFE725:FFH725"/>
    <mergeCell ref="FOO725:FOR725"/>
    <mergeCell ref="FOS725:FOV725"/>
    <mergeCell ref="FOW725:FOZ725"/>
    <mergeCell ref="FPA725:FPD725"/>
    <mergeCell ref="FPE725:FPH725"/>
    <mergeCell ref="FNU725:FNX725"/>
    <mergeCell ref="FNY725:FOB725"/>
    <mergeCell ref="FOC725:FOF725"/>
    <mergeCell ref="FOG725:FOJ725"/>
    <mergeCell ref="FOK725:FON725"/>
    <mergeCell ref="FNA725:FND725"/>
    <mergeCell ref="FNE725:FNH725"/>
    <mergeCell ref="FNI725:FNL725"/>
    <mergeCell ref="FNM725:FNP725"/>
    <mergeCell ref="FNQ725:FNT725"/>
    <mergeCell ref="FMG725:FMJ725"/>
    <mergeCell ref="FMK725:FMN725"/>
    <mergeCell ref="FMO725:FMR725"/>
    <mergeCell ref="FMS725:FMV725"/>
    <mergeCell ref="FMW725:FMZ725"/>
    <mergeCell ref="FLM725:FLP725"/>
    <mergeCell ref="FLQ725:FLT725"/>
    <mergeCell ref="FLU725:FLX725"/>
    <mergeCell ref="FLY725:FMB725"/>
    <mergeCell ref="FMC725:FMF725"/>
    <mergeCell ref="FKS725:FKV725"/>
    <mergeCell ref="FKW725:FKZ725"/>
    <mergeCell ref="FLA725:FLD725"/>
    <mergeCell ref="FLE725:FLH725"/>
    <mergeCell ref="FLI725:FLL725"/>
    <mergeCell ref="FJY725:FKB725"/>
    <mergeCell ref="FKC725:FKF725"/>
    <mergeCell ref="FKG725:FKJ725"/>
    <mergeCell ref="FKK725:FKN725"/>
    <mergeCell ref="FKO725:FKR725"/>
    <mergeCell ref="FTY725:FUB725"/>
    <mergeCell ref="FUC725:FUF725"/>
    <mergeCell ref="FUG725:FUJ725"/>
    <mergeCell ref="FUK725:FUN725"/>
    <mergeCell ref="FUO725:FUR725"/>
    <mergeCell ref="FTE725:FTH725"/>
    <mergeCell ref="FTI725:FTL725"/>
    <mergeCell ref="FTM725:FTP725"/>
    <mergeCell ref="FTQ725:FTT725"/>
    <mergeCell ref="FTU725:FTX725"/>
    <mergeCell ref="FSK725:FSN725"/>
    <mergeCell ref="FSO725:FSR725"/>
    <mergeCell ref="FSS725:FSV725"/>
    <mergeCell ref="FSW725:FSZ725"/>
    <mergeCell ref="FTA725:FTD725"/>
    <mergeCell ref="FRQ725:FRT725"/>
    <mergeCell ref="FRU725:FRX725"/>
    <mergeCell ref="FRY725:FSB725"/>
    <mergeCell ref="FSC725:FSF725"/>
    <mergeCell ref="FSG725:FSJ725"/>
    <mergeCell ref="FQW725:FQZ725"/>
    <mergeCell ref="FRA725:FRD725"/>
    <mergeCell ref="FRE725:FRH725"/>
    <mergeCell ref="FRI725:FRL725"/>
    <mergeCell ref="FRM725:FRP725"/>
    <mergeCell ref="FQC725:FQF725"/>
    <mergeCell ref="FQG725:FQJ725"/>
    <mergeCell ref="FQK725:FQN725"/>
    <mergeCell ref="FQO725:FQR725"/>
    <mergeCell ref="FQS725:FQV725"/>
    <mergeCell ref="FPI725:FPL725"/>
    <mergeCell ref="FPM725:FPP725"/>
    <mergeCell ref="FPQ725:FPT725"/>
    <mergeCell ref="FPU725:FPX725"/>
    <mergeCell ref="FPY725:FQB725"/>
    <mergeCell ref="FZI725:FZL725"/>
    <mergeCell ref="FZM725:FZP725"/>
    <mergeCell ref="FZQ725:FZT725"/>
    <mergeCell ref="FZU725:FZX725"/>
    <mergeCell ref="FZY725:GAB725"/>
    <mergeCell ref="FYO725:FYR725"/>
    <mergeCell ref="FYS725:FYV725"/>
    <mergeCell ref="FYW725:FYZ725"/>
    <mergeCell ref="FZA725:FZD725"/>
    <mergeCell ref="FZE725:FZH725"/>
    <mergeCell ref="FXU725:FXX725"/>
    <mergeCell ref="FXY725:FYB725"/>
    <mergeCell ref="FYC725:FYF725"/>
    <mergeCell ref="FYG725:FYJ725"/>
    <mergeCell ref="FYK725:FYN725"/>
    <mergeCell ref="FXA725:FXD725"/>
    <mergeCell ref="FXE725:FXH725"/>
    <mergeCell ref="FXI725:FXL725"/>
    <mergeCell ref="FXM725:FXP725"/>
    <mergeCell ref="FXQ725:FXT725"/>
    <mergeCell ref="FWG725:FWJ725"/>
    <mergeCell ref="FWK725:FWN725"/>
    <mergeCell ref="FWO725:FWR725"/>
    <mergeCell ref="FWS725:FWV725"/>
    <mergeCell ref="FWW725:FWZ725"/>
    <mergeCell ref="FVM725:FVP725"/>
    <mergeCell ref="FVQ725:FVT725"/>
    <mergeCell ref="FVU725:FVX725"/>
    <mergeCell ref="FVY725:FWB725"/>
    <mergeCell ref="FWC725:FWF725"/>
    <mergeCell ref="FUS725:FUV725"/>
    <mergeCell ref="FUW725:FUZ725"/>
    <mergeCell ref="FVA725:FVD725"/>
    <mergeCell ref="FVE725:FVH725"/>
    <mergeCell ref="FVI725:FVL725"/>
    <mergeCell ref="GES725:GEV725"/>
    <mergeCell ref="GEW725:GEZ725"/>
    <mergeCell ref="GFA725:GFD725"/>
    <mergeCell ref="GFE725:GFH725"/>
    <mergeCell ref="GFI725:GFL725"/>
    <mergeCell ref="GDY725:GEB725"/>
    <mergeCell ref="GEC725:GEF725"/>
    <mergeCell ref="GEG725:GEJ725"/>
    <mergeCell ref="GEK725:GEN725"/>
    <mergeCell ref="GEO725:GER725"/>
    <mergeCell ref="GDE725:GDH725"/>
    <mergeCell ref="GDI725:GDL725"/>
    <mergeCell ref="GDM725:GDP725"/>
    <mergeCell ref="GDQ725:GDT725"/>
    <mergeCell ref="GDU725:GDX725"/>
    <mergeCell ref="GCK725:GCN725"/>
    <mergeCell ref="GCO725:GCR725"/>
    <mergeCell ref="GCS725:GCV725"/>
    <mergeCell ref="GCW725:GCZ725"/>
    <mergeCell ref="GDA725:GDD725"/>
    <mergeCell ref="GBQ725:GBT725"/>
    <mergeCell ref="GBU725:GBX725"/>
    <mergeCell ref="GBY725:GCB725"/>
    <mergeCell ref="GCC725:GCF725"/>
    <mergeCell ref="GCG725:GCJ725"/>
    <mergeCell ref="GAW725:GAZ725"/>
    <mergeCell ref="GBA725:GBD725"/>
    <mergeCell ref="GBE725:GBH725"/>
    <mergeCell ref="GBI725:GBL725"/>
    <mergeCell ref="GBM725:GBP725"/>
    <mergeCell ref="GAC725:GAF725"/>
    <mergeCell ref="GAG725:GAJ725"/>
    <mergeCell ref="GAK725:GAN725"/>
    <mergeCell ref="GAO725:GAR725"/>
    <mergeCell ref="GAS725:GAV725"/>
    <mergeCell ref="GKC725:GKF725"/>
    <mergeCell ref="GKG725:GKJ725"/>
    <mergeCell ref="GKK725:GKN725"/>
    <mergeCell ref="GKO725:GKR725"/>
    <mergeCell ref="GKS725:GKV725"/>
    <mergeCell ref="GJI725:GJL725"/>
    <mergeCell ref="GJM725:GJP725"/>
    <mergeCell ref="GJQ725:GJT725"/>
    <mergeCell ref="GJU725:GJX725"/>
    <mergeCell ref="GJY725:GKB725"/>
    <mergeCell ref="GIO725:GIR725"/>
    <mergeCell ref="GIS725:GIV725"/>
    <mergeCell ref="GIW725:GIZ725"/>
    <mergeCell ref="GJA725:GJD725"/>
    <mergeCell ref="GJE725:GJH725"/>
    <mergeCell ref="GHU725:GHX725"/>
    <mergeCell ref="GHY725:GIB725"/>
    <mergeCell ref="GIC725:GIF725"/>
    <mergeCell ref="GIG725:GIJ725"/>
    <mergeCell ref="GIK725:GIN725"/>
    <mergeCell ref="GHA725:GHD725"/>
    <mergeCell ref="GHE725:GHH725"/>
    <mergeCell ref="GHI725:GHL725"/>
    <mergeCell ref="GHM725:GHP725"/>
    <mergeCell ref="GHQ725:GHT725"/>
    <mergeCell ref="GGG725:GGJ725"/>
    <mergeCell ref="GGK725:GGN725"/>
    <mergeCell ref="GGO725:GGR725"/>
    <mergeCell ref="GGS725:GGV725"/>
    <mergeCell ref="GGW725:GGZ725"/>
    <mergeCell ref="GFM725:GFP725"/>
    <mergeCell ref="GFQ725:GFT725"/>
    <mergeCell ref="GFU725:GFX725"/>
    <mergeCell ref="GFY725:GGB725"/>
    <mergeCell ref="GGC725:GGF725"/>
    <mergeCell ref="GPM725:GPP725"/>
    <mergeCell ref="GPQ725:GPT725"/>
    <mergeCell ref="GPU725:GPX725"/>
    <mergeCell ref="GPY725:GQB725"/>
    <mergeCell ref="GQC725:GQF725"/>
    <mergeCell ref="GOS725:GOV725"/>
    <mergeCell ref="GOW725:GOZ725"/>
    <mergeCell ref="GPA725:GPD725"/>
    <mergeCell ref="GPE725:GPH725"/>
    <mergeCell ref="GPI725:GPL725"/>
    <mergeCell ref="GNY725:GOB725"/>
    <mergeCell ref="GOC725:GOF725"/>
    <mergeCell ref="GOG725:GOJ725"/>
    <mergeCell ref="GOK725:GON725"/>
    <mergeCell ref="GOO725:GOR725"/>
    <mergeCell ref="GNE725:GNH725"/>
    <mergeCell ref="GNI725:GNL725"/>
    <mergeCell ref="GNM725:GNP725"/>
    <mergeCell ref="GNQ725:GNT725"/>
    <mergeCell ref="GNU725:GNX725"/>
    <mergeCell ref="GMK725:GMN725"/>
    <mergeCell ref="GMO725:GMR725"/>
    <mergeCell ref="GMS725:GMV725"/>
    <mergeCell ref="GMW725:GMZ725"/>
    <mergeCell ref="GNA725:GND725"/>
    <mergeCell ref="GLQ725:GLT725"/>
    <mergeCell ref="GLU725:GLX725"/>
    <mergeCell ref="GLY725:GMB725"/>
    <mergeCell ref="GMC725:GMF725"/>
    <mergeCell ref="GMG725:GMJ725"/>
    <mergeCell ref="GKW725:GKZ725"/>
    <mergeCell ref="GLA725:GLD725"/>
    <mergeCell ref="GLE725:GLH725"/>
    <mergeCell ref="GLI725:GLL725"/>
    <mergeCell ref="GLM725:GLP725"/>
    <mergeCell ref="GUW725:GUZ725"/>
    <mergeCell ref="GVA725:GVD725"/>
    <mergeCell ref="GVE725:GVH725"/>
    <mergeCell ref="GVI725:GVL725"/>
    <mergeCell ref="GVM725:GVP725"/>
    <mergeCell ref="GUC725:GUF725"/>
    <mergeCell ref="GUG725:GUJ725"/>
    <mergeCell ref="GUK725:GUN725"/>
    <mergeCell ref="GUO725:GUR725"/>
    <mergeCell ref="GUS725:GUV725"/>
    <mergeCell ref="GTI725:GTL725"/>
    <mergeCell ref="GTM725:GTP725"/>
    <mergeCell ref="GTQ725:GTT725"/>
    <mergeCell ref="GTU725:GTX725"/>
    <mergeCell ref="GTY725:GUB725"/>
    <mergeCell ref="GSO725:GSR725"/>
    <mergeCell ref="GSS725:GSV725"/>
    <mergeCell ref="GSW725:GSZ725"/>
    <mergeCell ref="GTA725:GTD725"/>
    <mergeCell ref="GTE725:GTH725"/>
    <mergeCell ref="GRU725:GRX725"/>
    <mergeCell ref="GRY725:GSB725"/>
    <mergeCell ref="GSC725:GSF725"/>
    <mergeCell ref="GSG725:GSJ725"/>
    <mergeCell ref="GSK725:GSN725"/>
    <mergeCell ref="GRA725:GRD725"/>
    <mergeCell ref="GRE725:GRH725"/>
    <mergeCell ref="GRI725:GRL725"/>
    <mergeCell ref="GRM725:GRP725"/>
    <mergeCell ref="GRQ725:GRT725"/>
    <mergeCell ref="GQG725:GQJ725"/>
    <mergeCell ref="GQK725:GQN725"/>
    <mergeCell ref="GQO725:GQR725"/>
    <mergeCell ref="GQS725:GQV725"/>
    <mergeCell ref="GQW725:GQZ725"/>
    <mergeCell ref="HAG725:HAJ725"/>
    <mergeCell ref="HAK725:HAN725"/>
    <mergeCell ref="HAO725:HAR725"/>
    <mergeCell ref="HAS725:HAV725"/>
    <mergeCell ref="HAW725:HAZ725"/>
    <mergeCell ref="GZM725:GZP725"/>
    <mergeCell ref="GZQ725:GZT725"/>
    <mergeCell ref="GZU725:GZX725"/>
    <mergeCell ref="GZY725:HAB725"/>
    <mergeCell ref="HAC725:HAF725"/>
    <mergeCell ref="GYS725:GYV725"/>
    <mergeCell ref="GYW725:GYZ725"/>
    <mergeCell ref="GZA725:GZD725"/>
    <mergeCell ref="GZE725:GZH725"/>
    <mergeCell ref="GZI725:GZL725"/>
    <mergeCell ref="GXY725:GYB725"/>
    <mergeCell ref="GYC725:GYF725"/>
    <mergeCell ref="GYG725:GYJ725"/>
    <mergeCell ref="GYK725:GYN725"/>
    <mergeCell ref="GYO725:GYR725"/>
    <mergeCell ref="GXE725:GXH725"/>
    <mergeCell ref="GXI725:GXL725"/>
    <mergeCell ref="GXM725:GXP725"/>
    <mergeCell ref="GXQ725:GXT725"/>
    <mergeCell ref="GXU725:GXX725"/>
    <mergeCell ref="GWK725:GWN725"/>
    <mergeCell ref="GWO725:GWR725"/>
    <mergeCell ref="GWS725:GWV725"/>
    <mergeCell ref="GWW725:GWZ725"/>
    <mergeCell ref="GXA725:GXD725"/>
    <mergeCell ref="GVQ725:GVT725"/>
    <mergeCell ref="GVU725:GVX725"/>
    <mergeCell ref="GVY725:GWB725"/>
    <mergeCell ref="GWC725:GWF725"/>
    <mergeCell ref="GWG725:GWJ725"/>
    <mergeCell ref="HFQ725:HFT725"/>
    <mergeCell ref="HFU725:HFX725"/>
    <mergeCell ref="HFY725:HGB725"/>
    <mergeCell ref="HGC725:HGF725"/>
    <mergeCell ref="HGG725:HGJ725"/>
    <mergeCell ref="HEW725:HEZ725"/>
    <mergeCell ref="HFA725:HFD725"/>
    <mergeCell ref="HFE725:HFH725"/>
    <mergeCell ref="HFI725:HFL725"/>
    <mergeCell ref="HFM725:HFP725"/>
    <mergeCell ref="HEC725:HEF725"/>
    <mergeCell ref="HEG725:HEJ725"/>
    <mergeCell ref="HEK725:HEN725"/>
    <mergeCell ref="HEO725:HER725"/>
    <mergeCell ref="HES725:HEV725"/>
    <mergeCell ref="HDI725:HDL725"/>
    <mergeCell ref="HDM725:HDP725"/>
    <mergeCell ref="HDQ725:HDT725"/>
    <mergeCell ref="HDU725:HDX725"/>
    <mergeCell ref="HDY725:HEB725"/>
    <mergeCell ref="HCO725:HCR725"/>
    <mergeCell ref="HCS725:HCV725"/>
    <mergeCell ref="HCW725:HCZ725"/>
    <mergeCell ref="HDA725:HDD725"/>
    <mergeCell ref="HDE725:HDH725"/>
    <mergeCell ref="HBU725:HBX725"/>
    <mergeCell ref="HBY725:HCB725"/>
    <mergeCell ref="HCC725:HCF725"/>
    <mergeCell ref="HCG725:HCJ725"/>
    <mergeCell ref="HCK725:HCN725"/>
    <mergeCell ref="HBA725:HBD725"/>
    <mergeCell ref="HBE725:HBH725"/>
    <mergeCell ref="HBI725:HBL725"/>
    <mergeCell ref="HBM725:HBP725"/>
    <mergeCell ref="HBQ725:HBT725"/>
    <mergeCell ref="HLA725:HLD725"/>
    <mergeCell ref="HLE725:HLH725"/>
    <mergeCell ref="HLI725:HLL725"/>
    <mergeCell ref="HLM725:HLP725"/>
    <mergeCell ref="HLQ725:HLT725"/>
    <mergeCell ref="HKG725:HKJ725"/>
    <mergeCell ref="HKK725:HKN725"/>
    <mergeCell ref="HKO725:HKR725"/>
    <mergeCell ref="HKS725:HKV725"/>
    <mergeCell ref="HKW725:HKZ725"/>
    <mergeCell ref="HJM725:HJP725"/>
    <mergeCell ref="HJQ725:HJT725"/>
    <mergeCell ref="HJU725:HJX725"/>
    <mergeCell ref="HJY725:HKB725"/>
    <mergeCell ref="HKC725:HKF725"/>
    <mergeCell ref="HIS725:HIV725"/>
    <mergeCell ref="HIW725:HIZ725"/>
    <mergeCell ref="HJA725:HJD725"/>
    <mergeCell ref="HJE725:HJH725"/>
    <mergeCell ref="HJI725:HJL725"/>
    <mergeCell ref="HHY725:HIB725"/>
    <mergeCell ref="HIC725:HIF725"/>
    <mergeCell ref="HIG725:HIJ725"/>
    <mergeCell ref="HIK725:HIN725"/>
    <mergeCell ref="HIO725:HIR725"/>
    <mergeCell ref="HHE725:HHH725"/>
    <mergeCell ref="HHI725:HHL725"/>
    <mergeCell ref="HHM725:HHP725"/>
    <mergeCell ref="HHQ725:HHT725"/>
    <mergeCell ref="HHU725:HHX725"/>
    <mergeCell ref="HGK725:HGN725"/>
    <mergeCell ref="HGO725:HGR725"/>
    <mergeCell ref="HGS725:HGV725"/>
    <mergeCell ref="HGW725:HGZ725"/>
    <mergeCell ref="HHA725:HHD725"/>
    <mergeCell ref="HQK725:HQN725"/>
    <mergeCell ref="HQO725:HQR725"/>
    <mergeCell ref="HQS725:HQV725"/>
    <mergeCell ref="HQW725:HQZ725"/>
    <mergeCell ref="HRA725:HRD725"/>
    <mergeCell ref="HPQ725:HPT725"/>
    <mergeCell ref="HPU725:HPX725"/>
    <mergeCell ref="HPY725:HQB725"/>
    <mergeCell ref="HQC725:HQF725"/>
    <mergeCell ref="HQG725:HQJ725"/>
    <mergeCell ref="HOW725:HOZ725"/>
    <mergeCell ref="HPA725:HPD725"/>
    <mergeCell ref="HPE725:HPH725"/>
    <mergeCell ref="HPI725:HPL725"/>
    <mergeCell ref="HPM725:HPP725"/>
    <mergeCell ref="HOC725:HOF725"/>
    <mergeCell ref="HOG725:HOJ725"/>
    <mergeCell ref="HOK725:HON725"/>
    <mergeCell ref="HOO725:HOR725"/>
    <mergeCell ref="HOS725:HOV725"/>
    <mergeCell ref="HNI725:HNL725"/>
    <mergeCell ref="HNM725:HNP725"/>
    <mergeCell ref="HNQ725:HNT725"/>
    <mergeCell ref="HNU725:HNX725"/>
    <mergeCell ref="HNY725:HOB725"/>
    <mergeCell ref="HMO725:HMR725"/>
    <mergeCell ref="HMS725:HMV725"/>
    <mergeCell ref="HMW725:HMZ725"/>
    <mergeCell ref="HNA725:HND725"/>
    <mergeCell ref="HNE725:HNH725"/>
    <mergeCell ref="HLU725:HLX725"/>
    <mergeCell ref="HLY725:HMB725"/>
    <mergeCell ref="HMC725:HMF725"/>
    <mergeCell ref="HMG725:HMJ725"/>
    <mergeCell ref="HMK725:HMN725"/>
    <mergeCell ref="HVU725:HVX725"/>
    <mergeCell ref="HVY725:HWB725"/>
    <mergeCell ref="HWC725:HWF725"/>
    <mergeCell ref="HWG725:HWJ725"/>
    <mergeCell ref="HWK725:HWN725"/>
    <mergeCell ref="HVA725:HVD725"/>
    <mergeCell ref="HVE725:HVH725"/>
    <mergeCell ref="HVI725:HVL725"/>
    <mergeCell ref="HVM725:HVP725"/>
    <mergeCell ref="HVQ725:HVT725"/>
    <mergeCell ref="HUG725:HUJ725"/>
    <mergeCell ref="HUK725:HUN725"/>
    <mergeCell ref="HUO725:HUR725"/>
    <mergeCell ref="HUS725:HUV725"/>
    <mergeCell ref="HUW725:HUZ725"/>
    <mergeCell ref="HTM725:HTP725"/>
    <mergeCell ref="HTQ725:HTT725"/>
    <mergeCell ref="HTU725:HTX725"/>
    <mergeCell ref="HTY725:HUB725"/>
    <mergeCell ref="HUC725:HUF725"/>
    <mergeCell ref="HSS725:HSV725"/>
    <mergeCell ref="HSW725:HSZ725"/>
    <mergeCell ref="HTA725:HTD725"/>
    <mergeCell ref="HTE725:HTH725"/>
    <mergeCell ref="HTI725:HTL725"/>
    <mergeCell ref="HRY725:HSB725"/>
    <mergeCell ref="HSC725:HSF725"/>
    <mergeCell ref="HSG725:HSJ725"/>
    <mergeCell ref="HSK725:HSN725"/>
    <mergeCell ref="HSO725:HSR725"/>
    <mergeCell ref="HRE725:HRH725"/>
    <mergeCell ref="HRI725:HRL725"/>
    <mergeCell ref="HRM725:HRP725"/>
    <mergeCell ref="HRQ725:HRT725"/>
    <mergeCell ref="HRU725:HRX725"/>
    <mergeCell ref="IBE725:IBH725"/>
    <mergeCell ref="IBI725:IBL725"/>
    <mergeCell ref="IBM725:IBP725"/>
    <mergeCell ref="IBQ725:IBT725"/>
    <mergeCell ref="IBU725:IBX725"/>
    <mergeCell ref="IAK725:IAN725"/>
    <mergeCell ref="IAO725:IAR725"/>
    <mergeCell ref="IAS725:IAV725"/>
    <mergeCell ref="IAW725:IAZ725"/>
    <mergeCell ref="IBA725:IBD725"/>
    <mergeCell ref="HZQ725:HZT725"/>
    <mergeCell ref="HZU725:HZX725"/>
    <mergeCell ref="HZY725:IAB725"/>
    <mergeCell ref="IAC725:IAF725"/>
    <mergeCell ref="IAG725:IAJ725"/>
    <mergeCell ref="HYW725:HYZ725"/>
    <mergeCell ref="HZA725:HZD725"/>
    <mergeCell ref="HZE725:HZH725"/>
    <mergeCell ref="HZI725:HZL725"/>
    <mergeCell ref="HZM725:HZP725"/>
    <mergeCell ref="HYC725:HYF725"/>
    <mergeCell ref="HYG725:HYJ725"/>
    <mergeCell ref="HYK725:HYN725"/>
    <mergeCell ref="HYO725:HYR725"/>
    <mergeCell ref="HYS725:HYV725"/>
    <mergeCell ref="HXI725:HXL725"/>
    <mergeCell ref="HXM725:HXP725"/>
    <mergeCell ref="HXQ725:HXT725"/>
    <mergeCell ref="HXU725:HXX725"/>
    <mergeCell ref="HXY725:HYB725"/>
    <mergeCell ref="HWO725:HWR725"/>
    <mergeCell ref="HWS725:HWV725"/>
    <mergeCell ref="HWW725:HWZ725"/>
    <mergeCell ref="HXA725:HXD725"/>
    <mergeCell ref="HXE725:HXH725"/>
    <mergeCell ref="IGO725:IGR725"/>
    <mergeCell ref="IGS725:IGV725"/>
    <mergeCell ref="IGW725:IGZ725"/>
    <mergeCell ref="IHA725:IHD725"/>
    <mergeCell ref="IHE725:IHH725"/>
    <mergeCell ref="IFU725:IFX725"/>
    <mergeCell ref="IFY725:IGB725"/>
    <mergeCell ref="IGC725:IGF725"/>
    <mergeCell ref="IGG725:IGJ725"/>
    <mergeCell ref="IGK725:IGN725"/>
    <mergeCell ref="IFA725:IFD725"/>
    <mergeCell ref="IFE725:IFH725"/>
    <mergeCell ref="IFI725:IFL725"/>
    <mergeCell ref="IFM725:IFP725"/>
    <mergeCell ref="IFQ725:IFT725"/>
    <mergeCell ref="IEG725:IEJ725"/>
    <mergeCell ref="IEK725:IEN725"/>
    <mergeCell ref="IEO725:IER725"/>
    <mergeCell ref="IES725:IEV725"/>
    <mergeCell ref="IEW725:IEZ725"/>
    <mergeCell ref="IDM725:IDP725"/>
    <mergeCell ref="IDQ725:IDT725"/>
    <mergeCell ref="IDU725:IDX725"/>
    <mergeCell ref="IDY725:IEB725"/>
    <mergeCell ref="IEC725:IEF725"/>
    <mergeCell ref="ICS725:ICV725"/>
    <mergeCell ref="ICW725:ICZ725"/>
    <mergeCell ref="IDA725:IDD725"/>
    <mergeCell ref="IDE725:IDH725"/>
    <mergeCell ref="IDI725:IDL725"/>
    <mergeCell ref="IBY725:ICB725"/>
    <mergeCell ref="ICC725:ICF725"/>
    <mergeCell ref="ICG725:ICJ725"/>
    <mergeCell ref="ICK725:ICN725"/>
    <mergeCell ref="ICO725:ICR725"/>
    <mergeCell ref="ILY725:IMB725"/>
    <mergeCell ref="IMC725:IMF725"/>
    <mergeCell ref="IMG725:IMJ725"/>
    <mergeCell ref="IMK725:IMN725"/>
    <mergeCell ref="IMO725:IMR725"/>
    <mergeCell ref="ILE725:ILH725"/>
    <mergeCell ref="ILI725:ILL725"/>
    <mergeCell ref="ILM725:ILP725"/>
    <mergeCell ref="ILQ725:ILT725"/>
    <mergeCell ref="ILU725:ILX725"/>
    <mergeCell ref="IKK725:IKN725"/>
    <mergeCell ref="IKO725:IKR725"/>
    <mergeCell ref="IKS725:IKV725"/>
    <mergeCell ref="IKW725:IKZ725"/>
    <mergeCell ref="ILA725:ILD725"/>
    <mergeCell ref="IJQ725:IJT725"/>
    <mergeCell ref="IJU725:IJX725"/>
    <mergeCell ref="IJY725:IKB725"/>
    <mergeCell ref="IKC725:IKF725"/>
    <mergeCell ref="IKG725:IKJ725"/>
    <mergeCell ref="IIW725:IIZ725"/>
    <mergeCell ref="IJA725:IJD725"/>
    <mergeCell ref="IJE725:IJH725"/>
    <mergeCell ref="IJI725:IJL725"/>
    <mergeCell ref="IJM725:IJP725"/>
    <mergeCell ref="IIC725:IIF725"/>
    <mergeCell ref="IIG725:IIJ725"/>
    <mergeCell ref="IIK725:IIN725"/>
    <mergeCell ref="IIO725:IIR725"/>
    <mergeCell ref="IIS725:IIV725"/>
    <mergeCell ref="IHI725:IHL725"/>
    <mergeCell ref="IHM725:IHP725"/>
    <mergeCell ref="IHQ725:IHT725"/>
    <mergeCell ref="IHU725:IHX725"/>
    <mergeCell ref="IHY725:IIB725"/>
    <mergeCell ref="IRI725:IRL725"/>
    <mergeCell ref="IRM725:IRP725"/>
    <mergeCell ref="IRQ725:IRT725"/>
    <mergeCell ref="IRU725:IRX725"/>
    <mergeCell ref="IRY725:ISB725"/>
    <mergeCell ref="IQO725:IQR725"/>
    <mergeCell ref="IQS725:IQV725"/>
    <mergeCell ref="IQW725:IQZ725"/>
    <mergeCell ref="IRA725:IRD725"/>
    <mergeCell ref="IRE725:IRH725"/>
    <mergeCell ref="IPU725:IPX725"/>
    <mergeCell ref="IPY725:IQB725"/>
    <mergeCell ref="IQC725:IQF725"/>
    <mergeCell ref="IQG725:IQJ725"/>
    <mergeCell ref="IQK725:IQN725"/>
    <mergeCell ref="IPA725:IPD725"/>
    <mergeCell ref="IPE725:IPH725"/>
    <mergeCell ref="IPI725:IPL725"/>
    <mergeCell ref="IPM725:IPP725"/>
    <mergeCell ref="IPQ725:IPT725"/>
    <mergeCell ref="IOG725:IOJ725"/>
    <mergeCell ref="IOK725:ION725"/>
    <mergeCell ref="IOO725:IOR725"/>
    <mergeCell ref="IOS725:IOV725"/>
    <mergeCell ref="IOW725:IOZ725"/>
    <mergeCell ref="INM725:INP725"/>
    <mergeCell ref="INQ725:INT725"/>
    <mergeCell ref="INU725:INX725"/>
    <mergeCell ref="INY725:IOB725"/>
    <mergeCell ref="IOC725:IOF725"/>
    <mergeCell ref="IMS725:IMV725"/>
    <mergeCell ref="IMW725:IMZ725"/>
    <mergeCell ref="INA725:IND725"/>
    <mergeCell ref="INE725:INH725"/>
    <mergeCell ref="INI725:INL725"/>
    <mergeCell ref="IWS725:IWV725"/>
    <mergeCell ref="IWW725:IWZ725"/>
    <mergeCell ref="IXA725:IXD725"/>
    <mergeCell ref="IXE725:IXH725"/>
    <mergeCell ref="IXI725:IXL725"/>
    <mergeCell ref="IVY725:IWB725"/>
    <mergeCell ref="IWC725:IWF725"/>
    <mergeCell ref="IWG725:IWJ725"/>
    <mergeCell ref="IWK725:IWN725"/>
    <mergeCell ref="IWO725:IWR725"/>
    <mergeCell ref="IVE725:IVH725"/>
    <mergeCell ref="IVI725:IVL725"/>
    <mergeCell ref="IVM725:IVP725"/>
    <mergeCell ref="IVQ725:IVT725"/>
    <mergeCell ref="IVU725:IVX725"/>
    <mergeCell ref="IUK725:IUN725"/>
    <mergeCell ref="IUO725:IUR725"/>
    <mergeCell ref="IUS725:IUV725"/>
    <mergeCell ref="IUW725:IUZ725"/>
    <mergeCell ref="IVA725:IVD725"/>
    <mergeCell ref="ITQ725:ITT725"/>
    <mergeCell ref="ITU725:ITX725"/>
    <mergeCell ref="ITY725:IUB725"/>
    <mergeCell ref="IUC725:IUF725"/>
    <mergeCell ref="IUG725:IUJ725"/>
    <mergeCell ref="ISW725:ISZ725"/>
    <mergeCell ref="ITA725:ITD725"/>
    <mergeCell ref="ITE725:ITH725"/>
    <mergeCell ref="ITI725:ITL725"/>
    <mergeCell ref="ITM725:ITP725"/>
    <mergeCell ref="ISC725:ISF725"/>
    <mergeCell ref="ISG725:ISJ725"/>
    <mergeCell ref="ISK725:ISN725"/>
    <mergeCell ref="ISO725:ISR725"/>
    <mergeCell ref="ISS725:ISV725"/>
    <mergeCell ref="JCC725:JCF725"/>
    <mergeCell ref="JCG725:JCJ725"/>
    <mergeCell ref="JCK725:JCN725"/>
    <mergeCell ref="JCO725:JCR725"/>
    <mergeCell ref="JCS725:JCV725"/>
    <mergeCell ref="JBI725:JBL725"/>
    <mergeCell ref="JBM725:JBP725"/>
    <mergeCell ref="JBQ725:JBT725"/>
    <mergeCell ref="JBU725:JBX725"/>
    <mergeCell ref="JBY725:JCB725"/>
    <mergeCell ref="JAO725:JAR725"/>
    <mergeCell ref="JAS725:JAV725"/>
    <mergeCell ref="JAW725:JAZ725"/>
    <mergeCell ref="JBA725:JBD725"/>
    <mergeCell ref="JBE725:JBH725"/>
    <mergeCell ref="IZU725:IZX725"/>
    <mergeCell ref="IZY725:JAB725"/>
    <mergeCell ref="JAC725:JAF725"/>
    <mergeCell ref="JAG725:JAJ725"/>
    <mergeCell ref="JAK725:JAN725"/>
    <mergeCell ref="IZA725:IZD725"/>
    <mergeCell ref="IZE725:IZH725"/>
    <mergeCell ref="IZI725:IZL725"/>
    <mergeCell ref="IZM725:IZP725"/>
    <mergeCell ref="IZQ725:IZT725"/>
    <mergeCell ref="IYG725:IYJ725"/>
    <mergeCell ref="IYK725:IYN725"/>
    <mergeCell ref="IYO725:IYR725"/>
    <mergeCell ref="IYS725:IYV725"/>
    <mergeCell ref="IYW725:IYZ725"/>
    <mergeCell ref="IXM725:IXP725"/>
    <mergeCell ref="IXQ725:IXT725"/>
    <mergeCell ref="IXU725:IXX725"/>
    <mergeCell ref="IXY725:IYB725"/>
    <mergeCell ref="IYC725:IYF725"/>
    <mergeCell ref="JHM725:JHP725"/>
    <mergeCell ref="JHQ725:JHT725"/>
    <mergeCell ref="JHU725:JHX725"/>
    <mergeCell ref="JHY725:JIB725"/>
    <mergeCell ref="JIC725:JIF725"/>
    <mergeCell ref="JGS725:JGV725"/>
    <mergeCell ref="JGW725:JGZ725"/>
    <mergeCell ref="JHA725:JHD725"/>
    <mergeCell ref="JHE725:JHH725"/>
    <mergeCell ref="JHI725:JHL725"/>
    <mergeCell ref="JFY725:JGB725"/>
    <mergeCell ref="JGC725:JGF725"/>
    <mergeCell ref="JGG725:JGJ725"/>
    <mergeCell ref="JGK725:JGN725"/>
    <mergeCell ref="JGO725:JGR725"/>
    <mergeCell ref="JFE725:JFH725"/>
    <mergeCell ref="JFI725:JFL725"/>
    <mergeCell ref="JFM725:JFP725"/>
    <mergeCell ref="JFQ725:JFT725"/>
    <mergeCell ref="JFU725:JFX725"/>
    <mergeCell ref="JEK725:JEN725"/>
    <mergeCell ref="JEO725:JER725"/>
    <mergeCell ref="JES725:JEV725"/>
    <mergeCell ref="JEW725:JEZ725"/>
    <mergeCell ref="JFA725:JFD725"/>
    <mergeCell ref="JDQ725:JDT725"/>
    <mergeCell ref="JDU725:JDX725"/>
    <mergeCell ref="JDY725:JEB725"/>
    <mergeCell ref="JEC725:JEF725"/>
    <mergeCell ref="JEG725:JEJ725"/>
    <mergeCell ref="JCW725:JCZ725"/>
    <mergeCell ref="JDA725:JDD725"/>
    <mergeCell ref="JDE725:JDH725"/>
    <mergeCell ref="JDI725:JDL725"/>
    <mergeCell ref="JDM725:JDP725"/>
    <mergeCell ref="JMW725:JMZ725"/>
    <mergeCell ref="JNA725:JND725"/>
    <mergeCell ref="JNE725:JNH725"/>
    <mergeCell ref="JNI725:JNL725"/>
    <mergeCell ref="JNM725:JNP725"/>
    <mergeCell ref="JMC725:JMF725"/>
    <mergeCell ref="JMG725:JMJ725"/>
    <mergeCell ref="JMK725:JMN725"/>
    <mergeCell ref="JMO725:JMR725"/>
    <mergeCell ref="JMS725:JMV725"/>
    <mergeCell ref="JLI725:JLL725"/>
    <mergeCell ref="JLM725:JLP725"/>
    <mergeCell ref="JLQ725:JLT725"/>
    <mergeCell ref="JLU725:JLX725"/>
    <mergeCell ref="JLY725:JMB725"/>
    <mergeCell ref="JKO725:JKR725"/>
    <mergeCell ref="JKS725:JKV725"/>
    <mergeCell ref="JKW725:JKZ725"/>
    <mergeCell ref="JLA725:JLD725"/>
    <mergeCell ref="JLE725:JLH725"/>
    <mergeCell ref="JJU725:JJX725"/>
    <mergeCell ref="JJY725:JKB725"/>
    <mergeCell ref="JKC725:JKF725"/>
    <mergeCell ref="JKG725:JKJ725"/>
    <mergeCell ref="JKK725:JKN725"/>
    <mergeCell ref="JJA725:JJD725"/>
    <mergeCell ref="JJE725:JJH725"/>
    <mergeCell ref="JJI725:JJL725"/>
    <mergeCell ref="JJM725:JJP725"/>
    <mergeCell ref="JJQ725:JJT725"/>
    <mergeCell ref="JIG725:JIJ725"/>
    <mergeCell ref="JIK725:JIN725"/>
    <mergeCell ref="JIO725:JIR725"/>
    <mergeCell ref="JIS725:JIV725"/>
    <mergeCell ref="JIW725:JIZ725"/>
    <mergeCell ref="JSG725:JSJ725"/>
    <mergeCell ref="JSK725:JSN725"/>
    <mergeCell ref="JSO725:JSR725"/>
    <mergeCell ref="JSS725:JSV725"/>
    <mergeCell ref="JSW725:JSZ725"/>
    <mergeCell ref="JRM725:JRP725"/>
    <mergeCell ref="JRQ725:JRT725"/>
    <mergeCell ref="JRU725:JRX725"/>
    <mergeCell ref="JRY725:JSB725"/>
    <mergeCell ref="JSC725:JSF725"/>
    <mergeCell ref="JQS725:JQV725"/>
    <mergeCell ref="JQW725:JQZ725"/>
    <mergeCell ref="JRA725:JRD725"/>
    <mergeCell ref="JRE725:JRH725"/>
    <mergeCell ref="JRI725:JRL725"/>
    <mergeCell ref="JPY725:JQB725"/>
    <mergeCell ref="JQC725:JQF725"/>
    <mergeCell ref="JQG725:JQJ725"/>
    <mergeCell ref="JQK725:JQN725"/>
    <mergeCell ref="JQO725:JQR725"/>
    <mergeCell ref="JPE725:JPH725"/>
    <mergeCell ref="JPI725:JPL725"/>
    <mergeCell ref="JPM725:JPP725"/>
    <mergeCell ref="JPQ725:JPT725"/>
    <mergeCell ref="JPU725:JPX725"/>
    <mergeCell ref="JOK725:JON725"/>
    <mergeCell ref="JOO725:JOR725"/>
    <mergeCell ref="JOS725:JOV725"/>
    <mergeCell ref="JOW725:JOZ725"/>
    <mergeCell ref="JPA725:JPD725"/>
    <mergeCell ref="JNQ725:JNT725"/>
    <mergeCell ref="JNU725:JNX725"/>
    <mergeCell ref="JNY725:JOB725"/>
    <mergeCell ref="JOC725:JOF725"/>
    <mergeCell ref="JOG725:JOJ725"/>
    <mergeCell ref="JXQ725:JXT725"/>
    <mergeCell ref="JXU725:JXX725"/>
    <mergeCell ref="JXY725:JYB725"/>
    <mergeCell ref="JYC725:JYF725"/>
    <mergeCell ref="JYG725:JYJ725"/>
    <mergeCell ref="JWW725:JWZ725"/>
    <mergeCell ref="JXA725:JXD725"/>
    <mergeCell ref="JXE725:JXH725"/>
    <mergeCell ref="JXI725:JXL725"/>
    <mergeCell ref="JXM725:JXP725"/>
    <mergeCell ref="JWC725:JWF725"/>
    <mergeCell ref="JWG725:JWJ725"/>
    <mergeCell ref="JWK725:JWN725"/>
    <mergeCell ref="JWO725:JWR725"/>
    <mergeCell ref="JWS725:JWV725"/>
    <mergeCell ref="JVI725:JVL725"/>
    <mergeCell ref="JVM725:JVP725"/>
    <mergeCell ref="JVQ725:JVT725"/>
    <mergeCell ref="JVU725:JVX725"/>
    <mergeCell ref="JVY725:JWB725"/>
    <mergeCell ref="JUO725:JUR725"/>
    <mergeCell ref="JUS725:JUV725"/>
    <mergeCell ref="JUW725:JUZ725"/>
    <mergeCell ref="JVA725:JVD725"/>
    <mergeCell ref="JVE725:JVH725"/>
    <mergeCell ref="JTU725:JTX725"/>
    <mergeCell ref="JTY725:JUB725"/>
    <mergeCell ref="JUC725:JUF725"/>
    <mergeCell ref="JUG725:JUJ725"/>
    <mergeCell ref="JUK725:JUN725"/>
    <mergeCell ref="JTA725:JTD725"/>
    <mergeCell ref="JTE725:JTH725"/>
    <mergeCell ref="JTI725:JTL725"/>
    <mergeCell ref="JTM725:JTP725"/>
    <mergeCell ref="JTQ725:JTT725"/>
    <mergeCell ref="KDA725:KDD725"/>
    <mergeCell ref="KDE725:KDH725"/>
    <mergeCell ref="KDI725:KDL725"/>
    <mergeCell ref="KDM725:KDP725"/>
    <mergeCell ref="KDQ725:KDT725"/>
    <mergeCell ref="KCG725:KCJ725"/>
    <mergeCell ref="KCK725:KCN725"/>
    <mergeCell ref="KCO725:KCR725"/>
    <mergeCell ref="KCS725:KCV725"/>
    <mergeCell ref="KCW725:KCZ725"/>
    <mergeCell ref="KBM725:KBP725"/>
    <mergeCell ref="KBQ725:KBT725"/>
    <mergeCell ref="KBU725:KBX725"/>
    <mergeCell ref="KBY725:KCB725"/>
    <mergeCell ref="KCC725:KCF725"/>
    <mergeCell ref="KAS725:KAV725"/>
    <mergeCell ref="KAW725:KAZ725"/>
    <mergeCell ref="KBA725:KBD725"/>
    <mergeCell ref="KBE725:KBH725"/>
    <mergeCell ref="KBI725:KBL725"/>
    <mergeCell ref="JZY725:KAB725"/>
    <mergeCell ref="KAC725:KAF725"/>
    <mergeCell ref="KAG725:KAJ725"/>
    <mergeCell ref="KAK725:KAN725"/>
    <mergeCell ref="KAO725:KAR725"/>
    <mergeCell ref="JZE725:JZH725"/>
    <mergeCell ref="JZI725:JZL725"/>
    <mergeCell ref="JZM725:JZP725"/>
    <mergeCell ref="JZQ725:JZT725"/>
    <mergeCell ref="JZU725:JZX725"/>
    <mergeCell ref="JYK725:JYN725"/>
    <mergeCell ref="JYO725:JYR725"/>
    <mergeCell ref="JYS725:JYV725"/>
    <mergeCell ref="JYW725:JYZ725"/>
    <mergeCell ref="JZA725:JZD725"/>
    <mergeCell ref="KIK725:KIN725"/>
    <mergeCell ref="KIO725:KIR725"/>
    <mergeCell ref="KIS725:KIV725"/>
    <mergeCell ref="KIW725:KIZ725"/>
    <mergeCell ref="KJA725:KJD725"/>
    <mergeCell ref="KHQ725:KHT725"/>
    <mergeCell ref="KHU725:KHX725"/>
    <mergeCell ref="KHY725:KIB725"/>
    <mergeCell ref="KIC725:KIF725"/>
    <mergeCell ref="KIG725:KIJ725"/>
    <mergeCell ref="KGW725:KGZ725"/>
    <mergeCell ref="KHA725:KHD725"/>
    <mergeCell ref="KHE725:KHH725"/>
    <mergeCell ref="KHI725:KHL725"/>
    <mergeCell ref="KHM725:KHP725"/>
    <mergeCell ref="KGC725:KGF725"/>
    <mergeCell ref="KGG725:KGJ725"/>
    <mergeCell ref="KGK725:KGN725"/>
    <mergeCell ref="KGO725:KGR725"/>
    <mergeCell ref="KGS725:KGV725"/>
    <mergeCell ref="KFI725:KFL725"/>
    <mergeCell ref="KFM725:KFP725"/>
    <mergeCell ref="KFQ725:KFT725"/>
    <mergeCell ref="KFU725:KFX725"/>
    <mergeCell ref="KFY725:KGB725"/>
    <mergeCell ref="KEO725:KER725"/>
    <mergeCell ref="KES725:KEV725"/>
    <mergeCell ref="KEW725:KEZ725"/>
    <mergeCell ref="KFA725:KFD725"/>
    <mergeCell ref="KFE725:KFH725"/>
    <mergeCell ref="KDU725:KDX725"/>
    <mergeCell ref="KDY725:KEB725"/>
    <mergeCell ref="KEC725:KEF725"/>
    <mergeCell ref="KEG725:KEJ725"/>
    <mergeCell ref="KEK725:KEN725"/>
    <mergeCell ref="KNU725:KNX725"/>
    <mergeCell ref="KNY725:KOB725"/>
    <mergeCell ref="KOC725:KOF725"/>
    <mergeCell ref="KOG725:KOJ725"/>
    <mergeCell ref="KOK725:KON725"/>
    <mergeCell ref="KNA725:KND725"/>
    <mergeCell ref="KNE725:KNH725"/>
    <mergeCell ref="KNI725:KNL725"/>
    <mergeCell ref="KNM725:KNP725"/>
    <mergeCell ref="KNQ725:KNT725"/>
    <mergeCell ref="KMG725:KMJ725"/>
    <mergeCell ref="KMK725:KMN725"/>
    <mergeCell ref="KMO725:KMR725"/>
    <mergeCell ref="KMS725:KMV725"/>
    <mergeCell ref="KMW725:KMZ725"/>
    <mergeCell ref="KLM725:KLP725"/>
    <mergeCell ref="KLQ725:KLT725"/>
    <mergeCell ref="KLU725:KLX725"/>
    <mergeCell ref="KLY725:KMB725"/>
    <mergeCell ref="KMC725:KMF725"/>
    <mergeCell ref="KKS725:KKV725"/>
    <mergeCell ref="KKW725:KKZ725"/>
    <mergeCell ref="KLA725:KLD725"/>
    <mergeCell ref="KLE725:KLH725"/>
    <mergeCell ref="KLI725:KLL725"/>
    <mergeCell ref="KJY725:KKB725"/>
    <mergeCell ref="KKC725:KKF725"/>
    <mergeCell ref="KKG725:KKJ725"/>
    <mergeCell ref="KKK725:KKN725"/>
    <mergeCell ref="KKO725:KKR725"/>
    <mergeCell ref="KJE725:KJH725"/>
    <mergeCell ref="KJI725:KJL725"/>
    <mergeCell ref="KJM725:KJP725"/>
    <mergeCell ref="KJQ725:KJT725"/>
    <mergeCell ref="KJU725:KJX725"/>
    <mergeCell ref="KTE725:KTH725"/>
    <mergeCell ref="KTI725:KTL725"/>
    <mergeCell ref="KTM725:KTP725"/>
    <mergeCell ref="KTQ725:KTT725"/>
    <mergeCell ref="KTU725:KTX725"/>
    <mergeCell ref="KSK725:KSN725"/>
    <mergeCell ref="KSO725:KSR725"/>
    <mergeCell ref="KSS725:KSV725"/>
    <mergeCell ref="KSW725:KSZ725"/>
    <mergeCell ref="KTA725:KTD725"/>
    <mergeCell ref="KRQ725:KRT725"/>
    <mergeCell ref="KRU725:KRX725"/>
    <mergeCell ref="KRY725:KSB725"/>
    <mergeCell ref="KSC725:KSF725"/>
    <mergeCell ref="KSG725:KSJ725"/>
    <mergeCell ref="KQW725:KQZ725"/>
    <mergeCell ref="KRA725:KRD725"/>
    <mergeCell ref="KRE725:KRH725"/>
    <mergeCell ref="KRI725:KRL725"/>
    <mergeCell ref="KRM725:KRP725"/>
    <mergeCell ref="KQC725:KQF725"/>
    <mergeCell ref="KQG725:KQJ725"/>
    <mergeCell ref="KQK725:KQN725"/>
    <mergeCell ref="KQO725:KQR725"/>
    <mergeCell ref="KQS725:KQV725"/>
    <mergeCell ref="KPI725:KPL725"/>
    <mergeCell ref="KPM725:KPP725"/>
    <mergeCell ref="KPQ725:KPT725"/>
    <mergeCell ref="KPU725:KPX725"/>
    <mergeCell ref="KPY725:KQB725"/>
    <mergeCell ref="KOO725:KOR725"/>
    <mergeCell ref="KOS725:KOV725"/>
    <mergeCell ref="KOW725:KOZ725"/>
    <mergeCell ref="KPA725:KPD725"/>
    <mergeCell ref="KPE725:KPH725"/>
    <mergeCell ref="KYO725:KYR725"/>
    <mergeCell ref="KYS725:KYV725"/>
    <mergeCell ref="KYW725:KYZ725"/>
    <mergeCell ref="KZA725:KZD725"/>
    <mergeCell ref="KZE725:KZH725"/>
    <mergeCell ref="KXU725:KXX725"/>
    <mergeCell ref="KXY725:KYB725"/>
    <mergeCell ref="KYC725:KYF725"/>
    <mergeCell ref="KYG725:KYJ725"/>
    <mergeCell ref="KYK725:KYN725"/>
    <mergeCell ref="KXA725:KXD725"/>
    <mergeCell ref="KXE725:KXH725"/>
    <mergeCell ref="KXI725:KXL725"/>
    <mergeCell ref="KXM725:KXP725"/>
    <mergeCell ref="KXQ725:KXT725"/>
    <mergeCell ref="KWG725:KWJ725"/>
    <mergeCell ref="KWK725:KWN725"/>
    <mergeCell ref="KWO725:KWR725"/>
    <mergeCell ref="KWS725:KWV725"/>
    <mergeCell ref="KWW725:KWZ725"/>
    <mergeCell ref="KVM725:KVP725"/>
    <mergeCell ref="KVQ725:KVT725"/>
    <mergeCell ref="KVU725:KVX725"/>
    <mergeCell ref="KVY725:KWB725"/>
    <mergeCell ref="KWC725:KWF725"/>
    <mergeCell ref="KUS725:KUV725"/>
    <mergeCell ref="KUW725:KUZ725"/>
    <mergeCell ref="KVA725:KVD725"/>
    <mergeCell ref="KVE725:KVH725"/>
    <mergeCell ref="KVI725:KVL725"/>
    <mergeCell ref="KTY725:KUB725"/>
    <mergeCell ref="KUC725:KUF725"/>
    <mergeCell ref="KUG725:KUJ725"/>
    <mergeCell ref="KUK725:KUN725"/>
    <mergeCell ref="KUO725:KUR725"/>
    <mergeCell ref="LDY725:LEB725"/>
    <mergeCell ref="LEC725:LEF725"/>
    <mergeCell ref="LEG725:LEJ725"/>
    <mergeCell ref="LEK725:LEN725"/>
    <mergeCell ref="LEO725:LER725"/>
    <mergeCell ref="LDE725:LDH725"/>
    <mergeCell ref="LDI725:LDL725"/>
    <mergeCell ref="LDM725:LDP725"/>
    <mergeCell ref="LDQ725:LDT725"/>
    <mergeCell ref="LDU725:LDX725"/>
    <mergeCell ref="LCK725:LCN725"/>
    <mergeCell ref="LCO725:LCR725"/>
    <mergeCell ref="LCS725:LCV725"/>
    <mergeCell ref="LCW725:LCZ725"/>
    <mergeCell ref="LDA725:LDD725"/>
    <mergeCell ref="LBQ725:LBT725"/>
    <mergeCell ref="LBU725:LBX725"/>
    <mergeCell ref="LBY725:LCB725"/>
    <mergeCell ref="LCC725:LCF725"/>
    <mergeCell ref="LCG725:LCJ725"/>
    <mergeCell ref="LAW725:LAZ725"/>
    <mergeCell ref="LBA725:LBD725"/>
    <mergeCell ref="LBE725:LBH725"/>
    <mergeCell ref="LBI725:LBL725"/>
    <mergeCell ref="LBM725:LBP725"/>
    <mergeCell ref="LAC725:LAF725"/>
    <mergeCell ref="LAG725:LAJ725"/>
    <mergeCell ref="LAK725:LAN725"/>
    <mergeCell ref="LAO725:LAR725"/>
    <mergeCell ref="LAS725:LAV725"/>
    <mergeCell ref="KZI725:KZL725"/>
    <mergeCell ref="KZM725:KZP725"/>
    <mergeCell ref="KZQ725:KZT725"/>
    <mergeCell ref="KZU725:KZX725"/>
    <mergeCell ref="KZY725:LAB725"/>
    <mergeCell ref="LJI725:LJL725"/>
    <mergeCell ref="LJM725:LJP725"/>
    <mergeCell ref="LJQ725:LJT725"/>
    <mergeCell ref="LJU725:LJX725"/>
    <mergeCell ref="LJY725:LKB725"/>
    <mergeCell ref="LIO725:LIR725"/>
    <mergeCell ref="LIS725:LIV725"/>
    <mergeCell ref="LIW725:LIZ725"/>
    <mergeCell ref="LJA725:LJD725"/>
    <mergeCell ref="LJE725:LJH725"/>
    <mergeCell ref="LHU725:LHX725"/>
    <mergeCell ref="LHY725:LIB725"/>
    <mergeCell ref="LIC725:LIF725"/>
    <mergeCell ref="LIG725:LIJ725"/>
    <mergeCell ref="LIK725:LIN725"/>
    <mergeCell ref="LHA725:LHD725"/>
    <mergeCell ref="LHE725:LHH725"/>
    <mergeCell ref="LHI725:LHL725"/>
    <mergeCell ref="LHM725:LHP725"/>
    <mergeCell ref="LHQ725:LHT725"/>
    <mergeCell ref="LGG725:LGJ725"/>
    <mergeCell ref="LGK725:LGN725"/>
    <mergeCell ref="LGO725:LGR725"/>
    <mergeCell ref="LGS725:LGV725"/>
    <mergeCell ref="LGW725:LGZ725"/>
    <mergeCell ref="LFM725:LFP725"/>
    <mergeCell ref="LFQ725:LFT725"/>
    <mergeCell ref="LFU725:LFX725"/>
    <mergeCell ref="LFY725:LGB725"/>
    <mergeCell ref="LGC725:LGF725"/>
    <mergeCell ref="LES725:LEV725"/>
    <mergeCell ref="LEW725:LEZ725"/>
    <mergeCell ref="LFA725:LFD725"/>
    <mergeCell ref="LFE725:LFH725"/>
    <mergeCell ref="LFI725:LFL725"/>
    <mergeCell ref="LOS725:LOV725"/>
    <mergeCell ref="LOW725:LOZ725"/>
    <mergeCell ref="LPA725:LPD725"/>
    <mergeCell ref="LPE725:LPH725"/>
    <mergeCell ref="LPI725:LPL725"/>
    <mergeCell ref="LNY725:LOB725"/>
    <mergeCell ref="LOC725:LOF725"/>
    <mergeCell ref="LOG725:LOJ725"/>
    <mergeCell ref="LOK725:LON725"/>
    <mergeCell ref="LOO725:LOR725"/>
    <mergeCell ref="LNE725:LNH725"/>
    <mergeCell ref="LNI725:LNL725"/>
    <mergeCell ref="LNM725:LNP725"/>
    <mergeCell ref="LNQ725:LNT725"/>
    <mergeCell ref="LNU725:LNX725"/>
    <mergeCell ref="LMK725:LMN725"/>
    <mergeCell ref="LMO725:LMR725"/>
    <mergeCell ref="LMS725:LMV725"/>
    <mergeCell ref="LMW725:LMZ725"/>
    <mergeCell ref="LNA725:LND725"/>
    <mergeCell ref="LLQ725:LLT725"/>
    <mergeCell ref="LLU725:LLX725"/>
    <mergeCell ref="LLY725:LMB725"/>
    <mergeCell ref="LMC725:LMF725"/>
    <mergeCell ref="LMG725:LMJ725"/>
    <mergeCell ref="LKW725:LKZ725"/>
    <mergeCell ref="LLA725:LLD725"/>
    <mergeCell ref="LLE725:LLH725"/>
    <mergeCell ref="LLI725:LLL725"/>
    <mergeCell ref="LLM725:LLP725"/>
    <mergeCell ref="LKC725:LKF725"/>
    <mergeCell ref="LKG725:LKJ725"/>
    <mergeCell ref="LKK725:LKN725"/>
    <mergeCell ref="LKO725:LKR725"/>
    <mergeCell ref="LKS725:LKV725"/>
    <mergeCell ref="LUC725:LUF725"/>
    <mergeCell ref="LUG725:LUJ725"/>
    <mergeCell ref="LUK725:LUN725"/>
    <mergeCell ref="LUO725:LUR725"/>
    <mergeCell ref="LUS725:LUV725"/>
    <mergeCell ref="LTI725:LTL725"/>
    <mergeCell ref="LTM725:LTP725"/>
    <mergeCell ref="LTQ725:LTT725"/>
    <mergeCell ref="LTU725:LTX725"/>
    <mergeCell ref="LTY725:LUB725"/>
    <mergeCell ref="LSO725:LSR725"/>
    <mergeCell ref="LSS725:LSV725"/>
    <mergeCell ref="LSW725:LSZ725"/>
    <mergeCell ref="LTA725:LTD725"/>
    <mergeCell ref="LTE725:LTH725"/>
    <mergeCell ref="LRU725:LRX725"/>
    <mergeCell ref="LRY725:LSB725"/>
    <mergeCell ref="LSC725:LSF725"/>
    <mergeCell ref="LSG725:LSJ725"/>
    <mergeCell ref="LSK725:LSN725"/>
    <mergeCell ref="LRA725:LRD725"/>
    <mergeCell ref="LRE725:LRH725"/>
    <mergeCell ref="LRI725:LRL725"/>
    <mergeCell ref="LRM725:LRP725"/>
    <mergeCell ref="LRQ725:LRT725"/>
    <mergeCell ref="LQG725:LQJ725"/>
    <mergeCell ref="LQK725:LQN725"/>
    <mergeCell ref="LQO725:LQR725"/>
    <mergeCell ref="LQS725:LQV725"/>
    <mergeCell ref="LQW725:LQZ725"/>
    <mergeCell ref="LPM725:LPP725"/>
    <mergeCell ref="LPQ725:LPT725"/>
    <mergeCell ref="LPU725:LPX725"/>
    <mergeCell ref="LPY725:LQB725"/>
    <mergeCell ref="LQC725:LQF725"/>
    <mergeCell ref="LZM725:LZP725"/>
    <mergeCell ref="LZQ725:LZT725"/>
    <mergeCell ref="LZU725:LZX725"/>
    <mergeCell ref="LZY725:MAB725"/>
    <mergeCell ref="MAC725:MAF725"/>
    <mergeCell ref="LYS725:LYV725"/>
    <mergeCell ref="LYW725:LYZ725"/>
    <mergeCell ref="LZA725:LZD725"/>
    <mergeCell ref="LZE725:LZH725"/>
    <mergeCell ref="LZI725:LZL725"/>
    <mergeCell ref="LXY725:LYB725"/>
    <mergeCell ref="LYC725:LYF725"/>
    <mergeCell ref="LYG725:LYJ725"/>
    <mergeCell ref="LYK725:LYN725"/>
    <mergeCell ref="LYO725:LYR725"/>
    <mergeCell ref="LXE725:LXH725"/>
    <mergeCell ref="LXI725:LXL725"/>
    <mergeCell ref="LXM725:LXP725"/>
    <mergeCell ref="LXQ725:LXT725"/>
    <mergeCell ref="LXU725:LXX725"/>
    <mergeCell ref="LWK725:LWN725"/>
    <mergeCell ref="LWO725:LWR725"/>
    <mergeCell ref="LWS725:LWV725"/>
    <mergeCell ref="LWW725:LWZ725"/>
    <mergeCell ref="LXA725:LXD725"/>
    <mergeCell ref="LVQ725:LVT725"/>
    <mergeCell ref="LVU725:LVX725"/>
    <mergeCell ref="LVY725:LWB725"/>
    <mergeCell ref="LWC725:LWF725"/>
    <mergeCell ref="LWG725:LWJ725"/>
    <mergeCell ref="LUW725:LUZ725"/>
    <mergeCell ref="LVA725:LVD725"/>
    <mergeCell ref="LVE725:LVH725"/>
    <mergeCell ref="LVI725:LVL725"/>
    <mergeCell ref="LVM725:LVP725"/>
    <mergeCell ref="MEW725:MEZ725"/>
    <mergeCell ref="MFA725:MFD725"/>
    <mergeCell ref="MFE725:MFH725"/>
    <mergeCell ref="MFI725:MFL725"/>
    <mergeCell ref="MFM725:MFP725"/>
    <mergeCell ref="MEC725:MEF725"/>
    <mergeCell ref="MEG725:MEJ725"/>
    <mergeCell ref="MEK725:MEN725"/>
    <mergeCell ref="MEO725:MER725"/>
    <mergeCell ref="MES725:MEV725"/>
    <mergeCell ref="MDI725:MDL725"/>
    <mergeCell ref="MDM725:MDP725"/>
    <mergeCell ref="MDQ725:MDT725"/>
    <mergeCell ref="MDU725:MDX725"/>
    <mergeCell ref="MDY725:MEB725"/>
    <mergeCell ref="MCO725:MCR725"/>
    <mergeCell ref="MCS725:MCV725"/>
    <mergeCell ref="MCW725:MCZ725"/>
    <mergeCell ref="MDA725:MDD725"/>
    <mergeCell ref="MDE725:MDH725"/>
    <mergeCell ref="MBU725:MBX725"/>
    <mergeCell ref="MBY725:MCB725"/>
    <mergeCell ref="MCC725:MCF725"/>
    <mergeCell ref="MCG725:MCJ725"/>
    <mergeCell ref="MCK725:MCN725"/>
    <mergeCell ref="MBA725:MBD725"/>
    <mergeCell ref="MBE725:MBH725"/>
    <mergeCell ref="MBI725:MBL725"/>
    <mergeCell ref="MBM725:MBP725"/>
    <mergeCell ref="MBQ725:MBT725"/>
    <mergeCell ref="MAG725:MAJ725"/>
    <mergeCell ref="MAK725:MAN725"/>
    <mergeCell ref="MAO725:MAR725"/>
    <mergeCell ref="MAS725:MAV725"/>
    <mergeCell ref="MAW725:MAZ725"/>
    <mergeCell ref="MKG725:MKJ725"/>
    <mergeCell ref="MKK725:MKN725"/>
    <mergeCell ref="MKO725:MKR725"/>
    <mergeCell ref="MKS725:MKV725"/>
    <mergeCell ref="MKW725:MKZ725"/>
    <mergeCell ref="MJM725:MJP725"/>
    <mergeCell ref="MJQ725:MJT725"/>
    <mergeCell ref="MJU725:MJX725"/>
    <mergeCell ref="MJY725:MKB725"/>
    <mergeCell ref="MKC725:MKF725"/>
    <mergeCell ref="MIS725:MIV725"/>
    <mergeCell ref="MIW725:MIZ725"/>
    <mergeCell ref="MJA725:MJD725"/>
    <mergeCell ref="MJE725:MJH725"/>
    <mergeCell ref="MJI725:MJL725"/>
    <mergeCell ref="MHY725:MIB725"/>
    <mergeCell ref="MIC725:MIF725"/>
    <mergeCell ref="MIG725:MIJ725"/>
    <mergeCell ref="MIK725:MIN725"/>
    <mergeCell ref="MIO725:MIR725"/>
    <mergeCell ref="MHE725:MHH725"/>
    <mergeCell ref="MHI725:MHL725"/>
    <mergeCell ref="MHM725:MHP725"/>
    <mergeCell ref="MHQ725:MHT725"/>
    <mergeCell ref="MHU725:MHX725"/>
    <mergeCell ref="MGK725:MGN725"/>
    <mergeCell ref="MGO725:MGR725"/>
    <mergeCell ref="MGS725:MGV725"/>
    <mergeCell ref="MGW725:MGZ725"/>
    <mergeCell ref="MHA725:MHD725"/>
    <mergeCell ref="MFQ725:MFT725"/>
    <mergeCell ref="MFU725:MFX725"/>
    <mergeCell ref="MFY725:MGB725"/>
    <mergeCell ref="MGC725:MGF725"/>
    <mergeCell ref="MGG725:MGJ725"/>
    <mergeCell ref="MPQ725:MPT725"/>
    <mergeCell ref="MPU725:MPX725"/>
    <mergeCell ref="MPY725:MQB725"/>
    <mergeCell ref="MQC725:MQF725"/>
    <mergeCell ref="MQG725:MQJ725"/>
    <mergeCell ref="MOW725:MOZ725"/>
    <mergeCell ref="MPA725:MPD725"/>
    <mergeCell ref="MPE725:MPH725"/>
    <mergeCell ref="MPI725:MPL725"/>
    <mergeCell ref="MPM725:MPP725"/>
    <mergeCell ref="MOC725:MOF725"/>
    <mergeCell ref="MOG725:MOJ725"/>
    <mergeCell ref="MOK725:MON725"/>
    <mergeCell ref="MOO725:MOR725"/>
    <mergeCell ref="MOS725:MOV725"/>
    <mergeCell ref="MNI725:MNL725"/>
    <mergeCell ref="MNM725:MNP725"/>
    <mergeCell ref="MNQ725:MNT725"/>
    <mergeCell ref="MNU725:MNX725"/>
    <mergeCell ref="MNY725:MOB725"/>
    <mergeCell ref="MMO725:MMR725"/>
    <mergeCell ref="MMS725:MMV725"/>
    <mergeCell ref="MMW725:MMZ725"/>
    <mergeCell ref="MNA725:MND725"/>
    <mergeCell ref="MNE725:MNH725"/>
    <mergeCell ref="MLU725:MLX725"/>
    <mergeCell ref="MLY725:MMB725"/>
    <mergeCell ref="MMC725:MMF725"/>
    <mergeCell ref="MMG725:MMJ725"/>
    <mergeCell ref="MMK725:MMN725"/>
    <mergeCell ref="MLA725:MLD725"/>
    <mergeCell ref="MLE725:MLH725"/>
    <mergeCell ref="MLI725:MLL725"/>
    <mergeCell ref="MLM725:MLP725"/>
    <mergeCell ref="MLQ725:MLT725"/>
    <mergeCell ref="MVA725:MVD725"/>
    <mergeCell ref="MVE725:MVH725"/>
    <mergeCell ref="MVI725:MVL725"/>
    <mergeCell ref="MVM725:MVP725"/>
    <mergeCell ref="MVQ725:MVT725"/>
    <mergeCell ref="MUG725:MUJ725"/>
    <mergeCell ref="MUK725:MUN725"/>
    <mergeCell ref="MUO725:MUR725"/>
    <mergeCell ref="MUS725:MUV725"/>
    <mergeCell ref="MUW725:MUZ725"/>
    <mergeCell ref="MTM725:MTP725"/>
    <mergeCell ref="MTQ725:MTT725"/>
    <mergeCell ref="MTU725:MTX725"/>
    <mergeCell ref="MTY725:MUB725"/>
    <mergeCell ref="MUC725:MUF725"/>
    <mergeCell ref="MSS725:MSV725"/>
    <mergeCell ref="MSW725:MSZ725"/>
    <mergeCell ref="MTA725:MTD725"/>
    <mergeCell ref="MTE725:MTH725"/>
    <mergeCell ref="MTI725:MTL725"/>
    <mergeCell ref="MRY725:MSB725"/>
    <mergeCell ref="MSC725:MSF725"/>
    <mergeCell ref="MSG725:MSJ725"/>
    <mergeCell ref="MSK725:MSN725"/>
    <mergeCell ref="MSO725:MSR725"/>
    <mergeCell ref="MRE725:MRH725"/>
    <mergeCell ref="MRI725:MRL725"/>
    <mergeCell ref="MRM725:MRP725"/>
    <mergeCell ref="MRQ725:MRT725"/>
    <mergeCell ref="MRU725:MRX725"/>
    <mergeCell ref="MQK725:MQN725"/>
    <mergeCell ref="MQO725:MQR725"/>
    <mergeCell ref="MQS725:MQV725"/>
    <mergeCell ref="MQW725:MQZ725"/>
    <mergeCell ref="MRA725:MRD725"/>
    <mergeCell ref="NAK725:NAN725"/>
    <mergeCell ref="NAO725:NAR725"/>
    <mergeCell ref="NAS725:NAV725"/>
    <mergeCell ref="NAW725:NAZ725"/>
    <mergeCell ref="NBA725:NBD725"/>
    <mergeCell ref="MZQ725:MZT725"/>
    <mergeCell ref="MZU725:MZX725"/>
    <mergeCell ref="MZY725:NAB725"/>
    <mergeCell ref="NAC725:NAF725"/>
    <mergeCell ref="NAG725:NAJ725"/>
    <mergeCell ref="MYW725:MYZ725"/>
    <mergeCell ref="MZA725:MZD725"/>
    <mergeCell ref="MZE725:MZH725"/>
    <mergeCell ref="MZI725:MZL725"/>
    <mergeCell ref="MZM725:MZP725"/>
    <mergeCell ref="MYC725:MYF725"/>
    <mergeCell ref="MYG725:MYJ725"/>
    <mergeCell ref="MYK725:MYN725"/>
    <mergeCell ref="MYO725:MYR725"/>
    <mergeCell ref="MYS725:MYV725"/>
    <mergeCell ref="MXI725:MXL725"/>
    <mergeCell ref="MXM725:MXP725"/>
    <mergeCell ref="MXQ725:MXT725"/>
    <mergeCell ref="MXU725:MXX725"/>
    <mergeCell ref="MXY725:MYB725"/>
    <mergeCell ref="MWO725:MWR725"/>
    <mergeCell ref="MWS725:MWV725"/>
    <mergeCell ref="MWW725:MWZ725"/>
    <mergeCell ref="MXA725:MXD725"/>
    <mergeCell ref="MXE725:MXH725"/>
    <mergeCell ref="MVU725:MVX725"/>
    <mergeCell ref="MVY725:MWB725"/>
    <mergeCell ref="MWC725:MWF725"/>
    <mergeCell ref="MWG725:MWJ725"/>
    <mergeCell ref="MWK725:MWN725"/>
    <mergeCell ref="NFU725:NFX725"/>
    <mergeCell ref="NFY725:NGB725"/>
    <mergeCell ref="NGC725:NGF725"/>
    <mergeCell ref="NGG725:NGJ725"/>
    <mergeCell ref="NGK725:NGN725"/>
    <mergeCell ref="NFA725:NFD725"/>
    <mergeCell ref="NFE725:NFH725"/>
    <mergeCell ref="NFI725:NFL725"/>
    <mergeCell ref="NFM725:NFP725"/>
    <mergeCell ref="NFQ725:NFT725"/>
    <mergeCell ref="NEG725:NEJ725"/>
    <mergeCell ref="NEK725:NEN725"/>
    <mergeCell ref="NEO725:NER725"/>
    <mergeCell ref="NES725:NEV725"/>
    <mergeCell ref="NEW725:NEZ725"/>
    <mergeCell ref="NDM725:NDP725"/>
    <mergeCell ref="NDQ725:NDT725"/>
    <mergeCell ref="NDU725:NDX725"/>
    <mergeCell ref="NDY725:NEB725"/>
    <mergeCell ref="NEC725:NEF725"/>
    <mergeCell ref="NCS725:NCV725"/>
    <mergeCell ref="NCW725:NCZ725"/>
    <mergeCell ref="NDA725:NDD725"/>
    <mergeCell ref="NDE725:NDH725"/>
    <mergeCell ref="NDI725:NDL725"/>
    <mergeCell ref="NBY725:NCB725"/>
    <mergeCell ref="NCC725:NCF725"/>
    <mergeCell ref="NCG725:NCJ725"/>
    <mergeCell ref="NCK725:NCN725"/>
    <mergeCell ref="NCO725:NCR725"/>
    <mergeCell ref="NBE725:NBH725"/>
    <mergeCell ref="NBI725:NBL725"/>
    <mergeCell ref="NBM725:NBP725"/>
    <mergeCell ref="NBQ725:NBT725"/>
    <mergeCell ref="NBU725:NBX725"/>
    <mergeCell ref="NLE725:NLH725"/>
    <mergeCell ref="NLI725:NLL725"/>
    <mergeCell ref="NLM725:NLP725"/>
    <mergeCell ref="NLQ725:NLT725"/>
    <mergeCell ref="NLU725:NLX725"/>
    <mergeCell ref="NKK725:NKN725"/>
    <mergeCell ref="NKO725:NKR725"/>
    <mergeCell ref="NKS725:NKV725"/>
    <mergeCell ref="NKW725:NKZ725"/>
    <mergeCell ref="NLA725:NLD725"/>
    <mergeCell ref="NJQ725:NJT725"/>
    <mergeCell ref="NJU725:NJX725"/>
    <mergeCell ref="NJY725:NKB725"/>
    <mergeCell ref="NKC725:NKF725"/>
    <mergeCell ref="NKG725:NKJ725"/>
    <mergeCell ref="NIW725:NIZ725"/>
    <mergeCell ref="NJA725:NJD725"/>
    <mergeCell ref="NJE725:NJH725"/>
    <mergeCell ref="NJI725:NJL725"/>
    <mergeCell ref="NJM725:NJP725"/>
    <mergeCell ref="NIC725:NIF725"/>
    <mergeCell ref="NIG725:NIJ725"/>
    <mergeCell ref="NIK725:NIN725"/>
    <mergeCell ref="NIO725:NIR725"/>
    <mergeCell ref="NIS725:NIV725"/>
    <mergeCell ref="NHI725:NHL725"/>
    <mergeCell ref="NHM725:NHP725"/>
    <mergeCell ref="NHQ725:NHT725"/>
    <mergeCell ref="NHU725:NHX725"/>
    <mergeCell ref="NHY725:NIB725"/>
    <mergeCell ref="NGO725:NGR725"/>
    <mergeCell ref="NGS725:NGV725"/>
    <mergeCell ref="NGW725:NGZ725"/>
    <mergeCell ref="NHA725:NHD725"/>
    <mergeCell ref="NHE725:NHH725"/>
    <mergeCell ref="NQO725:NQR725"/>
    <mergeCell ref="NQS725:NQV725"/>
    <mergeCell ref="NQW725:NQZ725"/>
    <mergeCell ref="NRA725:NRD725"/>
    <mergeCell ref="NRE725:NRH725"/>
    <mergeCell ref="NPU725:NPX725"/>
    <mergeCell ref="NPY725:NQB725"/>
    <mergeCell ref="NQC725:NQF725"/>
    <mergeCell ref="NQG725:NQJ725"/>
    <mergeCell ref="NQK725:NQN725"/>
    <mergeCell ref="NPA725:NPD725"/>
    <mergeCell ref="NPE725:NPH725"/>
    <mergeCell ref="NPI725:NPL725"/>
    <mergeCell ref="NPM725:NPP725"/>
    <mergeCell ref="NPQ725:NPT725"/>
    <mergeCell ref="NOG725:NOJ725"/>
    <mergeCell ref="NOK725:NON725"/>
    <mergeCell ref="NOO725:NOR725"/>
    <mergeCell ref="NOS725:NOV725"/>
    <mergeCell ref="NOW725:NOZ725"/>
    <mergeCell ref="NNM725:NNP725"/>
    <mergeCell ref="NNQ725:NNT725"/>
    <mergeCell ref="NNU725:NNX725"/>
    <mergeCell ref="NNY725:NOB725"/>
    <mergeCell ref="NOC725:NOF725"/>
    <mergeCell ref="NMS725:NMV725"/>
    <mergeCell ref="NMW725:NMZ725"/>
    <mergeCell ref="NNA725:NND725"/>
    <mergeCell ref="NNE725:NNH725"/>
    <mergeCell ref="NNI725:NNL725"/>
    <mergeCell ref="NLY725:NMB725"/>
    <mergeCell ref="NMC725:NMF725"/>
    <mergeCell ref="NMG725:NMJ725"/>
    <mergeCell ref="NMK725:NMN725"/>
    <mergeCell ref="NMO725:NMR725"/>
    <mergeCell ref="NVY725:NWB725"/>
    <mergeCell ref="NWC725:NWF725"/>
    <mergeCell ref="NWG725:NWJ725"/>
    <mergeCell ref="NWK725:NWN725"/>
    <mergeCell ref="NWO725:NWR725"/>
    <mergeCell ref="NVE725:NVH725"/>
    <mergeCell ref="NVI725:NVL725"/>
    <mergeCell ref="NVM725:NVP725"/>
    <mergeCell ref="NVQ725:NVT725"/>
    <mergeCell ref="NVU725:NVX725"/>
    <mergeCell ref="NUK725:NUN725"/>
    <mergeCell ref="NUO725:NUR725"/>
    <mergeCell ref="NUS725:NUV725"/>
    <mergeCell ref="NUW725:NUZ725"/>
    <mergeCell ref="NVA725:NVD725"/>
    <mergeCell ref="NTQ725:NTT725"/>
    <mergeCell ref="NTU725:NTX725"/>
    <mergeCell ref="NTY725:NUB725"/>
    <mergeCell ref="NUC725:NUF725"/>
    <mergeCell ref="NUG725:NUJ725"/>
    <mergeCell ref="NSW725:NSZ725"/>
    <mergeCell ref="NTA725:NTD725"/>
    <mergeCell ref="NTE725:NTH725"/>
    <mergeCell ref="NTI725:NTL725"/>
    <mergeCell ref="NTM725:NTP725"/>
    <mergeCell ref="NSC725:NSF725"/>
    <mergeCell ref="NSG725:NSJ725"/>
    <mergeCell ref="NSK725:NSN725"/>
    <mergeCell ref="NSO725:NSR725"/>
    <mergeCell ref="NSS725:NSV725"/>
    <mergeCell ref="NRI725:NRL725"/>
    <mergeCell ref="NRM725:NRP725"/>
    <mergeCell ref="NRQ725:NRT725"/>
    <mergeCell ref="NRU725:NRX725"/>
    <mergeCell ref="NRY725:NSB725"/>
    <mergeCell ref="OBI725:OBL725"/>
    <mergeCell ref="OBM725:OBP725"/>
    <mergeCell ref="OBQ725:OBT725"/>
    <mergeCell ref="OBU725:OBX725"/>
    <mergeCell ref="OBY725:OCB725"/>
    <mergeCell ref="OAO725:OAR725"/>
    <mergeCell ref="OAS725:OAV725"/>
    <mergeCell ref="OAW725:OAZ725"/>
    <mergeCell ref="OBA725:OBD725"/>
    <mergeCell ref="OBE725:OBH725"/>
    <mergeCell ref="NZU725:NZX725"/>
    <mergeCell ref="NZY725:OAB725"/>
    <mergeCell ref="OAC725:OAF725"/>
    <mergeCell ref="OAG725:OAJ725"/>
    <mergeCell ref="OAK725:OAN725"/>
    <mergeCell ref="NZA725:NZD725"/>
    <mergeCell ref="NZE725:NZH725"/>
    <mergeCell ref="NZI725:NZL725"/>
    <mergeCell ref="NZM725:NZP725"/>
    <mergeCell ref="NZQ725:NZT725"/>
    <mergeCell ref="NYG725:NYJ725"/>
    <mergeCell ref="NYK725:NYN725"/>
    <mergeCell ref="NYO725:NYR725"/>
    <mergeCell ref="NYS725:NYV725"/>
    <mergeCell ref="NYW725:NYZ725"/>
    <mergeCell ref="NXM725:NXP725"/>
    <mergeCell ref="NXQ725:NXT725"/>
    <mergeCell ref="NXU725:NXX725"/>
    <mergeCell ref="NXY725:NYB725"/>
    <mergeCell ref="NYC725:NYF725"/>
    <mergeCell ref="NWS725:NWV725"/>
    <mergeCell ref="NWW725:NWZ725"/>
    <mergeCell ref="NXA725:NXD725"/>
    <mergeCell ref="NXE725:NXH725"/>
    <mergeCell ref="NXI725:NXL725"/>
    <mergeCell ref="OGS725:OGV725"/>
    <mergeCell ref="OGW725:OGZ725"/>
    <mergeCell ref="OHA725:OHD725"/>
    <mergeCell ref="OHE725:OHH725"/>
    <mergeCell ref="OHI725:OHL725"/>
    <mergeCell ref="OFY725:OGB725"/>
    <mergeCell ref="OGC725:OGF725"/>
    <mergeCell ref="OGG725:OGJ725"/>
    <mergeCell ref="OGK725:OGN725"/>
    <mergeCell ref="OGO725:OGR725"/>
    <mergeCell ref="OFE725:OFH725"/>
    <mergeCell ref="OFI725:OFL725"/>
    <mergeCell ref="OFM725:OFP725"/>
    <mergeCell ref="OFQ725:OFT725"/>
    <mergeCell ref="OFU725:OFX725"/>
    <mergeCell ref="OEK725:OEN725"/>
    <mergeCell ref="OEO725:OER725"/>
    <mergeCell ref="OES725:OEV725"/>
    <mergeCell ref="OEW725:OEZ725"/>
    <mergeCell ref="OFA725:OFD725"/>
    <mergeCell ref="ODQ725:ODT725"/>
    <mergeCell ref="ODU725:ODX725"/>
    <mergeCell ref="ODY725:OEB725"/>
    <mergeCell ref="OEC725:OEF725"/>
    <mergeCell ref="OEG725:OEJ725"/>
    <mergeCell ref="OCW725:OCZ725"/>
    <mergeCell ref="ODA725:ODD725"/>
    <mergeCell ref="ODE725:ODH725"/>
    <mergeCell ref="ODI725:ODL725"/>
    <mergeCell ref="ODM725:ODP725"/>
    <mergeCell ref="OCC725:OCF725"/>
    <mergeCell ref="OCG725:OCJ725"/>
    <mergeCell ref="OCK725:OCN725"/>
    <mergeCell ref="OCO725:OCR725"/>
    <mergeCell ref="OCS725:OCV725"/>
    <mergeCell ref="OMC725:OMF725"/>
    <mergeCell ref="OMG725:OMJ725"/>
    <mergeCell ref="OMK725:OMN725"/>
    <mergeCell ref="OMO725:OMR725"/>
    <mergeCell ref="OMS725:OMV725"/>
    <mergeCell ref="OLI725:OLL725"/>
    <mergeCell ref="OLM725:OLP725"/>
    <mergeCell ref="OLQ725:OLT725"/>
    <mergeCell ref="OLU725:OLX725"/>
    <mergeCell ref="OLY725:OMB725"/>
    <mergeCell ref="OKO725:OKR725"/>
    <mergeCell ref="OKS725:OKV725"/>
    <mergeCell ref="OKW725:OKZ725"/>
    <mergeCell ref="OLA725:OLD725"/>
    <mergeCell ref="OLE725:OLH725"/>
    <mergeCell ref="OJU725:OJX725"/>
    <mergeCell ref="OJY725:OKB725"/>
    <mergeCell ref="OKC725:OKF725"/>
    <mergeCell ref="OKG725:OKJ725"/>
    <mergeCell ref="OKK725:OKN725"/>
    <mergeCell ref="OJA725:OJD725"/>
    <mergeCell ref="OJE725:OJH725"/>
    <mergeCell ref="OJI725:OJL725"/>
    <mergeCell ref="OJM725:OJP725"/>
    <mergeCell ref="OJQ725:OJT725"/>
    <mergeCell ref="OIG725:OIJ725"/>
    <mergeCell ref="OIK725:OIN725"/>
    <mergeCell ref="OIO725:OIR725"/>
    <mergeCell ref="OIS725:OIV725"/>
    <mergeCell ref="OIW725:OIZ725"/>
    <mergeCell ref="OHM725:OHP725"/>
    <mergeCell ref="OHQ725:OHT725"/>
    <mergeCell ref="OHU725:OHX725"/>
    <mergeCell ref="OHY725:OIB725"/>
    <mergeCell ref="OIC725:OIF725"/>
    <mergeCell ref="ORM725:ORP725"/>
    <mergeCell ref="ORQ725:ORT725"/>
    <mergeCell ref="ORU725:ORX725"/>
    <mergeCell ref="ORY725:OSB725"/>
    <mergeCell ref="OSC725:OSF725"/>
    <mergeCell ref="OQS725:OQV725"/>
    <mergeCell ref="OQW725:OQZ725"/>
    <mergeCell ref="ORA725:ORD725"/>
    <mergeCell ref="ORE725:ORH725"/>
    <mergeCell ref="ORI725:ORL725"/>
    <mergeCell ref="OPY725:OQB725"/>
    <mergeCell ref="OQC725:OQF725"/>
    <mergeCell ref="OQG725:OQJ725"/>
    <mergeCell ref="OQK725:OQN725"/>
    <mergeCell ref="OQO725:OQR725"/>
    <mergeCell ref="OPE725:OPH725"/>
    <mergeCell ref="OPI725:OPL725"/>
    <mergeCell ref="OPM725:OPP725"/>
    <mergeCell ref="OPQ725:OPT725"/>
    <mergeCell ref="OPU725:OPX725"/>
    <mergeCell ref="OOK725:OON725"/>
    <mergeCell ref="OOO725:OOR725"/>
    <mergeCell ref="OOS725:OOV725"/>
    <mergeCell ref="OOW725:OOZ725"/>
    <mergeCell ref="OPA725:OPD725"/>
    <mergeCell ref="ONQ725:ONT725"/>
    <mergeCell ref="ONU725:ONX725"/>
    <mergeCell ref="ONY725:OOB725"/>
    <mergeCell ref="OOC725:OOF725"/>
    <mergeCell ref="OOG725:OOJ725"/>
    <mergeCell ref="OMW725:OMZ725"/>
    <mergeCell ref="ONA725:OND725"/>
    <mergeCell ref="ONE725:ONH725"/>
    <mergeCell ref="ONI725:ONL725"/>
    <mergeCell ref="ONM725:ONP725"/>
    <mergeCell ref="OWW725:OWZ725"/>
    <mergeCell ref="OXA725:OXD725"/>
    <mergeCell ref="OXE725:OXH725"/>
    <mergeCell ref="OXI725:OXL725"/>
    <mergeCell ref="OXM725:OXP725"/>
    <mergeCell ref="OWC725:OWF725"/>
    <mergeCell ref="OWG725:OWJ725"/>
    <mergeCell ref="OWK725:OWN725"/>
    <mergeCell ref="OWO725:OWR725"/>
    <mergeCell ref="OWS725:OWV725"/>
    <mergeCell ref="OVI725:OVL725"/>
    <mergeCell ref="OVM725:OVP725"/>
    <mergeCell ref="OVQ725:OVT725"/>
    <mergeCell ref="OVU725:OVX725"/>
    <mergeCell ref="OVY725:OWB725"/>
    <mergeCell ref="OUO725:OUR725"/>
    <mergeCell ref="OUS725:OUV725"/>
    <mergeCell ref="OUW725:OUZ725"/>
    <mergeCell ref="OVA725:OVD725"/>
    <mergeCell ref="OVE725:OVH725"/>
    <mergeCell ref="OTU725:OTX725"/>
    <mergeCell ref="OTY725:OUB725"/>
    <mergeCell ref="OUC725:OUF725"/>
    <mergeCell ref="OUG725:OUJ725"/>
    <mergeCell ref="OUK725:OUN725"/>
    <mergeCell ref="OTA725:OTD725"/>
    <mergeCell ref="OTE725:OTH725"/>
    <mergeCell ref="OTI725:OTL725"/>
    <mergeCell ref="OTM725:OTP725"/>
    <mergeCell ref="OTQ725:OTT725"/>
    <mergeCell ref="OSG725:OSJ725"/>
    <mergeCell ref="OSK725:OSN725"/>
    <mergeCell ref="OSO725:OSR725"/>
    <mergeCell ref="OSS725:OSV725"/>
    <mergeCell ref="OSW725:OSZ725"/>
    <mergeCell ref="PCG725:PCJ725"/>
    <mergeCell ref="PCK725:PCN725"/>
    <mergeCell ref="PCO725:PCR725"/>
    <mergeCell ref="PCS725:PCV725"/>
    <mergeCell ref="PCW725:PCZ725"/>
    <mergeCell ref="PBM725:PBP725"/>
    <mergeCell ref="PBQ725:PBT725"/>
    <mergeCell ref="PBU725:PBX725"/>
    <mergeCell ref="PBY725:PCB725"/>
    <mergeCell ref="PCC725:PCF725"/>
    <mergeCell ref="PAS725:PAV725"/>
    <mergeCell ref="PAW725:PAZ725"/>
    <mergeCell ref="PBA725:PBD725"/>
    <mergeCell ref="PBE725:PBH725"/>
    <mergeCell ref="PBI725:PBL725"/>
    <mergeCell ref="OZY725:PAB725"/>
    <mergeCell ref="PAC725:PAF725"/>
    <mergeCell ref="PAG725:PAJ725"/>
    <mergeCell ref="PAK725:PAN725"/>
    <mergeCell ref="PAO725:PAR725"/>
    <mergeCell ref="OZE725:OZH725"/>
    <mergeCell ref="OZI725:OZL725"/>
    <mergeCell ref="OZM725:OZP725"/>
    <mergeCell ref="OZQ725:OZT725"/>
    <mergeCell ref="OZU725:OZX725"/>
    <mergeCell ref="OYK725:OYN725"/>
    <mergeCell ref="OYO725:OYR725"/>
    <mergeCell ref="OYS725:OYV725"/>
    <mergeCell ref="OYW725:OYZ725"/>
    <mergeCell ref="OZA725:OZD725"/>
    <mergeCell ref="OXQ725:OXT725"/>
    <mergeCell ref="OXU725:OXX725"/>
    <mergeCell ref="OXY725:OYB725"/>
    <mergeCell ref="OYC725:OYF725"/>
    <mergeCell ref="OYG725:OYJ725"/>
    <mergeCell ref="PHQ725:PHT725"/>
    <mergeCell ref="PHU725:PHX725"/>
    <mergeCell ref="PHY725:PIB725"/>
    <mergeCell ref="PIC725:PIF725"/>
    <mergeCell ref="PIG725:PIJ725"/>
    <mergeCell ref="PGW725:PGZ725"/>
    <mergeCell ref="PHA725:PHD725"/>
    <mergeCell ref="PHE725:PHH725"/>
    <mergeCell ref="PHI725:PHL725"/>
    <mergeCell ref="PHM725:PHP725"/>
    <mergeCell ref="PGC725:PGF725"/>
    <mergeCell ref="PGG725:PGJ725"/>
    <mergeCell ref="PGK725:PGN725"/>
    <mergeCell ref="PGO725:PGR725"/>
    <mergeCell ref="PGS725:PGV725"/>
    <mergeCell ref="PFI725:PFL725"/>
    <mergeCell ref="PFM725:PFP725"/>
    <mergeCell ref="PFQ725:PFT725"/>
    <mergeCell ref="PFU725:PFX725"/>
    <mergeCell ref="PFY725:PGB725"/>
    <mergeCell ref="PEO725:PER725"/>
    <mergeCell ref="PES725:PEV725"/>
    <mergeCell ref="PEW725:PEZ725"/>
    <mergeCell ref="PFA725:PFD725"/>
    <mergeCell ref="PFE725:PFH725"/>
    <mergeCell ref="PDU725:PDX725"/>
    <mergeCell ref="PDY725:PEB725"/>
    <mergeCell ref="PEC725:PEF725"/>
    <mergeCell ref="PEG725:PEJ725"/>
    <mergeCell ref="PEK725:PEN725"/>
    <mergeCell ref="PDA725:PDD725"/>
    <mergeCell ref="PDE725:PDH725"/>
    <mergeCell ref="PDI725:PDL725"/>
    <mergeCell ref="PDM725:PDP725"/>
    <mergeCell ref="PDQ725:PDT725"/>
    <mergeCell ref="PNA725:PND725"/>
    <mergeCell ref="PNE725:PNH725"/>
    <mergeCell ref="PNI725:PNL725"/>
    <mergeCell ref="PNM725:PNP725"/>
    <mergeCell ref="PNQ725:PNT725"/>
    <mergeCell ref="PMG725:PMJ725"/>
    <mergeCell ref="PMK725:PMN725"/>
    <mergeCell ref="PMO725:PMR725"/>
    <mergeCell ref="PMS725:PMV725"/>
    <mergeCell ref="PMW725:PMZ725"/>
    <mergeCell ref="PLM725:PLP725"/>
    <mergeCell ref="PLQ725:PLT725"/>
    <mergeCell ref="PLU725:PLX725"/>
    <mergeCell ref="PLY725:PMB725"/>
    <mergeCell ref="PMC725:PMF725"/>
    <mergeCell ref="PKS725:PKV725"/>
    <mergeCell ref="PKW725:PKZ725"/>
    <mergeCell ref="PLA725:PLD725"/>
    <mergeCell ref="PLE725:PLH725"/>
    <mergeCell ref="PLI725:PLL725"/>
    <mergeCell ref="PJY725:PKB725"/>
    <mergeCell ref="PKC725:PKF725"/>
    <mergeCell ref="PKG725:PKJ725"/>
    <mergeCell ref="PKK725:PKN725"/>
    <mergeCell ref="PKO725:PKR725"/>
    <mergeCell ref="PJE725:PJH725"/>
    <mergeCell ref="PJI725:PJL725"/>
    <mergeCell ref="PJM725:PJP725"/>
    <mergeCell ref="PJQ725:PJT725"/>
    <mergeCell ref="PJU725:PJX725"/>
    <mergeCell ref="PIK725:PIN725"/>
    <mergeCell ref="PIO725:PIR725"/>
    <mergeCell ref="PIS725:PIV725"/>
    <mergeCell ref="PIW725:PIZ725"/>
    <mergeCell ref="PJA725:PJD725"/>
    <mergeCell ref="PSK725:PSN725"/>
    <mergeCell ref="PSO725:PSR725"/>
    <mergeCell ref="PSS725:PSV725"/>
    <mergeCell ref="PSW725:PSZ725"/>
    <mergeCell ref="PTA725:PTD725"/>
    <mergeCell ref="PRQ725:PRT725"/>
    <mergeCell ref="PRU725:PRX725"/>
    <mergeCell ref="PRY725:PSB725"/>
    <mergeCell ref="PSC725:PSF725"/>
    <mergeCell ref="PSG725:PSJ725"/>
    <mergeCell ref="PQW725:PQZ725"/>
    <mergeCell ref="PRA725:PRD725"/>
    <mergeCell ref="PRE725:PRH725"/>
    <mergeCell ref="PRI725:PRL725"/>
    <mergeCell ref="PRM725:PRP725"/>
    <mergeCell ref="PQC725:PQF725"/>
    <mergeCell ref="PQG725:PQJ725"/>
    <mergeCell ref="PQK725:PQN725"/>
    <mergeCell ref="PQO725:PQR725"/>
    <mergeCell ref="PQS725:PQV725"/>
    <mergeCell ref="PPI725:PPL725"/>
    <mergeCell ref="PPM725:PPP725"/>
    <mergeCell ref="PPQ725:PPT725"/>
    <mergeCell ref="PPU725:PPX725"/>
    <mergeCell ref="PPY725:PQB725"/>
    <mergeCell ref="POO725:POR725"/>
    <mergeCell ref="POS725:POV725"/>
    <mergeCell ref="POW725:POZ725"/>
    <mergeCell ref="PPA725:PPD725"/>
    <mergeCell ref="PPE725:PPH725"/>
    <mergeCell ref="PNU725:PNX725"/>
    <mergeCell ref="PNY725:POB725"/>
    <mergeCell ref="POC725:POF725"/>
    <mergeCell ref="POG725:POJ725"/>
    <mergeCell ref="POK725:PON725"/>
    <mergeCell ref="PXU725:PXX725"/>
    <mergeCell ref="PXY725:PYB725"/>
    <mergeCell ref="PYC725:PYF725"/>
    <mergeCell ref="PYG725:PYJ725"/>
    <mergeCell ref="PYK725:PYN725"/>
    <mergeCell ref="PXA725:PXD725"/>
    <mergeCell ref="PXE725:PXH725"/>
    <mergeCell ref="PXI725:PXL725"/>
    <mergeCell ref="PXM725:PXP725"/>
    <mergeCell ref="PXQ725:PXT725"/>
    <mergeCell ref="PWG725:PWJ725"/>
    <mergeCell ref="PWK725:PWN725"/>
    <mergeCell ref="PWO725:PWR725"/>
    <mergeCell ref="PWS725:PWV725"/>
    <mergeCell ref="PWW725:PWZ725"/>
    <mergeCell ref="PVM725:PVP725"/>
    <mergeCell ref="PVQ725:PVT725"/>
    <mergeCell ref="PVU725:PVX725"/>
    <mergeCell ref="PVY725:PWB725"/>
    <mergeCell ref="PWC725:PWF725"/>
    <mergeCell ref="PUS725:PUV725"/>
    <mergeCell ref="PUW725:PUZ725"/>
    <mergeCell ref="PVA725:PVD725"/>
    <mergeCell ref="PVE725:PVH725"/>
    <mergeCell ref="PVI725:PVL725"/>
    <mergeCell ref="PTY725:PUB725"/>
    <mergeCell ref="PUC725:PUF725"/>
    <mergeCell ref="PUG725:PUJ725"/>
    <mergeCell ref="PUK725:PUN725"/>
    <mergeCell ref="PUO725:PUR725"/>
    <mergeCell ref="PTE725:PTH725"/>
    <mergeCell ref="PTI725:PTL725"/>
    <mergeCell ref="PTM725:PTP725"/>
    <mergeCell ref="PTQ725:PTT725"/>
    <mergeCell ref="PTU725:PTX725"/>
    <mergeCell ref="QDE725:QDH725"/>
    <mergeCell ref="QDI725:QDL725"/>
    <mergeCell ref="QDM725:QDP725"/>
    <mergeCell ref="QDQ725:QDT725"/>
    <mergeCell ref="QDU725:QDX725"/>
    <mergeCell ref="QCK725:QCN725"/>
    <mergeCell ref="QCO725:QCR725"/>
    <mergeCell ref="QCS725:QCV725"/>
    <mergeCell ref="QCW725:QCZ725"/>
    <mergeCell ref="QDA725:QDD725"/>
    <mergeCell ref="QBQ725:QBT725"/>
    <mergeCell ref="QBU725:QBX725"/>
    <mergeCell ref="QBY725:QCB725"/>
    <mergeCell ref="QCC725:QCF725"/>
    <mergeCell ref="QCG725:QCJ725"/>
    <mergeCell ref="QAW725:QAZ725"/>
    <mergeCell ref="QBA725:QBD725"/>
    <mergeCell ref="QBE725:QBH725"/>
    <mergeCell ref="QBI725:QBL725"/>
    <mergeCell ref="QBM725:QBP725"/>
    <mergeCell ref="QAC725:QAF725"/>
    <mergeCell ref="QAG725:QAJ725"/>
    <mergeCell ref="QAK725:QAN725"/>
    <mergeCell ref="QAO725:QAR725"/>
    <mergeCell ref="QAS725:QAV725"/>
    <mergeCell ref="PZI725:PZL725"/>
    <mergeCell ref="PZM725:PZP725"/>
    <mergeCell ref="PZQ725:PZT725"/>
    <mergeCell ref="PZU725:PZX725"/>
    <mergeCell ref="PZY725:QAB725"/>
    <mergeCell ref="PYO725:PYR725"/>
    <mergeCell ref="PYS725:PYV725"/>
    <mergeCell ref="PYW725:PYZ725"/>
    <mergeCell ref="PZA725:PZD725"/>
    <mergeCell ref="PZE725:PZH725"/>
    <mergeCell ref="QIO725:QIR725"/>
    <mergeCell ref="QIS725:QIV725"/>
    <mergeCell ref="QIW725:QIZ725"/>
    <mergeCell ref="QJA725:QJD725"/>
    <mergeCell ref="QJE725:QJH725"/>
    <mergeCell ref="QHU725:QHX725"/>
    <mergeCell ref="QHY725:QIB725"/>
    <mergeCell ref="QIC725:QIF725"/>
    <mergeCell ref="QIG725:QIJ725"/>
    <mergeCell ref="QIK725:QIN725"/>
    <mergeCell ref="QHA725:QHD725"/>
    <mergeCell ref="QHE725:QHH725"/>
    <mergeCell ref="QHI725:QHL725"/>
    <mergeCell ref="QHM725:QHP725"/>
    <mergeCell ref="QHQ725:QHT725"/>
    <mergeCell ref="QGG725:QGJ725"/>
    <mergeCell ref="QGK725:QGN725"/>
    <mergeCell ref="QGO725:QGR725"/>
    <mergeCell ref="QGS725:QGV725"/>
    <mergeCell ref="QGW725:QGZ725"/>
    <mergeCell ref="QFM725:QFP725"/>
    <mergeCell ref="QFQ725:QFT725"/>
    <mergeCell ref="QFU725:QFX725"/>
    <mergeCell ref="QFY725:QGB725"/>
    <mergeCell ref="QGC725:QGF725"/>
    <mergeCell ref="QES725:QEV725"/>
    <mergeCell ref="QEW725:QEZ725"/>
    <mergeCell ref="QFA725:QFD725"/>
    <mergeCell ref="QFE725:QFH725"/>
    <mergeCell ref="QFI725:QFL725"/>
    <mergeCell ref="QDY725:QEB725"/>
    <mergeCell ref="QEC725:QEF725"/>
    <mergeCell ref="QEG725:QEJ725"/>
    <mergeCell ref="QEK725:QEN725"/>
    <mergeCell ref="QEO725:QER725"/>
    <mergeCell ref="QNY725:QOB725"/>
    <mergeCell ref="QOC725:QOF725"/>
    <mergeCell ref="QOG725:QOJ725"/>
    <mergeCell ref="QOK725:QON725"/>
    <mergeCell ref="QOO725:QOR725"/>
    <mergeCell ref="QNE725:QNH725"/>
    <mergeCell ref="QNI725:QNL725"/>
    <mergeCell ref="QNM725:QNP725"/>
    <mergeCell ref="QNQ725:QNT725"/>
    <mergeCell ref="QNU725:QNX725"/>
    <mergeCell ref="QMK725:QMN725"/>
    <mergeCell ref="QMO725:QMR725"/>
    <mergeCell ref="QMS725:QMV725"/>
    <mergeCell ref="QMW725:QMZ725"/>
    <mergeCell ref="QNA725:QND725"/>
    <mergeCell ref="QLQ725:QLT725"/>
    <mergeCell ref="QLU725:QLX725"/>
    <mergeCell ref="QLY725:QMB725"/>
    <mergeCell ref="QMC725:QMF725"/>
    <mergeCell ref="QMG725:QMJ725"/>
    <mergeCell ref="QKW725:QKZ725"/>
    <mergeCell ref="QLA725:QLD725"/>
    <mergeCell ref="QLE725:QLH725"/>
    <mergeCell ref="QLI725:QLL725"/>
    <mergeCell ref="QLM725:QLP725"/>
    <mergeCell ref="QKC725:QKF725"/>
    <mergeCell ref="QKG725:QKJ725"/>
    <mergeCell ref="QKK725:QKN725"/>
    <mergeCell ref="QKO725:QKR725"/>
    <mergeCell ref="QKS725:QKV725"/>
    <mergeCell ref="QJI725:QJL725"/>
    <mergeCell ref="QJM725:QJP725"/>
    <mergeCell ref="QJQ725:QJT725"/>
    <mergeCell ref="QJU725:QJX725"/>
    <mergeCell ref="QJY725:QKB725"/>
    <mergeCell ref="QTI725:QTL725"/>
    <mergeCell ref="QTM725:QTP725"/>
    <mergeCell ref="QTQ725:QTT725"/>
    <mergeCell ref="QTU725:QTX725"/>
    <mergeCell ref="QTY725:QUB725"/>
    <mergeCell ref="QSO725:QSR725"/>
    <mergeCell ref="QSS725:QSV725"/>
    <mergeCell ref="QSW725:QSZ725"/>
    <mergeCell ref="QTA725:QTD725"/>
    <mergeCell ref="QTE725:QTH725"/>
    <mergeCell ref="QRU725:QRX725"/>
    <mergeCell ref="QRY725:QSB725"/>
    <mergeCell ref="QSC725:QSF725"/>
    <mergeCell ref="QSG725:QSJ725"/>
    <mergeCell ref="QSK725:QSN725"/>
    <mergeCell ref="QRA725:QRD725"/>
    <mergeCell ref="QRE725:QRH725"/>
    <mergeCell ref="QRI725:QRL725"/>
    <mergeCell ref="QRM725:QRP725"/>
    <mergeCell ref="QRQ725:QRT725"/>
    <mergeCell ref="QQG725:QQJ725"/>
    <mergeCell ref="QQK725:QQN725"/>
    <mergeCell ref="QQO725:QQR725"/>
    <mergeCell ref="QQS725:QQV725"/>
    <mergeCell ref="QQW725:QQZ725"/>
    <mergeCell ref="QPM725:QPP725"/>
    <mergeCell ref="QPQ725:QPT725"/>
    <mergeCell ref="QPU725:QPX725"/>
    <mergeCell ref="QPY725:QQB725"/>
    <mergeCell ref="QQC725:QQF725"/>
    <mergeCell ref="QOS725:QOV725"/>
    <mergeCell ref="QOW725:QOZ725"/>
    <mergeCell ref="QPA725:QPD725"/>
    <mergeCell ref="QPE725:QPH725"/>
    <mergeCell ref="QPI725:QPL725"/>
    <mergeCell ref="QYS725:QYV725"/>
    <mergeCell ref="QYW725:QYZ725"/>
    <mergeCell ref="QZA725:QZD725"/>
    <mergeCell ref="QZE725:QZH725"/>
    <mergeCell ref="QZI725:QZL725"/>
    <mergeCell ref="QXY725:QYB725"/>
    <mergeCell ref="QYC725:QYF725"/>
    <mergeCell ref="QYG725:QYJ725"/>
    <mergeCell ref="QYK725:QYN725"/>
    <mergeCell ref="QYO725:QYR725"/>
    <mergeCell ref="QXE725:QXH725"/>
    <mergeCell ref="QXI725:QXL725"/>
    <mergeCell ref="QXM725:QXP725"/>
    <mergeCell ref="QXQ725:QXT725"/>
    <mergeCell ref="QXU725:QXX725"/>
    <mergeCell ref="QWK725:QWN725"/>
    <mergeCell ref="QWO725:QWR725"/>
    <mergeCell ref="QWS725:QWV725"/>
    <mergeCell ref="QWW725:QWZ725"/>
    <mergeCell ref="QXA725:QXD725"/>
    <mergeCell ref="QVQ725:QVT725"/>
    <mergeCell ref="QVU725:QVX725"/>
    <mergeCell ref="QVY725:QWB725"/>
    <mergeCell ref="QWC725:QWF725"/>
    <mergeCell ref="QWG725:QWJ725"/>
    <mergeCell ref="QUW725:QUZ725"/>
    <mergeCell ref="QVA725:QVD725"/>
    <mergeCell ref="QVE725:QVH725"/>
    <mergeCell ref="QVI725:QVL725"/>
    <mergeCell ref="QVM725:QVP725"/>
    <mergeCell ref="QUC725:QUF725"/>
    <mergeCell ref="QUG725:QUJ725"/>
    <mergeCell ref="QUK725:QUN725"/>
    <mergeCell ref="QUO725:QUR725"/>
    <mergeCell ref="QUS725:QUV725"/>
    <mergeCell ref="REC725:REF725"/>
    <mergeCell ref="REG725:REJ725"/>
    <mergeCell ref="REK725:REN725"/>
    <mergeCell ref="REO725:RER725"/>
    <mergeCell ref="RES725:REV725"/>
    <mergeCell ref="RDI725:RDL725"/>
    <mergeCell ref="RDM725:RDP725"/>
    <mergeCell ref="RDQ725:RDT725"/>
    <mergeCell ref="RDU725:RDX725"/>
    <mergeCell ref="RDY725:REB725"/>
    <mergeCell ref="RCO725:RCR725"/>
    <mergeCell ref="RCS725:RCV725"/>
    <mergeCell ref="RCW725:RCZ725"/>
    <mergeCell ref="RDA725:RDD725"/>
    <mergeCell ref="RDE725:RDH725"/>
    <mergeCell ref="RBU725:RBX725"/>
    <mergeCell ref="RBY725:RCB725"/>
    <mergeCell ref="RCC725:RCF725"/>
    <mergeCell ref="RCG725:RCJ725"/>
    <mergeCell ref="RCK725:RCN725"/>
    <mergeCell ref="RBA725:RBD725"/>
    <mergeCell ref="RBE725:RBH725"/>
    <mergeCell ref="RBI725:RBL725"/>
    <mergeCell ref="RBM725:RBP725"/>
    <mergeCell ref="RBQ725:RBT725"/>
    <mergeCell ref="RAG725:RAJ725"/>
    <mergeCell ref="RAK725:RAN725"/>
    <mergeCell ref="RAO725:RAR725"/>
    <mergeCell ref="RAS725:RAV725"/>
    <mergeCell ref="RAW725:RAZ725"/>
    <mergeCell ref="QZM725:QZP725"/>
    <mergeCell ref="QZQ725:QZT725"/>
    <mergeCell ref="QZU725:QZX725"/>
    <mergeCell ref="QZY725:RAB725"/>
    <mergeCell ref="RAC725:RAF725"/>
    <mergeCell ref="RJM725:RJP725"/>
    <mergeCell ref="RJQ725:RJT725"/>
    <mergeCell ref="RJU725:RJX725"/>
    <mergeCell ref="RJY725:RKB725"/>
    <mergeCell ref="RKC725:RKF725"/>
    <mergeCell ref="RIS725:RIV725"/>
    <mergeCell ref="RIW725:RIZ725"/>
    <mergeCell ref="RJA725:RJD725"/>
    <mergeCell ref="RJE725:RJH725"/>
    <mergeCell ref="RJI725:RJL725"/>
    <mergeCell ref="RHY725:RIB725"/>
    <mergeCell ref="RIC725:RIF725"/>
    <mergeCell ref="RIG725:RIJ725"/>
    <mergeCell ref="RIK725:RIN725"/>
    <mergeCell ref="RIO725:RIR725"/>
    <mergeCell ref="RHE725:RHH725"/>
    <mergeCell ref="RHI725:RHL725"/>
    <mergeCell ref="RHM725:RHP725"/>
    <mergeCell ref="RHQ725:RHT725"/>
    <mergeCell ref="RHU725:RHX725"/>
    <mergeCell ref="RGK725:RGN725"/>
    <mergeCell ref="RGO725:RGR725"/>
    <mergeCell ref="RGS725:RGV725"/>
    <mergeCell ref="RGW725:RGZ725"/>
    <mergeCell ref="RHA725:RHD725"/>
    <mergeCell ref="RFQ725:RFT725"/>
    <mergeCell ref="RFU725:RFX725"/>
    <mergeCell ref="RFY725:RGB725"/>
    <mergeCell ref="RGC725:RGF725"/>
    <mergeCell ref="RGG725:RGJ725"/>
    <mergeCell ref="REW725:REZ725"/>
    <mergeCell ref="RFA725:RFD725"/>
    <mergeCell ref="RFE725:RFH725"/>
    <mergeCell ref="RFI725:RFL725"/>
    <mergeCell ref="RFM725:RFP725"/>
    <mergeCell ref="ROW725:ROZ725"/>
    <mergeCell ref="RPA725:RPD725"/>
    <mergeCell ref="RPE725:RPH725"/>
    <mergeCell ref="RPI725:RPL725"/>
    <mergeCell ref="RPM725:RPP725"/>
    <mergeCell ref="ROC725:ROF725"/>
    <mergeCell ref="ROG725:ROJ725"/>
    <mergeCell ref="ROK725:RON725"/>
    <mergeCell ref="ROO725:ROR725"/>
    <mergeCell ref="ROS725:ROV725"/>
    <mergeCell ref="RNI725:RNL725"/>
    <mergeCell ref="RNM725:RNP725"/>
    <mergeCell ref="RNQ725:RNT725"/>
    <mergeCell ref="RNU725:RNX725"/>
    <mergeCell ref="RNY725:ROB725"/>
    <mergeCell ref="RMO725:RMR725"/>
    <mergeCell ref="RMS725:RMV725"/>
    <mergeCell ref="RMW725:RMZ725"/>
    <mergeCell ref="RNA725:RND725"/>
    <mergeCell ref="RNE725:RNH725"/>
    <mergeCell ref="RLU725:RLX725"/>
    <mergeCell ref="RLY725:RMB725"/>
    <mergeCell ref="RMC725:RMF725"/>
    <mergeCell ref="RMG725:RMJ725"/>
    <mergeCell ref="RMK725:RMN725"/>
    <mergeCell ref="RLA725:RLD725"/>
    <mergeCell ref="RLE725:RLH725"/>
    <mergeCell ref="RLI725:RLL725"/>
    <mergeCell ref="RLM725:RLP725"/>
    <mergeCell ref="RLQ725:RLT725"/>
    <mergeCell ref="RKG725:RKJ725"/>
    <mergeCell ref="RKK725:RKN725"/>
    <mergeCell ref="RKO725:RKR725"/>
    <mergeCell ref="RKS725:RKV725"/>
    <mergeCell ref="RKW725:RKZ725"/>
    <mergeCell ref="RUG725:RUJ725"/>
    <mergeCell ref="RUK725:RUN725"/>
    <mergeCell ref="RUO725:RUR725"/>
    <mergeCell ref="RUS725:RUV725"/>
    <mergeCell ref="RUW725:RUZ725"/>
    <mergeCell ref="RTM725:RTP725"/>
    <mergeCell ref="RTQ725:RTT725"/>
    <mergeCell ref="RTU725:RTX725"/>
    <mergeCell ref="RTY725:RUB725"/>
    <mergeCell ref="RUC725:RUF725"/>
    <mergeCell ref="RSS725:RSV725"/>
    <mergeCell ref="RSW725:RSZ725"/>
    <mergeCell ref="RTA725:RTD725"/>
    <mergeCell ref="RTE725:RTH725"/>
    <mergeCell ref="RTI725:RTL725"/>
    <mergeCell ref="RRY725:RSB725"/>
    <mergeCell ref="RSC725:RSF725"/>
    <mergeCell ref="RSG725:RSJ725"/>
    <mergeCell ref="RSK725:RSN725"/>
    <mergeCell ref="RSO725:RSR725"/>
    <mergeCell ref="RRE725:RRH725"/>
    <mergeCell ref="RRI725:RRL725"/>
    <mergeCell ref="RRM725:RRP725"/>
    <mergeCell ref="RRQ725:RRT725"/>
    <mergeCell ref="RRU725:RRX725"/>
    <mergeCell ref="RQK725:RQN725"/>
    <mergeCell ref="RQO725:RQR725"/>
    <mergeCell ref="RQS725:RQV725"/>
    <mergeCell ref="RQW725:RQZ725"/>
    <mergeCell ref="RRA725:RRD725"/>
    <mergeCell ref="RPQ725:RPT725"/>
    <mergeCell ref="RPU725:RPX725"/>
    <mergeCell ref="RPY725:RQB725"/>
    <mergeCell ref="RQC725:RQF725"/>
    <mergeCell ref="RQG725:RQJ725"/>
    <mergeCell ref="RZQ725:RZT725"/>
    <mergeCell ref="RZU725:RZX725"/>
    <mergeCell ref="RZY725:SAB725"/>
    <mergeCell ref="SAC725:SAF725"/>
    <mergeCell ref="SAG725:SAJ725"/>
    <mergeCell ref="RYW725:RYZ725"/>
    <mergeCell ref="RZA725:RZD725"/>
    <mergeCell ref="RZE725:RZH725"/>
    <mergeCell ref="RZI725:RZL725"/>
    <mergeCell ref="RZM725:RZP725"/>
    <mergeCell ref="RYC725:RYF725"/>
    <mergeCell ref="RYG725:RYJ725"/>
    <mergeCell ref="RYK725:RYN725"/>
    <mergeCell ref="RYO725:RYR725"/>
    <mergeCell ref="RYS725:RYV725"/>
    <mergeCell ref="RXI725:RXL725"/>
    <mergeCell ref="RXM725:RXP725"/>
    <mergeCell ref="RXQ725:RXT725"/>
    <mergeCell ref="RXU725:RXX725"/>
    <mergeCell ref="RXY725:RYB725"/>
    <mergeCell ref="RWO725:RWR725"/>
    <mergeCell ref="RWS725:RWV725"/>
    <mergeCell ref="RWW725:RWZ725"/>
    <mergeCell ref="RXA725:RXD725"/>
    <mergeCell ref="RXE725:RXH725"/>
    <mergeCell ref="RVU725:RVX725"/>
    <mergeCell ref="RVY725:RWB725"/>
    <mergeCell ref="RWC725:RWF725"/>
    <mergeCell ref="RWG725:RWJ725"/>
    <mergeCell ref="RWK725:RWN725"/>
    <mergeCell ref="RVA725:RVD725"/>
    <mergeCell ref="RVE725:RVH725"/>
    <mergeCell ref="RVI725:RVL725"/>
    <mergeCell ref="RVM725:RVP725"/>
    <mergeCell ref="RVQ725:RVT725"/>
    <mergeCell ref="SFA725:SFD725"/>
    <mergeCell ref="SFE725:SFH725"/>
    <mergeCell ref="SFI725:SFL725"/>
    <mergeCell ref="SFM725:SFP725"/>
    <mergeCell ref="SFQ725:SFT725"/>
    <mergeCell ref="SEG725:SEJ725"/>
    <mergeCell ref="SEK725:SEN725"/>
    <mergeCell ref="SEO725:SER725"/>
    <mergeCell ref="SES725:SEV725"/>
    <mergeCell ref="SEW725:SEZ725"/>
    <mergeCell ref="SDM725:SDP725"/>
    <mergeCell ref="SDQ725:SDT725"/>
    <mergeCell ref="SDU725:SDX725"/>
    <mergeCell ref="SDY725:SEB725"/>
    <mergeCell ref="SEC725:SEF725"/>
    <mergeCell ref="SCS725:SCV725"/>
    <mergeCell ref="SCW725:SCZ725"/>
    <mergeCell ref="SDA725:SDD725"/>
    <mergeCell ref="SDE725:SDH725"/>
    <mergeCell ref="SDI725:SDL725"/>
    <mergeCell ref="SBY725:SCB725"/>
    <mergeCell ref="SCC725:SCF725"/>
    <mergeCell ref="SCG725:SCJ725"/>
    <mergeCell ref="SCK725:SCN725"/>
    <mergeCell ref="SCO725:SCR725"/>
    <mergeCell ref="SBE725:SBH725"/>
    <mergeCell ref="SBI725:SBL725"/>
    <mergeCell ref="SBM725:SBP725"/>
    <mergeCell ref="SBQ725:SBT725"/>
    <mergeCell ref="SBU725:SBX725"/>
    <mergeCell ref="SAK725:SAN725"/>
    <mergeCell ref="SAO725:SAR725"/>
    <mergeCell ref="SAS725:SAV725"/>
    <mergeCell ref="SAW725:SAZ725"/>
    <mergeCell ref="SBA725:SBD725"/>
    <mergeCell ref="SKK725:SKN725"/>
    <mergeCell ref="SKO725:SKR725"/>
    <mergeCell ref="SKS725:SKV725"/>
    <mergeCell ref="SKW725:SKZ725"/>
    <mergeCell ref="SLA725:SLD725"/>
    <mergeCell ref="SJQ725:SJT725"/>
    <mergeCell ref="SJU725:SJX725"/>
    <mergeCell ref="SJY725:SKB725"/>
    <mergeCell ref="SKC725:SKF725"/>
    <mergeCell ref="SKG725:SKJ725"/>
    <mergeCell ref="SIW725:SIZ725"/>
    <mergeCell ref="SJA725:SJD725"/>
    <mergeCell ref="SJE725:SJH725"/>
    <mergeCell ref="SJI725:SJL725"/>
    <mergeCell ref="SJM725:SJP725"/>
    <mergeCell ref="SIC725:SIF725"/>
    <mergeCell ref="SIG725:SIJ725"/>
    <mergeCell ref="SIK725:SIN725"/>
    <mergeCell ref="SIO725:SIR725"/>
    <mergeCell ref="SIS725:SIV725"/>
    <mergeCell ref="SHI725:SHL725"/>
    <mergeCell ref="SHM725:SHP725"/>
    <mergeCell ref="SHQ725:SHT725"/>
    <mergeCell ref="SHU725:SHX725"/>
    <mergeCell ref="SHY725:SIB725"/>
    <mergeCell ref="SGO725:SGR725"/>
    <mergeCell ref="SGS725:SGV725"/>
    <mergeCell ref="SGW725:SGZ725"/>
    <mergeCell ref="SHA725:SHD725"/>
    <mergeCell ref="SHE725:SHH725"/>
    <mergeCell ref="SFU725:SFX725"/>
    <mergeCell ref="SFY725:SGB725"/>
    <mergeCell ref="SGC725:SGF725"/>
    <mergeCell ref="SGG725:SGJ725"/>
    <mergeCell ref="SGK725:SGN725"/>
    <mergeCell ref="SPU725:SPX725"/>
    <mergeCell ref="SPY725:SQB725"/>
    <mergeCell ref="SQC725:SQF725"/>
    <mergeCell ref="SQG725:SQJ725"/>
    <mergeCell ref="SQK725:SQN725"/>
    <mergeCell ref="SPA725:SPD725"/>
    <mergeCell ref="SPE725:SPH725"/>
    <mergeCell ref="SPI725:SPL725"/>
    <mergeCell ref="SPM725:SPP725"/>
    <mergeCell ref="SPQ725:SPT725"/>
    <mergeCell ref="SOG725:SOJ725"/>
    <mergeCell ref="SOK725:SON725"/>
    <mergeCell ref="SOO725:SOR725"/>
    <mergeCell ref="SOS725:SOV725"/>
    <mergeCell ref="SOW725:SOZ725"/>
    <mergeCell ref="SNM725:SNP725"/>
    <mergeCell ref="SNQ725:SNT725"/>
    <mergeCell ref="SNU725:SNX725"/>
    <mergeCell ref="SNY725:SOB725"/>
    <mergeCell ref="SOC725:SOF725"/>
    <mergeCell ref="SMS725:SMV725"/>
    <mergeCell ref="SMW725:SMZ725"/>
    <mergeCell ref="SNA725:SND725"/>
    <mergeCell ref="SNE725:SNH725"/>
    <mergeCell ref="SNI725:SNL725"/>
    <mergeCell ref="SLY725:SMB725"/>
    <mergeCell ref="SMC725:SMF725"/>
    <mergeCell ref="SMG725:SMJ725"/>
    <mergeCell ref="SMK725:SMN725"/>
    <mergeCell ref="SMO725:SMR725"/>
    <mergeCell ref="SLE725:SLH725"/>
    <mergeCell ref="SLI725:SLL725"/>
    <mergeCell ref="SLM725:SLP725"/>
    <mergeCell ref="SLQ725:SLT725"/>
    <mergeCell ref="SLU725:SLX725"/>
    <mergeCell ref="SVE725:SVH725"/>
    <mergeCell ref="SVI725:SVL725"/>
    <mergeCell ref="SVM725:SVP725"/>
    <mergeCell ref="SVQ725:SVT725"/>
    <mergeCell ref="SVU725:SVX725"/>
    <mergeCell ref="SUK725:SUN725"/>
    <mergeCell ref="SUO725:SUR725"/>
    <mergeCell ref="SUS725:SUV725"/>
    <mergeCell ref="SUW725:SUZ725"/>
    <mergeCell ref="SVA725:SVD725"/>
    <mergeCell ref="STQ725:STT725"/>
    <mergeCell ref="STU725:STX725"/>
    <mergeCell ref="STY725:SUB725"/>
    <mergeCell ref="SUC725:SUF725"/>
    <mergeCell ref="SUG725:SUJ725"/>
    <mergeCell ref="SSW725:SSZ725"/>
    <mergeCell ref="STA725:STD725"/>
    <mergeCell ref="STE725:STH725"/>
    <mergeCell ref="STI725:STL725"/>
    <mergeCell ref="STM725:STP725"/>
    <mergeCell ref="SSC725:SSF725"/>
    <mergeCell ref="SSG725:SSJ725"/>
    <mergeCell ref="SSK725:SSN725"/>
    <mergeCell ref="SSO725:SSR725"/>
    <mergeCell ref="SSS725:SSV725"/>
    <mergeCell ref="SRI725:SRL725"/>
    <mergeCell ref="SRM725:SRP725"/>
    <mergeCell ref="SRQ725:SRT725"/>
    <mergeCell ref="SRU725:SRX725"/>
    <mergeCell ref="SRY725:SSB725"/>
    <mergeCell ref="SQO725:SQR725"/>
    <mergeCell ref="SQS725:SQV725"/>
    <mergeCell ref="SQW725:SQZ725"/>
    <mergeCell ref="SRA725:SRD725"/>
    <mergeCell ref="SRE725:SRH725"/>
    <mergeCell ref="TAO725:TAR725"/>
    <mergeCell ref="TAS725:TAV725"/>
    <mergeCell ref="TAW725:TAZ725"/>
    <mergeCell ref="TBA725:TBD725"/>
    <mergeCell ref="TBE725:TBH725"/>
    <mergeCell ref="SZU725:SZX725"/>
    <mergeCell ref="SZY725:TAB725"/>
    <mergeCell ref="TAC725:TAF725"/>
    <mergeCell ref="TAG725:TAJ725"/>
    <mergeCell ref="TAK725:TAN725"/>
    <mergeCell ref="SZA725:SZD725"/>
    <mergeCell ref="SZE725:SZH725"/>
    <mergeCell ref="SZI725:SZL725"/>
    <mergeCell ref="SZM725:SZP725"/>
    <mergeCell ref="SZQ725:SZT725"/>
    <mergeCell ref="SYG725:SYJ725"/>
    <mergeCell ref="SYK725:SYN725"/>
    <mergeCell ref="SYO725:SYR725"/>
    <mergeCell ref="SYS725:SYV725"/>
    <mergeCell ref="SYW725:SYZ725"/>
    <mergeCell ref="SXM725:SXP725"/>
    <mergeCell ref="SXQ725:SXT725"/>
    <mergeCell ref="SXU725:SXX725"/>
    <mergeCell ref="SXY725:SYB725"/>
    <mergeCell ref="SYC725:SYF725"/>
    <mergeCell ref="SWS725:SWV725"/>
    <mergeCell ref="SWW725:SWZ725"/>
    <mergeCell ref="SXA725:SXD725"/>
    <mergeCell ref="SXE725:SXH725"/>
    <mergeCell ref="SXI725:SXL725"/>
    <mergeCell ref="SVY725:SWB725"/>
    <mergeCell ref="SWC725:SWF725"/>
    <mergeCell ref="SWG725:SWJ725"/>
    <mergeCell ref="SWK725:SWN725"/>
    <mergeCell ref="SWO725:SWR725"/>
    <mergeCell ref="TFY725:TGB725"/>
    <mergeCell ref="TGC725:TGF725"/>
    <mergeCell ref="TGG725:TGJ725"/>
    <mergeCell ref="TGK725:TGN725"/>
    <mergeCell ref="TGO725:TGR725"/>
    <mergeCell ref="TFE725:TFH725"/>
    <mergeCell ref="TFI725:TFL725"/>
    <mergeCell ref="TFM725:TFP725"/>
    <mergeCell ref="TFQ725:TFT725"/>
    <mergeCell ref="TFU725:TFX725"/>
    <mergeCell ref="TEK725:TEN725"/>
    <mergeCell ref="TEO725:TER725"/>
    <mergeCell ref="TES725:TEV725"/>
    <mergeCell ref="TEW725:TEZ725"/>
    <mergeCell ref="TFA725:TFD725"/>
    <mergeCell ref="TDQ725:TDT725"/>
    <mergeCell ref="TDU725:TDX725"/>
    <mergeCell ref="TDY725:TEB725"/>
    <mergeCell ref="TEC725:TEF725"/>
    <mergeCell ref="TEG725:TEJ725"/>
    <mergeCell ref="TCW725:TCZ725"/>
    <mergeCell ref="TDA725:TDD725"/>
    <mergeCell ref="TDE725:TDH725"/>
    <mergeCell ref="TDI725:TDL725"/>
    <mergeCell ref="TDM725:TDP725"/>
    <mergeCell ref="TCC725:TCF725"/>
    <mergeCell ref="TCG725:TCJ725"/>
    <mergeCell ref="TCK725:TCN725"/>
    <mergeCell ref="TCO725:TCR725"/>
    <mergeCell ref="TCS725:TCV725"/>
    <mergeCell ref="TBI725:TBL725"/>
    <mergeCell ref="TBM725:TBP725"/>
    <mergeCell ref="TBQ725:TBT725"/>
    <mergeCell ref="TBU725:TBX725"/>
    <mergeCell ref="TBY725:TCB725"/>
    <mergeCell ref="TLI725:TLL725"/>
    <mergeCell ref="TLM725:TLP725"/>
    <mergeCell ref="TLQ725:TLT725"/>
    <mergeCell ref="TLU725:TLX725"/>
    <mergeCell ref="TLY725:TMB725"/>
    <mergeCell ref="TKO725:TKR725"/>
    <mergeCell ref="TKS725:TKV725"/>
    <mergeCell ref="TKW725:TKZ725"/>
    <mergeCell ref="TLA725:TLD725"/>
    <mergeCell ref="TLE725:TLH725"/>
    <mergeCell ref="TJU725:TJX725"/>
    <mergeCell ref="TJY725:TKB725"/>
    <mergeCell ref="TKC725:TKF725"/>
    <mergeCell ref="TKG725:TKJ725"/>
    <mergeCell ref="TKK725:TKN725"/>
    <mergeCell ref="TJA725:TJD725"/>
    <mergeCell ref="TJE725:TJH725"/>
    <mergeCell ref="TJI725:TJL725"/>
    <mergeCell ref="TJM725:TJP725"/>
    <mergeCell ref="TJQ725:TJT725"/>
    <mergeCell ref="TIG725:TIJ725"/>
    <mergeCell ref="TIK725:TIN725"/>
    <mergeCell ref="TIO725:TIR725"/>
    <mergeCell ref="TIS725:TIV725"/>
    <mergeCell ref="TIW725:TIZ725"/>
    <mergeCell ref="THM725:THP725"/>
    <mergeCell ref="THQ725:THT725"/>
    <mergeCell ref="THU725:THX725"/>
    <mergeCell ref="THY725:TIB725"/>
    <mergeCell ref="TIC725:TIF725"/>
    <mergeCell ref="TGS725:TGV725"/>
    <mergeCell ref="TGW725:TGZ725"/>
    <mergeCell ref="THA725:THD725"/>
    <mergeCell ref="THE725:THH725"/>
    <mergeCell ref="THI725:THL725"/>
    <mergeCell ref="TQS725:TQV725"/>
    <mergeCell ref="TQW725:TQZ725"/>
    <mergeCell ref="TRA725:TRD725"/>
    <mergeCell ref="TRE725:TRH725"/>
    <mergeCell ref="TRI725:TRL725"/>
    <mergeCell ref="TPY725:TQB725"/>
    <mergeCell ref="TQC725:TQF725"/>
    <mergeCell ref="TQG725:TQJ725"/>
    <mergeCell ref="TQK725:TQN725"/>
    <mergeCell ref="TQO725:TQR725"/>
    <mergeCell ref="TPE725:TPH725"/>
    <mergeCell ref="TPI725:TPL725"/>
    <mergeCell ref="TPM725:TPP725"/>
    <mergeCell ref="TPQ725:TPT725"/>
    <mergeCell ref="TPU725:TPX725"/>
    <mergeCell ref="TOK725:TON725"/>
    <mergeCell ref="TOO725:TOR725"/>
    <mergeCell ref="TOS725:TOV725"/>
    <mergeCell ref="TOW725:TOZ725"/>
    <mergeCell ref="TPA725:TPD725"/>
    <mergeCell ref="TNQ725:TNT725"/>
    <mergeCell ref="TNU725:TNX725"/>
    <mergeCell ref="TNY725:TOB725"/>
    <mergeCell ref="TOC725:TOF725"/>
    <mergeCell ref="TOG725:TOJ725"/>
    <mergeCell ref="TMW725:TMZ725"/>
    <mergeCell ref="TNA725:TND725"/>
    <mergeCell ref="TNE725:TNH725"/>
    <mergeCell ref="TNI725:TNL725"/>
    <mergeCell ref="TNM725:TNP725"/>
    <mergeCell ref="TMC725:TMF725"/>
    <mergeCell ref="TMG725:TMJ725"/>
    <mergeCell ref="TMK725:TMN725"/>
    <mergeCell ref="TMO725:TMR725"/>
    <mergeCell ref="TMS725:TMV725"/>
    <mergeCell ref="TWC725:TWF725"/>
    <mergeCell ref="TWG725:TWJ725"/>
    <mergeCell ref="TWK725:TWN725"/>
    <mergeCell ref="TWO725:TWR725"/>
    <mergeCell ref="TWS725:TWV725"/>
    <mergeCell ref="TVI725:TVL725"/>
    <mergeCell ref="TVM725:TVP725"/>
    <mergeCell ref="TVQ725:TVT725"/>
    <mergeCell ref="TVU725:TVX725"/>
    <mergeCell ref="TVY725:TWB725"/>
    <mergeCell ref="TUO725:TUR725"/>
    <mergeCell ref="TUS725:TUV725"/>
    <mergeCell ref="TUW725:TUZ725"/>
    <mergeCell ref="TVA725:TVD725"/>
    <mergeCell ref="TVE725:TVH725"/>
    <mergeCell ref="TTU725:TTX725"/>
    <mergeCell ref="TTY725:TUB725"/>
    <mergeCell ref="TUC725:TUF725"/>
    <mergeCell ref="TUG725:TUJ725"/>
    <mergeCell ref="TUK725:TUN725"/>
    <mergeCell ref="TTA725:TTD725"/>
    <mergeCell ref="TTE725:TTH725"/>
    <mergeCell ref="TTI725:TTL725"/>
    <mergeCell ref="TTM725:TTP725"/>
    <mergeCell ref="TTQ725:TTT725"/>
    <mergeCell ref="TSG725:TSJ725"/>
    <mergeCell ref="TSK725:TSN725"/>
    <mergeCell ref="TSO725:TSR725"/>
    <mergeCell ref="TSS725:TSV725"/>
    <mergeCell ref="TSW725:TSZ725"/>
    <mergeCell ref="TRM725:TRP725"/>
    <mergeCell ref="TRQ725:TRT725"/>
    <mergeCell ref="TRU725:TRX725"/>
    <mergeCell ref="TRY725:TSB725"/>
    <mergeCell ref="TSC725:TSF725"/>
    <mergeCell ref="UBM725:UBP725"/>
    <mergeCell ref="UBQ725:UBT725"/>
    <mergeCell ref="UBU725:UBX725"/>
    <mergeCell ref="UBY725:UCB725"/>
    <mergeCell ref="UCC725:UCF725"/>
    <mergeCell ref="UAS725:UAV725"/>
    <mergeCell ref="UAW725:UAZ725"/>
    <mergeCell ref="UBA725:UBD725"/>
    <mergeCell ref="UBE725:UBH725"/>
    <mergeCell ref="UBI725:UBL725"/>
    <mergeCell ref="TZY725:UAB725"/>
    <mergeCell ref="UAC725:UAF725"/>
    <mergeCell ref="UAG725:UAJ725"/>
    <mergeCell ref="UAK725:UAN725"/>
    <mergeCell ref="UAO725:UAR725"/>
    <mergeCell ref="TZE725:TZH725"/>
    <mergeCell ref="TZI725:TZL725"/>
    <mergeCell ref="TZM725:TZP725"/>
    <mergeCell ref="TZQ725:TZT725"/>
    <mergeCell ref="TZU725:TZX725"/>
    <mergeCell ref="TYK725:TYN725"/>
    <mergeCell ref="TYO725:TYR725"/>
    <mergeCell ref="TYS725:TYV725"/>
    <mergeCell ref="TYW725:TYZ725"/>
    <mergeCell ref="TZA725:TZD725"/>
    <mergeCell ref="TXQ725:TXT725"/>
    <mergeCell ref="TXU725:TXX725"/>
    <mergeCell ref="TXY725:TYB725"/>
    <mergeCell ref="TYC725:TYF725"/>
    <mergeCell ref="TYG725:TYJ725"/>
    <mergeCell ref="TWW725:TWZ725"/>
    <mergeCell ref="TXA725:TXD725"/>
    <mergeCell ref="TXE725:TXH725"/>
    <mergeCell ref="TXI725:TXL725"/>
    <mergeCell ref="TXM725:TXP725"/>
    <mergeCell ref="UGW725:UGZ725"/>
    <mergeCell ref="UHA725:UHD725"/>
    <mergeCell ref="UHE725:UHH725"/>
    <mergeCell ref="UHI725:UHL725"/>
    <mergeCell ref="UHM725:UHP725"/>
    <mergeCell ref="UGC725:UGF725"/>
    <mergeCell ref="UGG725:UGJ725"/>
    <mergeCell ref="UGK725:UGN725"/>
    <mergeCell ref="UGO725:UGR725"/>
    <mergeCell ref="UGS725:UGV725"/>
    <mergeCell ref="UFI725:UFL725"/>
    <mergeCell ref="UFM725:UFP725"/>
    <mergeCell ref="UFQ725:UFT725"/>
    <mergeCell ref="UFU725:UFX725"/>
    <mergeCell ref="UFY725:UGB725"/>
    <mergeCell ref="UEO725:UER725"/>
    <mergeCell ref="UES725:UEV725"/>
    <mergeCell ref="UEW725:UEZ725"/>
    <mergeCell ref="UFA725:UFD725"/>
    <mergeCell ref="UFE725:UFH725"/>
    <mergeCell ref="UDU725:UDX725"/>
    <mergeCell ref="UDY725:UEB725"/>
    <mergeCell ref="UEC725:UEF725"/>
    <mergeCell ref="UEG725:UEJ725"/>
    <mergeCell ref="UEK725:UEN725"/>
    <mergeCell ref="UDA725:UDD725"/>
    <mergeCell ref="UDE725:UDH725"/>
    <mergeCell ref="UDI725:UDL725"/>
    <mergeCell ref="UDM725:UDP725"/>
    <mergeCell ref="UDQ725:UDT725"/>
    <mergeCell ref="UCG725:UCJ725"/>
    <mergeCell ref="UCK725:UCN725"/>
    <mergeCell ref="UCO725:UCR725"/>
    <mergeCell ref="UCS725:UCV725"/>
    <mergeCell ref="UCW725:UCZ725"/>
    <mergeCell ref="UMG725:UMJ725"/>
    <mergeCell ref="UMK725:UMN725"/>
    <mergeCell ref="UMO725:UMR725"/>
    <mergeCell ref="UMS725:UMV725"/>
    <mergeCell ref="UMW725:UMZ725"/>
    <mergeCell ref="ULM725:ULP725"/>
    <mergeCell ref="ULQ725:ULT725"/>
    <mergeCell ref="ULU725:ULX725"/>
    <mergeCell ref="ULY725:UMB725"/>
    <mergeCell ref="UMC725:UMF725"/>
    <mergeCell ref="UKS725:UKV725"/>
    <mergeCell ref="UKW725:UKZ725"/>
    <mergeCell ref="ULA725:ULD725"/>
    <mergeCell ref="ULE725:ULH725"/>
    <mergeCell ref="ULI725:ULL725"/>
    <mergeCell ref="UJY725:UKB725"/>
    <mergeCell ref="UKC725:UKF725"/>
    <mergeCell ref="UKG725:UKJ725"/>
    <mergeCell ref="UKK725:UKN725"/>
    <mergeCell ref="UKO725:UKR725"/>
    <mergeCell ref="UJE725:UJH725"/>
    <mergeCell ref="UJI725:UJL725"/>
    <mergeCell ref="UJM725:UJP725"/>
    <mergeCell ref="UJQ725:UJT725"/>
    <mergeCell ref="UJU725:UJX725"/>
    <mergeCell ref="UIK725:UIN725"/>
    <mergeCell ref="UIO725:UIR725"/>
    <mergeCell ref="UIS725:UIV725"/>
    <mergeCell ref="UIW725:UIZ725"/>
    <mergeCell ref="UJA725:UJD725"/>
    <mergeCell ref="UHQ725:UHT725"/>
    <mergeCell ref="UHU725:UHX725"/>
    <mergeCell ref="UHY725:UIB725"/>
    <mergeCell ref="UIC725:UIF725"/>
    <mergeCell ref="UIG725:UIJ725"/>
    <mergeCell ref="URQ725:URT725"/>
    <mergeCell ref="URU725:URX725"/>
    <mergeCell ref="URY725:USB725"/>
    <mergeCell ref="USC725:USF725"/>
    <mergeCell ref="USG725:USJ725"/>
    <mergeCell ref="UQW725:UQZ725"/>
    <mergeCell ref="URA725:URD725"/>
    <mergeCell ref="URE725:URH725"/>
    <mergeCell ref="URI725:URL725"/>
    <mergeCell ref="URM725:URP725"/>
    <mergeCell ref="UQC725:UQF725"/>
    <mergeCell ref="UQG725:UQJ725"/>
    <mergeCell ref="UQK725:UQN725"/>
    <mergeCell ref="UQO725:UQR725"/>
    <mergeCell ref="UQS725:UQV725"/>
    <mergeCell ref="UPI725:UPL725"/>
    <mergeCell ref="UPM725:UPP725"/>
    <mergeCell ref="UPQ725:UPT725"/>
    <mergeCell ref="UPU725:UPX725"/>
    <mergeCell ref="UPY725:UQB725"/>
    <mergeCell ref="UOO725:UOR725"/>
    <mergeCell ref="UOS725:UOV725"/>
    <mergeCell ref="UOW725:UOZ725"/>
    <mergeCell ref="UPA725:UPD725"/>
    <mergeCell ref="UPE725:UPH725"/>
    <mergeCell ref="UNU725:UNX725"/>
    <mergeCell ref="UNY725:UOB725"/>
    <mergeCell ref="UOC725:UOF725"/>
    <mergeCell ref="UOG725:UOJ725"/>
    <mergeCell ref="UOK725:UON725"/>
    <mergeCell ref="UNA725:UND725"/>
    <mergeCell ref="UNE725:UNH725"/>
    <mergeCell ref="UNI725:UNL725"/>
    <mergeCell ref="UNM725:UNP725"/>
    <mergeCell ref="UNQ725:UNT725"/>
    <mergeCell ref="UXA725:UXD725"/>
    <mergeCell ref="UXE725:UXH725"/>
    <mergeCell ref="UXI725:UXL725"/>
    <mergeCell ref="UXM725:UXP725"/>
    <mergeCell ref="UXQ725:UXT725"/>
    <mergeCell ref="UWG725:UWJ725"/>
    <mergeCell ref="UWK725:UWN725"/>
    <mergeCell ref="UWO725:UWR725"/>
    <mergeCell ref="UWS725:UWV725"/>
    <mergeCell ref="UWW725:UWZ725"/>
    <mergeCell ref="UVM725:UVP725"/>
    <mergeCell ref="UVQ725:UVT725"/>
    <mergeCell ref="UVU725:UVX725"/>
    <mergeCell ref="UVY725:UWB725"/>
    <mergeCell ref="UWC725:UWF725"/>
    <mergeCell ref="UUS725:UUV725"/>
    <mergeCell ref="UUW725:UUZ725"/>
    <mergeCell ref="UVA725:UVD725"/>
    <mergeCell ref="UVE725:UVH725"/>
    <mergeCell ref="UVI725:UVL725"/>
    <mergeCell ref="UTY725:UUB725"/>
    <mergeCell ref="UUC725:UUF725"/>
    <mergeCell ref="UUG725:UUJ725"/>
    <mergeCell ref="UUK725:UUN725"/>
    <mergeCell ref="UUO725:UUR725"/>
    <mergeCell ref="UTE725:UTH725"/>
    <mergeCell ref="UTI725:UTL725"/>
    <mergeCell ref="UTM725:UTP725"/>
    <mergeCell ref="UTQ725:UTT725"/>
    <mergeCell ref="UTU725:UTX725"/>
    <mergeCell ref="USK725:USN725"/>
    <mergeCell ref="USO725:USR725"/>
    <mergeCell ref="USS725:USV725"/>
    <mergeCell ref="USW725:USZ725"/>
    <mergeCell ref="UTA725:UTD725"/>
    <mergeCell ref="VCK725:VCN725"/>
    <mergeCell ref="VCO725:VCR725"/>
    <mergeCell ref="VCS725:VCV725"/>
    <mergeCell ref="VCW725:VCZ725"/>
    <mergeCell ref="VDA725:VDD725"/>
    <mergeCell ref="VBQ725:VBT725"/>
    <mergeCell ref="VBU725:VBX725"/>
    <mergeCell ref="VBY725:VCB725"/>
    <mergeCell ref="VCC725:VCF725"/>
    <mergeCell ref="VCG725:VCJ725"/>
    <mergeCell ref="VAW725:VAZ725"/>
    <mergeCell ref="VBA725:VBD725"/>
    <mergeCell ref="VBE725:VBH725"/>
    <mergeCell ref="VBI725:VBL725"/>
    <mergeCell ref="VBM725:VBP725"/>
    <mergeCell ref="VAC725:VAF725"/>
    <mergeCell ref="VAG725:VAJ725"/>
    <mergeCell ref="VAK725:VAN725"/>
    <mergeCell ref="VAO725:VAR725"/>
    <mergeCell ref="VAS725:VAV725"/>
    <mergeCell ref="UZI725:UZL725"/>
    <mergeCell ref="UZM725:UZP725"/>
    <mergeCell ref="UZQ725:UZT725"/>
    <mergeCell ref="UZU725:UZX725"/>
    <mergeCell ref="UZY725:VAB725"/>
    <mergeCell ref="UYO725:UYR725"/>
    <mergeCell ref="UYS725:UYV725"/>
    <mergeCell ref="UYW725:UYZ725"/>
    <mergeCell ref="UZA725:UZD725"/>
    <mergeCell ref="UZE725:UZH725"/>
    <mergeCell ref="UXU725:UXX725"/>
    <mergeCell ref="UXY725:UYB725"/>
    <mergeCell ref="UYC725:UYF725"/>
    <mergeCell ref="UYG725:UYJ725"/>
    <mergeCell ref="UYK725:UYN725"/>
    <mergeCell ref="VHU725:VHX725"/>
    <mergeCell ref="VHY725:VIB725"/>
    <mergeCell ref="VIC725:VIF725"/>
    <mergeCell ref="VIG725:VIJ725"/>
    <mergeCell ref="VIK725:VIN725"/>
    <mergeCell ref="VHA725:VHD725"/>
    <mergeCell ref="VHE725:VHH725"/>
    <mergeCell ref="VHI725:VHL725"/>
    <mergeCell ref="VHM725:VHP725"/>
    <mergeCell ref="VHQ725:VHT725"/>
    <mergeCell ref="VGG725:VGJ725"/>
    <mergeCell ref="VGK725:VGN725"/>
    <mergeCell ref="VGO725:VGR725"/>
    <mergeCell ref="VGS725:VGV725"/>
    <mergeCell ref="VGW725:VGZ725"/>
    <mergeCell ref="VFM725:VFP725"/>
    <mergeCell ref="VFQ725:VFT725"/>
    <mergeCell ref="VFU725:VFX725"/>
    <mergeCell ref="VFY725:VGB725"/>
    <mergeCell ref="VGC725:VGF725"/>
    <mergeCell ref="VES725:VEV725"/>
    <mergeCell ref="VEW725:VEZ725"/>
    <mergeCell ref="VFA725:VFD725"/>
    <mergeCell ref="VFE725:VFH725"/>
    <mergeCell ref="VFI725:VFL725"/>
    <mergeCell ref="VDY725:VEB725"/>
    <mergeCell ref="VEC725:VEF725"/>
    <mergeCell ref="VEG725:VEJ725"/>
    <mergeCell ref="VEK725:VEN725"/>
    <mergeCell ref="VEO725:VER725"/>
    <mergeCell ref="VDE725:VDH725"/>
    <mergeCell ref="VDI725:VDL725"/>
    <mergeCell ref="VDM725:VDP725"/>
    <mergeCell ref="VDQ725:VDT725"/>
    <mergeCell ref="VDU725:VDX725"/>
    <mergeCell ref="VNE725:VNH725"/>
    <mergeCell ref="VNI725:VNL725"/>
    <mergeCell ref="VNM725:VNP725"/>
    <mergeCell ref="VNQ725:VNT725"/>
    <mergeCell ref="VNU725:VNX725"/>
    <mergeCell ref="VMK725:VMN725"/>
    <mergeCell ref="VMO725:VMR725"/>
    <mergeCell ref="VMS725:VMV725"/>
    <mergeCell ref="VMW725:VMZ725"/>
    <mergeCell ref="VNA725:VND725"/>
    <mergeCell ref="VLQ725:VLT725"/>
    <mergeCell ref="VLU725:VLX725"/>
    <mergeCell ref="VLY725:VMB725"/>
    <mergeCell ref="VMC725:VMF725"/>
    <mergeCell ref="VMG725:VMJ725"/>
    <mergeCell ref="VKW725:VKZ725"/>
    <mergeCell ref="VLA725:VLD725"/>
    <mergeCell ref="VLE725:VLH725"/>
    <mergeCell ref="VLI725:VLL725"/>
    <mergeCell ref="VLM725:VLP725"/>
    <mergeCell ref="VKC725:VKF725"/>
    <mergeCell ref="VKG725:VKJ725"/>
    <mergeCell ref="VKK725:VKN725"/>
    <mergeCell ref="VKO725:VKR725"/>
    <mergeCell ref="VKS725:VKV725"/>
    <mergeCell ref="VJI725:VJL725"/>
    <mergeCell ref="VJM725:VJP725"/>
    <mergeCell ref="VJQ725:VJT725"/>
    <mergeCell ref="VJU725:VJX725"/>
    <mergeCell ref="VJY725:VKB725"/>
    <mergeCell ref="VIO725:VIR725"/>
    <mergeCell ref="VIS725:VIV725"/>
    <mergeCell ref="VIW725:VIZ725"/>
    <mergeCell ref="VJA725:VJD725"/>
    <mergeCell ref="VJE725:VJH725"/>
    <mergeCell ref="VSO725:VSR725"/>
    <mergeCell ref="VSS725:VSV725"/>
    <mergeCell ref="VSW725:VSZ725"/>
    <mergeCell ref="VTA725:VTD725"/>
    <mergeCell ref="VTE725:VTH725"/>
    <mergeCell ref="VRU725:VRX725"/>
    <mergeCell ref="VRY725:VSB725"/>
    <mergeCell ref="VSC725:VSF725"/>
    <mergeCell ref="VSG725:VSJ725"/>
    <mergeCell ref="VSK725:VSN725"/>
    <mergeCell ref="VRA725:VRD725"/>
    <mergeCell ref="VRE725:VRH725"/>
    <mergeCell ref="VRI725:VRL725"/>
    <mergeCell ref="VRM725:VRP725"/>
    <mergeCell ref="VRQ725:VRT725"/>
    <mergeCell ref="VQG725:VQJ725"/>
    <mergeCell ref="VQK725:VQN725"/>
    <mergeCell ref="VQO725:VQR725"/>
    <mergeCell ref="VQS725:VQV725"/>
    <mergeCell ref="VQW725:VQZ725"/>
    <mergeCell ref="VPM725:VPP725"/>
    <mergeCell ref="VPQ725:VPT725"/>
    <mergeCell ref="VPU725:VPX725"/>
    <mergeCell ref="VPY725:VQB725"/>
    <mergeCell ref="VQC725:VQF725"/>
    <mergeCell ref="VOS725:VOV725"/>
    <mergeCell ref="VOW725:VOZ725"/>
    <mergeCell ref="VPA725:VPD725"/>
    <mergeCell ref="VPE725:VPH725"/>
    <mergeCell ref="VPI725:VPL725"/>
    <mergeCell ref="VNY725:VOB725"/>
    <mergeCell ref="VOC725:VOF725"/>
    <mergeCell ref="VOG725:VOJ725"/>
    <mergeCell ref="VOK725:VON725"/>
    <mergeCell ref="VOO725:VOR725"/>
    <mergeCell ref="VXY725:VYB725"/>
    <mergeCell ref="VYC725:VYF725"/>
    <mergeCell ref="VYG725:VYJ725"/>
    <mergeCell ref="VYK725:VYN725"/>
    <mergeCell ref="VYO725:VYR725"/>
    <mergeCell ref="VXE725:VXH725"/>
    <mergeCell ref="VXI725:VXL725"/>
    <mergeCell ref="VXM725:VXP725"/>
    <mergeCell ref="VXQ725:VXT725"/>
    <mergeCell ref="VXU725:VXX725"/>
    <mergeCell ref="VWK725:VWN725"/>
    <mergeCell ref="VWO725:VWR725"/>
    <mergeCell ref="VWS725:VWV725"/>
    <mergeCell ref="VWW725:VWZ725"/>
    <mergeCell ref="VXA725:VXD725"/>
    <mergeCell ref="VVQ725:VVT725"/>
    <mergeCell ref="VVU725:VVX725"/>
    <mergeCell ref="VVY725:VWB725"/>
    <mergeCell ref="VWC725:VWF725"/>
    <mergeCell ref="VWG725:VWJ725"/>
    <mergeCell ref="VUW725:VUZ725"/>
    <mergeCell ref="VVA725:VVD725"/>
    <mergeCell ref="VVE725:VVH725"/>
    <mergeCell ref="VVI725:VVL725"/>
    <mergeCell ref="VVM725:VVP725"/>
    <mergeCell ref="VUC725:VUF725"/>
    <mergeCell ref="VUG725:VUJ725"/>
    <mergeCell ref="VUK725:VUN725"/>
    <mergeCell ref="VUO725:VUR725"/>
    <mergeCell ref="VUS725:VUV725"/>
    <mergeCell ref="VTI725:VTL725"/>
    <mergeCell ref="VTM725:VTP725"/>
    <mergeCell ref="VTQ725:VTT725"/>
    <mergeCell ref="VTU725:VTX725"/>
    <mergeCell ref="VTY725:VUB725"/>
    <mergeCell ref="WDI725:WDL725"/>
    <mergeCell ref="WDM725:WDP725"/>
    <mergeCell ref="WDQ725:WDT725"/>
    <mergeCell ref="WDU725:WDX725"/>
    <mergeCell ref="WDY725:WEB725"/>
    <mergeCell ref="WCO725:WCR725"/>
    <mergeCell ref="WCS725:WCV725"/>
    <mergeCell ref="WCW725:WCZ725"/>
    <mergeCell ref="WDA725:WDD725"/>
    <mergeCell ref="WDE725:WDH725"/>
    <mergeCell ref="WBU725:WBX725"/>
    <mergeCell ref="WBY725:WCB725"/>
    <mergeCell ref="WCC725:WCF725"/>
    <mergeCell ref="WCG725:WCJ725"/>
    <mergeCell ref="WCK725:WCN725"/>
    <mergeCell ref="WBA725:WBD725"/>
    <mergeCell ref="WBE725:WBH725"/>
    <mergeCell ref="WBI725:WBL725"/>
    <mergeCell ref="WBM725:WBP725"/>
    <mergeCell ref="WBQ725:WBT725"/>
    <mergeCell ref="WAG725:WAJ725"/>
    <mergeCell ref="WAK725:WAN725"/>
    <mergeCell ref="WAO725:WAR725"/>
    <mergeCell ref="WAS725:WAV725"/>
    <mergeCell ref="WAW725:WAZ725"/>
    <mergeCell ref="VZM725:VZP725"/>
    <mergeCell ref="VZQ725:VZT725"/>
    <mergeCell ref="VZU725:VZX725"/>
    <mergeCell ref="VZY725:WAB725"/>
    <mergeCell ref="WAC725:WAF725"/>
    <mergeCell ref="VYS725:VYV725"/>
    <mergeCell ref="VYW725:VYZ725"/>
    <mergeCell ref="VZA725:VZD725"/>
    <mergeCell ref="VZE725:VZH725"/>
    <mergeCell ref="VZI725:VZL725"/>
    <mergeCell ref="WIS725:WIV725"/>
    <mergeCell ref="WIW725:WIZ725"/>
    <mergeCell ref="WJA725:WJD725"/>
    <mergeCell ref="WJE725:WJH725"/>
    <mergeCell ref="WJI725:WJL725"/>
    <mergeCell ref="WHY725:WIB725"/>
    <mergeCell ref="WIC725:WIF725"/>
    <mergeCell ref="WIG725:WIJ725"/>
    <mergeCell ref="WIK725:WIN725"/>
    <mergeCell ref="WIO725:WIR725"/>
    <mergeCell ref="WHE725:WHH725"/>
    <mergeCell ref="WHI725:WHL725"/>
    <mergeCell ref="WHM725:WHP725"/>
    <mergeCell ref="WHQ725:WHT725"/>
    <mergeCell ref="WHU725:WHX725"/>
    <mergeCell ref="WGK725:WGN725"/>
    <mergeCell ref="WGO725:WGR725"/>
    <mergeCell ref="WGS725:WGV725"/>
    <mergeCell ref="WGW725:WGZ725"/>
    <mergeCell ref="WHA725:WHD725"/>
    <mergeCell ref="WFQ725:WFT725"/>
    <mergeCell ref="WFU725:WFX725"/>
    <mergeCell ref="WFY725:WGB725"/>
    <mergeCell ref="WGC725:WGF725"/>
    <mergeCell ref="WGG725:WGJ725"/>
    <mergeCell ref="WEW725:WEZ725"/>
    <mergeCell ref="WFA725:WFD725"/>
    <mergeCell ref="WFE725:WFH725"/>
    <mergeCell ref="WFI725:WFL725"/>
    <mergeCell ref="WFM725:WFP725"/>
    <mergeCell ref="WEC725:WEF725"/>
    <mergeCell ref="WEG725:WEJ725"/>
    <mergeCell ref="WEK725:WEN725"/>
    <mergeCell ref="WEO725:WER725"/>
    <mergeCell ref="WES725:WEV725"/>
    <mergeCell ref="WOC725:WOF725"/>
    <mergeCell ref="WOG725:WOJ725"/>
    <mergeCell ref="WOK725:WON725"/>
    <mergeCell ref="WOO725:WOR725"/>
    <mergeCell ref="WOS725:WOV725"/>
    <mergeCell ref="WNI725:WNL725"/>
    <mergeCell ref="WNM725:WNP725"/>
    <mergeCell ref="WNQ725:WNT725"/>
    <mergeCell ref="WNU725:WNX725"/>
    <mergeCell ref="WNY725:WOB725"/>
    <mergeCell ref="WMO725:WMR725"/>
    <mergeCell ref="WMS725:WMV725"/>
    <mergeCell ref="WMW725:WMZ725"/>
    <mergeCell ref="WNA725:WND725"/>
    <mergeCell ref="WNE725:WNH725"/>
    <mergeCell ref="WLU725:WLX725"/>
    <mergeCell ref="WLY725:WMB725"/>
    <mergeCell ref="WMC725:WMF725"/>
    <mergeCell ref="WMG725:WMJ725"/>
    <mergeCell ref="WMK725:WMN725"/>
    <mergeCell ref="WLA725:WLD725"/>
    <mergeCell ref="WLE725:WLH725"/>
    <mergeCell ref="WLI725:WLL725"/>
    <mergeCell ref="WLM725:WLP725"/>
    <mergeCell ref="WLQ725:WLT725"/>
    <mergeCell ref="WKG725:WKJ725"/>
    <mergeCell ref="WKK725:WKN725"/>
    <mergeCell ref="WKO725:WKR725"/>
    <mergeCell ref="WKS725:WKV725"/>
    <mergeCell ref="WKW725:WKZ725"/>
    <mergeCell ref="WJM725:WJP725"/>
    <mergeCell ref="WJQ725:WJT725"/>
    <mergeCell ref="WJU725:WJX725"/>
    <mergeCell ref="WJY725:WKB725"/>
    <mergeCell ref="WKC725:WKF725"/>
    <mergeCell ref="WTM725:WTP725"/>
    <mergeCell ref="WTQ725:WTT725"/>
    <mergeCell ref="WTU725:WTX725"/>
    <mergeCell ref="WTY725:WUB725"/>
    <mergeCell ref="WUC725:WUF725"/>
    <mergeCell ref="WSS725:WSV725"/>
    <mergeCell ref="WSW725:WSZ725"/>
    <mergeCell ref="WTA725:WTD725"/>
    <mergeCell ref="WTE725:WTH725"/>
    <mergeCell ref="WTI725:WTL725"/>
    <mergeCell ref="WRY725:WSB725"/>
    <mergeCell ref="WSC725:WSF725"/>
    <mergeCell ref="WSG725:WSJ725"/>
    <mergeCell ref="WSK725:WSN725"/>
    <mergeCell ref="WSO725:WSR725"/>
    <mergeCell ref="WRE725:WRH725"/>
    <mergeCell ref="WRI725:WRL725"/>
    <mergeCell ref="WRM725:WRP725"/>
    <mergeCell ref="WRQ725:WRT725"/>
    <mergeCell ref="WRU725:WRX725"/>
    <mergeCell ref="WQK725:WQN725"/>
    <mergeCell ref="WQO725:WQR725"/>
    <mergeCell ref="WQS725:WQV725"/>
    <mergeCell ref="WQW725:WQZ725"/>
    <mergeCell ref="WRA725:WRD725"/>
    <mergeCell ref="WPQ725:WPT725"/>
    <mergeCell ref="WPU725:WPX725"/>
    <mergeCell ref="WPY725:WQB725"/>
    <mergeCell ref="WQC725:WQF725"/>
    <mergeCell ref="WQG725:WQJ725"/>
    <mergeCell ref="WOW725:WOZ725"/>
    <mergeCell ref="WPA725:WPD725"/>
    <mergeCell ref="WPE725:WPH725"/>
    <mergeCell ref="WPI725:WPL725"/>
    <mergeCell ref="WPM725:WPP725"/>
    <mergeCell ref="XAC725:XAF725"/>
    <mergeCell ref="XAG725:XAJ725"/>
    <mergeCell ref="WYW725:WYZ725"/>
    <mergeCell ref="WZA725:WZD725"/>
    <mergeCell ref="WZE725:WZH725"/>
    <mergeCell ref="WZI725:WZL725"/>
    <mergeCell ref="WZM725:WZP725"/>
    <mergeCell ref="WYC725:WYF725"/>
    <mergeCell ref="WYG725:WYJ725"/>
    <mergeCell ref="WYK725:WYN725"/>
    <mergeCell ref="WYO725:WYR725"/>
    <mergeCell ref="WYS725:WYV725"/>
    <mergeCell ref="WXI725:WXL725"/>
    <mergeCell ref="WXM725:WXP725"/>
    <mergeCell ref="WXQ725:WXT725"/>
    <mergeCell ref="WXU725:WXX725"/>
    <mergeCell ref="WXY725:WYB725"/>
    <mergeCell ref="WWO725:WWR725"/>
    <mergeCell ref="WWS725:WWV725"/>
    <mergeCell ref="WWW725:WWZ725"/>
    <mergeCell ref="WXA725:WXD725"/>
    <mergeCell ref="WXE725:WXH725"/>
    <mergeCell ref="WVU725:WVX725"/>
    <mergeCell ref="WVY725:WWB725"/>
    <mergeCell ref="WWC725:WWF725"/>
    <mergeCell ref="WWG725:WWJ725"/>
    <mergeCell ref="WWK725:WWN725"/>
    <mergeCell ref="WVA725:WVD725"/>
    <mergeCell ref="WVE725:WVH725"/>
    <mergeCell ref="WVI725:WVL725"/>
    <mergeCell ref="WVM725:WVP725"/>
    <mergeCell ref="WVQ725:WVT725"/>
    <mergeCell ref="WUG725:WUJ725"/>
    <mergeCell ref="WUK725:WUN725"/>
    <mergeCell ref="WUO725:WUR725"/>
    <mergeCell ref="WUS725:WUV725"/>
    <mergeCell ref="WUW725:WUZ725"/>
    <mergeCell ref="CW726:CZ726"/>
    <mergeCell ref="DA726:DD726"/>
    <mergeCell ref="DE726:DH726"/>
    <mergeCell ref="DI726:DL726"/>
    <mergeCell ref="DM726:DP726"/>
    <mergeCell ref="CC726:CF726"/>
    <mergeCell ref="CG726:CJ726"/>
    <mergeCell ref="CK726:CN726"/>
    <mergeCell ref="CO726:CR726"/>
    <mergeCell ref="CS726:CV726"/>
    <mergeCell ref="BI726:BL726"/>
    <mergeCell ref="BM726:BP726"/>
    <mergeCell ref="BQ726:BT726"/>
    <mergeCell ref="BU726:BX726"/>
    <mergeCell ref="BY726:CB726"/>
    <mergeCell ref="XFA725:XFD725"/>
    <mergeCell ref="A726:D726"/>
    <mergeCell ref="E726:H726"/>
    <mergeCell ref="I726:L726"/>
    <mergeCell ref="M726:P726"/>
    <mergeCell ref="Q726:T726"/>
    <mergeCell ref="U726:X726"/>
    <mergeCell ref="Y726:AB726"/>
    <mergeCell ref="AC726:AF726"/>
    <mergeCell ref="AG726:AJ726"/>
    <mergeCell ref="AK726:AN726"/>
    <mergeCell ref="AO726:AR726"/>
    <mergeCell ref="AS726:AV726"/>
    <mergeCell ref="AW726:AZ726"/>
    <mergeCell ref="BA726:BD726"/>
    <mergeCell ref="BE726:BH726"/>
    <mergeCell ref="XEG725:XEJ725"/>
    <mergeCell ref="XEK725:XEN725"/>
    <mergeCell ref="XEO725:XER725"/>
    <mergeCell ref="XES725:XEV725"/>
    <mergeCell ref="XEW725:XEZ725"/>
    <mergeCell ref="XDM725:XDP725"/>
    <mergeCell ref="XDQ725:XDT725"/>
    <mergeCell ref="XDU725:XDX725"/>
    <mergeCell ref="XDY725:XEB725"/>
    <mergeCell ref="XEC725:XEF725"/>
    <mergeCell ref="XCS725:XCV725"/>
    <mergeCell ref="XCW725:XCZ725"/>
    <mergeCell ref="XDA725:XDD725"/>
    <mergeCell ref="XDE725:XDH725"/>
    <mergeCell ref="XDI725:XDL725"/>
    <mergeCell ref="XBY725:XCB725"/>
    <mergeCell ref="XCC725:XCF725"/>
    <mergeCell ref="XCG725:XCJ725"/>
    <mergeCell ref="XCK725:XCN725"/>
    <mergeCell ref="XCO725:XCR725"/>
    <mergeCell ref="XBE725:XBH725"/>
    <mergeCell ref="XBI725:XBL725"/>
    <mergeCell ref="XBM725:XBP725"/>
    <mergeCell ref="XBQ725:XBT725"/>
    <mergeCell ref="XBU725:XBX725"/>
    <mergeCell ref="XAK725:XAN725"/>
    <mergeCell ref="XAO725:XAR725"/>
    <mergeCell ref="XAS725:XAV725"/>
    <mergeCell ref="XAW725:XAZ725"/>
    <mergeCell ref="XBA725:XBD725"/>
    <mergeCell ref="WZQ725:WZT725"/>
    <mergeCell ref="WZU725:WZX725"/>
    <mergeCell ref="WZY725:XAB725"/>
    <mergeCell ref="IG726:IJ726"/>
    <mergeCell ref="IK726:IN726"/>
    <mergeCell ref="IO726:IR726"/>
    <mergeCell ref="IS726:IV726"/>
    <mergeCell ref="IW726:IZ726"/>
    <mergeCell ref="HM726:HP726"/>
    <mergeCell ref="HQ726:HT726"/>
    <mergeCell ref="HU726:HX726"/>
    <mergeCell ref="HY726:IB726"/>
    <mergeCell ref="IC726:IF726"/>
    <mergeCell ref="GS726:GV726"/>
    <mergeCell ref="GW726:GZ726"/>
    <mergeCell ref="HA726:HD726"/>
    <mergeCell ref="HE726:HH726"/>
    <mergeCell ref="HI726:HL726"/>
    <mergeCell ref="FY726:GB726"/>
    <mergeCell ref="GC726:GF726"/>
    <mergeCell ref="GG726:GJ726"/>
    <mergeCell ref="GK726:GN726"/>
    <mergeCell ref="GO726:GR726"/>
    <mergeCell ref="FE726:FH726"/>
    <mergeCell ref="FI726:FL726"/>
    <mergeCell ref="FM726:FP726"/>
    <mergeCell ref="FQ726:FT726"/>
    <mergeCell ref="FU726:FX726"/>
    <mergeCell ref="EK726:EN726"/>
    <mergeCell ref="EO726:ER726"/>
    <mergeCell ref="ES726:EV726"/>
    <mergeCell ref="EW726:EZ726"/>
    <mergeCell ref="FA726:FD726"/>
    <mergeCell ref="DQ726:DT726"/>
    <mergeCell ref="DU726:DX726"/>
    <mergeCell ref="DY726:EB726"/>
    <mergeCell ref="EC726:EF726"/>
    <mergeCell ref="EG726:EJ726"/>
    <mergeCell ref="NQ726:NT726"/>
    <mergeCell ref="NU726:NX726"/>
    <mergeCell ref="NY726:OB726"/>
    <mergeCell ref="OC726:OF726"/>
    <mergeCell ref="OG726:OJ726"/>
    <mergeCell ref="MW726:MZ726"/>
    <mergeCell ref="NA726:ND726"/>
    <mergeCell ref="NE726:NH726"/>
    <mergeCell ref="NI726:NL726"/>
    <mergeCell ref="NM726:NP726"/>
    <mergeCell ref="MC726:MF726"/>
    <mergeCell ref="MG726:MJ726"/>
    <mergeCell ref="MK726:MN726"/>
    <mergeCell ref="MO726:MR726"/>
    <mergeCell ref="MS726:MV726"/>
    <mergeCell ref="LI726:LL726"/>
    <mergeCell ref="LM726:LP726"/>
    <mergeCell ref="LQ726:LT726"/>
    <mergeCell ref="LU726:LX726"/>
    <mergeCell ref="LY726:MB726"/>
    <mergeCell ref="KO726:KR726"/>
    <mergeCell ref="KS726:KV726"/>
    <mergeCell ref="KW726:KZ726"/>
    <mergeCell ref="LA726:LD726"/>
    <mergeCell ref="LE726:LH726"/>
    <mergeCell ref="JU726:JX726"/>
    <mergeCell ref="JY726:KB726"/>
    <mergeCell ref="KC726:KF726"/>
    <mergeCell ref="KG726:KJ726"/>
    <mergeCell ref="KK726:KN726"/>
    <mergeCell ref="JA726:JD726"/>
    <mergeCell ref="JE726:JH726"/>
    <mergeCell ref="JI726:JL726"/>
    <mergeCell ref="JM726:JP726"/>
    <mergeCell ref="JQ726:JT726"/>
    <mergeCell ref="TA726:TD726"/>
    <mergeCell ref="TE726:TH726"/>
    <mergeCell ref="TI726:TL726"/>
    <mergeCell ref="TM726:TP726"/>
    <mergeCell ref="TQ726:TT726"/>
    <mergeCell ref="SG726:SJ726"/>
    <mergeCell ref="SK726:SN726"/>
    <mergeCell ref="SO726:SR726"/>
    <mergeCell ref="SS726:SV726"/>
    <mergeCell ref="SW726:SZ726"/>
    <mergeCell ref="RM726:RP726"/>
    <mergeCell ref="RQ726:RT726"/>
    <mergeCell ref="RU726:RX726"/>
    <mergeCell ref="RY726:SB726"/>
    <mergeCell ref="SC726:SF726"/>
    <mergeCell ref="QS726:QV726"/>
    <mergeCell ref="QW726:QZ726"/>
    <mergeCell ref="RA726:RD726"/>
    <mergeCell ref="RE726:RH726"/>
    <mergeCell ref="RI726:RL726"/>
    <mergeCell ref="PY726:QB726"/>
    <mergeCell ref="QC726:QF726"/>
    <mergeCell ref="QG726:QJ726"/>
    <mergeCell ref="QK726:QN726"/>
    <mergeCell ref="QO726:QR726"/>
    <mergeCell ref="PE726:PH726"/>
    <mergeCell ref="PI726:PL726"/>
    <mergeCell ref="PM726:PP726"/>
    <mergeCell ref="PQ726:PT726"/>
    <mergeCell ref="PU726:PX726"/>
    <mergeCell ref="OK726:ON726"/>
    <mergeCell ref="OO726:OR726"/>
    <mergeCell ref="OS726:OV726"/>
    <mergeCell ref="OW726:OZ726"/>
    <mergeCell ref="PA726:PD726"/>
    <mergeCell ref="YK726:YN726"/>
    <mergeCell ref="YO726:YR726"/>
    <mergeCell ref="YS726:YV726"/>
    <mergeCell ref="YW726:YZ726"/>
    <mergeCell ref="ZA726:ZD726"/>
    <mergeCell ref="XQ726:XT726"/>
    <mergeCell ref="XU726:XX726"/>
    <mergeCell ref="XY726:YB726"/>
    <mergeCell ref="YC726:YF726"/>
    <mergeCell ref="YG726:YJ726"/>
    <mergeCell ref="WW726:WZ726"/>
    <mergeCell ref="XA726:XD726"/>
    <mergeCell ref="XE726:XH726"/>
    <mergeCell ref="XI726:XL726"/>
    <mergeCell ref="XM726:XP726"/>
    <mergeCell ref="WC726:WF726"/>
    <mergeCell ref="WG726:WJ726"/>
    <mergeCell ref="WK726:WN726"/>
    <mergeCell ref="WO726:WR726"/>
    <mergeCell ref="WS726:WV726"/>
    <mergeCell ref="VI726:VL726"/>
    <mergeCell ref="VM726:VP726"/>
    <mergeCell ref="VQ726:VT726"/>
    <mergeCell ref="VU726:VX726"/>
    <mergeCell ref="VY726:WB726"/>
    <mergeCell ref="UO726:UR726"/>
    <mergeCell ref="US726:UV726"/>
    <mergeCell ref="UW726:UZ726"/>
    <mergeCell ref="VA726:VD726"/>
    <mergeCell ref="VE726:VH726"/>
    <mergeCell ref="TU726:TX726"/>
    <mergeCell ref="TY726:UB726"/>
    <mergeCell ref="UC726:UF726"/>
    <mergeCell ref="UG726:UJ726"/>
    <mergeCell ref="UK726:UN726"/>
    <mergeCell ref="ADU726:ADX726"/>
    <mergeCell ref="ADY726:AEB726"/>
    <mergeCell ref="AEC726:AEF726"/>
    <mergeCell ref="AEG726:AEJ726"/>
    <mergeCell ref="AEK726:AEN726"/>
    <mergeCell ref="ADA726:ADD726"/>
    <mergeCell ref="ADE726:ADH726"/>
    <mergeCell ref="ADI726:ADL726"/>
    <mergeCell ref="ADM726:ADP726"/>
    <mergeCell ref="ADQ726:ADT726"/>
    <mergeCell ref="ACG726:ACJ726"/>
    <mergeCell ref="ACK726:ACN726"/>
    <mergeCell ref="ACO726:ACR726"/>
    <mergeCell ref="ACS726:ACV726"/>
    <mergeCell ref="ACW726:ACZ726"/>
    <mergeCell ref="ABM726:ABP726"/>
    <mergeCell ref="ABQ726:ABT726"/>
    <mergeCell ref="ABU726:ABX726"/>
    <mergeCell ref="ABY726:ACB726"/>
    <mergeCell ref="ACC726:ACF726"/>
    <mergeCell ref="AAS726:AAV726"/>
    <mergeCell ref="AAW726:AAZ726"/>
    <mergeCell ref="ABA726:ABD726"/>
    <mergeCell ref="ABE726:ABH726"/>
    <mergeCell ref="ABI726:ABL726"/>
    <mergeCell ref="ZY726:AAB726"/>
    <mergeCell ref="AAC726:AAF726"/>
    <mergeCell ref="AAG726:AAJ726"/>
    <mergeCell ref="AAK726:AAN726"/>
    <mergeCell ref="AAO726:AAR726"/>
    <mergeCell ref="ZE726:ZH726"/>
    <mergeCell ref="ZI726:ZL726"/>
    <mergeCell ref="ZM726:ZP726"/>
    <mergeCell ref="ZQ726:ZT726"/>
    <mergeCell ref="ZU726:ZX726"/>
    <mergeCell ref="AJE726:AJH726"/>
    <mergeCell ref="AJI726:AJL726"/>
    <mergeCell ref="AJM726:AJP726"/>
    <mergeCell ref="AJQ726:AJT726"/>
    <mergeCell ref="AJU726:AJX726"/>
    <mergeCell ref="AIK726:AIN726"/>
    <mergeCell ref="AIO726:AIR726"/>
    <mergeCell ref="AIS726:AIV726"/>
    <mergeCell ref="AIW726:AIZ726"/>
    <mergeCell ref="AJA726:AJD726"/>
    <mergeCell ref="AHQ726:AHT726"/>
    <mergeCell ref="AHU726:AHX726"/>
    <mergeCell ref="AHY726:AIB726"/>
    <mergeCell ref="AIC726:AIF726"/>
    <mergeCell ref="AIG726:AIJ726"/>
    <mergeCell ref="AGW726:AGZ726"/>
    <mergeCell ref="AHA726:AHD726"/>
    <mergeCell ref="AHE726:AHH726"/>
    <mergeCell ref="AHI726:AHL726"/>
    <mergeCell ref="AHM726:AHP726"/>
    <mergeCell ref="AGC726:AGF726"/>
    <mergeCell ref="AGG726:AGJ726"/>
    <mergeCell ref="AGK726:AGN726"/>
    <mergeCell ref="AGO726:AGR726"/>
    <mergeCell ref="AGS726:AGV726"/>
    <mergeCell ref="AFI726:AFL726"/>
    <mergeCell ref="AFM726:AFP726"/>
    <mergeCell ref="AFQ726:AFT726"/>
    <mergeCell ref="AFU726:AFX726"/>
    <mergeCell ref="AFY726:AGB726"/>
    <mergeCell ref="AEO726:AER726"/>
    <mergeCell ref="AES726:AEV726"/>
    <mergeCell ref="AEW726:AEZ726"/>
    <mergeCell ref="AFA726:AFD726"/>
    <mergeCell ref="AFE726:AFH726"/>
    <mergeCell ref="AOO726:AOR726"/>
    <mergeCell ref="AOS726:AOV726"/>
    <mergeCell ref="AOW726:AOZ726"/>
    <mergeCell ref="APA726:APD726"/>
    <mergeCell ref="APE726:APH726"/>
    <mergeCell ref="ANU726:ANX726"/>
    <mergeCell ref="ANY726:AOB726"/>
    <mergeCell ref="AOC726:AOF726"/>
    <mergeCell ref="AOG726:AOJ726"/>
    <mergeCell ref="AOK726:AON726"/>
    <mergeCell ref="ANA726:AND726"/>
    <mergeCell ref="ANE726:ANH726"/>
    <mergeCell ref="ANI726:ANL726"/>
    <mergeCell ref="ANM726:ANP726"/>
    <mergeCell ref="ANQ726:ANT726"/>
    <mergeCell ref="AMG726:AMJ726"/>
    <mergeCell ref="AMK726:AMN726"/>
    <mergeCell ref="AMO726:AMR726"/>
    <mergeCell ref="AMS726:AMV726"/>
    <mergeCell ref="AMW726:AMZ726"/>
    <mergeCell ref="ALM726:ALP726"/>
    <mergeCell ref="ALQ726:ALT726"/>
    <mergeCell ref="ALU726:ALX726"/>
    <mergeCell ref="ALY726:AMB726"/>
    <mergeCell ref="AMC726:AMF726"/>
    <mergeCell ref="AKS726:AKV726"/>
    <mergeCell ref="AKW726:AKZ726"/>
    <mergeCell ref="ALA726:ALD726"/>
    <mergeCell ref="ALE726:ALH726"/>
    <mergeCell ref="ALI726:ALL726"/>
    <mergeCell ref="AJY726:AKB726"/>
    <mergeCell ref="AKC726:AKF726"/>
    <mergeCell ref="AKG726:AKJ726"/>
    <mergeCell ref="AKK726:AKN726"/>
    <mergeCell ref="AKO726:AKR726"/>
    <mergeCell ref="ATY726:AUB726"/>
    <mergeCell ref="AUC726:AUF726"/>
    <mergeCell ref="AUG726:AUJ726"/>
    <mergeCell ref="AUK726:AUN726"/>
    <mergeCell ref="AUO726:AUR726"/>
    <mergeCell ref="ATE726:ATH726"/>
    <mergeCell ref="ATI726:ATL726"/>
    <mergeCell ref="ATM726:ATP726"/>
    <mergeCell ref="ATQ726:ATT726"/>
    <mergeCell ref="ATU726:ATX726"/>
    <mergeCell ref="ASK726:ASN726"/>
    <mergeCell ref="ASO726:ASR726"/>
    <mergeCell ref="ASS726:ASV726"/>
    <mergeCell ref="ASW726:ASZ726"/>
    <mergeCell ref="ATA726:ATD726"/>
    <mergeCell ref="ARQ726:ART726"/>
    <mergeCell ref="ARU726:ARX726"/>
    <mergeCell ref="ARY726:ASB726"/>
    <mergeCell ref="ASC726:ASF726"/>
    <mergeCell ref="ASG726:ASJ726"/>
    <mergeCell ref="AQW726:AQZ726"/>
    <mergeCell ref="ARA726:ARD726"/>
    <mergeCell ref="ARE726:ARH726"/>
    <mergeCell ref="ARI726:ARL726"/>
    <mergeCell ref="ARM726:ARP726"/>
    <mergeCell ref="AQC726:AQF726"/>
    <mergeCell ref="AQG726:AQJ726"/>
    <mergeCell ref="AQK726:AQN726"/>
    <mergeCell ref="AQO726:AQR726"/>
    <mergeCell ref="AQS726:AQV726"/>
    <mergeCell ref="API726:APL726"/>
    <mergeCell ref="APM726:APP726"/>
    <mergeCell ref="APQ726:APT726"/>
    <mergeCell ref="APU726:APX726"/>
    <mergeCell ref="APY726:AQB726"/>
    <mergeCell ref="AZI726:AZL726"/>
    <mergeCell ref="AZM726:AZP726"/>
    <mergeCell ref="AZQ726:AZT726"/>
    <mergeCell ref="AZU726:AZX726"/>
    <mergeCell ref="AZY726:BAB726"/>
    <mergeCell ref="AYO726:AYR726"/>
    <mergeCell ref="AYS726:AYV726"/>
    <mergeCell ref="AYW726:AYZ726"/>
    <mergeCell ref="AZA726:AZD726"/>
    <mergeCell ref="AZE726:AZH726"/>
    <mergeCell ref="AXU726:AXX726"/>
    <mergeCell ref="AXY726:AYB726"/>
    <mergeCell ref="AYC726:AYF726"/>
    <mergeCell ref="AYG726:AYJ726"/>
    <mergeCell ref="AYK726:AYN726"/>
    <mergeCell ref="AXA726:AXD726"/>
    <mergeCell ref="AXE726:AXH726"/>
    <mergeCell ref="AXI726:AXL726"/>
    <mergeCell ref="AXM726:AXP726"/>
    <mergeCell ref="AXQ726:AXT726"/>
    <mergeCell ref="AWG726:AWJ726"/>
    <mergeCell ref="AWK726:AWN726"/>
    <mergeCell ref="AWO726:AWR726"/>
    <mergeCell ref="AWS726:AWV726"/>
    <mergeCell ref="AWW726:AWZ726"/>
    <mergeCell ref="AVM726:AVP726"/>
    <mergeCell ref="AVQ726:AVT726"/>
    <mergeCell ref="AVU726:AVX726"/>
    <mergeCell ref="AVY726:AWB726"/>
    <mergeCell ref="AWC726:AWF726"/>
    <mergeCell ref="AUS726:AUV726"/>
    <mergeCell ref="AUW726:AUZ726"/>
    <mergeCell ref="AVA726:AVD726"/>
    <mergeCell ref="AVE726:AVH726"/>
    <mergeCell ref="AVI726:AVL726"/>
    <mergeCell ref="BES726:BEV726"/>
    <mergeCell ref="BEW726:BEZ726"/>
    <mergeCell ref="BFA726:BFD726"/>
    <mergeCell ref="BFE726:BFH726"/>
    <mergeCell ref="BFI726:BFL726"/>
    <mergeCell ref="BDY726:BEB726"/>
    <mergeCell ref="BEC726:BEF726"/>
    <mergeCell ref="BEG726:BEJ726"/>
    <mergeCell ref="BEK726:BEN726"/>
    <mergeCell ref="BEO726:BER726"/>
    <mergeCell ref="BDE726:BDH726"/>
    <mergeCell ref="BDI726:BDL726"/>
    <mergeCell ref="BDM726:BDP726"/>
    <mergeCell ref="BDQ726:BDT726"/>
    <mergeCell ref="BDU726:BDX726"/>
    <mergeCell ref="BCK726:BCN726"/>
    <mergeCell ref="BCO726:BCR726"/>
    <mergeCell ref="BCS726:BCV726"/>
    <mergeCell ref="BCW726:BCZ726"/>
    <mergeCell ref="BDA726:BDD726"/>
    <mergeCell ref="BBQ726:BBT726"/>
    <mergeCell ref="BBU726:BBX726"/>
    <mergeCell ref="BBY726:BCB726"/>
    <mergeCell ref="BCC726:BCF726"/>
    <mergeCell ref="BCG726:BCJ726"/>
    <mergeCell ref="BAW726:BAZ726"/>
    <mergeCell ref="BBA726:BBD726"/>
    <mergeCell ref="BBE726:BBH726"/>
    <mergeCell ref="BBI726:BBL726"/>
    <mergeCell ref="BBM726:BBP726"/>
    <mergeCell ref="BAC726:BAF726"/>
    <mergeCell ref="BAG726:BAJ726"/>
    <mergeCell ref="BAK726:BAN726"/>
    <mergeCell ref="BAO726:BAR726"/>
    <mergeCell ref="BAS726:BAV726"/>
    <mergeCell ref="BKC726:BKF726"/>
    <mergeCell ref="BKG726:BKJ726"/>
    <mergeCell ref="BKK726:BKN726"/>
    <mergeCell ref="BKO726:BKR726"/>
    <mergeCell ref="BKS726:BKV726"/>
    <mergeCell ref="BJI726:BJL726"/>
    <mergeCell ref="BJM726:BJP726"/>
    <mergeCell ref="BJQ726:BJT726"/>
    <mergeCell ref="BJU726:BJX726"/>
    <mergeCell ref="BJY726:BKB726"/>
    <mergeCell ref="BIO726:BIR726"/>
    <mergeCell ref="BIS726:BIV726"/>
    <mergeCell ref="BIW726:BIZ726"/>
    <mergeCell ref="BJA726:BJD726"/>
    <mergeCell ref="BJE726:BJH726"/>
    <mergeCell ref="BHU726:BHX726"/>
    <mergeCell ref="BHY726:BIB726"/>
    <mergeCell ref="BIC726:BIF726"/>
    <mergeCell ref="BIG726:BIJ726"/>
    <mergeCell ref="BIK726:BIN726"/>
    <mergeCell ref="BHA726:BHD726"/>
    <mergeCell ref="BHE726:BHH726"/>
    <mergeCell ref="BHI726:BHL726"/>
    <mergeCell ref="BHM726:BHP726"/>
    <mergeCell ref="BHQ726:BHT726"/>
    <mergeCell ref="BGG726:BGJ726"/>
    <mergeCell ref="BGK726:BGN726"/>
    <mergeCell ref="BGO726:BGR726"/>
    <mergeCell ref="BGS726:BGV726"/>
    <mergeCell ref="BGW726:BGZ726"/>
    <mergeCell ref="BFM726:BFP726"/>
    <mergeCell ref="BFQ726:BFT726"/>
    <mergeCell ref="BFU726:BFX726"/>
    <mergeCell ref="BFY726:BGB726"/>
    <mergeCell ref="BGC726:BGF726"/>
    <mergeCell ref="BPM726:BPP726"/>
    <mergeCell ref="BPQ726:BPT726"/>
    <mergeCell ref="BPU726:BPX726"/>
    <mergeCell ref="BPY726:BQB726"/>
    <mergeCell ref="BQC726:BQF726"/>
    <mergeCell ref="BOS726:BOV726"/>
    <mergeCell ref="BOW726:BOZ726"/>
    <mergeCell ref="BPA726:BPD726"/>
    <mergeCell ref="BPE726:BPH726"/>
    <mergeCell ref="BPI726:BPL726"/>
    <mergeCell ref="BNY726:BOB726"/>
    <mergeCell ref="BOC726:BOF726"/>
    <mergeCell ref="BOG726:BOJ726"/>
    <mergeCell ref="BOK726:BON726"/>
    <mergeCell ref="BOO726:BOR726"/>
    <mergeCell ref="BNE726:BNH726"/>
    <mergeCell ref="BNI726:BNL726"/>
    <mergeCell ref="BNM726:BNP726"/>
    <mergeCell ref="BNQ726:BNT726"/>
    <mergeCell ref="BNU726:BNX726"/>
    <mergeCell ref="BMK726:BMN726"/>
    <mergeCell ref="BMO726:BMR726"/>
    <mergeCell ref="BMS726:BMV726"/>
    <mergeCell ref="BMW726:BMZ726"/>
    <mergeCell ref="BNA726:BND726"/>
    <mergeCell ref="BLQ726:BLT726"/>
    <mergeCell ref="BLU726:BLX726"/>
    <mergeCell ref="BLY726:BMB726"/>
    <mergeCell ref="BMC726:BMF726"/>
    <mergeCell ref="BMG726:BMJ726"/>
    <mergeCell ref="BKW726:BKZ726"/>
    <mergeCell ref="BLA726:BLD726"/>
    <mergeCell ref="BLE726:BLH726"/>
    <mergeCell ref="BLI726:BLL726"/>
    <mergeCell ref="BLM726:BLP726"/>
    <mergeCell ref="BUW726:BUZ726"/>
    <mergeCell ref="BVA726:BVD726"/>
    <mergeCell ref="BVE726:BVH726"/>
    <mergeCell ref="BVI726:BVL726"/>
    <mergeCell ref="BVM726:BVP726"/>
    <mergeCell ref="BUC726:BUF726"/>
    <mergeCell ref="BUG726:BUJ726"/>
    <mergeCell ref="BUK726:BUN726"/>
    <mergeCell ref="BUO726:BUR726"/>
    <mergeCell ref="BUS726:BUV726"/>
    <mergeCell ref="BTI726:BTL726"/>
    <mergeCell ref="BTM726:BTP726"/>
    <mergeCell ref="BTQ726:BTT726"/>
    <mergeCell ref="BTU726:BTX726"/>
    <mergeCell ref="BTY726:BUB726"/>
    <mergeCell ref="BSO726:BSR726"/>
    <mergeCell ref="BSS726:BSV726"/>
    <mergeCell ref="BSW726:BSZ726"/>
    <mergeCell ref="BTA726:BTD726"/>
    <mergeCell ref="BTE726:BTH726"/>
    <mergeCell ref="BRU726:BRX726"/>
    <mergeCell ref="BRY726:BSB726"/>
    <mergeCell ref="BSC726:BSF726"/>
    <mergeCell ref="BSG726:BSJ726"/>
    <mergeCell ref="BSK726:BSN726"/>
    <mergeCell ref="BRA726:BRD726"/>
    <mergeCell ref="BRE726:BRH726"/>
    <mergeCell ref="BRI726:BRL726"/>
    <mergeCell ref="BRM726:BRP726"/>
    <mergeCell ref="BRQ726:BRT726"/>
    <mergeCell ref="BQG726:BQJ726"/>
    <mergeCell ref="BQK726:BQN726"/>
    <mergeCell ref="BQO726:BQR726"/>
    <mergeCell ref="BQS726:BQV726"/>
    <mergeCell ref="BQW726:BQZ726"/>
    <mergeCell ref="CAG726:CAJ726"/>
    <mergeCell ref="CAK726:CAN726"/>
    <mergeCell ref="CAO726:CAR726"/>
    <mergeCell ref="CAS726:CAV726"/>
    <mergeCell ref="CAW726:CAZ726"/>
    <mergeCell ref="BZM726:BZP726"/>
    <mergeCell ref="BZQ726:BZT726"/>
    <mergeCell ref="BZU726:BZX726"/>
    <mergeCell ref="BZY726:CAB726"/>
    <mergeCell ref="CAC726:CAF726"/>
    <mergeCell ref="BYS726:BYV726"/>
    <mergeCell ref="BYW726:BYZ726"/>
    <mergeCell ref="BZA726:BZD726"/>
    <mergeCell ref="BZE726:BZH726"/>
    <mergeCell ref="BZI726:BZL726"/>
    <mergeCell ref="BXY726:BYB726"/>
    <mergeCell ref="BYC726:BYF726"/>
    <mergeCell ref="BYG726:BYJ726"/>
    <mergeCell ref="BYK726:BYN726"/>
    <mergeCell ref="BYO726:BYR726"/>
    <mergeCell ref="BXE726:BXH726"/>
    <mergeCell ref="BXI726:BXL726"/>
    <mergeCell ref="BXM726:BXP726"/>
    <mergeCell ref="BXQ726:BXT726"/>
    <mergeCell ref="BXU726:BXX726"/>
    <mergeCell ref="BWK726:BWN726"/>
    <mergeCell ref="BWO726:BWR726"/>
    <mergeCell ref="BWS726:BWV726"/>
    <mergeCell ref="BWW726:BWZ726"/>
    <mergeCell ref="BXA726:BXD726"/>
    <mergeCell ref="BVQ726:BVT726"/>
    <mergeCell ref="BVU726:BVX726"/>
    <mergeCell ref="BVY726:BWB726"/>
    <mergeCell ref="BWC726:BWF726"/>
    <mergeCell ref="BWG726:BWJ726"/>
    <mergeCell ref="CFQ726:CFT726"/>
    <mergeCell ref="CFU726:CFX726"/>
    <mergeCell ref="CFY726:CGB726"/>
    <mergeCell ref="CGC726:CGF726"/>
    <mergeCell ref="CGG726:CGJ726"/>
    <mergeCell ref="CEW726:CEZ726"/>
    <mergeCell ref="CFA726:CFD726"/>
    <mergeCell ref="CFE726:CFH726"/>
    <mergeCell ref="CFI726:CFL726"/>
    <mergeCell ref="CFM726:CFP726"/>
    <mergeCell ref="CEC726:CEF726"/>
    <mergeCell ref="CEG726:CEJ726"/>
    <mergeCell ref="CEK726:CEN726"/>
    <mergeCell ref="CEO726:CER726"/>
    <mergeCell ref="CES726:CEV726"/>
    <mergeCell ref="CDI726:CDL726"/>
    <mergeCell ref="CDM726:CDP726"/>
    <mergeCell ref="CDQ726:CDT726"/>
    <mergeCell ref="CDU726:CDX726"/>
    <mergeCell ref="CDY726:CEB726"/>
    <mergeCell ref="CCO726:CCR726"/>
    <mergeCell ref="CCS726:CCV726"/>
    <mergeCell ref="CCW726:CCZ726"/>
    <mergeCell ref="CDA726:CDD726"/>
    <mergeCell ref="CDE726:CDH726"/>
    <mergeCell ref="CBU726:CBX726"/>
    <mergeCell ref="CBY726:CCB726"/>
    <mergeCell ref="CCC726:CCF726"/>
    <mergeCell ref="CCG726:CCJ726"/>
    <mergeCell ref="CCK726:CCN726"/>
    <mergeCell ref="CBA726:CBD726"/>
    <mergeCell ref="CBE726:CBH726"/>
    <mergeCell ref="CBI726:CBL726"/>
    <mergeCell ref="CBM726:CBP726"/>
    <mergeCell ref="CBQ726:CBT726"/>
    <mergeCell ref="CLA726:CLD726"/>
    <mergeCell ref="CLE726:CLH726"/>
    <mergeCell ref="CLI726:CLL726"/>
    <mergeCell ref="CLM726:CLP726"/>
    <mergeCell ref="CLQ726:CLT726"/>
    <mergeCell ref="CKG726:CKJ726"/>
    <mergeCell ref="CKK726:CKN726"/>
    <mergeCell ref="CKO726:CKR726"/>
    <mergeCell ref="CKS726:CKV726"/>
    <mergeCell ref="CKW726:CKZ726"/>
    <mergeCell ref="CJM726:CJP726"/>
    <mergeCell ref="CJQ726:CJT726"/>
    <mergeCell ref="CJU726:CJX726"/>
    <mergeCell ref="CJY726:CKB726"/>
    <mergeCell ref="CKC726:CKF726"/>
    <mergeCell ref="CIS726:CIV726"/>
    <mergeCell ref="CIW726:CIZ726"/>
    <mergeCell ref="CJA726:CJD726"/>
    <mergeCell ref="CJE726:CJH726"/>
    <mergeCell ref="CJI726:CJL726"/>
    <mergeCell ref="CHY726:CIB726"/>
    <mergeCell ref="CIC726:CIF726"/>
    <mergeCell ref="CIG726:CIJ726"/>
    <mergeCell ref="CIK726:CIN726"/>
    <mergeCell ref="CIO726:CIR726"/>
    <mergeCell ref="CHE726:CHH726"/>
    <mergeCell ref="CHI726:CHL726"/>
    <mergeCell ref="CHM726:CHP726"/>
    <mergeCell ref="CHQ726:CHT726"/>
    <mergeCell ref="CHU726:CHX726"/>
    <mergeCell ref="CGK726:CGN726"/>
    <mergeCell ref="CGO726:CGR726"/>
    <mergeCell ref="CGS726:CGV726"/>
    <mergeCell ref="CGW726:CGZ726"/>
    <mergeCell ref="CHA726:CHD726"/>
    <mergeCell ref="CQK726:CQN726"/>
    <mergeCell ref="CQO726:CQR726"/>
    <mergeCell ref="CQS726:CQV726"/>
    <mergeCell ref="CQW726:CQZ726"/>
    <mergeCell ref="CRA726:CRD726"/>
    <mergeCell ref="CPQ726:CPT726"/>
    <mergeCell ref="CPU726:CPX726"/>
    <mergeCell ref="CPY726:CQB726"/>
    <mergeCell ref="CQC726:CQF726"/>
    <mergeCell ref="CQG726:CQJ726"/>
    <mergeCell ref="COW726:COZ726"/>
    <mergeCell ref="CPA726:CPD726"/>
    <mergeCell ref="CPE726:CPH726"/>
    <mergeCell ref="CPI726:CPL726"/>
    <mergeCell ref="CPM726:CPP726"/>
    <mergeCell ref="COC726:COF726"/>
    <mergeCell ref="COG726:COJ726"/>
    <mergeCell ref="COK726:CON726"/>
    <mergeCell ref="COO726:COR726"/>
    <mergeCell ref="COS726:COV726"/>
    <mergeCell ref="CNI726:CNL726"/>
    <mergeCell ref="CNM726:CNP726"/>
    <mergeCell ref="CNQ726:CNT726"/>
    <mergeCell ref="CNU726:CNX726"/>
    <mergeCell ref="CNY726:COB726"/>
    <mergeCell ref="CMO726:CMR726"/>
    <mergeCell ref="CMS726:CMV726"/>
    <mergeCell ref="CMW726:CMZ726"/>
    <mergeCell ref="CNA726:CND726"/>
    <mergeCell ref="CNE726:CNH726"/>
    <mergeCell ref="CLU726:CLX726"/>
    <mergeCell ref="CLY726:CMB726"/>
    <mergeCell ref="CMC726:CMF726"/>
    <mergeCell ref="CMG726:CMJ726"/>
    <mergeCell ref="CMK726:CMN726"/>
    <mergeCell ref="CVU726:CVX726"/>
    <mergeCell ref="CVY726:CWB726"/>
    <mergeCell ref="CWC726:CWF726"/>
    <mergeCell ref="CWG726:CWJ726"/>
    <mergeCell ref="CWK726:CWN726"/>
    <mergeCell ref="CVA726:CVD726"/>
    <mergeCell ref="CVE726:CVH726"/>
    <mergeCell ref="CVI726:CVL726"/>
    <mergeCell ref="CVM726:CVP726"/>
    <mergeCell ref="CVQ726:CVT726"/>
    <mergeCell ref="CUG726:CUJ726"/>
    <mergeCell ref="CUK726:CUN726"/>
    <mergeCell ref="CUO726:CUR726"/>
    <mergeCell ref="CUS726:CUV726"/>
    <mergeCell ref="CUW726:CUZ726"/>
    <mergeCell ref="CTM726:CTP726"/>
    <mergeCell ref="CTQ726:CTT726"/>
    <mergeCell ref="CTU726:CTX726"/>
    <mergeCell ref="CTY726:CUB726"/>
    <mergeCell ref="CUC726:CUF726"/>
    <mergeCell ref="CSS726:CSV726"/>
    <mergeCell ref="CSW726:CSZ726"/>
    <mergeCell ref="CTA726:CTD726"/>
    <mergeCell ref="CTE726:CTH726"/>
    <mergeCell ref="CTI726:CTL726"/>
    <mergeCell ref="CRY726:CSB726"/>
    <mergeCell ref="CSC726:CSF726"/>
    <mergeCell ref="CSG726:CSJ726"/>
    <mergeCell ref="CSK726:CSN726"/>
    <mergeCell ref="CSO726:CSR726"/>
    <mergeCell ref="CRE726:CRH726"/>
    <mergeCell ref="CRI726:CRL726"/>
    <mergeCell ref="CRM726:CRP726"/>
    <mergeCell ref="CRQ726:CRT726"/>
    <mergeCell ref="CRU726:CRX726"/>
    <mergeCell ref="DBE726:DBH726"/>
    <mergeCell ref="DBI726:DBL726"/>
    <mergeCell ref="DBM726:DBP726"/>
    <mergeCell ref="DBQ726:DBT726"/>
    <mergeCell ref="DBU726:DBX726"/>
    <mergeCell ref="DAK726:DAN726"/>
    <mergeCell ref="DAO726:DAR726"/>
    <mergeCell ref="DAS726:DAV726"/>
    <mergeCell ref="DAW726:DAZ726"/>
    <mergeCell ref="DBA726:DBD726"/>
    <mergeCell ref="CZQ726:CZT726"/>
    <mergeCell ref="CZU726:CZX726"/>
    <mergeCell ref="CZY726:DAB726"/>
    <mergeCell ref="DAC726:DAF726"/>
    <mergeCell ref="DAG726:DAJ726"/>
    <mergeCell ref="CYW726:CYZ726"/>
    <mergeCell ref="CZA726:CZD726"/>
    <mergeCell ref="CZE726:CZH726"/>
    <mergeCell ref="CZI726:CZL726"/>
    <mergeCell ref="CZM726:CZP726"/>
    <mergeCell ref="CYC726:CYF726"/>
    <mergeCell ref="CYG726:CYJ726"/>
    <mergeCell ref="CYK726:CYN726"/>
    <mergeCell ref="CYO726:CYR726"/>
    <mergeCell ref="CYS726:CYV726"/>
    <mergeCell ref="CXI726:CXL726"/>
    <mergeCell ref="CXM726:CXP726"/>
    <mergeCell ref="CXQ726:CXT726"/>
    <mergeCell ref="CXU726:CXX726"/>
    <mergeCell ref="CXY726:CYB726"/>
    <mergeCell ref="CWO726:CWR726"/>
    <mergeCell ref="CWS726:CWV726"/>
    <mergeCell ref="CWW726:CWZ726"/>
    <mergeCell ref="CXA726:CXD726"/>
    <mergeCell ref="CXE726:CXH726"/>
    <mergeCell ref="DGO726:DGR726"/>
    <mergeCell ref="DGS726:DGV726"/>
    <mergeCell ref="DGW726:DGZ726"/>
    <mergeCell ref="DHA726:DHD726"/>
    <mergeCell ref="DHE726:DHH726"/>
    <mergeCell ref="DFU726:DFX726"/>
    <mergeCell ref="DFY726:DGB726"/>
    <mergeCell ref="DGC726:DGF726"/>
    <mergeCell ref="DGG726:DGJ726"/>
    <mergeCell ref="DGK726:DGN726"/>
    <mergeCell ref="DFA726:DFD726"/>
    <mergeCell ref="DFE726:DFH726"/>
    <mergeCell ref="DFI726:DFL726"/>
    <mergeCell ref="DFM726:DFP726"/>
    <mergeCell ref="DFQ726:DFT726"/>
    <mergeCell ref="DEG726:DEJ726"/>
    <mergeCell ref="DEK726:DEN726"/>
    <mergeCell ref="DEO726:DER726"/>
    <mergeCell ref="DES726:DEV726"/>
    <mergeCell ref="DEW726:DEZ726"/>
    <mergeCell ref="DDM726:DDP726"/>
    <mergeCell ref="DDQ726:DDT726"/>
    <mergeCell ref="DDU726:DDX726"/>
    <mergeCell ref="DDY726:DEB726"/>
    <mergeCell ref="DEC726:DEF726"/>
    <mergeCell ref="DCS726:DCV726"/>
    <mergeCell ref="DCW726:DCZ726"/>
    <mergeCell ref="DDA726:DDD726"/>
    <mergeCell ref="DDE726:DDH726"/>
    <mergeCell ref="DDI726:DDL726"/>
    <mergeCell ref="DBY726:DCB726"/>
    <mergeCell ref="DCC726:DCF726"/>
    <mergeCell ref="DCG726:DCJ726"/>
    <mergeCell ref="DCK726:DCN726"/>
    <mergeCell ref="DCO726:DCR726"/>
    <mergeCell ref="DLY726:DMB726"/>
    <mergeCell ref="DMC726:DMF726"/>
    <mergeCell ref="DMG726:DMJ726"/>
    <mergeCell ref="DMK726:DMN726"/>
    <mergeCell ref="DMO726:DMR726"/>
    <mergeCell ref="DLE726:DLH726"/>
    <mergeCell ref="DLI726:DLL726"/>
    <mergeCell ref="DLM726:DLP726"/>
    <mergeCell ref="DLQ726:DLT726"/>
    <mergeCell ref="DLU726:DLX726"/>
    <mergeCell ref="DKK726:DKN726"/>
    <mergeCell ref="DKO726:DKR726"/>
    <mergeCell ref="DKS726:DKV726"/>
    <mergeCell ref="DKW726:DKZ726"/>
    <mergeCell ref="DLA726:DLD726"/>
    <mergeCell ref="DJQ726:DJT726"/>
    <mergeCell ref="DJU726:DJX726"/>
    <mergeCell ref="DJY726:DKB726"/>
    <mergeCell ref="DKC726:DKF726"/>
    <mergeCell ref="DKG726:DKJ726"/>
    <mergeCell ref="DIW726:DIZ726"/>
    <mergeCell ref="DJA726:DJD726"/>
    <mergeCell ref="DJE726:DJH726"/>
    <mergeCell ref="DJI726:DJL726"/>
    <mergeCell ref="DJM726:DJP726"/>
    <mergeCell ref="DIC726:DIF726"/>
    <mergeCell ref="DIG726:DIJ726"/>
    <mergeCell ref="DIK726:DIN726"/>
    <mergeCell ref="DIO726:DIR726"/>
    <mergeCell ref="DIS726:DIV726"/>
    <mergeCell ref="DHI726:DHL726"/>
    <mergeCell ref="DHM726:DHP726"/>
    <mergeCell ref="DHQ726:DHT726"/>
    <mergeCell ref="DHU726:DHX726"/>
    <mergeCell ref="DHY726:DIB726"/>
    <mergeCell ref="DRI726:DRL726"/>
    <mergeCell ref="DRM726:DRP726"/>
    <mergeCell ref="DRQ726:DRT726"/>
    <mergeCell ref="DRU726:DRX726"/>
    <mergeCell ref="DRY726:DSB726"/>
    <mergeCell ref="DQO726:DQR726"/>
    <mergeCell ref="DQS726:DQV726"/>
    <mergeCell ref="DQW726:DQZ726"/>
    <mergeCell ref="DRA726:DRD726"/>
    <mergeCell ref="DRE726:DRH726"/>
    <mergeCell ref="DPU726:DPX726"/>
    <mergeCell ref="DPY726:DQB726"/>
    <mergeCell ref="DQC726:DQF726"/>
    <mergeCell ref="DQG726:DQJ726"/>
    <mergeCell ref="DQK726:DQN726"/>
    <mergeCell ref="DPA726:DPD726"/>
    <mergeCell ref="DPE726:DPH726"/>
    <mergeCell ref="DPI726:DPL726"/>
    <mergeCell ref="DPM726:DPP726"/>
    <mergeCell ref="DPQ726:DPT726"/>
    <mergeCell ref="DOG726:DOJ726"/>
    <mergeCell ref="DOK726:DON726"/>
    <mergeCell ref="DOO726:DOR726"/>
    <mergeCell ref="DOS726:DOV726"/>
    <mergeCell ref="DOW726:DOZ726"/>
    <mergeCell ref="DNM726:DNP726"/>
    <mergeCell ref="DNQ726:DNT726"/>
    <mergeCell ref="DNU726:DNX726"/>
    <mergeCell ref="DNY726:DOB726"/>
    <mergeCell ref="DOC726:DOF726"/>
    <mergeCell ref="DMS726:DMV726"/>
    <mergeCell ref="DMW726:DMZ726"/>
    <mergeCell ref="DNA726:DND726"/>
    <mergeCell ref="DNE726:DNH726"/>
    <mergeCell ref="DNI726:DNL726"/>
    <mergeCell ref="DWS726:DWV726"/>
    <mergeCell ref="DWW726:DWZ726"/>
    <mergeCell ref="DXA726:DXD726"/>
    <mergeCell ref="DXE726:DXH726"/>
    <mergeCell ref="DXI726:DXL726"/>
    <mergeCell ref="DVY726:DWB726"/>
    <mergeCell ref="DWC726:DWF726"/>
    <mergeCell ref="DWG726:DWJ726"/>
    <mergeCell ref="DWK726:DWN726"/>
    <mergeCell ref="DWO726:DWR726"/>
    <mergeCell ref="DVE726:DVH726"/>
    <mergeCell ref="DVI726:DVL726"/>
    <mergeCell ref="DVM726:DVP726"/>
    <mergeCell ref="DVQ726:DVT726"/>
    <mergeCell ref="DVU726:DVX726"/>
    <mergeCell ref="DUK726:DUN726"/>
    <mergeCell ref="DUO726:DUR726"/>
    <mergeCell ref="DUS726:DUV726"/>
    <mergeCell ref="DUW726:DUZ726"/>
    <mergeCell ref="DVA726:DVD726"/>
    <mergeCell ref="DTQ726:DTT726"/>
    <mergeCell ref="DTU726:DTX726"/>
    <mergeCell ref="DTY726:DUB726"/>
    <mergeCell ref="DUC726:DUF726"/>
    <mergeCell ref="DUG726:DUJ726"/>
    <mergeCell ref="DSW726:DSZ726"/>
    <mergeCell ref="DTA726:DTD726"/>
    <mergeCell ref="DTE726:DTH726"/>
    <mergeCell ref="DTI726:DTL726"/>
    <mergeCell ref="DTM726:DTP726"/>
    <mergeCell ref="DSC726:DSF726"/>
    <mergeCell ref="DSG726:DSJ726"/>
    <mergeCell ref="DSK726:DSN726"/>
    <mergeCell ref="DSO726:DSR726"/>
    <mergeCell ref="DSS726:DSV726"/>
    <mergeCell ref="ECC726:ECF726"/>
    <mergeCell ref="ECG726:ECJ726"/>
    <mergeCell ref="ECK726:ECN726"/>
    <mergeCell ref="ECO726:ECR726"/>
    <mergeCell ref="ECS726:ECV726"/>
    <mergeCell ref="EBI726:EBL726"/>
    <mergeCell ref="EBM726:EBP726"/>
    <mergeCell ref="EBQ726:EBT726"/>
    <mergeCell ref="EBU726:EBX726"/>
    <mergeCell ref="EBY726:ECB726"/>
    <mergeCell ref="EAO726:EAR726"/>
    <mergeCell ref="EAS726:EAV726"/>
    <mergeCell ref="EAW726:EAZ726"/>
    <mergeCell ref="EBA726:EBD726"/>
    <mergeCell ref="EBE726:EBH726"/>
    <mergeCell ref="DZU726:DZX726"/>
    <mergeCell ref="DZY726:EAB726"/>
    <mergeCell ref="EAC726:EAF726"/>
    <mergeCell ref="EAG726:EAJ726"/>
    <mergeCell ref="EAK726:EAN726"/>
    <mergeCell ref="DZA726:DZD726"/>
    <mergeCell ref="DZE726:DZH726"/>
    <mergeCell ref="DZI726:DZL726"/>
    <mergeCell ref="DZM726:DZP726"/>
    <mergeCell ref="DZQ726:DZT726"/>
    <mergeCell ref="DYG726:DYJ726"/>
    <mergeCell ref="DYK726:DYN726"/>
    <mergeCell ref="DYO726:DYR726"/>
    <mergeCell ref="DYS726:DYV726"/>
    <mergeCell ref="DYW726:DYZ726"/>
    <mergeCell ref="DXM726:DXP726"/>
    <mergeCell ref="DXQ726:DXT726"/>
    <mergeCell ref="DXU726:DXX726"/>
    <mergeCell ref="DXY726:DYB726"/>
    <mergeCell ref="DYC726:DYF726"/>
    <mergeCell ref="EHM726:EHP726"/>
    <mergeCell ref="EHQ726:EHT726"/>
    <mergeCell ref="EHU726:EHX726"/>
    <mergeCell ref="EHY726:EIB726"/>
    <mergeCell ref="EIC726:EIF726"/>
    <mergeCell ref="EGS726:EGV726"/>
    <mergeCell ref="EGW726:EGZ726"/>
    <mergeCell ref="EHA726:EHD726"/>
    <mergeCell ref="EHE726:EHH726"/>
    <mergeCell ref="EHI726:EHL726"/>
    <mergeCell ref="EFY726:EGB726"/>
    <mergeCell ref="EGC726:EGF726"/>
    <mergeCell ref="EGG726:EGJ726"/>
    <mergeCell ref="EGK726:EGN726"/>
    <mergeCell ref="EGO726:EGR726"/>
    <mergeCell ref="EFE726:EFH726"/>
    <mergeCell ref="EFI726:EFL726"/>
    <mergeCell ref="EFM726:EFP726"/>
    <mergeCell ref="EFQ726:EFT726"/>
    <mergeCell ref="EFU726:EFX726"/>
    <mergeCell ref="EEK726:EEN726"/>
    <mergeCell ref="EEO726:EER726"/>
    <mergeCell ref="EES726:EEV726"/>
    <mergeCell ref="EEW726:EEZ726"/>
    <mergeCell ref="EFA726:EFD726"/>
    <mergeCell ref="EDQ726:EDT726"/>
    <mergeCell ref="EDU726:EDX726"/>
    <mergeCell ref="EDY726:EEB726"/>
    <mergeCell ref="EEC726:EEF726"/>
    <mergeCell ref="EEG726:EEJ726"/>
    <mergeCell ref="ECW726:ECZ726"/>
    <mergeCell ref="EDA726:EDD726"/>
    <mergeCell ref="EDE726:EDH726"/>
    <mergeCell ref="EDI726:EDL726"/>
    <mergeCell ref="EDM726:EDP726"/>
    <mergeCell ref="EMW726:EMZ726"/>
    <mergeCell ref="ENA726:END726"/>
    <mergeCell ref="ENE726:ENH726"/>
    <mergeCell ref="ENI726:ENL726"/>
    <mergeCell ref="ENM726:ENP726"/>
    <mergeCell ref="EMC726:EMF726"/>
    <mergeCell ref="EMG726:EMJ726"/>
    <mergeCell ref="EMK726:EMN726"/>
    <mergeCell ref="EMO726:EMR726"/>
    <mergeCell ref="EMS726:EMV726"/>
    <mergeCell ref="ELI726:ELL726"/>
    <mergeCell ref="ELM726:ELP726"/>
    <mergeCell ref="ELQ726:ELT726"/>
    <mergeCell ref="ELU726:ELX726"/>
    <mergeCell ref="ELY726:EMB726"/>
    <mergeCell ref="EKO726:EKR726"/>
    <mergeCell ref="EKS726:EKV726"/>
    <mergeCell ref="EKW726:EKZ726"/>
    <mergeCell ref="ELA726:ELD726"/>
    <mergeCell ref="ELE726:ELH726"/>
    <mergeCell ref="EJU726:EJX726"/>
    <mergeCell ref="EJY726:EKB726"/>
    <mergeCell ref="EKC726:EKF726"/>
    <mergeCell ref="EKG726:EKJ726"/>
    <mergeCell ref="EKK726:EKN726"/>
    <mergeCell ref="EJA726:EJD726"/>
    <mergeCell ref="EJE726:EJH726"/>
    <mergeCell ref="EJI726:EJL726"/>
    <mergeCell ref="EJM726:EJP726"/>
    <mergeCell ref="EJQ726:EJT726"/>
    <mergeCell ref="EIG726:EIJ726"/>
    <mergeCell ref="EIK726:EIN726"/>
    <mergeCell ref="EIO726:EIR726"/>
    <mergeCell ref="EIS726:EIV726"/>
    <mergeCell ref="EIW726:EIZ726"/>
    <mergeCell ref="ESG726:ESJ726"/>
    <mergeCell ref="ESK726:ESN726"/>
    <mergeCell ref="ESO726:ESR726"/>
    <mergeCell ref="ESS726:ESV726"/>
    <mergeCell ref="ESW726:ESZ726"/>
    <mergeCell ref="ERM726:ERP726"/>
    <mergeCell ref="ERQ726:ERT726"/>
    <mergeCell ref="ERU726:ERX726"/>
    <mergeCell ref="ERY726:ESB726"/>
    <mergeCell ref="ESC726:ESF726"/>
    <mergeCell ref="EQS726:EQV726"/>
    <mergeCell ref="EQW726:EQZ726"/>
    <mergeCell ref="ERA726:ERD726"/>
    <mergeCell ref="ERE726:ERH726"/>
    <mergeCell ref="ERI726:ERL726"/>
    <mergeCell ref="EPY726:EQB726"/>
    <mergeCell ref="EQC726:EQF726"/>
    <mergeCell ref="EQG726:EQJ726"/>
    <mergeCell ref="EQK726:EQN726"/>
    <mergeCell ref="EQO726:EQR726"/>
    <mergeCell ref="EPE726:EPH726"/>
    <mergeCell ref="EPI726:EPL726"/>
    <mergeCell ref="EPM726:EPP726"/>
    <mergeCell ref="EPQ726:EPT726"/>
    <mergeCell ref="EPU726:EPX726"/>
    <mergeCell ref="EOK726:EON726"/>
    <mergeCell ref="EOO726:EOR726"/>
    <mergeCell ref="EOS726:EOV726"/>
    <mergeCell ref="EOW726:EOZ726"/>
    <mergeCell ref="EPA726:EPD726"/>
    <mergeCell ref="ENQ726:ENT726"/>
    <mergeCell ref="ENU726:ENX726"/>
    <mergeCell ref="ENY726:EOB726"/>
    <mergeCell ref="EOC726:EOF726"/>
    <mergeCell ref="EOG726:EOJ726"/>
    <mergeCell ref="EXQ726:EXT726"/>
    <mergeCell ref="EXU726:EXX726"/>
    <mergeCell ref="EXY726:EYB726"/>
    <mergeCell ref="EYC726:EYF726"/>
    <mergeCell ref="EYG726:EYJ726"/>
    <mergeCell ref="EWW726:EWZ726"/>
    <mergeCell ref="EXA726:EXD726"/>
    <mergeCell ref="EXE726:EXH726"/>
    <mergeCell ref="EXI726:EXL726"/>
    <mergeCell ref="EXM726:EXP726"/>
    <mergeCell ref="EWC726:EWF726"/>
    <mergeCell ref="EWG726:EWJ726"/>
    <mergeCell ref="EWK726:EWN726"/>
    <mergeCell ref="EWO726:EWR726"/>
    <mergeCell ref="EWS726:EWV726"/>
    <mergeCell ref="EVI726:EVL726"/>
    <mergeCell ref="EVM726:EVP726"/>
    <mergeCell ref="EVQ726:EVT726"/>
    <mergeCell ref="EVU726:EVX726"/>
    <mergeCell ref="EVY726:EWB726"/>
    <mergeCell ref="EUO726:EUR726"/>
    <mergeCell ref="EUS726:EUV726"/>
    <mergeCell ref="EUW726:EUZ726"/>
    <mergeCell ref="EVA726:EVD726"/>
    <mergeCell ref="EVE726:EVH726"/>
    <mergeCell ref="ETU726:ETX726"/>
    <mergeCell ref="ETY726:EUB726"/>
    <mergeCell ref="EUC726:EUF726"/>
    <mergeCell ref="EUG726:EUJ726"/>
    <mergeCell ref="EUK726:EUN726"/>
    <mergeCell ref="ETA726:ETD726"/>
    <mergeCell ref="ETE726:ETH726"/>
    <mergeCell ref="ETI726:ETL726"/>
    <mergeCell ref="ETM726:ETP726"/>
    <mergeCell ref="ETQ726:ETT726"/>
    <mergeCell ref="FDA726:FDD726"/>
    <mergeCell ref="FDE726:FDH726"/>
    <mergeCell ref="FDI726:FDL726"/>
    <mergeCell ref="FDM726:FDP726"/>
    <mergeCell ref="FDQ726:FDT726"/>
    <mergeCell ref="FCG726:FCJ726"/>
    <mergeCell ref="FCK726:FCN726"/>
    <mergeCell ref="FCO726:FCR726"/>
    <mergeCell ref="FCS726:FCV726"/>
    <mergeCell ref="FCW726:FCZ726"/>
    <mergeCell ref="FBM726:FBP726"/>
    <mergeCell ref="FBQ726:FBT726"/>
    <mergeCell ref="FBU726:FBX726"/>
    <mergeCell ref="FBY726:FCB726"/>
    <mergeCell ref="FCC726:FCF726"/>
    <mergeCell ref="FAS726:FAV726"/>
    <mergeCell ref="FAW726:FAZ726"/>
    <mergeCell ref="FBA726:FBD726"/>
    <mergeCell ref="FBE726:FBH726"/>
    <mergeCell ref="FBI726:FBL726"/>
    <mergeCell ref="EZY726:FAB726"/>
    <mergeCell ref="FAC726:FAF726"/>
    <mergeCell ref="FAG726:FAJ726"/>
    <mergeCell ref="FAK726:FAN726"/>
    <mergeCell ref="FAO726:FAR726"/>
    <mergeCell ref="EZE726:EZH726"/>
    <mergeCell ref="EZI726:EZL726"/>
    <mergeCell ref="EZM726:EZP726"/>
    <mergeCell ref="EZQ726:EZT726"/>
    <mergeCell ref="EZU726:EZX726"/>
    <mergeCell ref="EYK726:EYN726"/>
    <mergeCell ref="EYO726:EYR726"/>
    <mergeCell ref="EYS726:EYV726"/>
    <mergeCell ref="EYW726:EYZ726"/>
    <mergeCell ref="EZA726:EZD726"/>
    <mergeCell ref="FIK726:FIN726"/>
    <mergeCell ref="FIO726:FIR726"/>
    <mergeCell ref="FIS726:FIV726"/>
    <mergeCell ref="FIW726:FIZ726"/>
    <mergeCell ref="FJA726:FJD726"/>
    <mergeCell ref="FHQ726:FHT726"/>
    <mergeCell ref="FHU726:FHX726"/>
    <mergeCell ref="FHY726:FIB726"/>
    <mergeCell ref="FIC726:FIF726"/>
    <mergeCell ref="FIG726:FIJ726"/>
    <mergeCell ref="FGW726:FGZ726"/>
    <mergeCell ref="FHA726:FHD726"/>
    <mergeCell ref="FHE726:FHH726"/>
    <mergeCell ref="FHI726:FHL726"/>
    <mergeCell ref="FHM726:FHP726"/>
    <mergeCell ref="FGC726:FGF726"/>
    <mergeCell ref="FGG726:FGJ726"/>
    <mergeCell ref="FGK726:FGN726"/>
    <mergeCell ref="FGO726:FGR726"/>
    <mergeCell ref="FGS726:FGV726"/>
    <mergeCell ref="FFI726:FFL726"/>
    <mergeCell ref="FFM726:FFP726"/>
    <mergeCell ref="FFQ726:FFT726"/>
    <mergeCell ref="FFU726:FFX726"/>
    <mergeCell ref="FFY726:FGB726"/>
    <mergeCell ref="FEO726:FER726"/>
    <mergeCell ref="FES726:FEV726"/>
    <mergeCell ref="FEW726:FEZ726"/>
    <mergeCell ref="FFA726:FFD726"/>
    <mergeCell ref="FFE726:FFH726"/>
    <mergeCell ref="FDU726:FDX726"/>
    <mergeCell ref="FDY726:FEB726"/>
    <mergeCell ref="FEC726:FEF726"/>
    <mergeCell ref="FEG726:FEJ726"/>
    <mergeCell ref="FEK726:FEN726"/>
    <mergeCell ref="FNU726:FNX726"/>
    <mergeCell ref="FNY726:FOB726"/>
    <mergeCell ref="FOC726:FOF726"/>
    <mergeCell ref="FOG726:FOJ726"/>
    <mergeCell ref="FOK726:FON726"/>
    <mergeCell ref="FNA726:FND726"/>
    <mergeCell ref="FNE726:FNH726"/>
    <mergeCell ref="FNI726:FNL726"/>
    <mergeCell ref="FNM726:FNP726"/>
    <mergeCell ref="FNQ726:FNT726"/>
    <mergeCell ref="FMG726:FMJ726"/>
    <mergeCell ref="FMK726:FMN726"/>
    <mergeCell ref="FMO726:FMR726"/>
    <mergeCell ref="FMS726:FMV726"/>
    <mergeCell ref="FMW726:FMZ726"/>
    <mergeCell ref="FLM726:FLP726"/>
    <mergeCell ref="FLQ726:FLT726"/>
    <mergeCell ref="FLU726:FLX726"/>
    <mergeCell ref="FLY726:FMB726"/>
    <mergeCell ref="FMC726:FMF726"/>
    <mergeCell ref="FKS726:FKV726"/>
    <mergeCell ref="FKW726:FKZ726"/>
    <mergeCell ref="FLA726:FLD726"/>
    <mergeCell ref="FLE726:FLH726"/>
    <mergeCell ref="FLI726:FLL726"/>
    <mergeCell ref="FJY726:FKB726"/>
    <mergeCell ref="FKC726:FKF726"/>
    <mergeCell ref="FKG726:FKJ726"/>
    <mergeCell ref="FKK726:FKN726"/>
    <mergeCell ref="FKO726:FKR726"/>
    <mergeCell ref="FJE726:FJH726"/>
    <mergeCell ref="FJI726:FJL726"/>
    <mergeCell ref="FJM726:FJP726"/>
    <mergeCell ref="FJQ726:FJT726"/>
    <mergeCell ref="FJU726:FJX726"/>
    <mergeCell ref="FTE726:FTH726"/>
    <mergeCell ref="FTI726:FTL726"/>
    <mergeCell ref="FTM726:FTP726"/>
    <mergeCell ref="FTQ726:FTT726"/>
    <mergeCell ref="FTU726:FTX726"/>
    <mergeCell ref="FSK726:FSN726"/>
    <mergeCell ref="FSO726:FSR726"/>
    <mergeCell ref="FSS726:FSV726"/>
    <mergeCell ref="FSW726:FSZ726"/>
    <mergeCell ref="FTA726:FTD726"/>
    <mergeCell ref="FRQ726:FRT726"/>
    <mergeCell ref="FRU726:FRX726"/>
    <mergeCell ref="FRY726:FSB726"/>
    <mergeCell ref="FSC726:FSF726"/>
    <mergeCell ref="FSG726:FSJ726"/>
    <mergeCell ref="FQW726:FQZ726"/>
    <mergeCell ref="FRA726:FRD726"/>
    <mergeCell ref="FRE726:FRH726"/>
    <mergeCell ref="FRI726:FRL726"/>
    <mergeCell ref="FRM726:FRP726"/>
    <mergeCell ref="FQC726:FQF726"/>
    <mergeCell ref="FQG726:FQJ726"/>
    <mergeCell ref="FQK726:FQN726"/>
    <mergeCell ref="FQO726:FQR726"/>
    <mergeCell ref="FQS726:FQV726"/>
    <mergeCell ref="FPI726:FPL726"/>
    <mergeCell ref="FPM726:FPP726"/>
    <mergeCell ref="FPQ726:FPT726"/>
    <mergeCell ref="FPU726:FPX726"/>
    <mergeCell ref="FPY726:FQB726"/>
    <mergeCell ref="FOO726:FOR726"/>
    <mergeCell ref="FOS726:FOV726"/>
    <mergeCell ref="FOW726:FOZ726"/>
    <mergeCell ref="FPA726:FPD726"/>
    <mergeCell ref="FPE726:FPH726"/>
    <mergeCell ref="FYO726:FYR726"/>
    <mergeCell ref="FYS726:FYV726"/>
    <mergeCell ref="FYW726:FYZ726"/>
    <mergeCell ref="FZA726:FZD726"/>
    <mergeCell ref="FZE726:FZH726"/>
    <mergeCell ref="FXU726:FXX726"/>
    <mergeCell ref="FXY726:FYB726"/>
    <mergeCell ref="FYC726:FYF726"/>
    <mergeCell ref="FYG726:FYJ726"/>
    <mergeCell ref="FYK726:FYN726"/>
    <mergeCell ref="FXA726:FXD726"/>
    <mergeCell ref="FXE726:FXH726"/>
    <mergeCell ref="FXI726:FXL726"/>
    <mergeCell ref="FXM726:FXP726"/>
    <mergeCell ref="FXQ726:FXT726"/>
    <mergeCell ref="FWG726:FWJ726"/>
    <mergeCell ref="FWK726:FWN726"/>
    <mergeCell ref="FWO726:FWR726"/>
    <mergeCell ref="FWS726:FWV726"/>
    <mergeCell ref="FWW726:FWZ726"/>
    <mergeCell ref="FVM726:FVP726"/>
    <mergeCell ref="FVQ726:FVT726"/>
    <mergeCell ref="FVU726:FVX726"/>
    <mergeCell ref="FVY726:FWB726"/>
    <mergeCell ref="FWC726:FWF726"/>
    <mergeCell ref="FUS726:FUV726"/>
    <mergeCell ref="FUW726:FUZ726"/>
    <mergeCell ref="FVA726:FVD726"/>
    <mergeCell ref="FVE726:FVH726"/>
    <mergeCell ref="FVI726:FVL726"/>
    <mergeCell ref="FTY726:FUB726"/>
    <mergeCell ref="FUC726:FUF726"/>
    <mergeCell ref="FUG726:FUJ726"/>
    <mergeCell ref="FUK726:FUN726"/>
    <mergeCell ref="FUO726:FUR726"/>
    <mergeCell ref="GDY726:GEB726"/>
    <mergeCell ref="GEC726:GEF726"/>
    <mergeCell ref="GEG726:GEJ726"/>
    <mergeCell ref="GEK726:GEN726"/>
    <mergeCell ref="GEO726:GER726"/>
    <mergeCell ref="GDE726:GDH726"/>
    <mergeCell ref="GDI726:GDL726"/>
    <mergeCell ref="GDM726:GDP726"/>
    <mergeCell ref="GDQ726:GDT726"/>
    <mergeCell ref="GDU726:GDX726"/>
    <mergeCell ref="GCK726:GCN726"/>
    <mergeCell ref="GCO726:GCR726"/>
    <mergeCell ref="GCS726:GCV726"/>
    <mergeCell ref="GCW726:GCZ726"/>
    <mergeCell ref="GDA726:GDD726"/>
    <mergeCell ref="GBQ726:GBT726"/>
    <mergeCell ref="GBU726:GBX726"/>
    <mergeCell ref="GBY726:GCB726"/>
    <mergeCell ref="GCC726:GCF726"/>
    <mergeCell ref="GCG726:GCJ726"/>
    <mergeCell ref="GAW726:GAZ726"/>
    <mergeCell ref="GBA726:GBD726"/>
    <mergeCell ref="GBE726:GBH726"/>
    <mergeCell ref="GBI726:GBL726"/>
    <mergeCell ref="GBM726:GBP726"/>
    <mergeCell ref="GAC726:GAF726"/>
    <mergeCell ref="GAG726:GAJ726"/>
    <mergeCell ref="GAK726:GAN726"/>
    <mergeCell ref="GAO726:GAR726"/>
    <mergeCell ref="GAS726:GAV726"/>
    <mergeCell ref="FZI726:FZL726"/>
    <mergeCell ref="FZM726:FZP726"/>
    <mergeCell ref="FZQ726:FZT726"/>
    <mergeCell ref="FZU726:FZX726"/>
    <mergeCell ref="FZY726:GAB726"/>
    <mergeCell ref="GJI726:GJL726"/>
    <mergeCell ref="GJM726:GJP726"/>
    <mergeCell ref="GJQ726:GJT726"/>
    <mergeCell ref="GJU726:GJX726"/>
    <mergeCell ref="GJY726:GKB726"/>
    <mergeCell ref="GIO726:GIR726"/>
    <mergeCell ref="GIS726:GIV726"/>
    <mergeCell ref="GIW726:GIZ726"/>
    <mergeCell ref="GJA726:GJD726"/>
    <mergeCell ref="GJE726:GJH726"/>
    <mergeCell ref="GHU726:GHX726"/>
    <mergeCell ref="GHY726:GIB726"/>
    <mergeCell ref="GIC726:GIF726"/>
    <mergeCell ref="GIG726:GIJ726"/>
    <mergeCell ref="GIK726:GIN726"/>
    <mergeCell ref="GHA726:GHD726"/>
    <mergeCell ref="GHE726:GHH726"/>
    <mergeCell ref="GHI726:GHL726"/>
    <mergeCell ref="GHM726:GHP726"/>
    <mergeCell ref="GHQ726:GHT726"/>
    <mergeCell ref="GGG726:GGJ726"/>
    <mergeCell ref="GGK726:GGN726"/>
    <mergeCell ref="GGO726:GGR726"/>
    <mergeCell ref="GGS726:GGV726"/>
    <mergeCell ref="GGW726:GGZ726"/>
    <mergeCell ref="GFM726:GFP726"/>
    <mergeCell ref="GFQ726:GFT726"/>
    <mergeCell ref="GFU726:GFX726"/>
    <mergeCell ref="GFY726:GGB726"/>
    <mergeCell ref="GGC726:GGF726"/>
    <mergeCell ref="GES726:GEV726"/>
    <mergeCell ref="GEW726:GEZ726"/>
    <mergeCell ref="GFA726:GFD726"/>
    <mergeCell ref="GFE726:GFH726"/>
    <mergeCell ref="GFI726:GFL726"/>
    <mergeCell ref="GOS726:GOV726"/>
    <mergeCell ref="GOW726:GOZ726"/>
    <mergeCell ref="GPA726:GPD726"/>
    <mergeCell ref="GPE726:GPH726"/>
    <mergeCell ref="GPI726:GPL726"/>
    <mergeCell ref="GNY726:GOB726"/>
    <mergeCell ref="GOC726:GOF726"/>
    <mergeCell ref="GOG726:GOJ726"/>
    <mergeCell ref="GOK726:GON726"/>
    <mergeCell ref="GOO726:GOR726"/>
    <mergeCell ref="GNE726:GNH726"/>
    <mergeCell ref="GNI726:GNL726"/>
    <mergeCell ref="GNM726:GNP726"/>
    <mergeCell ref="GNQ726:GNT726"/>
    <mergeCell ref="GNU726:GNX726"/>
    <mergeCell ref="GMK726:GMN726"/>
    <mergeCell ref="GMO726:GMR726"/>
    <mergeCell ref="GMS726:GMV726"/>
    <mergeCell ref="GMW726:GMZ726"/>
    <mergeCell ref="GNA726:GND726"/>
    <mergeCell ref="GLQ726:GLT726"/>
    <mergeCell ref="GLU726:GLX726"/>
    <mergeCell ref="GLY726:GMB726"/>
    <mergeCell ref="GMC726:GMF726"/>
    <mergeCell ref="GMG726:GMJ726"/>
    <mergeCell ref="GKW726:GKZ726"/>
    <mergeCell ref="GLA726:GLD726"/>
    <mergeCell ref="GLE726:GLH726"/>
    <mergeCell ref="GLI726:GLL726"/>
    <mergeCell ref="GLM726:GLP726"/>
    <mergeCell ref="GKC726:GKF726"/>
    <mergeCell ref="GKG726:GKJ726"/>
    <mergeCell ref="GKK726:GKN726"/>
    <mergeCell ref="GKO726:GKR726"/>
    <mergeCell ref="GKS726:GKV726"/>
    <mergeCell ref="GUC726:GUF726"/>
    <mergeCell ref="GUG726:GUJ726"/>
    <mergeCell ref="GUK726:GUN726"/>
    <mergeCell ref="GUO726:GUR726"/>
    <mergeCell ref="GUS726:GUV726"/>
    <mergeCell ref="GTI726:GTL726"/>
    <mergeCell ref="GTM726:GTP726"/>
    <mergeCell ref="GTQ726:GTT726"/>
    <mergeCell ref="GTU726:GTX726"/>
    <mergeCell ref="GTY726:GUB726"/>
    <mergeCell ref="GSO726:GSR726"/>
    <mergeCell ref="GSS726:GSV726"/>
    <mergeCell ref="GSW726:GSZ726"/>
    <mergeCell ref="GTA726:GTD726"/>
    <mergeCell ref="GTE726:GTH726"/>
    <mergeCell ref="GRU726:GRX726"/>
    <mergeCell ref="GRY726:GSB726"/>
    <mergeCell ref="GSC726:GSF726"/>
    <mergeCell ref="GSG726:GSJ726"/>
    <mergeCell ref="GSK726:GSN726"/>
    <mergeCell ref="GRA726:GRD726"/>
    <mergeCell ref="GRE726:GRH726"/>
    <mergeCell ref="GRI726:GRL726"/>
    <mergeCell ref="GRM726:GRP726"/>
    <mergeCell ref="GRQ726:GRT726"/>
    <mergeCell ref="GQG726:GQJ726"/>
    <mergeCell ref="GQK726:GQN726"/>
    <mergeCell ref="GQO726:GQR726"/>
    <mergeCell ref="GQS726:GQV726"/>
    <mergeCell ref="GQW726:GQZ726"/>
    <mergeCell ref="GPM726:GPP726"/>
    <mergeCell ref="GPQ726:GPT726"/>
    <mergeCell ref="GPU726:GPX726"/>
    <mergeCell ref="GPY726:GQB726"/>
    <mergeCell ref="GQC726:GQF726"/>
    <mergeCell ref="GZM726:GZP726"/>
    <mergeCell ref="GZQ726:GZT726"/>
    <mergeCell ref="GZU726:GZX726"/>
    <mergeCell ref="GZY726:HAB726"/>
    <mergeCell ref="HAC726:HAF726"/>
    <mergeCell ref="GYS726:GYV726"/>
    <mergeCell ref="GYW726:GYZ726"/>
    <mergeCell ref="GZA726:GZD726"/>
    <mergeCell ref="GZE726:GZH726"/>
    <mergeCell ref="GZI726:GZL726"/>
    <mergeCell ref="GXY726:GYB726"/>
    <mergeCell ref="GYC726:GYF726"/>
    <mergeCell ref="GYG726:GYJ726"/>
    <mergeCell ref="GYK726:GYN726"/>
    <mergeCell ref="GYO726:GYR726"/>
    <mergeCell ref="GXE726:GXH726"/>
    <mergeCell ref="GXI726:GXL726"/>
    <mergeCell ref="GXM726:GXP726"/>
    <mergeCell ref="GXQ726:GXT726"/>
    <mergeCell ref="GXU726:GXX726"/>
    <mergeCell ref="GWK726:GWN726"/>
    <mergeCell ref="GWO726:GWR726"/>
    <mergeCell ref="GWS726:GWV726"/>
    <mergeCell ref="GWW726:GWZ726"/>
    <mergeCell ref="GXA726:GXD726"/>
    <mergeCell ref="GVQ726:GVT726"/>
    <mergeCell ref="GVU726:GVX726"/>
    <mergeCell ref="GVY726:GWB726"/>
    <mergeCell ref="GWC726:GWF726"/>
    <mergeCell ref="GWG726:GWJ726"/>
    <mergeCell ref="GUW726:GUZ726"/>
    <mergeCell ref="GVA726:GVD726"/>
    <mergeCell ref="GVE726:GVH726"/>
    <mergeCell ref="GVI726:GVL726"/>
    <mergeCell ref="GVM726:GVP726"/>
    <mergeCell ref="HEW726:HEZ726"/>
    <mergeCell ref="HFA726:HFD726"/>
    <mergeCell ref="HFE726:HFH726"/>
    <mergeCell ref="HFI726:HFL726"/>
    <mergeCell ref="HFM726:HFP726"/>
    <mergeCell ref="HEC726:HEF726"/>
    <mergeCell ref="HEG726:HEJ726"/>
    <mergeCell ref="HEK726:HEN726"/>
    <mergeCell ref="HEO726:HER726"/>
    <mergeCell ref="HES726:HEV726"/>
    <mergeCell ref="HDI726:HDL726"/>
    <mergeCell ref="HDM726:HDP726"/>
    <mergeCell ref="HDQ726:HDT726"/>
    <mergeCell ref="HDU726:HDX726"/>
    <mergeCell ref="HDY726:HEB726"/>
    <mergeCell ref="HCO726:HCR726"/>
    <mergeCell ref="HCS726:HCV726"/>
    <mergeCell ref="HCW726:HCZ726"/>
    <mergeCell ref="HDA726:HDD726"/>
    <mergeCell ref="HDE726:HDH726"/>
    <mergeCell ref="HBU726:HBX726"/>
    <mergeCell ref="HBY726:HCB726"/>
    <mergeCell ref="HCC726:HCF726"/>
    <mergeCell ref="HCG726:HCJ726"/>
    <mergeCell ref="HCK726:HCN726"/>
    <mergeCell ref="HBA726:HBD726"/>
    <mergeCell ref="HBE726:HBH726"/>
    <mergeCell ref="HBI726:HBL726"/>
    <mergeCell ref="HBM726:HBP726"/>
    <mergeCell ref="HBQ726:HBT726"/>
    <mergeCell ref="HAG726:HAJ726"/>
    <mergeCell ref="HAK726:HAN726"/>
    <mergeCell ref="HAO726:HAR726"/>
    <mergeCell ref="HAS726:HAV726"/>
    <mergeCell ref="HAW726:HAZ726"/>
    <mergeCell ref="HKG726:HKJ726"/>
    <mergeCell ref="HKK726:HKN726"/>
    <mergeCell ref="HKO726:HKR726"/>
    <mergeCell ref="HKS726:HKV726"/>
    <mergeCell ref="HKW726:HKZ726"/>
    <mergeCell ref="HJM726:HJP726"/>
    <mergeCell ref="HJQ726:HJT726"/>
    <mergeCell ref="HJU726:HJX726"/>
    <mergeCell ref="HJY726:HKB726"/>
    <mergeCell ref="HKC726:HKF726"/>
    <mergeCell ref="HIS726:HIV726"/>
    <mergeCell ref="HIW726:HIZ726"/>
    <mergeCell ref="HJA726:HJD726"/>
    <mergeCell ref="HJE726:HJH726"/>
    <mergeCell ref="HJI726:HJL726"/>
    <mergeCell ref="HHY726:HIB726"/>
    <mergeCell ref="HIC726:HIF726"/>
    <mergeCell ref="HIG726:HIJ726"/>
    <mergeCell ref="HIK726:HIN726"/>
    <mergeCell ref="HIO726:HIR726"/>
    <mergeCell ref="HHE726:HHH726"/>
    <mergeCell ref="HHI726:HHL726"/>
    <mergeCell ref="HHM726:HHP726"/>
    <mergeCell ref="HHQ726:HHT726"/>
    <mergeCell ref="HHU726:HHX726"/>
    <mergeCell ref="HGK726:HGN726"/>
    <mergeCell ref="HGO726:HGR726"/>
    <mergeCell ref="HGS726:HGV726"/>
    <mergeCell ref="HGW726:HGZ726"/>
    <mergeCell ref="HHA726:HHD726"/>
    <mergeCell ref="HFQ726:HFT726"/>
    <mergeCell ref="HFU726:HFX726"/>
    <mergeCell ref="HFY726:HGB726"/>
    <mergeCell ref="HGC726:HGF726"/>
    <mergeCell ref="HGG726:HGJ726"/>
    <mergeCell ref="HPQ726:HPT726"/>
    <mergeCell ref="HPU726:HPX726"/>
    <mergeCell ref="HPY726:HQB726"/>
    <mergeCell ref="HQC726:HQF726"/>
    <mergeCell ref="HQG726:HQJ726"/>
    <mergeCell ref="HOW726:HOZ726"/>
    <mergeCell ref="HPA726:HPD726"/>
    <mergeCell ref="HPE726:HPH726"/>
    <mergeCell ref="HPI726:HPL726"/>
    <mergeCell ref="HPM726:HPP726"/>
    <mergeCell ref="HOC726:HOF726"/>
    <mergeCell ref="HOG726:HOJ726"/>
    <mergeCell ref="HOK726:HON726"/>
    <mergeCell ref="HOO726:HOR726"/>
    <mergeCell ref="HOS726:HOV726"/>
    <mergeCell ref="HNI726:HNL726"/>
    <mergeCell ref="HNM726:HNP726"/>
    <mergeCell ref="HNQ726:HNT726"/>
    <mergeCell ref="HNU726:HNX726"/>
    <mergeCell ref="HNY726:HOB726"/>
    <mergeCell ref="HMO726:HMR726"/>
    <mergeCell ref="HMS726:HMV726"/>
    <mergeCell ref="HMW726:HMZ726"/>
    <mergeCell ref="HNA726:HND726"/>
    <mergeCell ref="HNE726:HNH726"/>
    <mergeCell ref="HLU726:HLX726"/>
    <mergeCell ref="HLY726:HMB726"/>
    <mergeCell ref="HMC726:HMF726"/>
    <mergeCell ref="HMG726:HMJ726"/>
    <mergeCell ref="HMK726:HMN726"/>
    <mergeCell ref="HLA726:HLD726"/>
    <mergeCell ref="HLE726:HLH726"/>
    <mergeCell ref="HLI726:HLL726"/>
    <mergeCell ref="HLM726:HLP726"/>
    <mergeCell ref="HLQ726:HLT726"/>
    <mergeCell ref="HVA726:HVD726"/>
    <mergeCell ref="HVE726:HVH726"/>
    <mergeCell ref="HVI726:HVL726"/>
    <mergeCell ref="HVM726:HVP726"/>
    <mergeCell ref="HVQ726:HVT726"/>
    <mergeCell ref="HUG726:HUJ726"/>
    <mergeCell ref="HUK726:HUN726"/>
    <mergeCell ref="HUO726:HUR726"/>
    <mergeCell ref="HUS726:HUV726"/>
    <mergeCell ref="HUW726:HUZ726"/>
    <mergeCell ref="HTM726:HTP726"/>
    <mergeCell ref="HTQ726:HTT726"/>
    <mergeCell ref="HTU726:HTX726"/>
    <mergeCell ref="HTY726:HUB726"/>
    <mergeCell ref="HUC726:HUF726"/>
    <mergeCell ref="HSS726:HSV726"/>
    <mergeCell ref="HSW726:HSZ726"/>
    <mergeCell ref="HTA726:HTD726"/>
    <mergeCell ref="HTE726:HTH726"/>
    <mergeCell ref="HTI726:HTL726"/>
    <mergeCell ref="HRY726:HSB726"/>
    <mergeCell ref="HSC726:HSF726"/>
    <mergeCell ref="HSG726:HSJ726"/>
    <mergeCell ref="HSK726:HSN726"/>
    <mergeCell ref="HSO726:HSR726"/>
    <mergeCell ref="HRE726:HRH726"/>
    <mergeCell ref="HRI726:HRL726"/>
    <mergeCell ref="HRM726:HRP726"/>
    <mergeCell ref="HRQ726:HRT726"/>
    <mergeCell ref="HRU726:HRX726"/>
    <mergeCell ref="HQK726:HQN726"/>
    <mergeCell ref="HQO726:HQR726"/>
    <mergeCell ref="HQS726:HQV726"/>
    <mergeCell ref="HQW726:HQZ726"/>
    <mergeCell ref="HRA726:HRD726"/>
    <mergeCell ref="IAK726:IAN726"/>
    <mergeCell ref="IAO726:IAR726"/>
    <mergeCell ref="IAS726:IAV726"/>
    <mergeCell ref="IAW726:IAZ726"/>
    <mergeCell ref="IBA726:IBD726"/>
    <mergeCell ref="HZQ726:HZT726"/>
    <mergeCell ref="HZU726:HZX726"/>
    <mergeCell ref="HZY726:IAB726"/>
    <mergeCell ref="IAC726:IAF726"/>
    <mergeCell ref="IAG726:IAJ726"/>
    <mergeCell ref="HYW726:HYZ726"/>
    <mergeCell ref="HZA726:HZD726"/>
    <mergeCell ref="HZE726:HZH726"/>
    <mergeCell ref="HZI726:HZL726"/>
    <mergeCell ref="HZM726:HZP726"/>
    <mergeCell ref="HYC726:HYF726"/>
    <mergeCell ref="HYG726:HYJ726"/>
    <mergeCell ref="HYK726:HYN726"/>
    <mergeCell ref="HYO726:HYR726"/>
    <mergeCell ref="HYS726:HYV726"/>
    <mergeCell ref="HXI726:HXL726"/>
    <mergeCell ref="HXM726:HXP726"/>
    <mergeCell ref="HXQ726:HXT726"/>
    <mergeCell ref="HXU726:HXX726"/>
    <mergeCell ref="HXY726:HYB726"/>
    <mergeCell ref="HWO726:HWR726"/>
    <mergeCell ref="HWS726:HWV726"/>
    <mergeCell ref="HWW726:HWZ726"/>
    <mergeCell ref="HXA726:HXD726"/>
    <mergeCell ref="HXE726:HXH726"/>
    <mergeCell ref="HVU726:HVX726"/>
    <mergeCell ref="HVY726:HWB726"/>
    <mergeCell ref="HWC726:HWF726"/>
    <mergeCell ref="HWG726:HWJ726"/>
    <mergeCell ref="HWK726:HWN726"/>
    <mergeCell ref="IFU726:IFX726"/>
    <mergeCell ref="IFY726:IGB726"/>
    <mergeCell ref="IGC726:IGF726"/>
    <mergeCell ref="IGG726:IGJ726"/>
    <mergeCell ref="IGK726:IGN726"/>
    <mergeCell ref="IFA726:IFD726"/>
    <mergeCell ref="IFE726:IFH726"/>
    <mergeCell ref="IFI726:IFL726"/>
    <mergeCell ref="IFM726:IFP726"/>
    <mergeCell ref="IFQ726:IFT726"/>
    <mergeCell ref="IEG726:IEJ726"/>
    <mergeCell ref="IEK726:IEN726"/>
    <mergeCell ref="IEO726:IER726"/>
    <mergeCell ref="IES726:IEV726"/>
    <mergeCell ref="IEW726:IEZ726"/>
    <mergeCell ref="IDM726:IDP726"/>
    <mergeCell ref="IDQ726:IDT726"/>
    <mergeCell ref="IDU726:IDX726"/>
    <mergeCell ref="IDY726:IEB726"/>
    <mergeCell ref="IEC726:IEF726"/>
    <mergeCell ref="ICS726:ICV726"/>
    <mergeCell ref="ICW726:ICZ726"/>
    <mergeCell ref="IDA726:IDD726"/>
    <mergeCell ref="IDE726:IDH726"/>
    <mergeCell ref="IDI726:IDL726"/>
    <mergeCell ref="IBY726:ICB726"/>
    <mergeCell ref="ICC726:ICF726"/>
    <mergeCell ref="ICG726:ICJ726"/>
    <mergeCell ref="ICK726:ICN726"/>
    <mergeCell ref="ICO726:ICR726"/>
    <mergeCell ref="IBE726:IBH726"/>
    <mergeCell ref="IBI726:IBL726"/>
    <mergeCell ref="IBM726:IBP726"/>
    <mergeCell ref="IBQ726:IBT726"/>
    <mergeCell ref="IBU726:IBX726"/>
    <mergeCell ref="ILE726:ILH726"/>
    <mergeCell ref="ILI726:ILL726"/>
    <mergeCell ref="ILM726:ILP726"/>
    <mergeCell ref="ILQ726:ILT726"/>
    <mergeCell ref="ILU726:ILX726"/>
    <mergeCell ref="IKK726:IKN726"/>
    <mergeCell ref="IKO726:IKR726"/>
    <mergeCell ref="IKS726:IKV726"/>
    <mergeCell ref="IKW726:IKZ726"/>
    <mergeCell ref="ILA726:ILD726"/>
    <mergeCell ref="IJQ726:IJT726"/>
    <mergeCell ref="IJU726:IJX726"/>
    <mergeCell ref="IJY726:IKB726"/>
    <mergeCell ref="IKC726:IKF726"/>
    <mergeCell ref="IKG726:IKJ726"/>
    <mergeCell ref="IIW726:IIZ726"/>
    <mergeCell ref="IJA726:IJD726"/>
    <mergeCell ref="IJE726:IJH726"/>
    <mergeCell ref="IJI726:IJL726"/>
    <mergeCell ref="IJM726:IJP726"/>
    <mergeCell ref="IIC726:IIF726"/>
    <mergeCell ref="IIG726:IIJ726"/>
    <mergeCell ref="IIK726:IIN726"/>
    <mergeCell ref="IIO726:IIR726"/>
    <mergeCell ref="IIS726:IIV726"/>
    <mergeCell ref="IHI726:IHL726"/>
    <mergeCell ref="IHM726:IHP726"/>
    <mergeCell ref="IHQ726:IHT726"/>
    <mergeCell ref="IHU726:IHX726"/>
    <mergeCell ref="IHY726:IIB726"/>
    <mergeCell ref="IGO726:IGR726"/>
    <mergeCell ref="IGS726:IGV726"/>
    <mergeCell ref="IGW726:IGZ726"/>
    <mergeCell ref="IHA726:IHD726"/>
    <mergeCell ref="IHE726:IHH726"/>
    <mergeCell ref="IQO726:IQR726"/>
    <mergeCell ref="IQS726:IQV726"/>
    <mergeCell ref="IQW726:IQZ726"/>
    <mergeCell ref="IRA726:IRD726"/>
    <mergeCell ref="IRE726:IRH726"/>
    <mergeCell ref="IPU726:IPX726"/>
    <mergeCell ref="IPY726:IQB726"/>
    <mergeCell ref="IQC726:IQF726"/>
    <mergeCell ref="IQG726:IQJ726"/>
    <mergeCell ref="IQK726:IQN726"/>
    <mergeCell ref="IPA726:IPD726"/>
    <mergeCell ref="IPE726:IPH726"/>
    <mergeCell ref="IPI726:IPL726"/>
    <mergeCell ref="IPM726:IPP726"/>
    <mergeCell ref="IPQ726:IPT726"/>
    <mergeCell ref="IOG726:IOJ726"/>
    <mergeCell ref="IOK726:ION726"/>
    <mergeCell ref="IOO726:IOR726"/>
    <mergeCell ref="IOS726:IOV726"/>
    <mergeCell ref="IOW726:IOZ726"/>
    <mergeCell ref="INM726:INP726"/>
    <mergeCell ref="INQ726:INT726"/>
    <mergeCell ref="INU726:INX726"/>
    <mergeCell ref="INY726:IOB726"/>
    <mergeCell ref="IOC726:IOF726"/>
    <mergeCell ref="IMS726:IMV726"/>
    <mergeCell ref="IMW726:IMZ726"/>
    <mergeCell ref="INA726:IND726"/>
    <mergeCell ref="INE726:INH726"/>
    <mergeCell ref="INI726:INL726"/>
    <mergeCell ref="ILY726:IMB726"/>
    <mergeCell ref="IMC726:IMF726"/>
    <mergeCell ref="IMG726:IMJ726"/>
    <mergeCell ref="IMK726:IMN726"/>
    <mergeCell ref="IMO726:IMR726"/>
    <mergeCell ref="IVY726:IWB726"/>
    <mergeCell ref="IWC726:IWF726"/>
    <mergeCell ref="IWG726:IWJ726"/>
    <mergeCell ref="IWK726:IWN726"/>
    <mergeCell ref="IWO726:IWR726"/>
    <mergeCell ref="IVE726:IVH726"/>
    <mergeCell ref="IVI726:IVL726"/>
    <mergeCell ref="IVM726:IVP726"/>
    <mergeCell ref="IVQ726:IVT726"/>
    <mergeCell ref="IVU726:IVX726"/>
    <mergeCell ref="IUK726:IUN726"/>
    <mergeCell ref="IUO726:IUR726"/>
    <mergeCell ref="IUS726:IUV726"/>
    <mergeCell ref="IUW726:IUZ726"/>
    <mergeCell ref="IVA726:IVD726"/>
    <mergeCell ref="ITQ726:ITT726"/>
    <mergeCell ref="ITU726:ITX726"/>
    <mergeCell ref="ITY726:IUB726"/>
    <mergeCell ref="IUC726:IUF726"/>
    <mergeCell ref="IUG726:IUJ726"/>
    <mergeCell ref="ISW726:ISZ726"/>
    <mergeCell ref="ITA726:ITD726"/>
    <mergeCell ref="ITE726:ITH726"/>
    <mergeCell ref="ITI726:ITL726"/>
    <mergeCell ref="ITM726:ITP726"/>
    <mergeCell ref="ISC726:ISF726"/>
    <mergeCell ref="ISG726:ISJ726"/>
    <mergeCell ref="ISK726:ISN726"/>
    <mergeCell ref="ISO726:ISR726"/>
    <mergeCell ref="ISS726:ISV726"/>
    <mergeCell ref="IRI726:IRL726"/>
    <mergeCell ref="IRM726:IRP726"/>
    <mergeCell ref="IRQ726:IRT726"/>
    <mergeCell ref="IRU726:IRX726"/>
    <mergeCell ref="IRY726:ISB726"/>
    <mergeCell ref="JBI726:JBL726"/>
    <mergeCell ref="JBM726:JBP726"/>
    <mergeCell ref="JBQ726:JBT726"/>
    <mergeCell ref="JBU726:JBX726"/>
    <mergeCell ref="JBY726:JCB726"/>
    <mergeCell ref="JAO726:JAR726"/>
    <mergeCell ref="JAS726:JAV726"/>
    <mergeCell ref="JAW726:JAZ726"/>
    <mergeCell ref="JBA726:JBD726"/>
    <mergeCell ref="JBE726:JBH726"/>
    <mergeCell ref="IZU726:IZX726"/>
    <mergeCell ref="IZY726:JAB726"/>
    <mergeCell ref="JAC726:JAF726"/>
    <mergeCell ref="JAG726:JAJ726"/>
    <mergeCell ref="JAK726:JAN726"/>
    <mergeCell ref="IZA726:IZD726"/>
    <mergeCell ref="IZE726:IZH726"/>
    <mergeCell ref="IZI726:IZL726"/>
    <mergeCell ref="IZM726:IZP726"/>
    <mergeCell ref="IZQ726:IZT726"/>
    <mergeCell ref="IYG726:IYJ726"/>
    <mergeCell ref="IYK726:IYN726"/>
    <mergeCell ref="IYO726:IYR726"/>
    <mergeCell ref="IYS726:IYV726"/>
    <mergeCell ref="IYW726:IYZ726"/>
    <mergeCell ref="IXM726:IXP726"/>
    <mergeCell ref="IXQ726:IXT726"/>
    <mergeCell ref="IXU726:IXX726"/>
    <mergeCell ref="IXY726:IYB726"/>
    <mergeCell ref="IYC726:IYF726"/>
    <mergeCell ref="IWS726:IWV726"/>
    <mergeCell ref="IWW726:IWZ726"/>
    <mergeCell ref="IXA726:IXD726"/>
    <mergeCell ref="IXE726:IXH726"/>
    <mergeCell ref="IXI726:IXL726"/>
    <mergeCell ref="JGS726:JGV726"/>
    <mergeCell ref="JGW726:JGZ726"/>
    <mergeCell ref="JHA726:JHD726"/>
    <mergeCell ref="JHE726:JHH726"/>
    <mergeCell ref="JHI726:JHL726"/>
    <mergeCell ref="JFY726:JGB726"/>
    <mergeCell ref="JGC726:JGF726"/>
    <mergeCell ref="JGG726:JGJ726"/>
    <mergeCell ref="JGK726:JGN726"/>
    <mergeCell ref="JGO726:JGR726"/>
    <mergeCell ref="JFE726:JFH726"/>
    <mergeCell ref="JFI726:JFL726"/>
    <mergeCell ref="JFM726:JFP726"/>
    <mergeCell ref="JFQ726:JFT726"/>
    <mergeCell ref="JFU726:JFX726"/>
    <mergeCell ref="JEK726:JEN726"/>
    <mergeCell ref="JEO726:JER726"/>
    <mergeCell ref="JES726:JEV726"/>
    <mergeCell ref="JEW726:JEZ726"/>
    <mergeCell ref="JFA726:JFD726"/>
    <mergeCell ref="JDQ726:JDT726"/>
    <mergeCell ref="JDU726:JDX726"/>
    <mergeCell ref="JDY726:JEB726"/>
    <mergeCell ref="JEC726:JEF726"/>
    <mergeCell ref="JEG726:JEJ726"/>
    <mergeCell ref="JCW726:JCZ726"/>
    <mergeCell ref="JDA726:JDD726"/>
    <mergeCell ref="JDE726:JDH726"/>
    <mergeCell ref="JDI726:JDL726"/>
    <mergeCell ref="JDM726:JDP726"/>
    <mergeCell ref="JCC726:JCF726"/>
    <mergeCell ref="JCG726:JCJ726"/>
    <mergeCell ref="JCK726:JCN726"/>
    <mergeCell ref="JCO726:JCR726"/>
    <mergeCell ref="JCS726:JCV726"/>
    <mergeCell ref="JMC726:JMF726"/>
    <mergeCell ref="JMG726:JMJ726"/>
    <mergeCell ref="JMK726:JMN726"/>
    <mergeCell ref="JMO726:JMR726"/>
    <mergeCell ref="JMS726:JMV726"/>
    <mergeCell ref="JLI726:JLL726"/>
    <mergeCell ref="JLM726:JLP726"/>
    <mergeCell ref="JLQ726:JLT726"/>
    <mergeCell ref="JLU726:JLX726"/>
    <mergeCell ref="JLY726:JMB726"/>
    <mergeCell ref="JKO726:JKR726"/>
    <mergeCell ref="JKS726:JKV726"/>
    <mergeCell ref="JKW726:JKZ726"/>
    <mergeCell ref="JLA726:JLD726"/>
    <mergeCell ref="JLE726:JLH726"/>
    <mergeCell ref="JJU726:JJX726"/>
    <mergeCell ref="JJY726:JKB726"/>
    <mergeCell ref="JKC726:JKF726"/>
    <mergeCell ref="JKG726:JKJ726"/>
    <mergeCell ref="JKK726:JKN726"/>
    <mergeCell ref="JJA726:JJD726"/>
    <mergeCell ref="JJE726:JJH726"/>
    <mergeCell ref="JJI726:JJL726"/>
    <mergeCell ref="JJM726:JJP726"/>
    <mergeCell ref="JJQ726:JJT726"/>
    <mergeCell ref="JIG726:JIJ726"/>
    <mergeCell ref="JIK726:JIN726"/>
    <mergeCell ref="JIO726:JIR726"/>
    <mergeCell ref="JIS726:JIV726"/>
    <mergeCell ref="JIW726:JIZ726"/>
    <mergeCell ref="JHM726:JHP726"/>
    <mergeCell ref="JHQ726:JHT726"/>
    <mergeCell ref="JHU726:JHX726"/>
    <mergeCell ref="JHY726:JIB726"/>
    <mergeCell ref="JIC726:JIF726"/>
    <mergeCell ref="JRM726:JRP726"/>
    <mergeCell ref="JRQ726:JRT726"/>
    <mergeCell ref="JRU726:JRX726"/>
    <mergeCell ref="JRY726:JSB726"/>
    <mergeCell ref="JSC726:JSF726"/>
    <mergeCell ref="JQS726:JQV726"/>
    <mergeCell ref="JQW726:JQZ726"/>
    <mergeCell ref="JRA726:JRD726"/>
    <mergeCell ref="JRE726:JRH726"/>
    <mergeCell ref="JRI726:JRL726"/>
    <mergeCell ref="JPY726:JQB726"/>
    <mergeCell ref="JQC726:JQF726"/>
    <mergeCell ref="JQG726:JQJ726"/>
    <mergeCell ref="JQK726:JQN726"/>
    <mergeCell ref="JQO726:JQR726"/>
    <mergeCell ref="JPE726:JPH726"/>
    <mergeCell ref="JPI726:JPL726"/>
    <mergeCell ref="JPM726:JPP726"/>
    <mergeCell ref="JPQ726:JPT726"/>
    <mergeCell ref="JPU726:JPX726"/>
    <mergeCell ref="JOK726:JON726"/>
    <mergeCell ref="JOO726:JOR726"/>
    <mergeCell ref="JOS726:JOV726"/>
    <mergeCell ref="JOW726:JOZ726"/>
    <mergeCell ref="JPA726:JPD726"/>
    <mergeCell ref="JNQ726:JNT726"/>
    <mergeCell ref="JNU726:JNX726"/>
    <mergeCell ref="JNY726:JOB726"/>
    <mergeCell ref="JOC726:JOF726"/>
    <mergeCell ref="JOG726:JOJ726"/>
    <mergeCell ref="JMW726:JMZ726"/>
    <mergeCell ref="JNA726:JND726"/>
    <mergeCell ref="JNE726:JNH726"/>
    <mergeCell ref="JNI726:JNL726"/>
    <mergeCell ref="JNM726:JNP726"/>
    <mergeCell ref="JWW726:JWZ726"/>
    <mergeCell ref="JXA726:JXD726"/>
    <mergeCell ref="JXE726:JXH726"/>
    <mergeCell ref="JXI726:JXL726"/>
    <mergeCell ref="JXM726:JXP726"/>
    <mergeCell ref="JWC726:JWF726"/>
    <mergeCell ref="JWG726:JWJ726"/>
    <mergeCell ref="JWK726:JWN726"/>
    <mergeCell ref="JWO726:JWR726"/>
    <mergeCell ref="JWS726:JWV726"/>
    <mergeCell ref="JVI726:JVL726"/>
    <mergeCell ref="JVM726:JVP726"/>
    <mergeCell ref="JVQ726:JVT726"/>
    <mergeCell ref="JVU726:JVX726"/>
    <mergeCell ref="JVY726:JWB726"/>
    <mergeCell ref="JUO726:JUR726"/>
    <mergeCell ref="JUS726:JUV726"/>
    <mergeCell ref="JUW726:JUZ726"/>
    <mergeCell ref="JVA726:JVD726"/>
    <mergeCell ref="JVE726:JVH726"/>
    <mergeCell ref="JTU726:JTX726"/>
    <mergeCell ref="JTY726:JUB726"/>
    <mergeCell ref="JUC726:JUF726"/>
    <mergeCell ref="JUG726:JUJ726"/>
    <mergeCell ref="JUK726:JUN726"/>
    <mergeCell ref="JTA726:JTD726"/>
    <mergeCell ref="JTE726:JTH726"/>
    <mergeCell ref="JTI726:JTL726"/>
    <mergeCell ref="JTM726:JTP726"/>
    <mergeCell ref="JTQ726:JTT726"/>
    <mergeCell ref="JSG726:JSJ726"/>
    <mergeCell ref="JSK726:JSN726"/>
    <mergeCell ref="JSO726:JSR726"/>
    <mergeCell ref="JSS726:JSV726"/>
    <mergeCell ref="JSW726:JSZ726"/>
    <mergeCell ref="KCG726:KCJ726"/>
    <mergeCell ref="KCK726:KCN726"/>
    <mergeCell ref="KCO726:KCR726"/>
    <mergeCell ref="KCS726:KCV726"/>
    <mergeCell ref="KCW726:KCZ726"/>
    <mergeCell ref="KBM726:KBP726"/>
    <mergeCell ref="KBQ726:KBT726"/>
    <mergeCell ref="KBU726:KBX726"/>
    <mergeCell ref="KBY726:KCB726"/>
    <mergeCell ref="KCC726:KCF726"/>
    <mergeCell ref="KAS726:KAV726"/>
    <mergeCell ref="KAW726:KAZ726"/>
    <mergeCell ref="KBA726:KBD726"/>
    <mergeCell ref="KBE726:KBH726"/>
    <mergeCell ref="KBI726:KBL726"/>
    <mergeCell ref="JZY726:KAB726"/>
    <mergeCell ref="KAC726:KAF726"/>
    <mergeCell ref="KAG726:KAJ726"/>
    <mergeCell ref="KAK726:KAN726"/>
    <mergeCell ref="KAO726:KAR726"/>
    <mergeCell ref="JZE726:JZH726"/>
    <mergeCell ref="JZI726:JZL726"/>
    <mergeCell ref="JZM726:JZP726"/>
    <mergeCell ref="JZQ726:JZT726"/>
    <mergeCell ref="JZU726:JZX726"/>
    <mergeCell ref="JYK726:JYN726"/>
    <mergeCell ref="JYO726:JYR726"/>
    <mergeCell ref="JYS726:JYV726"/>
    <mergeCell ref="JYW726:JYZ726"/>
    <mergeCell ref="JZA726:JZD726"/>
    <mergeCell ref="JXQ726:JXT726"/>
    <mergeCell ref="JXU726:JXX726"/>
    <mergeCell ref="JXY726:JYB726"/>
    <mergeCell ref="JYC726:JYF726"/>
    <mergeCell ref="JYG726:JYJ726"/>
    <mergeCell ref="KHQ726:KHT726"/>
    <mergeCell ref="KHU726:KHX726"/>
    <mergeCell ref="KHY726:KIB726"/>
    <mergeCell ref="KIC726:KIF726"/>
    <mergeCell ref="KIG726:KIJ726"/>
    <mergeCell ref="KGW726:KGZ726"/>
    <mergeCell ref="KHA726:KHD726"/>
    <mergeCell ref="KHE726:KHH726"/>
    <mergeCell ref="KHI726:KHL726"/>
    <mergeCell ref="KHM726:KHP726"/>
    <mergeCell ref="KGC726:KGF726"/>
    <mergeCell ref="KGG726:KGJ726"/>
    <mergeCell ref="KGK726:KGN726"/>
    <mergeCell ref="KGO726:KGR726"/>
    <mergeCell ref="KGS726:KGV726"/>
    <mergeCell ref="KFI726:KFL726"/>
    <mergeCell ref="KFM726:KFP726"/>
    <mergeCell ref="KFQ726:KFT726"/>
    <mergeCell ref="KFU726:KFX726"/>
    <mergeCell ref="KFY726:KGB726"/>
    <mergeCell ref="KEO726:KER726"/>
    <mergeCell ref="KES726:KEV726"/>
    <mergeCell ref="KEW726:KEZ726"/>
    <mergeCell ref="KFA726:KFD726"/>
    <mergeCell ref="KFE726:KFH726"/>
    <mergeCell ref="KDU726:KDX726"/>
    <mergeCell ref="KDY726:KEB726"/>
    <mergeCell ref="KEC726:KEF726"/>
    <mergeCell ref="KEG726:KEJ726"/>
    <mergeCell ref="KEK726:KEN726"/>
    <mergeCell ref="KDA726:KDD726"/>
    <mergeCell ref="KDE726:KDH726"/>
    <mergeCell ref="KDI726:KDL726"/>
    <mergeCell ref="KDM726:KDP726"/>
    <mergeCell ref="KDQ726:KDT726"/>
    <mergeCell ref="KNA726:KND726"/>
    <mergeCell ref="KNE726:KNH726"/>
    <mergeCell ref="KNI726:KNL726"/>
    <mergeCell ref="KNM726:KNP726"/>
    <mergeCell ref="KNQ726:KNT726"/>
    <mergeCell ref="KMG726:KMJ726"/>
    <mergeCell ref="KMK726:KMN726"/>
    <mergeCell ref="KMO726:KMR726"/>
    <mergeCell ref="KMS726:KMV726"/>
    <mergeCell ref="KMW726:KMZ726"/>
    <mergeCell ref="KLM726:KLP726"/>
    <mergeCell ref="KLQ726:KLT726"/>
    <mergeCell ref="KLU726:KLX726"/>
    <mergeCell ref="KLY726:KMB726"/>
    <mergeCell ref="KMC726:KMF726"/>
    <mergeCell ref="KKS726:KKV726"/>
    <mergeCell ref="KKW726:KKZ726"/>
    <mergeCell ref="KLA726:KLD726"/>
    <mergeCell ref="KLE726:KLH726"/>
    <mergeCell ref="KLI726:KLL726"/>
    <mergeCell ref="KJY726:KKB726"/>
    <mergeCell ref="KKC726:KKF726"/>
    <mergeCell ref="KKG726:KKJ726"/>
    <mergeCell ref="KKK726:KKN726"/>
    <mergeCell ref="KKO726:KKR726"/>
    <mergeCell ref="KJE726:KJH726"/>
    <mergeCell ref="KJI726:KJL726"/>
    <mergeCell ref="KJM726:KJP726"/>
    <mergeCell ref="KJQ726:KJT726"/>
    <mergeCell ref="KJU726:KJX726"/>
    <mergeCell ref="KIK726:KIN726"/>
    <mergeCell ref="KIO726:KIR726"/>
    <mergeCell ref="KIS726:KIV726"/>
    <mergeCell ref="KIW726:KIZ726"/>
    <mergeCell ref="KJA726:KJD726"/>
    <mergeCell ref="KSK726:KSN726"/>
    <mergeCell ref="KSO726:KSR726"/>
    <mergeCell ref="KSS726:KSV726"/>
    <mergeCell ref="KSW726:KSZ726"/>
    <mergeCell ref="KTA726:KTD726"/>
    <mergeCell ref="KRQ726:KRT726"/>
    <mergeCell ref="KRU726:KRX726"/>
    <mergeCell ref="KRY726:KSB726"/>
    <mergeCell ref="KSC726:KSF726"/>
    <mergeCell ref="KSG726:KSJ726"/>
    <mergeCell ref="KQW726:KQZ726"/>
    <mergeCell ref="KRA726:KRD726"/>
    <mergeCell ref="KRE726:KRH726"/>
    <mergeCell ref="KRI726:KRL726"/>
    <mergeCell ref="KRM726:KRP726"/>
    <mergeCell ref="KQC726:KQF726"/>
    <mergeCell ref="KQG726:KQJ726"/>
    <mergeCell ref="KQK726:KQN726"/>
    <mergeCell ref="KQO726:KQR726"/>
    <mergeCell ref="KQS726:KQV726"/>
    <mergeCell ref="KPI726:KPL726"/>
    <mergeCell ref="KPM726:KPP726"/>
    <mergeCell ref="KPQ726:KPT726"/>
    <mergeCell ref="KPU726:KPX726"/>
    <mergeCell ref="KPY726:KQB726"/>
    <mergeCell ref="KOO726:KOR726"/>
    <mergeCell ref="KOS726:KOV726"/>
    <mergeCell ref="KOW726:KOZ726"/>
    <mergeCell ref="KPA726:KPD726"/>
    <mergeCell ref="KPE726:KPH726"/>
    <mergeCell ref="KNU726:KNX726"/>
    <mergeCell ref="KNY726:KOB726"/>
    <mergeCell ref="KOC726:KOF726"/>
    <mergeCell ref="KOG726:KOJ726"/>
    <mergeCell ref="KOK726:KON726"/>
    <mergeCell ref="KXU726:KXX726"/>
    <mergeCell ref="KXY726:KYB726"/>
    <mergeCell ref="KYC726:KYF726"/>
    <mergeCell ref="KYG726:KYJ726"/>
    <mergeCell ref="KYK726:KYN726"/>
    <mergeCell ref="KXA726:KXD726"/>
    <mergeCell ref="KXE726:KXH726"/>
    <mergeCell ref="KXI726:KXL726"/>
    <mergeCell ref="KXM726:KXP726"/>
    <mergeCell ref="KXQ726:KXT726"/>
    <mergeCell ref="KWG726:KWJ726"/>
    <mergeCell ref="KWK726:KWN726"/>
    <mergeCell ref="KWO726:KWR726"/>
    <mergeCell ref="KWS726:KWV726"/>
    <mergeCell ref="KWW726:KWZ726"/>
    <mergeCell ref="KVM726:KVP726"/>
    <mergeCell ref="KVQ726:KVT726"/>
    <mergeCell ref="KVU726:KVX726"/>
    <mergeCell ref="KVY726:KWB726"/>
    <mergeCell ref="KWC726:KWF726"/>
    <mergeCell ref="KUS726:KUV726"/>
    <mergeCell ref="KUW726:KUZ726"/>
    <mergeCell ref="KVA726:KVD726"/>
    <mergeCell ref="KVE726:KVH726"/>
    <mergeCell ref="KVI726:KVL726"/>
    <mergeCell ref="KTY726:KUB726"/>
    <mergeCell ref="KUC726:KUF726"/>
    <mergeCell ref="KUG726:KUJ726"/>
    <mergeCell ref="KUK726:KUN726"/>
    <mergeCell ref="KUO726:KUR726"/>
    <mergeCell ref="KTE726:KTH726"/>
    <mergeCell ref="KTI726:KTL726"/>
    <mergeCell ref="KTM726:KTP726"/>
    <mergeCell ref="KTQ726:KTT726"/>
    <mergeCell ref="KTU726:KTX726"/>
    <mergeCell ref="LDE726:LDH726"/>
    <mergeCell ref="LDI726:LDL726"/>
    <mergeCell ref="LDM726:LDP726"/>
    <mergeCell ref="LDQ726:LDT726"/>
    <mergeCell ref="LDU726:LDX726"/>
    <mergeCell ref="LCK726:LCN726"/>
    <mergeCell ref="LCO726:LCR726"/>
    <mergeCell ref="LCS726:LCV726"/>
    <mergeCell ref="LCW726:LCZ726"/>
    <mergeCell ref="LDA726:LDD726"/>
    <mergeCell ref="LBQ726:LBT726"/>
    <mergeCell ref="LBU726:LBX726"/>
    <mergeCell ref="LBY726:LCB726"/>
    <mergeCell ref="LCC726:LCF726"/>
    <mergeCell ref="LCG726:LCJ726"/>
    <mergeCell ref="LAW726:LAZ726"/>
    <mergeCell ref="LBA726:LBD726"/>
    <mergeCell ref="LBE726:LBH726"/>
    <mergeCell ref="LBI726:LBL726"/>
    <mergeCell ref="LBM726:LBP726"/>
    <mergeCell ref="LAC726:LAF726"/>
    <mergeCell ref="LAG726:LAJ726"/>
    <mergeCell ref="LAK726:LAN726"/>
    <mergeCell ref="LAO726:LAR726"/>
    <mergeCell ref="LAS726:LAV726"/>
    <mergeCell ref="KZI726:KZL726"/>
    <mergeCell ref="KZM726:KZP726"/>
    <mergeCell ref="KZQ726:KZT726"/>
    <mergeCell ref="KZU726:KZX726"/>
    <mergeCell ref="KZY726:LAB726"/>
    <mergeCell ref="KYO726:KYR726"/>
    <mergeCell ref="KYS726:KYV726"/>
    <mergeCell ref="KYW726:KYZ726"/>
    <mergeCell ref="KZA726:KZD726"/>
    <mergeCell ref="KZE726:KZH726"/>
    <mergeCell ref="LIO726:LIR726"/>
    <mergeCell ref="LIS726:LIV726"/>
    <mergeCell ref="LIW726:LIZ726"/>
    <mergeCell ref="LJA726:LJD726"/>
    <mergeCell ref="LJE726:LJH726"/>
    <mergeCell ref="LHU726:LHX726"/>
    <mergeCell ref="LHY726:LIB726"/>
    <mergeCell ref="LIC726:LIF726"/>
    <mergeCell ref="LIG726:LIJ726"/>
    <mergeCell ref="LIK726:LIN726"/>
    <mergeCell ref="LHA726:LHD726"/>
    <mergeCell ref="LHE726:LHH726"/>
    <mergeCell ref="LHI726:LHL726"/>
    <mergeCell ref="LHM726:LHP726"/>
    <mergeCell ref="LHQ726:LHT726"/>
    <mergeCell ref="LGG726:LGJ726"/>
    <mergeCell ref="LGK726:LGN726"/>
    <mergeCell ref="LGO726:LGR726"/>
    <mergeCell ref="LGS726:LGV726"/>
    <mergeCell ref="LGW726:LGZ726"/>
    <mergeCell ref="LFM726:LFP726"/>
    <mergeCell ref="LFQ726:LFT726"/>
    <mergeCell ref="LFU726:LFX726"/>
    <mergeCell ref="LFY726:LGB726"/>
    <mergeCell ref="LGC726:LGF726"/>
    <mergeCell ref="LES726:LEV726"/>
    <mergeCell ref="LEW726:LEZ726"/>
    <mergeCell ref="LFA726:LFD726"/>
    <mergeCell ref="LFE726:LFH726"/>
    <mergeCell ref="LFI726:LFL726"/>
    <mergeCell ref="LDY726:LEB726"/>
    <mergeCell ref="LEC726:LEF726"/>
    <mergeCell ref="LEG726:LEJ726"/>
    <mergeCell ref="LEK726:LEN726"/>
    <mergeCell ref="LEO726:LER726"/>
    <mergeCell ref="LNY726:LOB726"/>
    <mergeCell ref="LOC726:LOF726"/>
    <mergeCell ref="LOG726:LOJ726"/>
    <mergeCell ref="LOK726:LON726"/>
    <mergeCell ref="LOO726:LOR726"/>
    <mergeCell ref="LNE726:LNH726"/>
    <mergeCell ref="LNI726:LNL726"/>
    <mergeCell ref="LNM726:LNP726"/>
    <mergeCell ref="LNQ726:LNT726"/>
    <mergeCell ref="LNU726:LNX726"/>
    <mergeCell ref="LMK726:LMN726"/>
    <mergeCell ref="LMO726:LMR726"/>
    <mergeCell ref="LMS726:LMV726"/>
    <mergeCell ref="LMW726:LMZ726"/>
    <mergeCell ref="LNA726:LND726"/>
    <mergeCell ref="LLQ726:LLT726"/>
    <mergeCell ref="LLU726:LLX726"/>
    <mergeCell ref="LLY726:LMB726"/>
    <mergeCell ref="LMC726:LMF726"/>
    <mergeCell ref="LMG726:LMJ726"/>
    <mergeCell ref="LKW726:LKZ726"/>
    <mergeCell ref="LLA726:LLD726"/>
    <mergeCell ref="LLE726:LLH726"/>
    <mergeCell ref="LLI726:LLL726"/>
    <mergeCell ref="LLM726:LLP726"/>
    <mergeCell ref="LKC726:LKF726"/>
    <mergeCell ref="LKG726:LKJ726"/>
    <mergeCell ref="LKK726:LKN726"/>
    <mergeCell ref="LKO726:LKR726"/>
    <mergeCell ref="LKS726:LKV726"/>
    <mergeCell ref="LJI726:LJL726"/>
    <mergeCell ref="LJM726:LJP726"/>
    <mergeCell ref="LJQ726:LJT726"/>
    <mergeCell ref="LJU726:LJX726"/>
    <mergeCell ref="LJY726:LKB726"/>
    <mergeCell ref="LTI726:LTL726"/>
    <mergeCell ref="LTM726:LTP726"/>
    <mergeCell ref="LTQ726:LTT726"/>
    <mergeCell ref="LTU726:LTX726"/>
    <mergeCell ref="LTY726:LUB726"/>
    <mergeCell ref="LSO726:LSR726"/>
    <mergeCell ref="LSS726:LSV726"/>
    <mergeCell ref="LSW726:LSZ726"/>
    <mergeCell ref="LTA726:LTD726"/>
    <mergeCell ref="LTE726:LTH726"/>
    <mergeCell ref="LRU726:LRX726"/>
    <mergeCell ref="LRY726:LSB726"/>
    <mergeCell ref="LSC726:LSF726"/>
    <mergeCell ref="LSG726:LSJ726"/>
    <mergeCell ref="LSK726:LSN726"/>
    <mergeCell ref="LRA726:LRD726"/>
    <mergeCell ref="LRE726:LRH726"/>
    <mergeCell ref="LRI726:LRL726"/>
    <mergeCell ref="LRM726:LRP726"/>
    <mergeCell ref="LRQ726:LRT726"/>
    <mergeCell ref="LQG726:LQJ726"/>
    <mergeCell ref="LQK726:LQN726"/>
    <mergeCell ref="LQO726:LQR726"/>
    <mergeCell ref="LQS726:LQV726"/>
    <mergeCell ref="LQW726:LQZ726"/>
    <mergeCell ref="LPM726:LPP726"/>
    <mergeCell ref="LPQ726:LPT726"/>
    <mergeCell ref="LPU726:LPX726"/>
    <mergeCell ref="LPY726:LQB726"/>
    <mergeCell ref="LQC726:LQF726"/>
    <mergeCell ref="LOS726:LOV726"/>
    <mergeCell ref="LOW726:LOZ726"/>
    <mergeCell ref="LPA726:LPD726"/>
    <mergeCell ref="LPE726:LPH726"/>
    <mergeCell ref="LPI726:LPL726"/>
    <mergeCell ref="LYS726:LYV726"/>
    <mergeCell ref="LYW726:LYZ726"/>
    <mergeCell ref="LZA726:LZD726"/>
    <mergeCell ref="LZE726:LZH726"/>
    <mergeCell ref="LZI726:LZL726"/>
    <mergeCell ref="LXY726:LYB726"/>
    <mergeCell ref="LYC726:LYF726"/>
    <mergeCell ref="LYG726:LYJ726"/>
    <mergeCell ref="LYK726:LYN726"/>
    <mergeCell ref="LYO726:LYR726"/>
    <mergeCell ref="LXE726:LXH726"/>
    <mergeCell ref="LXI726:LXL726"/>
    <mergeCell ref="LXM726:LXP726"/>
    <mergeCell ref="LXQ726:LXT726"/>
    <mergeCell ref="LXU726:LXX726"/>
    <mergeCell ref="LWK726:LWN726"/>
    <mergeCell ref="LWO726:LWR726"/>
    <mergeCell ref="LWS726:LWV726"/>
    <mergeCell ref="LWW726:LWZ726"/>
    <mergeCell ref="LXA726:LXD726"/>
    <mergeCell ref="LVQ726:LVT726"/>
    <mergeCell ref="LVU726:LVX726"/>
    <mergeCell ref="LVY726:LWB726"/>
    <mergeCell ref="LWC726:LWF726"/>
    <mergeCell ref="LWG726:LWJ726"/>
    <mergeCell ref="LUW726:LUZ726"/>
    <mergeCell ref="LVA726:LVD726"/>
    <mergeCell ref="LVE726:LVH726"/>
    <mergeCell ref="LVI726:LVL726"/>
    <mergeCell ref="LVM726:LVP726"/>
    <mergeCell ref="LUC726:LUF726"/>
    <mergeCell ref="LUG726:LUJ726"/>
    <mergeCell ref="LUK726:LUN726"/>
    <mergeCell ref="LUO726:LUR726"/>
    <mergeCell ref="LUS726:LUV726"/>
    <mergeCell ref="MEC726:MEF726"/>
    <mergeCell ref="MEG726:MEJ726"/>
    <mergeCell ref="MEK726:MEN726"/>
    <mergeCell ref="MEO726:MER726"/>
    <mergeCell ref="MES726:MEV726"/>
    <mergeCell ref="MDI726:MDL726"/>
    <mergeCell ref="MDM726:MDP726"/>
    <mergeCell ref="MDQ726:MDT726"/>
    <mergeCell ref="MDU726:MDX726"/>
    <mergeCell ref="MDY726:MEB726"/>
    <mergeCell ref="MCO726:MCR726"/>
    <mergeCell ref="MCS726:MCV726"/>
    <mergeCell ref="MCW726:MCZ726"/>
    <mergeCell ref="MDA726:MDD726"/>
    <mergeCell ref="MDE726:MDH726"/>
    <mergeCell ref="MBU726:MBX726"/>
    <mergeCell ref="MBY726:MCB726"/>
    <mergeCell ref="MCC726:MCF726"/>
    <mergeCell ref="MCG726:MCJ726"/>
    <mergeCell ref="MCK726:MCN726"/>
    <mergeCell ref="MBA726:MBD726"/>
    <mergeCell ref="MBE726:MBH726"/>
    <mergeCell ref="MBI726:MBL726"/>
    <mergeCell ref="MBM726:MBP726"/>
    <mergeCell ref="MBQ726:MBT726"/>
    <mergeCell ref="MAG726:MAJ726"/>
    <mergeCell ref="MAK726:MAN726"/>
    <mergeCell ref="MAO726:MAR726"/>
    <mergeCell ref="MAS726:MAV726"/>
    <mergeCell ref="MAW726:MAZ726"/>
    <mergeCell ref="LZM726:LZP726"/>
    <mergeCell ref="LZQ726:LZT726"/>
    <mergeCell ref="LZU726:LZX726"/>
    <mergeCell ref="LZY726:MAB726"/>
    <mergeCell ref="MAC726:MAF726"/>
    <mergeCell ref="MJM726:MJP726"/>
    <mergeCell ref="MJQ726:MJT726"/>
    <mergeCell ref="MJU726:MJX726"/>
    <mergeCell ref="MJY726:MKB726"/>
    <mergeCell ref="MKC726:MKF726"/>
    <mergeCell ref="MIS726:MIV726"/>
    <mergeCell ref="MIW726:MIZ726"/>
    <mergeCell ref="MJA726:MJD726"/>
    <mergeCell ref="MJE726:MJH726"/>
    <mergeCell ref="MJI726:MJL726"/>
    <mergeCell ref="MHY726:MIB726"/>
    <mergeCell ref="MIC726:MIF726"/>
    <mergeCell ref="MIG726:MIJ726"/>
    <mergeCell ref="MIK726:MIN726"/>
    <mergeCell ref="MIO726:MIR726"/>
    <mergeCell ref="MHE726:MHH726"/>
    <mergeCell ref="MHI726:MHL726"/>
    <mergeCell ref="MHM726:MHP726"/>
    <mergeCell ref="MHQ726:MHT726"/>
    <mergeCell ref="MHU726:MHX726"/>
    <mergeCell ref="MGK726:MGN726"/>
    <mergeCell ref="MGO726:MGR726"/>
    <mergeCell ref="MGS726:MGV726"/>
    <mergeCell ref="MGW726:MGZ726"/>
    <mergeCell ref="MHA726:MHD726"/>
    <mergeCell ref="MFQ726:MFT726"/>
    <mergeCell ref="MFU726:MFX726"/>
    <mergeCell ref="MFY726:MGB726"/>
    <mergeCell ref="MGC726:MGF726"/>
    <mergeCell ref="MGG726:MGJ726"/>
    <mergeCell ref="MEW726:MEZ726"/>
    <mergeCell ref="MFA726:MFD726"/>
    <mergeCell ref="MFE726:MFH726"/>
    <mergeCell ref="MFI726:MFL726"/>
    <mergeCell ref="MFM726:MFP726"/>
    <mergeCell ref="MOW726:MOZ726"/>
    <mergeCell ref="MPA726:MPD726"/>
    <mergeCell ref="MPE726:MPH726"/>
    <mergeCell ref="MPI726:MPL726"/>
    <mergeCell ref="MPM726:MPP726"/>
    <mergeCell ref="MOC726:MOF726"/>
    <mergeCell ref="MOG726:MOJ726"/>
    <mergeCell ref="MOK726:MON726"/>
    <mergeCell ref="MOO726:MOR726"/>
    <mergeCell ref="MOS726:MOV726"/>
    <mergeCell ref="MNI726:MNL726"/>
    <mergeCell ref="MNM726:MNP726"/>
    <mergeCell ref="MNQ726:MNT726"/>
    <mergeCell ref="MNU726:MNX726"/>
    <mergeCell ref="MNY726:MOB726"/>
    <mergeCell ref="MMO726:MMR726"/>
    <mergeCell ref="MMS726:MMV726"/>
    <mergeCell ref="MMW726:MMZ726"/>
    <mergeCell ref="MNA726:MND726"/>
    <mergeCell ref="MNE726:MNH726"/>
    <mergeCell ref="MLU726:MLX726"/>
    <mergeCell ref="MLY726:MMB726"/>
    <mergeCell ref="MMC726:MMF726"/>
    <mergeCell ref="MMG726:MMJ726"/>
    <mergeCell ref="MMK726:MMN726"/>
    <mergeCell ref="MLA726:MLD726"/>
    <mergeCell ref="MLE726:MLH726"/>
    <mergeCell ref="MLI726:MLL726"/>
    <mergeCell ref="MLM726:MLP726"/>
    <mergeCell ref="MLQ726:MLT726"/>
    <mergeCell ref="MKG726:MKJ726"/>
    <mergeCell ref="MKK726:MKN726"/>
    <mergeCell ref="MKO726:MKR726"/>
    <mergeCell ref="MKS726:MKV726"/>
    <mergeCell ref="MKW726:MKZ726"/>
    <mergeCell ref="MUG726:MUJ726"/>
    <mergeCell ref="MUK726:MUN726"/>
    <mergeCell ref="MUO726:MUR726"/>
    <mergeCell ref="MUS726:MUV726"/>
    <mergeCell ref="MUW726:MUZ726"/>
    <mergeCell ref="MTM726:MTP726"/>
    <mergeCell ref="MTQ726:MTT726"/>
    <mergeCell ref="MTU726:MTX726"/>
    <mergeCell ref="MTY726:MUB726"/>
    <mergeCell ref="MUC726:MUF726"/>
    <mergeCell ref="MSS726:MSV726"/>
    <mergeCell ref="MSW726:MSZ726"/>
    <mergeCell ref="MTA726:MTD726"/>
    <mergeCell ref="MTE726:MTH726"/>
    <mergeCell ref="MTI726:MTL726"/>
    <mergeCell ref="MRY726:MSB726"/>
    <mergeCell ref="MSC726:MSF726"/>
    <mergeCell ref="MSG726:MSJ726"/>
    <mergeCell ref="MSK726:MSN726"/>
    <mergeCell ref="MSO726:MSR726"/>
    <mergeCell ref="MRE726:MRH726"/>
    <mergeCell ref="MRI726:MRL726"/>
    <mergeCell ref="MRM726:MRP726"/>
    <mergeCell ref="MRQ726:MRT726"/>
    <mergeCell ref="MRU726:MRX726"/>
    <mergeCell ref="MQK726:MQN726"/>
    <mergeCell ref="MQO726:MQR726"/>
    <mergeCell ref="MQS726:MQV726"/>
    <mergeCell ref="MQW726:MQZ726"/>
    <mergeCell ref="MRA726:MRD726"/>
    <mergeCell ref="MPQ726:MPT726"/>
    <mergeCell ref="MPU726:MPX726"/>
    <mergeCell ref="MPY726:MQB726"/>
    <mergeCell ref="MQC726:MQF726"/>
    <mergeCell ref="MQG726:MQJ726"/>
    <mergeCell ref="MZQ726:MZT726"/>
    <mergeCell ref="MZU726:MZX726"/>
    <mergeCell ref="MZY726:NAB726"/>
    <mergeCell ref="NAC726:NAF726"/>
    <mergeCell ref="NAG726:NAJ726"/>
    <mergeCell ref="MYW726:MYZ726"/>
    <mergeCell ref="MZA726:MZD726"/>
    <mergeCell ref="MZE726:MZH726"/>
    <mergeCell ref="MZI726:MZL726"/>
    <mergeCell ref="MZM726:MZP726"/>
    <mergeCell ref="MYC726:MYF726"/>
    <mergeCell ref="MYG726:MYJ726"/>
    <mergeCell ref="MYK726:MYN726"/>
    <mergeCell ref="MYO726:MYR726"/>
    <mergeCell ref="MYS726:MYV726"/>
    <mergeCell ref="MXI726:MXL726"/>
    <mergeCell ref="MXM726:MXP726"/>
    <mergeCell ref="MXQ726:MXT726"/>
    <mergeCell ref="MXU726:MXX726"/>
    <mergeCell ref="MXY726:MYB726"/>
    <mergeCell ref="MWO726:MWR726"/>
    <mergeCell ref="MWS726:MWV726"/>
    <mergeCell ref="MWW726:MWZ726"/>
    <mergeCell ref="MXA726:MXD726"/>
    <mergeCell ref="MXE726:MXH726"/>
    <mergeCell ref="MVU726:MVX726"/>
    <mergeCell ref="MVY726:MWB726"/>
    <mergeCell ref="MWC726:MWF726"/>
    <mergeCell ref="MWG726:MWJ726"/>
    <mergeCell ref="MWK726:MWN726"/>
    <mergeCell ref="MVA726:MVD726"/>
    <mergeCell ref="MVE726:MVH726"/>
    <mergeCell ref="MVI726:MVL726"/>
    <mergeCell ref="MVM726:MVP726"/>
    <mergeCell ref="MVQ726:MVT726"/>
    <mergeCell ref="NFA726:NFD726"/>
    <mergeCell ref="NFE726:NFH726"/>
    <mergeCell ref="NFI726:NFL726"/>
    <mergeCell ref="NFM726:NFP726"/>
    <mergeCell ref="NFQ726:NFT726"/>
    <mergeCell ref="NEG726:NEJ726"/>
    <mergeCell ref="NEK726:NEN726"/>
    <mergeCell ref="NEO726:NER726"/>
    <mergeCell ref="NES726:NEV726"/>
    <mergeCell ref="NEW726:NEZ726"/>
    <mergeCell ref="NDM726:NDP726"/>
    <mergeCell ref="NDQ726:NDT726"/>
    <mergeCell ref="NDU726:NDX726"/>
    <mergeCell ref="NDY726:NEB726"/>
    <mergeCell ref="NEC726:NEF726"/>
    <mergeCell ref="NCS726:NCV726"/>
    <mergeCell ref="NCW726:NCZ726"/>
    <mergeCell ref="NDA726:NDD726"/>
    <mergeCell ref="NDE726:NDH726"/>
    <mergeCell ref="NDI726:NDL726"/>
    <mergeCell ref="NBY726:NCB726"/>
    <mergeCell ref="NCC726:NCF726"/>
    <mergeCell ref="NCG726:NCJ726"/>
    <mergeCell ref="NCK726:NCN726"/>
    <mergeCell ref="NCO726:NCR726"/>
    <mergeCell ref="NBE726:NBH726"/>
    <mergeCell ref="NBI726:NBL726"/>
    <mergeCell ref="NBM726:NBP726"/>
    <mergeCell ref="NBQ726:NBT726"/>
    <mergeCell ref="NBU726:NBX726"/>
    <mergeCell ref="NAK726:NAN726"/>
    <mergeCell ref="NAO726:NAR726"/>
    <mergeCell ref="NAS726:NAV726"/>
    <mergeCell ref="NAW726:NAZ726"/>
    <mergeCell ref="NBA726:NBD726"/>
    <mergeCell ref="NKK726:NKN726"/>
    <mergeCell ref="NKO726:NKR726"/>
    <mergeCell ref="NKS726:NKV726"/>
    <mergeCell ref="NKW726:NKZ726"/>
    <mergeCell ref="NLA726:NLD726"/>
    <mergeCell ref="NJQ726:NJT726"/>
    <mergeCell ref="NJU726:NJX726"/>
    <mergeCell ref="NJY726:NKB726"/>
    <mergeCell ref="NKC726:NKF726"/>
    <mergeCell ref="NKG726:NKJ726"/>
    <mergeCell ref="NIW726:NIZ726"/>
    <mergeCell ref="NJA726:NJD726"/>
    <mergeCell ref="NJE726:NJH726"/>
    <mergeCell ref="NJI726:NJL726"/>
    <mergeCell ref="NJM726:NJP726"/>
    <mergeCell ref="NIC726:NIF726"/>
    <mergeCell ref="NIG726:NIJ726"/>
    <mergeCell ref="NIK726:NIN726"/>
    <mergeCell ref="NIO726:NIR726"/>
    <mergeCell ref="NIS726:NIV726"/>
    <mergeCell ref="NHI726:NHL726"/>
    <mergeCell ref="NHM726:NHP726"/>
    <mergeCell ref="NHQ726:NHT726"/>
    <mergeCell ref="NHU726:NHX726"/>
    <mergeCell ref="NHY726:NIB726"/>
    <mergeCell ref="NGO726:NGR726"/>
    <mergeCell ref="NGS726:NGV726"/>
    <mergeCell ref="NGW726:NGZ726"/>
    <mergeCell ref="NHA726:NHD726"/>
    <mergeCell ref="NHE726:NHH726"/>
    <mergeCell ref="NFU726:NFX726"/>
    <mergeCell ref="NFY726:NGB726"/>
    <mergeCell ref="NGC726:NGF726"/>
    <mergeCell ref="NGG726:NGJ726"/>
    <mergeCell ref="NGK726:NGN726"/>
    <mergeCell ref="NPU726:NPX726"/>
    <mergeCell ref="NPY726:NQB726"/>
    <mergeCell ref="NQC726:NQF726"/>
    <mergeCell ref="NQG726:NQJ726"/>
    <mergeCell ref="NQK726:NQN726"/>
    <mergeCell ref="NPA726:NPD726"/>
    <mergeCell ref="NPE726:NPH726"/>
    <mergeCell ref="NPI726:NPL726"/>
    <mergeCell ref="NPM726:NPP726"/>
    <mergeCell ref="NPQ726:NPT726"/>
    <mergeCell ref="NOG726:NOJ726"/>
    <mergeCell ref="NOK726:NON726"/>
    <mergeCell ref="NOO726:NOR726"/>
    <mergeCell ref="NOS726:NOV726"/>
    <mergeCell ref="NOW726:NOZ726"/>
    <mergeCell ref="NNM726:NNP726"/>
    <mergeCell ref="NNQ726:NNT726"/>
    <mergeCell ref="NNU726:NNX726"/>
    <mergeCell ref="NNY726:NOB726"/>
    <mergeCell ref="NOC726:NOF726"/>
    <mergeCell ref="NMS726:NMV726"/>
    <mergeCell ref="NMW726:NMZ726"/>
    <mergeCell ref="NNA726:NND726"/>
    <mergeCell ref="NNE726:NNH726"/>
    <mergeCell ref="NNI726:NNL726"/>
    <mergeCell ref="NLY726:NMB726"/>
    <mergeCell ref="NMC726:NMF726"/>
    <mergeCell ref="NMG726:NMJ726"/>
    <mergeCell ref="NMK726:NMN726"/>
    <mergeCell ref="NMO726:NMR726"/>
    <mergeCell ref="NLE726:NLH726"/>
    <mergeCell ref="NLI726:NLL726"/>
    <mergeCell ref="NLM726:NLP726"/>
    <mergeCell ref="NLQ726:NLT726"/>
    <mergeCell ref="NLU726:NLX726"/>
    <mergeCell ref="NVE726:NVH726"/>
    <mergeCell ref="NVI726:NVL726"/>
    <mergeCell ref="NVM726:NVP726"/>
    <mergeCell ref="NVQ726:NVT726"/>
    <mergeCell ref="NVU726:NVX726"/>
    <mergeCell ref="NUK726:NUN726"/>
    <mergeCell ref="NUO726:NUR726"/>
    <mergeCell ref="NUS726:NUV726"/>
    <mergeCell ref="NUW726:NUZ726"/>
    <mergeCell ref="NVA726:NVD726"/>
    <mergeCell ref="NTQ726:NTT726"/>
    <mergeCell ref="NTU726:NTX726"/>
    <mergeCell ref="NTY726:NUB726"/>
    <mergeCell ref="NUC726:NUF726"/>
    <mergeCell ref="NUG726:NUJ726"/>
    <mergeCell ref="NSW726:NSZ726"/>
    <mergeCell ref="NTA726:NTD726"/>
    <mergeCell ref="NTE726:NTH726"/>
    <mergeCell ref="NTI726:NTL726"/>
    <mergeCell ref="NTM726:NTP726"/>
    <mergeCell ref="NSC726:NSF726"/>
    <mergeCell ref="NSG726:NSJ726"/>
    <mergeCell ref="NSK726:NSN726"/>
    <mergeCell ref="NSO726:NSR726"/>
    <mergeCell ref="NSS726:NSV726"/>
    <mergeCell ref="NRI726:NRL726"/>
    <mergeCell ref="NRM726:NRP726"/>
    <mergeCell ref="NRQ726:NRT726"/>
    <mergeCell ref="NRU726:NRX726"/>
    <mergeCell ref="NRY726:NSB726"/>
    <mergeCell ref="NQO726:NQR726"/>
    <mergeCell ref="NQS726:NQV726"/>
    <mergeCell ref="NQW726:NQZ726"/>
    <mergeCell ref="NRA726:NRD726"/>
    <mergeCell ref="NRE726:NRH726"/>
    <mergeCell ref="OAO726:OAR726"/>
    <mergeCell ref="OAS726:OAV726"/>
    <mergeCell ref="OAW726:OAZ726"/>
    <mergeCell ref="OBA726:OBD726"/>
    <mergeCell ref="OBE726:OBH726"/>
    <mergeCell ref="NZU726:NZX726"/>
    <mergeCell ref="NZY726:OAB726"/>
    <mergeCell ref="OAC726:OAF726"/>
    <mergeCell ref="OAG726:OAJ726"/>
    <mergeCell ref="OAK726:OAN726"/>
    <mergeCell ref="NZA726:NZD726"/>
    <mergeCell ref="NZE726:NZH726"/>
    <mergeCell ref="NZI726:NZL726"/>
    <mergeCell ref="NZM726:NZP726"/>
    <mergeCell ref="NZQ726:NZT726"/>
    <mergeCell ref="NYG726:NYJ726"/>
    <mergeCell ref="NYK726:NYN726"/>
    <mergeCell ref="NYO726:NYR726"/>
    <mergeCell ref="NYS726:NYV726"/>
    <mergeCell ref="NYW726:NYZ726"/>
    <mergeCell ref="NXM726:NXP726"/>
    <mergeCell ref="NXQ726:NXT726"/>
    <mergeCell ref="NXU726:NXX726"/>
    <mergeCell ref="NXY726:NYB726"/>
    <mergeCell ref="NYC726:NYF726"/>
    <mergeCell ref="NWS726:NWV726"/>
    <mergeCell ref="NWW726:NWZ726"/>
    <mergeCell ref="NXA726:NXD726"/>
    <mergeCell ref="NXE726:NXH726"/>
    <mergeCell ref="NXI726:NXL726"/>
    <mergeCell ref="NVY726:NWB726"/>
    <mergeCell ref="NWC726:NWF726"/>
    <mergeCell ref="NWG726:NWJ726"/>
    <mergeCell ref="NWK726:NWN726"/>
    <mergeCell ref="NWO726:NWR726"/>
    <mergeCell ref="OFY726:OGB726"/>
    <mergeCell ref="OGC726:OGF726"/>
    <mergeCell ref="OGG726:OGJ726"/>
    <mergeCell ref="OGK726:OGN726"/>
    <mergeCell ref="OGO726:OGR726"/>
    <mergeCell ref="OFE726:OFH726"/>
    <mergeCell ref="OFI726:OFL726"/>
    <mergeCell ref="OFM726:OFP726"/>
    <mergeCell ref="OFQ726:OFT726"/>
    <mergeCell ref="OFU726:OFX726"/>
    <mergeCell ref="OEK726:OEN726"/>
    <mergeCell ref="OEO726:OER726"/>
    <mergeCell ref="OES726:OEV726"/>
    <mergeCell ref="OEW726:OEZ726"/>
    <mergeCell ref="OFA726:OFD726"/>
    <mergeCell ref="ODQ726:ODT726"/>
    <mergeCell ref="ODU726:ODX726"/>
    <mergeCell ref="ODY726:OEB726"/>
    <mergeCell ref="OEC726:OEF726"/>
    <mergeCell ref="OEG726:OEJ726"/>
    <mergeCell ref="OCW726:OCZ726"/>
    <mergeCell ref="ODA726:ODD726"/>
    <mergeCell ref="ODE726:ODH726"/>
    <mergeCell ref="ODI726:ODL726"/>
    <mergeCell ref="ODM726:ODP726"/>
    <mergeCell ref="OCC726:OCF726"/>
    <mergeCell ref="OCG726:OCJ726"/>
    <mergeCell ref="OCK726:OCN726"/>
    <mergeCell ref="OCO726:OCR726"/>
    <mergeCell ref="OCS726:OCV726"/>
    <mergeCell ref="OBI726:OBL726"/>
    <mergeCell ref="OBM726:OBP726"/>
    <mergeCell ref="OBQ726:OBT726"/>
    <mergeCell ref="OBU726:OBX726"/>
    <mergeCell ref="OBY726:OCB726"/>
    <mergeCell ref="OLI726:OLL726"/>
    <mergeCell ref="OLM726:OLP726"/>
    <mergeCell ref="OLQ726:OLT726"/>
    <mergeCell ref="OLU726:OLX726"/>
    <mergeCell ref="OLY726:OMB726"/>
    <mergeCell ref="OKO726:OKR726"/>
    <mergeCell ref="OKS726:OKV726"/>
    <mergeCell ref="OKW726:OKZ726"/>
    <mergeCell ref="OLA726:OLD726"/>
    <mergeCell ref="OLE726:OLH726"/>
    <mergeCell ref="OJU726:OJX726"/>
    <mergeCell ref="OJY726:OKB726"/>
    <mergeCell ref="OKC726:OKF726"/>
    <mergeCell ref="OKG726:OKJ726"/>
    <mergeCell ref="OKK726:OKN726"/>
    <mergeCell ref="OJA726:OJD726"/>
    <mergeCell ref="OJE726:OJH726"/>
    <mergeCell ref="OJI726:OJL726"/>
    <mergeCell ref="OJM726:OJP726"/>
    <mergeCell ref="OJQ726:OJT726"/>
    <mergeCell ref="OIG726:OIJ726"/>
    <mergeCell ref="OIK726:OIN726"/>
    <mergeCell ref="OIO726:OIR726"/>
    <mergeCell ref="OIS726:OIV726"/>
    <mergeCell ref="OIW726:OIZ726"/>
    <mergeCell ref="OHM726:OHP726"/>
    <mergeCell ref="OHQ726:OHT726"/>
    <mergeCell ref="OHU726:OHX726"/>
    <mergeCell ref="OHY726:OIB726"/>
    <mergeCell ref="OIC726:OIF726"/>
    <mergeCell ref="OGS726:OGV726"/>
    <mergeCell ref="OGW726:OGZ726"/>
    <mergeCell ref="OHA726:OHD726"/>
    <mergeCell ref="OHE726:OHH726"/>
    <mergeCell ref="OHI726:OHL726"/>
    <mergeCell ref="OQS726:OQV726"/>
    <mergeCell ref="OQW726:OQZ726"/>
    <mergeCell ref="ORA726:ORD726"/>
    <mergeCell ref="ORE726:ORH726"/>
    <mergeCell ref="ORI726:ORL726"/>
    <mergeCell ref="OPY726:OQB726"/>
    <mergeCell ref="OQC726:OQF726"/>
    <mergeCell ref="OQG726:OQJ726"/>
    <mergeCell ref="OQK726:OQN726"/>
    <mergeCell ref="OQO726:OQR726"/>
    <mergeCell ref="OPE726:OPH726"/>
    <mergeCell ref="OPI726:OPL726"/>
    <mergeCell ref="OPM726:OPP726"/>
    <mergeCell ref="OPQ726:OPT726"/>
    <mergeCell ref="OPU726:OPX726"/>
    <mergeCell ref="OOK726:OON726"/>
    <mergeCell ref="OOO726:OOR726"/>
    <mergeCell ref="OOS726:OOV726"/>
    <mergeCell ref="OOW726:OOZ726"/>
    <mergeCell ref="OPA726:OPD726"/>
    <mergeCell ref="ONQ726:ONT726"/>
    <mergeCell ref="ONU726:ONX726"/>
    <mergeCell ref="ONY726:OOB726"/>
    <mergeCell ref="OOC726:OOF726"/>
    <mergeCell ref="OOG726:OOJ726"/>
    <mergeCell ref="OMW726:OMZ726"/>
    <mergeCell ref="ONA726:OND726"/>
    <mergeCell ref="ONE726:ONH726"/>
    <mergeCell ref="ONI726:ONL726"/>
    <mergeCell ref="ONM726:ONP726"/>
    <mergeCell ref="OMC726:OMF726"/>
    <mergeCell ref="OMG726:OMJ726"/>
    <mergeCell ref="OMK726:OMN726"/>
    <mergeCell ref="OMO726:OMR726"/>
    <mergeCell ref="OMS726:OMV726"/>
    <mergeCell ref="OWC726:OWF726"/>
    <mergeCell ref="OWG726:OWJ726"/>
    <mergeCell ref="OWK726:OWN726"/>
    <mergeCell ref="OWO726:OWR726"/>
    <mergeCell ref="OWS726:OWV726"/>
    <mergeCell ref="OVI726:OVL726"/>
    <mergeCell ref="OVM726:OVP726"/>
    <mergeCell ref="OVQ726:OVT726"/>
    <mergeCell ref="OVU726:OVX726"/>
    <mergeCell ref="OVY726:OWB726"/>
    <mergeCell ref="OUO726:OUR726"/>
    <mergeCell ref="OUS726:OUV726"/>
    <mergeCell ref="OUW726:OUZ726"/>
    <mergeCell ref="OVA726:OVD726"/>
    <mergeCell ref="OVE726:OVH726"/>
    <mergeCell ref="OTU726:OTX726"/>
    <mergeCell ref="OTY726:OUB726"/>
    <mergeCell ref="OUC726:OUF726"/>
    <mergeCell ref="OUG726:OUJ726"/>
    <mergeCell ref="OUK726:OUN726"/>
    <mergeCell ref="OTA726:OTD726"/>
    <mergeCell ref="OTE726:OTH726"/>
    <mergeCell ref="OTI726:OTL726"/>
    <mergeCell ref="OTM726:OTP726"/>
    <mergeCell ref="OTQ726:OTT726"/>
    <mergeCell ref="OSG726:OSJ726"/>
    <mergeCell ref="OSK726:OSN726"/>
    <mergeCell ref="OSO726:OSR726"/>
    <mergeCell ref="OSS726:OSV726"/>
    <mergeCell ref="OSW726:OSZ726"/>
    <mergeCell ref="ORM726:ORP726"/>
    <mergeCell ref="ORQ726:ORT726"/>
    <mergeCell ref="ORU726:ORX726"/>
    <mergeCell ref="ORY726:OSB726"/>
    <mergeCell ref="OSC726:OSF726"/>
    <mergeCell ref="PBM726:PBP726"/>
    <mergeCell ref="PBQ726:PBT726"/>
    <mergeCell ref="PBU726:PBX726"/>
    <mergeCell ref="PBY726:PCB726"/>
    <mergeCell ref="PCC726:PCF726"/>
    <mergeCell ref="PAS726:PAV726"/>
    <mergeCell ref="PAW726:PAZ726"/>
    <mergeCell ref="PBA726:PBD726"/>
    <mergeCell ref="PBE726:PBH726"/>
    <mergeCell ref="PBI726:PBL726"/>
    <mergeCell ref="OZY726:PAB726"/>
    <mergeCell ref="PAC726:PAF726"/>
    <mergeCell ref="PAG726:PAJ726"/>
    <mergeCell ref="PAK726:PAN726"/>
    <mergeCell ref="PAO726:PAR726"/>
    <mergeCell ref="OZE726:OZH726"/>
    <mergeCell ref="OZI726:OZL726"/>
    <mergeCell ref="OZM726:OZP726"/>
    <mergeCell ref="OZQ726:OZT726"/>
    <mergeCell ref="OZU726:OZX726"/>
    <mergeCell ref="OYK726:OYN726"/>
    <mergeCell ref="OYO726:OYR726"/>
    <mergeCell ref="OYS726:OYV726"/>
    <mergeCell ref="OYW726:OYZ726"/>
    <mergeCell ref="OZA726:OZD726"/>
    <mergeCell ref="OXQ726:OXT726"/>
    <mergeCell ref="OXU726:OXX726"/>
    <mergeCell ref="OXY726:OYB726"/>
    <mergeCell ref="OYC726:OYF726"/>
    <mergeCell ref="OYG726:OYJ726"/>
    <mergeCell ref="OWW726:OWZ726"/>
    <mergeCell ref="OXA726:OXD726"/>
    <mergeCell ref="OXE726:OXH726"/>
    <mergeCell ref="OXI726:OXL726"/>
    <mergeCell ref="OXM726:OXP726"/>
    <mergeCell ref="PGW726:PGZ726"/>
    <mergeCell ref="PHA726:PHD726"/>
    <mergeCell ref="PHE726:PHH726"/>
    <mergeCell ref="PHI726:PHL726"/>
    <mergeCell ref="PHM726:PHP726"/>
    <mergeCell ref="PGC726:PGF726"/>
    <mergeCell ref="PGG726:PGJ726"/>
    <mergeCell ref="PGK726:PGN726"/>
    <mergeCell ref="PGO726:PGR726"/>
    <mergeCell ref="PGS726:PGV726"/>
    <mergeCell ref="PFI726:PFL726"/>
    <mergeCell ref="PFM726:PFP726"/>
    <mergeCell ref="PFQ726:PFT726"/>
    <mergeCell ref="PFU726:PFX726"/>
    <mergeCell ref="PFY726:PGB726"/>
    <mergeCell ref="PEO726:PER726"/>
    <mergeCell ref="PES726:PEV726"/>
    <mergeCell ref="PEW726:PEZ726"/>
    <mergeCell ref="PFA726:PFD726"/>
    <mergeCell ref="PFE726:PFH726"/>
    <mergeCell ref="PDU726:PDX726"/>
    <mergeCell ref="PDY726:PEB726"/>
    <mergeCell ref="PEC726:PEF726"/>
    <mergeCell ref="PEG726:PEJ726"/>
    <mergeCell ref="PEK726:PEN726"/>
    <mergeCell ref="PDA726:PDD726"/>
    <mergeCell ref="PDE726:PDH726"/>
    <mergeCell ref="PDI726:PDL726"/>
    <mergeCell ref="PDM726:PDP726"/>
    <mergeCell ref="PDQ726:PDT726"/>
    <mergeCell ref="PCG726:PCJ726"/>
    <mergeCell ref="PCK726:PCN726"/>
    <mergeCell ref="PCO726:PCR726"/>
    <mergeCell ref="PCS726:PCV726"/>
    <mergeCell ref="PCW726:PCZ726"/>
    <mergeCell ref="PMG726:PMJ726"/>
    <mergeCell ref="PMK726:PMN726"/>
    <mergeCell ref="PMO726:PMR726"/>
    <mergeCell ref="PMS726:PMV726"/>
    <mergeCell ref="PMW726:PMZ726"/>
    <mergeCell ref="PLM726:PLP726"/>
    <mergeCell ref="PLQ726:PLT726"/>
    <mergeCell ref="PLU726:PLX726"/>
    <mergeCell ref="PLY726:PMB726"/>
    <mergeCell ref="PMC726:PMF726"/>
    <mergeCell ref="PKS726:PKV726"/>
    <mergeCell ref="PKW726:PKZ726"/>
    <mergeCell ref="PLA726:PLD726"/>
    <mergeCell ref="PLE726:PLH726"/>
    <mergeCell ref="PLI726:PLL726"/>
    <mergeCell ref="PJY726:PKB726"/>
    <mergeCell ref="PKC726:PKF726"/>
    <mergeCell ref="PKG726:PKJ726"/>
    <mergeCell ref="PKK726:PKN726"/>
    <mergeCell ref="PKO726:PKR726"/>
    <mergeCell ref="PJE726:PJH726"/>
    <mergeCell ref="PJI726:PJL726"/>
    <mergeCell ref="PJM726:PJP726"/>
    <mergeCell ref="PJQ726:PJT726"/>
    <mergeCell ref="PJU726:PJX726"/>
    <mergeCell ref="PIK726:PIN726"/>
    <mergeCell ref="PIO726:PIR726"/>
    <mergeCell ref="PIS726:PIV726"/>
    <mergeCell ref="PIW726:PIZ726"/>
    <mergeCell ref="PJA726:PJD726"/>
    <mergeCell ref="PHQ726:PHT726"/>
    <mergeCell ref="PHU726:PHX726"/>
    <mergeCell ref="PHY726:PIB726"/>
    <mergeCell ref="PIC726:PIF726"/>
    <mergeCell ref="PIG726:PIJ726"/>
    <mergeCell ref="PRQ726:PRT726"/>
    <mergeCell ref="PRU726:PRX726"/>
    <mergeCell ref="PRY726:PSB726"/>
    <mergeCell ref="PSC726:PSF726"/>
    <mergeCell ref="PSG726:PSJ726"/>
    <mergeCell ref="PQW726:PQZ726"/>
    <mergeCell ref="PRA726:PRD726"/>
    <mergeCell ref="PRE726:PRH726"/>
    <mergeCell ref="PRI726:PRL726"/>
    <mergeCell ref="PRM726:PRP726"/>
    <mergeCell ref="PQC726:PQF726"/>
    <mergeCell ref="PQG726:PQJ726"/>
    <mergeCell ref="PQK726:PQN726"/>
    <mergeCell ref="PQO726:PQR726"/>
    <mergeCell ref="PQS726:PQV726"/>
    <mergeCell ref="PPI726:PPL726"/>
    <mergeCell ref="PPM726:PPP726"/>
    <mergeCell ref="PPQ726:PPT726"/>
    <mergeCell ref="PPU726:PPX726"/>
    <mergeCell ref="PPY726:PQB726"/>
    <mergeCell ref="POO726:POR726"/>
    <mergeCell ref="POS726:POV726"/>
    <mergeCell ref="POW726:POZ726"/>
    <mergeCell ref="PPA726:PPD726"/>
    <mergeCell ref="PPE726:PPH726"/>
    <mergeCell ref="PNU726:PNX726"/>
    <mergeCell ref="PNY726:POB726"/>
    <mergeCell ref="POC726:POF726"/>
    <mergeCell ref="POG726:POJ726"/>
    <mergeCell ref="POK726:PON726"/>
    <mergeCell ref="PNA726:PND726"/>
    <mergeCell ref="PNE726:PNH726"/>
    <mergeCell ref="PNI726:PNL726"/>
    <mergeCell ref="PNM726:PNP726"/>
    <mergeCell ref="PNQ726:PNT726"/>
    <mergeCell ref="PXA726:PXD726"/>
    <mergeCell ref="PXE726:PXH726"/>
    <mergeCell ref="PXI726:PXL726"/>
    <mergeCell ref="PXM726:PXP726"/>
    <mergeCell ref="PXQ726:PXT726"/>
    <mergeCell ref="PWG726:PWJ726"/>
    <mergeCell ref="PWK726:PWN726"/>
    <mergeCell ref="PWO726:PWR726"/>
    <mergeCell ref="PWS726:PWV726"/>
    <mergeCell ref="PWW726:PWZ726"/>
    <mergeCell ref="PVM726:PVP726"/>
    <mergeCell ref="PVQ726:PVT726"/>
    <mergeCell ref="PVU726:PVX726"/>
    <mergeCell ref="PVY726:PWB726"/>
    <mergeCell ref="PWC726:PWF726"/>
    <mergeCell ref="PUS726:PUV726"/>
    <mergeCell ref="PUW726:PUZ726"/>
    <mergeCell ref="PVA726:PVD726"/>
    <mergeCell ref="PVE726:PVH726"/>
    <mergeCell ref="PVI726:PVL726"/>
    <mergeCell ref="PTY726:PUB726"/>
    <mergeCell ref="PUC726:PUF726"/>
    <mergeCell ref="PUG726:PUJ726"/>
    <mergeCell ref="PUK726:PUN726"/>
    <mergeCell ref="PUO726:PUR726"/>
    <mergeCell ref="PTE726:PTH726"/>
    <mergeCell ref="PTI726:PTL726"/>
    <mergeCell ref="PTM726:PTP726"/>
    <mergeCell ref="PTQ726:PTT726"/>
    <mergeCell ref="PTU726:PTX726"/>
    <mergeCell ref="PSK726:PSN726"/>
    <mergeCell ref="PSO726:PSR726"/>
    <mergeCell ref="PSS726:PSV726"/>
    <mergeCell ref="PSW726:PSZ726"/>
    <mergeCell ref="PTA726:PTD726"/>
    <mergeCell ref="QCK726:QCN726"/>
    <mergeCell ref="QCO726:QCR726"/>
    <mergeCell ref="QCS726:QCV726"/>
    <mergeCell ref="QCW726:QCZ726"/>
    <mergeCell ref="QDA726:QDD726"/>
    <mergeCell ref="QBQ726:QBT726"/>
    <mergeCell ref="QBU726:QBX726"/>
    <mergeCell ref="QBY726:QCB726"/>
    <mergeCell ref="QCC726:QCF726"/>
    <mergeCell ref="QCG726:QCJ726"/>
    <mergeCell ref="QAW726:QAZ726"/>
    <mergeCell ref="QBA726:QBD726"/>
    <mergeCell ref="QBE726:QBH726"/>
    <mergeCell ref="QBI726:QBL726"/>
    <mergeCell ref="QBM726:QBP726"/>
    <mergeCell ref="QAC726:QAF726"/>
    <mergeCell ref="QAG726:QAJ726"/>
    <mergeCell ref="QAK726:QAN726"/>
    <mergeCell ref="QAO726:QAR726"/>
    <mergeCell ref="QAS726:QAV726"/>
    <mergeCell ref="PZI726:PZL726"/>
    <mergeCell ref="PZM726:PZP726"/>
    <mergeCell ref="PZQ726:PZT726"/>
    <mergeCell ref="PZU726:PZX726"/>
    <mergeCell ref="PZY726:QAB726"/>
    <mergeCell ref="PYO726:PYR726"/>
    <mergeCell ref="PYS726:PYV726"/>
    <mergeCell ref="PYW726:PYZ726"/>
    <mergeCell ref="PZA726:PZD726"/>
    <mergeCell ref="PZE726:PZH726"/>
    <mergeCell ref="PXU726:PXX726"/>
    <mergeCell ref="PXY726:PYB726"/>
    <mergeCell ref="PYC726:PYF726"/>
    <mergeCell ref="PYG726:PYJ726"/>
    <mergeCell ref="PYK726:PYN726"/>
    <mergeCell ref="QHU726:QHX726"/>
    <mergeCell ref="QHY726:QIB726"/>
    <mergeCell ref="QIC726:QIF726"/>
    <mergeCell ref="QIG726:QIJ726"/>
    <mergeCell ref="QIK726:QIN726"/>
    <mergeCell ref="QHA726:QHD726"/>
    <mergeCell ref="QHE726:QHH726"/>
    <mergeCell ref="QHI726:QHL726"/>
    <mergeCell ref="QHM726:QHP726"/>
    <mergeCell ref="QHQ726:QHT726"/>
    <mergeCell ref="QGG726:QGJ726"/>
    <mergeCell ref="QGK726:QGN726"/>
    <mergeCell ref="QGO726:QGR726"/>
    <mergeCell ref="QGS726:QGV726"/>
    <mergeCell ref="QGW726:QGZ726"/>
    <mergeCell ref="QFM726:QFP726"/>
    <mergeCell ref="QFQ726:QFT726"/>
    <mergeCell ref="QFU726:QFX726"/>
    <mergeCell ref="QFY726:QGB726"/>
    <mergeCell ref="QGC726:QGF726"/>
    <mergeCell ref="QES726:QEV726"/>
    <mergeCell ref="QEW726:QEZ726"/>
    <mergeCell ref="QFA726:QFD726"/>
    <mergeCell ref="QFE726:QFH726"/>
    <mergeCell ref="QFI726:QFL726"/>
    <mergeCell ref="QDY726:QEB726"/>
    <mergeCell ref="QEC726:QEF726"/>
    <mergeCell ref="QEG726:QEJ726"/>
    <mergeCell ref="QEK726:QEN726"/>
    <mergeCell ref="QEO726:QER726"/>
    <mergeCell ref="QDE726:QDH726"/>
    <mergeCell ref="QDI726:QDL726"/>
    <mergeCell ref="QDM726:QDP726"/>
    <mergeCell ref="QDQ726:QDT726"/>
    <mergeCell ref="QDU726:QDX726"/>
    <mergeCell ref="QNE726:QNH726"/>
    <mergeCell ref="QNI726:QNL726"/>
    <mergeCell ref="QNM726:QNP726"/>
    <mergeCell ref="QNQ726:QNT726"/>
    <mergeCell ref="QNU726:QNX726"/>
    <mergeCell ref="QMK726:QMN726"/>
    <mergeCell ref="QMO726:QMR726"/>
    <mergeCell ref="QMS726:QMV726"/>
    <mergeCell ref="QMW726:QMZ726"/>
    <mergeCell ref="QNA726:QND726"/>
    <mergeCell ref="QLQ726:QLT726"/>
    <mergeCell ref="QLU726:QLX726"/>
    <mergeCell ref="QLY726:QMB726"/>
    <mergeCell ref="QMC726:QMF726"/>
    <mergeCell ref="QMG726:QMJ726"/>
    <mergeCell ref="QKW726:QKZ726"/>
    <mergeCell ref="QLA726:QLD726"/>
    <mergeCell ref="QLE726:QLH726"/>
    <mergeCell ref="QLI726:QLL726"/>
    <mergeCell ref="QLM726:QLP726"/>
    <mergeCell ref="QKC726:QKF726"/>
    <mergeCell ref="QKG726:QKJ726"/>
    <mergeCell ref="QKK726:QKN726"/>
    <mergeCell ref="QKO726:QKR726"/>
    <mergeCell ref="QKS726:QKV726"/>
    <mergeCell ref="QJI726:QJL726"/>
    <mergeCell ref="QJM726:QJP726"/>
    <mergeCell ref="QJQ726:QJT726"/>
    <mergeCell ref="QJU726:QJX726"/>
    <mergeCell ref="QJY726:QKB726"/>
    <mergeCell ref="QIO726:QIR726"/>
    <mergeCell ref="QIS726:QIV726"/>
    <mergeCell ref="QIW726:QIZ726"/>
    <mergeCell ref="QJA726:QJD726"/>
    <mergeCell ref="QJE726:QJH726"/>
    <mergeCell ref="QSO726:QSR726"/>
    <mergeCell ref="QSS726:QSV726"/>
    <mergeCell ref="QSW726:QSZ726"/>
    <mergeCell ref="QTA726:QTD726"/>
    <mergeCell ref="QTE726:QTH726"/>
    <mergeCell ref="QRU726:QRX726"/>
    <mergeCell ref="QRY726:QSB726"/>
    <mergeCell ref="QSC726:QSF726"/>
    <mergeCell ref="QSG726:QSJ726"/>
    <mergeCell ref="QSK726:QSN726"/>
    <mergeCell ref="QRA726:QRD726"/>
    <mergeCell ref="QRE726:QRH726"/>
    <mergeCell ref="QRI726:QRL726"/>
    <mergeCell ref="QRM726:QRP726"/>
    <mergeCell ref="QRQ726:QRT726"/>
    <mergeCell ref="QQG726:QQJ726"/>
    <mergeCell ref="QQK726:QQN726"/>
    <mergeCell ref="QQO726:QQR726"/>
    <mergeCell ref="QQS726:QQV726"/>
    <mergeCell ref="QQW726:QQZ726"/>
    <mergeCell ref="QPM726:QPP726"/>
    <mergeCell ref="QPQ726:QPT726"/>
    <mergeCell ref="QPU726:QPX726"/>
    <mergeCell ref="QPY726:QQB726"/>
    <mergeCell ref="QQC726:QQF726"/>
    <mergeCell ref="QOS726:QOV726"/>
    <mergeCell ref="QOW726:QOZ726"/>
    <mergeCell ref="QPA726:QPD726"/>
    <mergeCell ref="QPE726:QPH726"/>
    <mergeCell ref="QPI726:QPL726"/>
    <mergeCell ref="QNY726:QOB726"/>
    <mergeCell ref="QOC726:QOF726"/>
    <mergeCell ref="QOG726:QOJ726"/>
    <mergeCell ref="QOK726:QON726"/>
    <mergeCell ref="QOO726:QOR726"/>
    <mergeCell ref="QXY726:QYB726"/>
    <mergeCell ref="QYC726:QYF726"/>
    <mergeCell ref="QYG726:QYJ726"/>
    <mergeCell ref="QYK726:QYN726"/>
    <mergeCell ref="QYO726:QYR726"/>
    <mergeCell ref="QXE726:QXH726"/>
    <mergeCell ref="QXI726:QXL726"/>
    <mergeCell ref="QXM726:QXP726"/>
    <mergeCell ref="QXQ726:QXT726"/>
    <mergeCell ref="QXU726:QXX726"/>
    <mergeCell ref="QWK726:QWN726"/>
    <mergeCell ref="QWO726:QWR726"/>
    <mergeCell ref="QWS726:QWV726"/>
    <mergeCell ref="QWW726:QWZ726"/>
    <mergeCell ref="QXA726:QXD726"/>
    <mergeCell ref="QVQ726:QVT726"/>
    <mergeCell ref="QVU726:QVX726"/>
    <mergeCell ref="QVY726:QWB726"/>
    <mergeCell ref="QWC726:QWF726"/>
    <mergeCell ref="QWG726:QWJ726"/>
    <mergeCell ref="QUW726:QUZ726"/>
    <mergeCell ref="QVA726:QVD726"/>
    <mergeCell ref="QVE726:QVH726"/>
    <mergeCell ref="QVI726:QVL726"/>
    <mergeCell ref="QVM726:QVP726"/>
    <mergeCell ref="QUC726:QUF726"/>
    <mergeCell ref="QUG726:QUJ726"/>
    <mergeCell ref="QUK726:QUN726"/>
    <mergeCell ref="QUO726:QUR726"/>
    <mergeCell ref="QUS726:QUV726"/>
    <mergeCell ref="QTI726:QTL726"/>
    <mergeCell ref="QTM726:QTP726"/>
    <mergeCell ref="QTQ726:QTT726"/>
    <mergeCell ref="QTU726:QTX726"/>
    <mergeCell ref="QTY726:QUB726"/>
    <mergeCell ref="RDI726:RDL726"/>
    <mergeCell ref="RDM726:RDP726"/>
    <mergeCell ref="RDQ726:RDT726"/>
    <mergeCell ref="RDU726:RDX726"/>
    <mergeCell ref="RDY726:REB726"/>
    <mergeCell ref="RCO726:RCR726"/>
    <mergeCell ref="RCS726:RCV726"/>
    <mergeCell ref="RCW726:RCZ726"/>
    <mergeCell ref="RDA726:RDD726"/>
    <mergeCell ref="RDE726:RDH726"/>
    <mergeCell ref="RBU726:RBX726"/>
    <mergeCell ref="RBY726:RCB726"/>
    <mergeCell ref="RCC726:RCF726"/>
    <mergeCell ref="RCG726:RCJ726"/>
    <mergeCell ref="RCK726:RCN726"/>
    <mergeCell ref="RBA726:RBD726"/>
    <mergeCell ref="RBE726:RBH726"/>
    <mergeCell ref="RBI726:RBL726"/>
    <mergeCell ref="RBM726:RBP726"/>
    <mergeCell ref="RBQ726:RBT726"/>
    <mergeCell ref="RAG726:RAJ726"/>
    <mergeCell ref="RAK726:RAN726"/>
    <mergeCell ref="RAO726:RAR726"/>
    <mergeCell ref="RAS726:RAV726"/>
    <mergeCell ref="RAW726:RAZ726"/>
    <mergeCell ref="QZM726:QZP726"/>
    <mergeCell ref="QZQ726:QZT726"/>
    <mergeCell ref="QZU726:QZX726"/>
    <mergeCell ref="QZY726:RAB726"/>
    <mergeCell ref="RAC726:RAF726"/>
    <mergeCell ref="QYS726:QYV726"/>
    <mergeCell ref="QYW726:QYZ726"/>
    <mergeCell ref="QZA726:QZD726"/>
    <mergeCell ref="QZE726:QZH726"/>
    <mergeCell ref="QZI726:QZL726"/>
    <mergeCell ref="RIS726:RIV726"/>
    <mergeCell ref="RIW726:RIZ726"/>
    <mergeCell ref="RJA726:RJD726"/>
    <mergeCell ref="RJE726:RJH726"/>
    <mergeCell ref="RJI726:RJL726"/>
    <mergeCell ref="RHY726:RIB726"/>
    <mergeCell ref="RIC726:RIF726"/>
    <mergeCell ref="RIG726:RIJ726"/>
    <mergeCell ref="RIK726:RIN726"/>
    <mergeCell ref="RIO726:RIR726"/>
    <mergeCell ref="RHE726:RHH726"/>
    <mergeCell ref="RHI726:RHL726"/>
    <mergeCell ref="RHM726:RHP726"/>
    <mergeCell ref="RHQ726:RHT726"/>
    <mergeCell ref="RHU726:RHX726"/>
    <mergeCell ref="RGK726:RGN726"/>
    <mergeCell ref="RGO726:RGR726"/>
    <mergeCell ref="RGS726:RGV726"/>
    <mergeCell ref="RGW726:RGZ726"/>
    <mergeCell ref="RHA726:RHD726"/>
    <mergeCell ref="RFQ726:RFT726"/>
    <mergeCell ref="RFU726:RFX726"/>
    <mergeCell ref="RFY726:RGB726"/>
    <mergeCell ref="RGC726:RGF726"/>
    <mergeCell ref="RGG726:RGJ726"/>
    <mergeCell ref="REW726:REZ726"/>
    <mergeCell ref="RFA726:RFD726"/>
    <mergeCell ref="RFE726:RFH726"/>
    <mergeCell ref="RFI726:RFL726"/>
    <mergeCell ref="RFM726:RFP726"/>
    <mergeCell ref="REC726:REF726"/>
    <mergeCell ref="REG726:REJ726"/>
    <mergeCell ref="REK726:REN726"/>
    <mergeCell ref="REO726:RER726"/>
    <mergeCell ref="RES726:REV726"/>
    <mergeCell ref="ROC726:ROF726"/>
    <mergeCell ref="ROG726:ROJ726"/>
    <mergeCell ref="ROK726:RON726"/>
    <mergeCell ref="ROO726:ROR726"/>
    <mergeCell ref="ROS726:ROV726"/>
    <mergeCell ref="RNI726:RNL726"/>
    <mergeCell ref="RNM726:RNP726"/>
    <mergeCell ref="RNQ726:RNT726"/>
    <mergeCell ref="RNU726:RNX726"/>
    <mergeCell ref="RNY726:ROB726"/>
    <mergeCell ref="RMO726:RMR726"/>
    <mergeCell ref="RMS726:RMV726"/>
    <mergeCell ref="RMW726:RMZ726"/>
    <mergeCell ref="RNA726:RND726"/>
    <mergeCell ref="RNE726:RNH726"/>
    <mergeCell ref="RLU726:RLX726"/>
    <mergeCell ref="RLY726:RMB726"/>
    <mergeCell ref="RMC726:RMF726"/>
    <mergeCell ref="RMG726:RMJ726"/>
    <mergeCell ref="RMK726:RMN726"/>
    <mergeCell ref="RLA726:RLD726"/>
    <mergeCell ref="RLE726:RLH726"/>
    <mergeCell ref="RLI726:RLL726"/>
    <mergeCell ref="RLM726:RLP726"/>
    <mergeCell ref="RLQ726:RLT726"/>
    <mergeCell ref="RKG726:RKJ726"/>
    <mergeCell ref="RKK726:RKN726"/>
    <mergeCell ref="RKO726:RKR726"/>
    <mergeCell ref="RKS726:RKV726"/>
    <mergeCell ref="RKW726:RKZ726"/>
    <mergeCell ref="RJM726:RJP726"/>
    <mergeCell ref="RJQ726:RJT726"/>
    <mergeCell ref="RJU726:RJX726"/>
    <mergeCell ref="RJY726:RKB726"/>
    <mergeCell ref="RKC726:RKF726"/>
    <mergeCell ref="RTM726:RTP726"/>
    <mergeCell ref="RTQ726:RTT726"/>
    <mergeCell ref="RTU726:RTX726"/>
    <mergeCell ref="RTY726:RUB726"/>
    <mergeCell ref="RUC726:RUF726"/>
    <mergeCell ref="RSS726:RSV726"/>
    <mergeCell ref="RSW726:RSZ726"/>
    <mergeCell ref="RTA726:RTD726"/>
    <mergeCell ref="RTE726:RTH726"/>
    <mergeCell ref="RTI726:RTL726"/>
    <mergeCell ref="RRY726:RSB726"/>
    <mergeCell ref="RSC726:RSF726"/>
    <mergeCell ref="RSG726:RSJ726"/>
    <mergeCell ref="RSK726:RSN726"/>
    <mergeCell ref="RSO726:RSR726"/>
    <mergeCell ref="RRE726:RRH726"/>
    <mergeCell ref="RRI726:RRL726"/>
    <mergeCell ref="RRM726:RRP726"/>
    <mergeCell ref="RRQ726:RRT726"/>
    <mergeCell ref="RRU726:RRX726"/>
    <mergeCell ref="RQK726:RQN726"/>
    <mergeCell ref="RQO726:RQR726"/>
    <mergeCell ref="RQS726:RQV726"/>
    <mergeCell ref="RQW726:RQZ726"/>
    <mergeCell ref="RRA726:RRD726"/>
    <mergeCell ref="RPQ726:RPT726"/>
    <mergeCell ref="RPU726:RPX726"/>
    <mergeCell ref="RPY726:RQB726"/>
    <mergeCell ref="RQC726:RQF726"/>
    <mergeCell ref="RQG726:RQJ726"/>
    <mergeCell ref="ROW726:ROZ726"/>
    <mergeCell ref="RPA726:RPD726"/>
    <mergeCell ref="RPE726:RPH726"/>
    <mergeCell ref="RPI726:RPL726"/>
    <mergeCell ref="RPM726:RPP726"/>
    <mergeCell ref="RYW726:RYZ726"/>
    <mergeCell ref="RZA726:RZD726"/>
    <mergeCell ref="RZE726:RZH726"/>
    <mergeCell ref="RZI726:RZL726"/>
    <mergeCell ref="RZM726:RZP726"/>
    <mergeCell ref="RYC726:RYF726"/>
    <mergeCell ref="RYG726:RYJ726"/>
    <mergeCell ref="RYK726:RYN726"/>
    <mergeCell ref="RYO726:RYR726"/>
    <mergeCell ref="RYS726:RYV726"/>
    <mergeCell ref="RXI726:RXL726"/>
    <mergeCell ref="RXM726:RXP726"/>
    <mergeCell ref="RXQ726:RXT726"/>
    <mergeCell ref="RXU726:RXX726"/>
    <mergeCell ref="RXY726:RYB726"/>
    <mergeCell ref="RWO726:RWR726"/>
    <mergeCell ref="RWS726:RWV726"/>
    <mergeCell ref="RWW726:RWZ726"/>
    <mergeCell ref="RXA726:RXD726"/>
    <mergeCell ref="RXE726:RXH726"/>
    <mergeCell ref="RVU726:RVX726"/>
    <mergeCell ref="RVY726:RWB726"/>
    <mergeCell ref="RWC726:RWF726"/>
    <mergeCell ref="RWG726:RWJ726"/>
    <mergeCell ref="RWK726:RWN726"/>
    <mergeCell ref="RVA726:RVD726"/>
    <mergeCell ref="RVE726:RVH726"/>
    <mergeCell ref="RVI726:RVL726"/>
    <mergeCell ref="RVM726:RVP726"/>
    <mergeCell ref="RVQ726:RVT726"/>
    <mergeCell ref="RUG726:RUJ726"/>
    <mergeCell ref="RUK726:RUN726"/>
    <mergeCell ref="RUO726:RUR726"/>
    <mergeCell ref="RUS726:RUV726"/>
    <mergeCell ref="RUW726:RUZ726"/>
    <mergeCell ref="SEG726:SEJ726"/>
    <mergeCell ref="SEK726:SEN726"/>
    <mergeCell ref="SEO726:SER726"/>
    <mergeCell ref="SES726:SEV726"/>
    <mergeCell ref="SEW726:SEZ726"/>
    <mergeCell ref="SDM726:SDP726"/>
    <mergeCell ref="SDQ726:SDT726"/>
    <mergeCell ref="SDU726:SDX726"/>
    <mergeCell ref="SDY726:SEB726"/>
    <mergeCell ref="SEC726:SEF726"/>
    <mergeCell ref="SCS726:SCV726"/>
    <mergeCell ref="SCW726:SCZ726"/>
    <mergeCell ref="SDA726:SDD726"/>
    <mergeCell ref="SDE726:SDH726"/>
    <mergeCell ref="SDI726:SDL726"/>
    <mergeCell ref="SBY726:SCB726"/>
    <mergeCell ref="SCC726:SCF726"/>
    <mergeCell ref="SCG726:SCJ726"/>
    <mergeCell ref="SCK726:SCN726"/>
    <mergeCell ref="SCO726:SCR726"/>
    <mergeCell ref="SBE726:SBH726"/>
    <mergeCell ref="SBI726:SBL726"/>
    <mergeCell ref="SBM726:SBP726"/>
    <mergeCell ref="SBQ726:SBT726"/>
    <mergeCell ref="SBU726:SBX726"/>
    <mergeCell ref="SAK726:SAN726"/>
    <mergeCell ref="SAO726:SAR726"/>
    <mergeCell ref="SAS726:SAV726"/>
    <mergeCell ref="SAW726:SAZ726"/>
    <mergeCell ref="SBA726:SBD726"/>
    <mergeCell ref="RZQ726:RZT726"/>
    <mergeCell ref="RZU726:RZX726"/>
    <mergeCell ref="RZY726:SAB726"/>
    <mergeCell ref="SAC726:SAF726"/>
    <mergeCell ref="SAG726:SAJ726"/>
    <mergeCell ref="SJQ726:SJT726"/>
    <mergeCell ref="SJU726:SJX726"/>
    <mergeCell ref="SJY726:SKB726"/>
    <mergeCell ref="SKC726:SKF726"/>
    <mergeCell ref="SKG726:SKJ726"/>
    <mergeCell ref="SIW726:SIZ726"/>
    <mergeCell ref="SJA726:SJD726"/>
    <mergeCell ref="SJE726:SJH726"/>
    <mergeCell ref="SJI726:SJL726"/>
    <mergeCell ref="SJM726:SJP726"/>
    <mergeCell ref="SIC726:SIF726"/>
    <mergeCell ref="SIG726:SIJ726"/>
    <mergeCell ref="SIK726:SIN726"/>
    <mergeCell ref="SIO726:SIR726"/>
    <mergeCell ref="SIS726:SIV726"/>
    <mergeCell ref="SHI726:SHL726"/>
    <mergeCell ref="SHM726:SHP726"/>
    <mergeCell ref="SHQ726:SHT726"/>
    <mergeCell ref="SHU726:SHX726"/>
    <mergeCell ref="SHY726:SIB726"/>
    <mergeCell ref="SGO726:SGR726"/>
    <mergeCell ref="SGS726:SGV726"/>
    <mergeCell ref="SGW726:SGZ726"/>
    <mergeCell ref="SHA726:SHD726"/>
    <mergeCell ref="SHE726:SHH726"/>
    <mergeCell ref="SFU726:SFX726"/>
    <mergeCell ref="SFY726:SGB726"/>
    <mergeCell ref="SGC726:SGF726"/>
    <mergeCell ref="SGG726:SGJ726"/>
    <mergeCell ref="SGK726:SGN726"/>
    <mergeCell ref="SFA726:SFD726"/>
    <mergeCell ref="SFE726:SFH726"/>
    <mergeCell ref="SFI726:SFL726"/>
    <mergeCell ref="SFM726:SFP726"/>
    <mergeCell ref="SFQ726:SFT726"/>
    <mergeCell ref="SPA726:SPD726"/>
    <mergeCell ref="SPE726:SPH726"/>
    <mergeCell ref="SPI726:SPL726"/>
    <mergeCell ref="SPM726:SPP726"/>
    <mergeCell ref="SPQ726:SPT726"/>
    <mergeCell ref="SOG726:SOJ726"/>
    <mergeCell ref="SOK726:SON726"/>
    <mergeCell ref="SOO726:SOR726"/>
    <mergeCell ref="SOS726:SOV726"/>
    <mergeCell ref="SOW726:SOZ726"/>
    <mergeCell ref="SNM726:SNP726"/>
    <mergeCell ref="SNQ726:SNT726"/>
    <mergeCell ref="SNU726:SNX726"/>
    <mergeCell ref="SNY726:SOB726"/>
    <mergeCell ref="SOC726:SOF726"/>
    <mergeCell ref="SMS726:SMV726"/>
    <mergeCell ref="SMW726:SMZ726"/>
    <mergeCell ref="SNA726:SND726"/>
    <mergeCell ref="SNE726:SNH726"/>
    <mergeCell ref="SNI726:SNL726"/>
    <mergeCell ref="SLY726:SMB726"/>
    <mergeCell ref="SMC726:SMF726"/>
    <mergeCell ref="SMG726:SMJ726"/>
    <mergeCell ref="SMK726:SMN726"/>
    <mergeCell ref="SMO726:SMR726"/>
    <mergeCell ref="SLE726:SLH726"/>
    <mergeCell ref="SLI726:SLL726"/>
    <mergeCell ref="SLM726:SLP726"/>
    <mergeCell ref="SLQ726:SLT726"/>
    <mergeCell ref="SLU726:SLX726"/>
    <mergeCell ref="SKK726:SKN726"/>
    <mergeCell ref="SKO726:SKR726"/>
    <mergeCell ref="SKS726:SKV726"/>
    <mergeCell ref="SKW726:SKZ726"/>
    <mergeCell ref="SLA726:SLD726"/>
    <mergeCell ref="SUK726:SUN726"/>
    <mergeCell ref="SUO726:SUR726"/>
    <mergeCell ref="SUS726:SUV726"/>
    <mergeCell ref="SUW726:SUZ726"/>
    <mergeCell ref="SVA726:SVD726"/>
    <mergeCell ref="STQ726:STT726"/>
    <mergeCell ref="STU726:STX726"/>
    <mergeCell ref="STY726:SUB726"/>
    <mergeCell ref="SUC726:SUF726"/>
    <mergeCell ref="SUG726:SUJ726"/>
    <mergeCell ref="SSW726:SSZ726"/>
    <mergeCell ref="STA726:STD726"/>
    <mergeCell ref="STE726:STH726"/>
    <mergeCell ref="STI726:STL726"/>
    <mergeCell ref="STM726:STP726"/>
    <mergeCell ref="SSC726:SSF726"/>
    <mergeCell ref="SSG726:SSJ726"/>
    <mergeCell ref="SSK726:SSN726"/>
    <mergeCell ref="SSO726:SSR726"/>
    <mergeCell ref="SSS726:SSV726"/>
    <mergeCell ref="SRI726:SRL726"/>
    <mergeCell ref="SRM726:SRP726"/>
    <mergeCell ref="SRQ726:SRT726"/>
    <mergeCell ref="SRU726:SRX726"/>
    <mergeCell ref="SRY726:SSB726"/>
    <mergeCell ref="SQO726:SQR726"/>
    <mergeCell ref="SQS726:SQV726"/>
    <mergeCell ref="SQW726:SQZ726"/>
    <mergeCell ref="SRA726:SRD726"/>
    <mergeCell ref="SRE726:SRH726"/>
    <mergeCell ref="SPU726:SPX726"/>
    <mergeCell ref="SPY726:SQB726"/>
    <mergeCell ref="SQC726:SQF726"/>
    <mergeCell ref="SQG726:SQJ726"/>
    <mergeCell ref="SQK726:SQN726"/>
    <mergeCell ref="SZU726:SZX726"/>
    <mergeCell ref="SZY726:TAB726"/>
    <mergeCell ref="TAC726:TAF726"/>
    <mergeCell ref="TAG726:TAJ726"/>
    <mergeCell ref="TAK726:TAN726"/>
    <mergeCell ref="SZA726:SZD726"/>
    <mergeCell ref="SZE726:SZH726"/>
    <mergeCell ref="SZI726:SZL726"/>
    <mergeCell ref="SZM726:SZP726"/>
    <mergeCell ref="SZQ726:SZT726"/>
    <mergeCell ref="SYG726:SYJ726"/>
    <mergeCell ref="SYK726:SYN726"/>
    <mergeCell ref="SYO726:SYR726"/>
    <mergeCell ref="SYS726:SYV726"/>
    <mergeCell ref="SYW726:SYZ726"/>
    <mergeCell ref="SXM726:SXP726"/>
    <mergeCell ref="SXQ726:SXT726"/>
    <mergeCell ref="SXU726:SXX726"/>
    <mergeCell ref="SXY726:SYB726"/>
    <mergeCell ref="SYC726:SYF726"/>
    <mergeCell ref="SWS726:SWV726"/>
    <mergeCell ref="SWW726:SWZ726"/>
    <mergeCell ref="SXA726:SXD726"/>
    <mergeCell ref="SXE726:SXH726"/>
    <mergeCell ref="SXI726:SXL726"/>
    <mergeCell ref="SVY726:SWB726"/>
    <mergeCell ref="SWC726:SWF726"/>
    <mergeCell ref="SWG726:SWJ726"/>
    <mergeCell ref="SWK726:SWN726"/>
    <mergeCell ref="SWO726:SWR726"/>
    <mergeCell ref="SVE726:SVH726"/>
    <mergeCell ref="SVI726:SVL726"/>
    <mergeCell ref="SVM726:SVP726"/>
    <mergeCell ref="SVQ726:SVT726"/>
    <mergeCell ref="SVU726:SVX726"/>
    <mergeCell ref="TFE726:TFH726"/>
    <mergeCell ref="TFI726:TFL726"/>
    <mergeCell ref="TFM726:TFP726"/>
    <mergeCell ref="TFQ726:TFT726"/>
    <mergeCell ref="TFU726:TFX726"/>
    <mergeCell ref="TEK726:TEN726"/>
    <mergeCell ref="TEO726:TER726"/>
    <mergeCell ref="TES726:TEV726"/>
    <mergeCell ref="TEW726:TEZ726"/>
    <mergeCell ref="TFA726:TFD726"/>
    <mergeCell ref="TDQ726:TDT726"/>
    <mergeCell ref="TDU726:TDX726"/>
    <mergeCell ref="TDY726:TEB726"/>
    <mergeCell ref="TEC726:TEF726"/>
    <mergeCell ref="TEG726:TEJ726"/>
    <mergeCell ref="TCW726:TCZ726"/>
    <mergeCell ref="TDA726:TDD726"/>
    <mergeCell ref="TDE726:TDH726"/>
    <mergeCell ref="TDI726:TDL726"/>
    <mergeCell ref="TDM726:TDP726"/>
    <mergeCell ref="TCC726:TCF726"/>
    <mergeCell ref="TCG726:TCJ726"/>
    <mergeCell ref="TCK726:TCN726"/>
    <mergeCell ref="TCO726:TCR726"/>
    <mergeCell ref="TCS726:TCV726"/>
    <mergeCell ref="TBI726:TBL726"/>
    <mergeCell ref="TBM726:TBP726"/>
    <mergeCell ref="TBQ726:TBT726"/>
    <mergeCell ref="TBU726:TBX726"/>
    <mergeCell ref="TBY726:TCB726"/>
    <mergeCell ref="TAO726:TAR726"/>
    <mergeCell ref="TAS726:TAV726"/>
    <mergeCell ref="TAW726:TAZ726"/>
    <mergeCell ref="TBA726:TBD726"/>
    <mergeCell ref="TBE726:TBH726"/>
    <mergeCell ref="TKO726:TKR726"/>
    <mergeCell ref="TKS726:TKV726"/>
    <mergeCell ref="TKW726:TKZ726"/>
    <mergeCell ref="TLA726:TLD726"/>
    <mergeCell ref="TLE726:TLH726"/>
    <mergeCell ref="TJU726:TJX726"/>
    <mergeCell ref="TJY726:TKB726"/>
    <mergeCell ref="TKC726:TKF726"/>
    <mergeCell ref="TKG726:TKJ726"/>
    <mergeCell ref="TKK726:TKN726"/>
    <mergeCell ref="TJA726:TJD726"/>
    <mergeCell ref="TJE726:TJH726"/>
    <mergeCell ref="TJI726:TJL726"/>
    <mergeCell ref="TJM726:TJP726"/>
    <mergeCell ref="TJQ726:TJT726"/>
    <mergeCell ref="TIG726:TIJ726"/>
    <mergeCell ref="TIK726:TIN726"/>
    <mergeCell ref="TIO726:TIR726"/>
    <mergeCell ref="TIS726:TIV726"/>
    <mergeCell ref="TIW726:TIZ726"/>
    <mergeCell ref="THM726:THP726"/>
    <mergeCell ref="THQ726:THT726"/>
    <mergeCell ref="THU726:THX726"/>
    <mergeCell ref="THY726:TIB726"/>
    <mergeCell ref="TIC726:TIF726"/>
    <mergeCell ref="TGS726:TGV726"/>
    <mergeCell ref="TGW726:TGZ726"/>
    <mergeCell ref="THA726:THD726"/>
    <mergeCell ref="THE726:THH726"/>
    <mergeCell ref="THI726:THL726"/>
    <mergeCell ref="TFY726:TGB726"/>
    <mergeCell ref="TGC726:TGF726"/>
    <mergeCell ref="TGG726:TGJ726"/>
    <mergeCell ref="TGK726:TGN726"/>
    <mergeCell ref="TGO726:TGR726"/>
    <mergeCell ref="TPY726:TQB726"/>
    <mergeCell ref="TQC726:TQF726"/>
    <mergeCell ref="TQG726:TQJ726"/>
    <mergeCell ref="TQK726:TQN726"/>
    <mergeCell ref="TQO726:TQR726"/>
    <mergeCell ref="TPE726:TPH726"/>
    <mergeCell ref="TPI726:TPL726"/>
    <mergeCell ref="TPM726:TPP726"/>
    <mergeCell ref="TPQ726:TPT726"/>
    <mergeCell ref="TPU726:TPX726"/>
    <mergeCell ref="TOK726:TON726"/>
    <mergeCell ref="TOO726:TOR726"/>
    <mergeCell ref="TOS726:TOV726"/>
    <mergeCell ref="TOW726:TOZ726"/>
    <mergeCell ref="TPA726:TPD726"/>
    <mergeCell ref="TNQ726:TNT726"/>
    <mergeCell ref="TNU726:TNX726"/>
    <mergeCell ref="TNY726:TOB726"/>
    <mergeCell ref="TOC726:TOF726"/>
    <mergeCell ref="TOG726:TOJ726"/>
    <mergeCell ref="TMW726:TMZ726"/>
    <mergeCell ref="TNA726:TND726"/>
    <mergeCell ref="TNE726:TNH726"/>
    <mergeCell ref="TNI726:TNL726"/>
    <mergeCell ref="TNM726:TNP726"/>
    <mergeCell ref="TMC726:TMF726"/>
    <mergeCell ref="TMG726:TMJ726"/>
    <mergeCell ref="TMK726:TMN726"/>
    <mergeCell ref="TMO726:TMR726"/>
    <mergeCell ref="TMS726:TMV726"/>
    <mergeCell ref="TLI726:TLL726"/>
    <mergeCell ref="TLM726:TLP726"/>
    <mergeCell ref="TLQ726:TLT726"/>
    <mergeCell ref="TLU726:TLX726"/>
    <mergeCell ref="TLY726:TMB726"/>
    <mergeCell ref="TVI726:TVL726"/>
    <mergeCell ref="TVM726:TVP726"/>
    <mergeCell ref="TVQ726:TVT726"/>
    <mergeCell ref="TVU726:TVX726"/>
    <mergeCell ref="TVY726:TWB726"/>
    <mergeCell ref="TUO726:TUR726"/>
    <mergeCell ref="TUS726:TUV726"/>
    <mergeCell ref="TUW726:TUZ726"/>
    <mergeCell ref="TVA726:TVD726"/>
    <mergeCell ref="TVE726:TVH726"/>
    <mergeCell ref="TTU726:TTX726"/>
    <mergeCell ref="TTY726:TUB726"/>
    <mergeCell ref="TUC726:TUF726"/>
    <mergeCell ref="TUG726:TUJ726"/>
    <mergeCell ref="TUK726:TUN726"/>
    <mergeCell ref="TTA726:TTD726"/>
    <mergeCell ref="TTE726:TTH726"/>
    <mergeCell ref="TTI726:TTL726"/>
    <mergeCell ref="TTM726:TTP726"/>
    <mergeCell ref="TTQ726:TTT726"/>
    <mergeCell ref="TSG726:TSJ726"/>
    <mergeCell ref="TSK726:TSN726"/>
    <mergeCell ref="TSO726:TSR726"/>
    <mergeCell ref="TSS726:TSV726"/>
    <mergeCell ref="TSW726:TSZ726"/>
    <mergeCell ref="TRM726:TRP726"/>
    <mergeCell ref="TRQ726:TRT726"/>
    <mergeCell ref="TRU726:TRX726"/>
    <mergeCell ref="TRY726:TSB726"/>
    <mergeCell ref="TSC726:TSF726"/>
    <mergeCell ref="TQS726:TQV726"/>
    <mergeCell ref="TQW726:TQZ726"/>
    <mergeCell ref="TRA726:TRD726"/>
    <mergeCell ref="TRE726:TRH726"/>
    <mergeCell ref="TRI726:TRL726"/>
    <mergeCell ref="UAS726:UAV726"/>
    <mergeCell ref="UAW726:UAZ726"/>
    <mergeCell ref="UBA726:UBD726"/>
    <mergeCell ref="UBE726:UBH726"/>
    <mergeCell ref="UBI726:UBL726"/>
    <mergeCell ref="TZY726:UAB726"/>
    <mergeCell ref="UAC726:UAF726"/>
    <mergeCell ref="UAG726:UAJ726"/>
    <mergeCell ref="UAK726:UAN726"/>
    <mergeCell ref="UAO726:UAR726"/>
    <mergeCell ref="TZE726:TZH726"/>
    <mergeCell ref="TZI726:TZL726"/>
    <mergeCell ref="TZM726:TZP726"/>
    <mergeCell ref="TZQ726:TZT726"/>
    <mergeCell ref="TZU726:TZX726"/>
    <mergeCell ref="TYK726:TYN726"/>
    <mergeCell ref="TYO726:TYR726"/>
    <mergeCell ref="TYS726:TYV726"/>
    <mergeCell ref="TYW726:TYZ726"/>
    <mergeCell ref="TZA726:TZD726"/>
    <mergeCell ref="TXQ726:TXT726"/>
    <mergeCell ref="TXU726:TXX726"/>
    <mergeCell ref="TXY726:TYB726"/>
    <mergeCell ref="TYC726:TYF726"/>
    <mergeCell ref="TYG726:TYJ726"/>
    <mergeCell ref="TWW726:TWZ726"/>
    <mergeCell ref="TXA726:TXD726"/>
    <mergeCell ref="TXE726:TXH726"/>
    <mergeCell ref="TXI726:TXL726"/>
    <mergeCell ref="TXM726:TXP726"/>
    <mergeCell ref="TWC726:TWF726"/>
    <mergeCell ref="TWG726:TWJ726"/>
    <mergeCell ref="TWK726:TWN726"/>
    <mergeCell ref="TWO726:TWR726"/>
    <mergeCell ref="TWS726:TWV726"/>
    <mergeCell ref="UGC726:UGF726"/>
    <mergeCell ref="UGG726:UGJ726"/>
    <mergeCell ref="UGK726:UGN726"/>
    <mergeCell ref="UGO726:UGR726"/>
    <mergeCell ref="UGS726:UGV726"/>
    <mergeCell ref="UFI726:UFL726"/>
    <mergeCell ref="UFM726:UFP726"/>
    <mergeCell ref="UFQ726:UFT726"/>
    <mergeCell ref="UFU726:UFX726"/>
    <mergeCell ref="UFY726:UGB726"/>
    <mergeCell ref="UEO726:UER726"/>
    <mergeCell ref="UES726:UEV726"/>
    <mergeCell ref="UEW726:UEZ726"/>
    <mergeCell ref="UFA726:UFD726"/>
    <mergeCell ref="UFE726:UFH726"/>
    <mergeCell ref="UDU726:UDX726"/>
    <mergeCell ref="UDY726:UEB726"/>
    <mergeCell ref="UEC726:UEF726"/>
    <mergeCell ref="UEG726:UEJ726"/>
    <mergeCell ref="UEK726:UEN726"/>
    <mergeCell ref="UDA726:UDD726"/>
    <mergeCell ref="UDE726:UDH726"/>
    <mergeCell ref="UDI726:UDL726"/>
    <mergeCell ref="UDM726:UDP726"/>
    <mergeCell ref="UDQ726:UDT726"/>
    <mergeCell ref="UCG726:UCJ726"/>
    <mergeCell ref="UCK726:UCN726"/>
    <mergeCell ref="UCO726:UCR726"/>
    <mergeCell ref="UCS726:UCV726"/>
    <mergeCell ref="UCW726:UCZ726"/>
    <mergeCell ref="UBM726:UBP726"/>
    <mergeCell ref="UBQ726:UBT726"/>
    <mergeCell ref="UBU726:UBX726"/>
    <mergeCell ref="UBY726:UCB726"/>
    <mergeCell ref="UCC726:UCF726"/>
    <mergeCell ref="ULM726:ULP726"/>
    <mergeCell ref="ULQ726:ULT726"/>
    <mergeCell ref="ULU726:ULX726"/>
    <mergeCell ref="ULY726:UMB726"/>
    <mergeCell ref="UMC726:UMF726"/>
    <mergeCell ref="UKS726:UKV726"/>
    <mergeCell ref="UKW726:UKZ726"/>
    <mergeCell ref="ULA726:ULD726"/>
    <mergeCell ref="ULE726:ULH726"/>
    <mergeCell ref="ULI726:ULL726"/>
    <mergeCell ref="UJY726:UKB726"/>
    <mergeCell ref="UKC726:UKF726"/>
    <mergeCell ref="UKG726:UKJ726"/>
    <mergeCell ref="UKK726:UKN726"/>
    <mergeCell ref="UKO726:UKR726"/>
    <mergeCell ref="UJE726:UJH726"/>
    <mergeCell ref="UJI726:UJL726"/>
    <mergeCell ref="UJM726:UJP726"/>
    <mergeCell ref="UJQ726:UJT726"/>
    <mergeCell ref="UJU726:UJX726"/>
    <mergeCell ref="UIK726:UIN726"/>
    <mergeCell ref="UIO726:UIR726"/>
    <mergeCell ref="UIS726:UIV726"/>
    <mergeCell ref="UIW726:UIZ726"/>
    <mergeCell ref="UJA726:UJD726"/>
    <mergeCell ref="UHQ726:UHT726"/>
    <mergeCell ref="UHU726:UHX726"/>
    <mergeCell ref="UHY726:UIB726"/>
    <mergeCell ref="UIC726:UIF726"/>
    <mergeCell ref="UIG726:UIJ726"/>
    <mergeCell ref="UGW726:UGZ726"/>
    <mergeCell ref="UHA726:UHD726"/>
    <mergeCell ref="UHE726:UHH726"/>
    <mergeCell ref="UHI726:UHL726"/>
    <mergeCell ref="UHM726:UHP726"/>
    <mergeCell ref="UQW726:UQZ726"/>
    <mergeCell ref="URA726:URD726"/>
    <mergeCell ref="URE726:URH726"/>
    <mergeCell ref="URI726:URL726"/>
    <mergeCell ref="URM726:URP726"/>
    <mergeCell ref="UQC726:UQF726"/>
    <mergeCell ref="UQG726:UQJ726"/>
    <mergeCell ref="UQK726:UQN726"/>
    <mergeCell ref="UQO726:UQR726"/>
    <mergeCell ref="UQS726:UQV726"/>
    <mergeCell ref="UPI726:UPL726"/>
    <mergeCell ref="UPM726:UPP726"/>
    <mergeCell ref="UPQ726:UPT726"/>
    <mergeCell ref="UPU726:UPX726"/>
    <mergeCell ref="UPY726:UQB726"/>
    <mergeCell ref="UOO726:UOR726"/>
    <mergeCell ref="UOS726:UOV726"/>
    <mergeCell ref="UOW726:UOZ726"/>
    <mergeCell ref="UPA726:UPD726"/>
    <mergeCell ref="UPE726:UPH726"/>
    <mergeCell ref="UNU726:UNX726"/>
    <mergeCell ref="UNY726:UOB726"/>
    <mergeCell ref="UOC726:UOF726"/>
    <mergeCell ref="UOG726:UOJ726"/>
    <mergeCell ref="UOK726:UON726"/>
    <mergeCell ref="UNA726:UND726"/>
    <mergeCell ref="UNE726:UNH726"/>
    <mergeCell ref="UNI726:UNL726"/>
    <mergeCell ref="UNM726:UNP726"/>
    <mergeCell ref="UNQ726:UNT726"/>
    <mergeCell ref="UMG726:UMJ726"/>
    <mergeCell ref="UMK726:UMN726"/>
    <mergeCell ref="UMO726:UMR726"/>
    <mergeCell ref="UMS726:UMV726"/>
    <mergeCell ref="UMW726:UMZ726"/>
    <mergeCell ref="UWG726:UWJ726"/>
    <mergeCell ref="UWK726:UWN726"/>
    <mergeCell ref="UWO726:UWR726"/>
    <mergeCell ref="UWS726:UWV726"/>
    <mergeCell ref="UWW726:UWZ726"/>
    <mergeCell ref="UVM726:UVP726"/>
    <mergeCell ref="UVQ726:UVT726"/>
    <mergeCell ref="UVU726:UVX726"/>
    <mergeCell ref="UVY726:UWB726"/>
    <mergeCell ref="UWC726:UWF726"/>
    <mergeCell ref="UUS726:UUV726"/>
    <mergeCell ref="UUW726:UUZ726"/>
    <mergeCell ref="UVA726:UVD726"/>
    <mergeCell ref="UVE726:UVH726"/>
    <mergeCell ref="UVI726:UVL726"/>
    <mergeCell ref="UTY726:UUB726"/>
    <mergeCell ref="UUC726:UUF726"/>
    <mergeCell ref="UUG726:UUJ726"/>
    <mergeCell ref="UUK726:UUN726"/>
    <mergeCell ref="UUO726:UUR726"/>
    <mergeCell ref="UTE726:UTH726"/>
    <mergeCell ref="UTI726:UTL726"/>
    <mergeCell ref="UTM726:UTP726"/>
    <mergeCell ref="UTQ726:UTT726"/>
    <mergeCell ref="UTU726:UTX726"/>
    <mergeCell ref="USK726:USN726"/>
    <mergeCell ref="USO726:USR726"/>
    <mergeCell ref="USS726:USV726"/>
    <mergeCell ref="USW726:USZ726"/>
    <mergeCell ref="UTA726:UTD726"/>
    <mergeCell ref="URQ726:URT726"/>
    <mergeCell ref="URU726:URX726"/>
    <mergeCell ref="URY726:USB726"/>
    <mergeCell ref="USC726:USF726"/>
    <mergeCell ref="USG726:USJ726"/>
    <mergeCell ref="VBQ726:VBT726"/>
    <mergeCell ref="VBU726:VBX726"/>
    <mergeCell ref="VBY726:VCB726"/>
    <mergeCell ref="VCC726:VCF726"/>
    <mergeCell ref="VCG726:VCJ726"/>
    <mergeCell ref="VAW726:VAZ726"/>
    <mergeCell ref="VBA726:VBD726"/>
    <mergeCell ref="VBE726:VBH726"/>
    <mergeCell ref="VBI726:VBL726"/>
    <mergeCell ref="VBM726:VBP726"/>
    <mergeCell ref="VAC726:VAF726"/>
    <mergeCell ref="VAG726:VAJ726"/>
    <mergeCell ref="VAK726:VAN726"/>
    <mergeCell ref="VAO726:VAR726"/>
    <mergeCell ref="VAS726:VAV726"/>
    <mergeCell ref="UZI726:UZL726"/>
    <mergeCell ref="UZM726:UZP726"/>
    <mergeCell ref="UZQ726:UZT726"/>
    <mergeCell ref="UZU726:UZX726"/>
    <mergeCell ref="UZY726:VAB726"/>
    <mergeCell ref="UYO726:UYR726"/>
    <mergeCell ref="UYS726:UYV726"/>
    <mergeCell ref="UYW726:UYZ726"/>
    <mergeCell ref="UZA726:UZD726"/>
    <mergeCell ref="UZE726:UZH726"/>
    <mergeCell ref="UXU726:UXX726"/>
    <mergeCell ref="UXY726:UYB726"/>
    <mergeCell ref="UYC726:UYF726"/>
    <mergeCell ref="UYG726:UYJ726"/>
    <mergeCell ref="UYK726:UYN726"/>
    <mergeCell ref="UXA726:UXD726"/>
    <mergeCell ref="UXE726:UXH726"/>
    <mergeCell ref="UXI726:UXL726"/>
    <mergeCell ref="UXM726:UXP726"/>
    <mergeCell ref="UXQ726:UXT726"/>
    <mergeCell ref="VHA726:VHD726"/>
    <mergeCell ref="VHE726:VHH726"/>
    <mergeCell ref="VHI726:VHL726"/>
    <mergeCell ref="VHM726:VHP726"/>
    <mergeCell ref="VHQ726:VHT726"/>
    <mergeCell ref="VGG726:VGJ726"/>
    <mergeCell ref="VGK726:VGN726"/>
    <mergeCell ref="VGO726:VGR726"/>
    <mergeCell ref="VGS726:VGV726"/>
    <mergeCell ref="VGW726:VGZ726"/>
    <mergeCell ref="VFM726:VFP726"/>
    <mergeCell ref="VFQ726:VFT726"/>
    <mergeCell ref="VFU726:VFX726"/>
    <mergeCell ref="VFY726:VGB726"/>
    <mergeCell ref="VGC726:VGF726"/>
    <mergeCell ref="VES726:VEV726"/>
    <mergeCell ref="VEW726:VEZ726"/>
    <mergeCell ref="VFA726:VFD726"/>
    <mergeCell ref="VFE726:VFH726"/>
    <mergeCell ref="VFI726:VFL726"/>
    <mergeCell ref="VDY726:VEB726"/>
    <mergeCell ref="VEC726:VEF726"/>
    <mergeCell ref="VEG726:VEJ726"/>
    <mergeCell ref="VEK726:VEN726"/>
    <mergeCell ref="VEO726:VER726"/>
    <mergeCell ref="VDE726:VDH726"/>
    <mergeCell ref="VDI726:VDL726"/>
    <mergeCell ref="VDM726:VDP726"/>
    <mergeCell ref="VDQ726:VDT726"/>
    <mergeCell ref="VDU726:VDX726"/>
    <mergeCell ref="VCK726:VCN726"/>
    <mergeCell ref="VCO726:VCR726"/>
    <mergeCell ref="VCS726:VCV726"/>
    <mergeCell ref="VCW726:VCZ726"/>
    <mergeCell ref="VDA726:VDD726"/>
    <mergeCell ref="VMK726:VMN726"/>
    <mergeCell ref="VMO726:VMR726"/>
    <mergeCell ref="VMS726:VMV726"/>
    <mergeCell ref="VMW726:VMZ726"/>
    <mergeCell ref="VNA726:VND726"/>
    <mergeCell ref="VLQ726:VLT726"/>
    <mergeCell ref="VLU726:VLX726"/>
    <mergeCell ref="VLY726:VMB726"/>
    <mergeCell ref="VMC726:VMF726"/>
    <mergeCell ref="VMG726:VMJ726"/>
    <mergeCell ref="VKW726:VKZ726"/>
    <mergeCell ref="VLA726:VLD726"/>
    <mergeCell ref="VLE726:VLH726"/>
    <mergeCell ref="VLI726:VLL726"/>
    <mergeCell ref="VLM726:VLP726"/>
    <mergeCell ref="VKC726:VKF726"/>
    <mergeCell ref="VKG726:VKJ726"/>
    <mergeCell ref="VKK726:VKN726"/>
    <mergeCell ref="VKO726:VKR726"/>
    <mergeCell ref="VKS726:VKV726"/>
    <mergeCell ref="VJI726:VJL726"/>
    <mergeCell ref="VJM726:VJP726"/>
    <mergeCell ref="VJQ726:VJT726"/>
    <mergeCell ref="VJU726:VJX726"/>
    <mergeCell ref="VJY726:VKB726"/>
    <mergeCell ref="VIO726:VIR726"/>
    <mergeCell ref="VIS726:VIV726"/>
    <mergeCell ref="VIW726:VIZ726"/>
    <mergeCell ref="VJA726:VJD726"/>
    <mergeCell ref="VJE726:VJH726"/>
    <mergeCell ref="VHU726:VHX726"/>
    <mergeCell ref="VHY726:VIB726"/>
    <mergeCell ref="VIC726:VIF726"/>
    <mergeCell ref="VIG726:VIJ726"/>
    <mergeCell ref="VIK726:VIN726"/>
    <mergeCell ref="VRU726:VRX726"/>
    <mergeCell ref="VRY726:VSB726"/>
    <mergeCell ref="VSC726:VSF726"/>
    <mergeCell ref="VSG726:VSJ726"/>
    <mergeCell ref="VSK726:VSN726"/>
    <mergeCell ref="VRA726:VRD726"/>
    <mergeCell ref="VRE726:VRH726"/>
    <mergeCell ref="VRI726:VRL726"/>
    <mergeCell ref="VRM726:VRP726"/>
    <mergeCell ref="VRQ726:VRT726"/>
    <mergeCell ref="VQG726:VQJ726"/>
    <mergeCell ref="VQK726:VQN726"/>
    <mergeCell ref="VQO726:VQR726"/>
    <mergeCell ref="VQS726:VQV726"/>
    <mergeCell ref="VQW726:VQZ726"/>
    <mergeCell ref="VPM726:VPP726"/>
    <mergeCell ref="VPQ726:VPT726"/>
    <mergeCell ref="VPU726:VPX726"/>
    <mergeCell ref="VPY726:VQB726"/>
    <mergeCell ref="VQC726:VQF726"/>
    <mergeCell ref="VOS726:VOV726"/>
    <mergeCell ref="VOW726:VOZ726"/>
    <mergeCell ref="VPA726:VPD726"/>
    <mergeCell ref="VPE726:VPH726"/>
    <mergeCell ref="VPI726:VPL726"/>
    <mergeCell ref="VNY726:VOB726"/>
    <mergeCell ref="VOC726:VOF726"/>
    <mergeCell ref="VOG726:VOJ726"/>
    <mergeCell ref="VOK726:VON726"/>
    <mergeCell ref="VOO726:VOR726"/>
    <mergeCell ref="VNE726:VNH726"/>
    <mergeCell ref="VNI726:VNL726"/>
    <mergeCell ref="VNM726:VNP726"/>
    <mergeCell ref="VNQ726:VNT726"/>
    <mergeCell ref="VNU726:VNX726"/>
    <mergeCell ref="VXE726:VXH726"/>
    <mergeCell ref="VXI726:VXL726"/>
    <mergeCell ref="VXM726:VXP726"/>
    <mergeCell ref="VXQ726:VXT726"/>
    <mergeCell ref="VXU726:VXX726"/>
    <mergeCell ref="VWK726:VWN726"/>
    <mergeCell ref="VWO726:VWR726"/>
    <mergeCell ref="VWS726:VWV726"/>
    <mergeCell ref="VWW726:VWZ726"/>
    <mergeCell ref="VXA726:VXD726"/>
    <mergeCell ref="VVQ726:VVT726"/>
    <mergeCell ref="VVU726:VVX726"/>
    <mergeCell ref="VVY726:VWB726"/>
    <mergeCell ref="VWC726:VWF726"/>
    <mergeCell ref="VWG726:VWJ726"/>
    <mergeCell ref="VUW726:VUZ726"/>
    <mergeCell ref="VVA726:VVD726"/>
    <mergeCell ref="VVE726:VVH726"/>
    <mergeCell ref="VVI726:VVL726"/>
    <mergeCell ref="VVM726:VVP726"/>
    <mergeCell ref="VUC726:VUF726"/>
    <mergeCell ref="VUG726:VUJ726"/>
    <mergeCell ref="VUK726:VUN726"/>
    <mergeCell ref="VUO726:VUR726"/>
    <mergeCell ref="VUS726:VUV726"/>
    <mergeCell ref="VTI726:VTL726"/>
    <mergeCell ref="VTM726:VTP726"/>
    <mergeCell ref="VTQ726:VTT726"/>
    <mergeCell ref="VTU726:VTX726"/>
    <mergeCell ref="VTY726:VUB726"/>
    <mergeCell ref="VSO726:VSR726"/>
    <mergeCell ref="VSS726:VSV726"/>
    <mergeCell ref="VSW726:VSZ726"/>
    <mergeCell ref="VTA726:VTD726"/>
    <mergeCell ref="VTE726:VTH726"/>
    <mergeCell ref="WCO726:WCR726"/>
    <mergeCell ref="WCS726:WCV726"/>
    <mergeCell ref="WCW726:WCZ726"/>
    <mergeCell ref="WDA726:WDD726"/>
    <mergeCell ref="WDE726:WDH726"/>
    <mergeCell ref="WBU726:WBX726"/>
    <mergeCell ref="WBY726:WCB726"/>
    <mergeCell ref="WCC726:WCF726"/>
    <mergeCell ref="WCG726:WCJ726"/>
    <mergeCell ref="WCK726:WCN726"/>
    <mergeCell ref="WBA726:WBD726"/>
    <mergeCell ref="WBE726:WBH726"/>
    <mergeCell ref="WBI726:WBL726"/>
    <mergeCell ref="WBM726:WBP726"/>
    <mergeCell ref="WBQ726:WBT726"/>
    <mergeCell ref="WAG726:WAJ726"/>
    <mergeCell ref="WAK726:WAN726"/>
    <mergeCell ref="WAO726:WAR726"/>
    <mergeCell ref="WAS726:WAV726"/>
    <mergeCell ref="WAW726:WAZ726"/>
    <mergeCell ref="VZM726:VZP726"/>
    <mergeCell ref="VZQ726:VZT726"/>
    <mergeCell ref="VZU726:VZX726"/>
    <mergeCell ref="VZY726:WAB726"/>
    <mergeCell ref="WAC726:WAF726"/>
    <mergeCell ref="VYS726:VYV726"/>
    <mergeCell ref="VYW726:VYZ726"/>
    <mergeCell ref="VZA726:VZD726"/>
    <mergeCell ref="VZE726:VZH726"/>
    <mergeCell ref="VZI726:VZL726"/>
    <mergeCell ref="VXY726:VYB726"/>
    <mergeCell ref="VYC726:VYF726"/>
    <mergeCell ref="VYG726:VYJ726"/>
    <mergeCell ref="VYK726:VYN726"/>
    <mergeCell ref="VYO726:VYR726"/>
    <mergeCell ref="WHY726:WIB726"/>
    <mergeCell ref="WIC726:WIF726"/>
    <mergeCell ref="WIG726:WIJ726"/>
    <mergeCell ref="WIK726:WIN726"/>
    <mergeCell ref="WIO726:WIR726"/>
    <mergeCell ref="WHE726:WHH726"/>
    <mergeCell ref="WHI726:WHL726"/>
    <mergeCell ref="WHM726:WHP726"/>
    <mergeCell ref="WHQ726:WHT726"/>
    <mergeCell ref="WHU726:WHX726"/>
    <mergeCell ref="WGK726:WGN726"/>
    <mergeCell ref="WGO726:WGR726"/>
    <mergeCell ref="WGS726:WGV726"/>
    <mergeCell ref="WGW726:WGZ726"/>
    <mergeCell ref="WHA726:WHD726"/>
    <mergeCell ref="WFQ726:WFT726"/>
    <mergeCell ref="WFU726:WFX726"/>
    <mergeCell ref="WFY726:WGB726"/>
    <mergeCell ref="WGC726:WGF726"/>
    <mergeCell ref="WGG726:WGJ726"/>
    <mergeCell ref="WEW726:WEZ726"/>
    <mergeCell ref="WFA726:WFD726"/>
    <mergeCell ref="WFE726:WFH726"/>
    <mergeCell ref="WFI726:WFL726"/>
    <mergeCell ref="WFM726:WFP726"/>
    <mergeCell ref="WEC726:WEF726"/>
    <mergeCell ref="WEG726:WEJ726"/>
    <mergeCell ref="WEK726:WEN726"/>
    <mergeCell ref="WEO726:WER726"/>
    <mergeCell ref="WES726:WEV726"/>
    <mergeCell ref="WDI726:WDL726"/>
    <mergeCell ref="WDM726:WDP726"/>
    <mergeCell ref="WDQ726:WDT726"/>
    <mergeCell ref="WDU726:WDX726"/>
    <mergeCell ref="WDY726:WEB726"/>
    <mergeCell ref="WNI726:WNL726"/>
    <mergeCell ref="WNM726:WNP726"/>
    <mergeCell ref="WNQ726:WNT726"/>
    <mergeCell ref="WNU726:WNX726"/>
    <mergeCell ref="WNY726:WOB726"/>
    <mergeCell ref="WMO726:WMR726"/>
    <mergeCell ref="WMS726:WMV726"/>
    <mergeCell ref="WMW726:WMZ726"/>
    <mergeCell ref="WNA726:WND726"/>
    <mergeCell ref="WNE726:WNH726"/>
    <mergeCell ref="WLU726:WLX726"/>
    <mergeCell ref="WLY726:WMB726"/>
    <mergeCell ref="WMC726:WMF726"/>
    <mergeCell ref="WMG726:WMJ726"/>
    <mergeCell ref="WMK726:WMN726"/>
    <mergeCell ref="WLA726:WLD726"/>
    <mergeCell ref="WLE726:WLH726"/>
    <mergeCell ref="WLI726:WLL726"/>
    <mergeCell ref="WLM726:WLP726"/>
    <mergeCell ref="WLQ726:WLT726"/>
    <mergeCell ref="WKG726:WKJ726"/>
    <mergeCell ref="WKK726:WKN726"/>
    <mergeCell ref="WKO726:WKR726"/>
    <mergeCell ref="WKS726:WKV726"/>
    <mergeCell ref="WKW726:WKZ726"/>
    <mergeCell ref="WJM726:WJP726"/>
    <mergeCell ref="WJQ726:WJT726"/>
    <mergeCell ref="WJU726:WJX726"/>
    <mergeCell ref="WJY726:WKB726"/>
    <mergeCell ref="WKC726:WKF726"/>
    <mergeCell ref="WIS726:WIV726"/>
    <mergeCell ref="WIW726:WIZ726"/>
    <mergeCell ref="WJA726:WJD726"/>
    <mergeCell ref="WJE726:WJH726"/>
    <mergeCell ref="WJI726:WJL726"/>
    <mergeCell ref="WSS726:WSV726"/>
    <mergeCell ref="WSW726:WSZ726"/>
    <mergeCell ref="WTA726:WTD726"/>
    <mergeCell ref="WTE726:WTH726"/>
    <mergeCell ref="WTI726:WTL726"/>
    <mergeCell ref="WRY726:WSB726"/>
    <mergeCell ref="WSC726:WSF726"/>
    <mergeCell ref="WSG726:WSJ726"/>
    <mergeCell ref="WSK726:WSN726"/>
    <mergeCell ref="WSO726:WSR726"/>
    <mergeCell ref="WRE726:WRH726"/>
    <mergeCell ref="WRI726:WRL726"/>
    <mergeCell ref="WRM726:WRP726"/>
    <mergeCell ref="WRQ726:WRT726"/>
    <mergeCell ref="WRU726:WRX726"/>
    <mergeCell ref="WQK726:WQN726"/>
    <mergeCell ref="WQO726:WQR726"/>
    <mergeCell ref="WQS726:WQV726"/>
    <mergeCell ref="WQW726:WQZ726"/>
    <mergeCell ref="WRA726:WRD726"/>
    <mergeCell ref="WPQ726:WPT726"/>
    <mergeCell ref="WPU726:WPX726"/>
    <mergeCell ref="WPY726:WQB726"/>
    <mergeCell ref="WQC726:WQF726"/>
    <mergeCell ref="WQG726:WQJ726"/>
    <mergeCell ref="WOW726:WOZ726"/>
    <mergeCell ref="WPA726:WPD726"/>
    <mergeCell ref="WPE726:WPH726"/>
    <mergeCell ref="WPI726:WPL726"/>
    <mergeCell ref="WPM726:WPP726"/>
    <mergeCell ref="WOC726:WOF726"/>
    <mergeCell ref="WOG726:WOJ726"/>
    <mergeCell ref="WOK726:WON726"/>
    <mergeCell ref="WOO726:WOR726"/>
    <mergeCell ref="WOS726:WOV726"/>
    <mergeCell ref="WZI726:WZL726"/>
    <mergeCell ref="WZM726:WZP726"/>
    <mergeCell ref="WYC726:WYF726"/>
    <mergeCell ref="WYG726:WYJ726"/>
    <mergeCell ref="WYK726:WYN726"/>
    <mergeCell ref="WYO726:WYR726"/>
    <mergeCell ref="WYS726:WYV726"/>
    <mergeCell ref="WXI726:WXL726"/>
    <mergeCell ref="WXM726:WXP726"/>
    <mergeCell ref="WXQ726:WXT726"/>
    <mergeCell ref="WXU726:WXX726"/>
    <mergeCell ref="WXY726:WYB726"/>
    <mergeCell ref="WWO726:WWR726"/>
    <mergeCell ref="WWS726:WWV726"/>
    <mergeCell ref="WWW726:WWZ726"/>
    <mergeCell ref="WXA726:WXD726"/>
    <mergeCell ref="WXE726:WXH726"/>
    <mergeCell ref="WVU726:WVX726"/>
    <mergeCell ref="WVY726:WWB726"/>
    <mergeCell ref="WWC726:WWF726"/>
    <mergeCell ref="WWG726:WWJ726"/>
    <mergeCell ref="WWK726:WWN726"/>
    <mergeCell ref="WVA726:WVD726"/>
    <mergeCell ref="WVE726:WVH726"/>
    <mergeCell ref="WVI726:WVL726"/>
    <mergeCell ref="WVM726:WVP726"/>
    <mergeCell ref="WVQ726:WVT726"/>
    <mergeCell ref="WUG726:WUJ726"/>
    <mergeCell ref="WUK726:WUN726"/>
    <mergeCell ref="WUO726:WUR726"/>
    <mergeCell ref="WUS726:WUV726"/>
    <mergeCell ref="WUW726:WUZ726"/>
    <mergeCell ref="WTM726:WTP726"/>
    <mergeCell ref="WTQ726:WTT726"/>
    <mergeCell ref="WTU726:WTX726"/>
    <mergeCell ref="WTY726:WUB726"/>
    <mergeCell ref="WUC726:WUF726"/>
    <mergeCell ref="CC727:CF727"/>
    <mergeCell ref="CG727:CJ727"/>
    <mergeCell ref="CK727:CN727"/>
    <mergeCell ref="CO727:CR727"/>
    <mergeCell ref="CS727:CV727"/>
    <mergeCell ref="BI727:BL727"/>
    <mergeCell ref="BM727:BP727"/>
    <mergeCell ref="BQ727:BT727"/>
    <mergeCell ref="BU727:BX727"/>
    <mergeCell ref="BY727:CB727"/>
    <mergeCell ref="XFA726:XFD726"/>
    <mergeCell ref="A727:D727"/>
    <mergeCell ref="E727:H727"/>
    <mergeCell ref="I727:L727"/>
    <mergeCell ref="M727:P727"/>
    <mergeCell ref="Q727:T727"/>
    <mergeCell ref="U727:X727"/>
    <mergeCell ref="Y727:AB727"/>
    <mergeCell ref="AC727:AF727"/>
    <mergeCell ref="AG727:AJ727"/>
    <mergeCell ref="AK727:AN727"/>
    <mergeCell ref="AO727:AR727"/>
    <mergeCell ref="AS727:AV727"/>
    <mergeCell ref="AW727:AZ727"/>
    <mergeCell ref="BA727:BD727"/>
    <mergeCell ref="BE727:BH727"/>
    <mergeCell ref="XEG726:XEJ726"/>
    <mergeCell ref="XEK726:XEN726"/>
    <mergeCell ref="XEO726:XER726"/>
    <mergeCell ref="XES726:XEV726"/>
    <mergeCell ref="XEW726:XEZ726"/>
    <mergeCell ref="XDM726:XDP726"/>
    <mergeCell ref="XDQ726:XDT726"/>
    <mergeCell ref="XDU726:XDX726"/>
    <mergeCell ref="XDY726:XEB726"/>
    <mergeCell ref="XEC726:XEF726"/>
    <mergeCell ref="XCS726:XCV726"/>
    <mergeCell ref="XCW726:XCZ726"/>
    <mergeCell ref="XDA726:XDD726"/>
    <mergeCell ref="XDE726:XDH726"/>
    <mergeCell ref="XDI726:XDL726"/>
    <mergeCell ref="XBY726:XCB726"/>
    <mergeCell ref="XCC726:XCF726"/>
    <mergeCell ref="XCG726:XCJ726"/>
    <mergeCell ref="XCK726:XCN726"/>
    <mergeCell ref="XCO726:XCR726"/>
    <mergeCell ref="XBE726:XBH726"/>
    <mergeCell ref="XBI726:XBL726"/>
    <mergeCell ref="XBM726:XBP726"/>
    <mergeCell ref="XBQ726:XBT726"/>
    <mergeCell ref="XBU726:XBX726"/>
    <mergeCell ref="XAK726:XAN726"/>
    <mergeCell ref="XAO726:XAR726"/>
    <mergeCell ref="XAS726:XAV726"/>
    <mergeCell ref="XAW726:XAZ726"/>
    <mergeCell ref="XBA726:XBD726"/>
    <mergeCell ref="WZQ726:WZT726"/>
    <mergeCell ref="WZU726:WZX726"/>
    <mergeCell ref="WZY726:XAB726"/>
    <mergeCell ref="XAC726:XAF726"/>
    <mergeCell ref="XAG726:XAJ726"/>
    <mergeCell ref="WYW726:WYZ726"/>
    <mergeCell ref="WZA726:WZD726"/>
    <mergeCell ref="WZE726:WZH726"/>
    <mergeCell ref="HM727:HP727"/>
    <mergeCell ref="HQ727:HT727"/>
    <mergeCell ref="HU727:HX727"/>
    <mergeCell ref="HY727:IB727"/>
    <mergeCell ref="IC727:IF727"/>
    <mergeCell ref="GS727:GV727"/>
    <mergeCell ref="GW727:GZ727"/>
    <mergeCell ref="HA727:HD727"/>
    <mergeCell ref="HE727:HH727"/>
    <mergeCell ref="HI727:HL727"/>
    <mergeCell ref="FY727:GB727"/>
    <mergeCell ref="GC727:GF727"/>
    <mergeCell ref="GG727:GJ727"/>
    <mergeCell ref="GK727:GN727"/>
    <mergeCell ref="GO727:GR727"/>
    <mergeCell ref="FE727:FH727"/>
    <mergeCell ref="FI727:FL727"/>
    <mergeCell ref="FM727:FP727"/>
    <mergeCell ref="FQ727:FT727"/>
    <mergeCell ref="FU727:FX727"/>
    <mergeCell ref="EK727:EN727"/>
    <mergeCell ref="EO727:ER727"/>
    <mergeCell ref="ES727:EV727"/>
    <mergeCell ref="EW727:EZ727"/>
    <mergeCell ref="FA727:FD727"/>
    <mergeCell ref="DQ727:DT727"/>
    <mergeCell ref="DU727:DX727"/>
    <mergeCell ref="DY727:EB727"/>
    <mergeCell ref="EC727:EF727"/>
    <mergeCell ref="EG727:EJ727"/>
    <mergeCell ref="CW727:CZ727"/>
    <mergeCell ref="DA727:DD727"/>
    <mergeCell ref="DE727:DH727"/>
    <mergeCell ref="DI727:DL727"/>
    <mergeCell ref="DM727:DP727"/>
    <mergeCell ref="MW727:MZ727"/>
    <mergeCell ref="NA727:ND727"/>
    <mergeCell ref="NE727:NH727"/>
    <mergeCell ref="NI727:NL727"/>
    <mergeCell ref="NM727:NP727"/>
    <mergeCell ref="MC727:MF727"/>
    <mergeCell ref="MG727:MJ727"/>
    <mergeCell ref="MK727:MN727"/>
    <mergeCell ref="MO727:MR727"/>
    <mergeCell ref="MS727:MV727"/>
    <mergeCell ref="LI727:LL727"/>
    <mergeCell ref="LM727:LP727"/>
    <mergeCell ref="LQ727:LT727"/>
    <mergeCell ref="LU727:LX727"/>
    <mergeCell ref="LY727:MB727"/>
    <mergeCell ref="KO727:KR727"/>
    <mergeCell ref="KS727:KV727"/>
    <mergeCell ref="KW727:KZ727"/>
    <mergeCell ref="LA727:LD727"/>
    <mergeCell ref="LE727:LH727"/>
    <mergeCell ref="JU727:JX727"/>
    <mergeCell ref="JY727:KB727"/>
    <mergeCell ref="KC727:KF727"/>
    <mergeCell ref="KG727:KJ727"/>
    <mergeCell ref="KK727:KN727"/>
    <mergeCell ref="JA727:JD727"/>
    <mergeCell ref="JE727:JH727"/>
    <mergeCell ref="JI727:JL727"/>
    <mergeCell ref="JM727:JP727"/>
    <mergeCell ref="JQ727:JT727"/>
    <mergeCell ref="IG727:IJ727"/>
    <mergeCell ref="IK727:IN727"/>
    <mergeCell ref="IO727:IR727"/>
    <mergeCell ref="IS727:IV727"/>
    <mergeCell ref="IW727:IZ727"/>
    <mergeCell ref="SG727:SJ727"/>
    <mergeCell ref="SK727:SN727"/>
    <mergeCell ref="SO727:SR727"/>
    <mergeCell ref="SS727:SV727"/>
    <mergeCell ref="SW727:SZ727"/>
    <mergeCell ref="RM727:RP727"/>
    <mergeCell ref="RQ727:RT727"/>
    <mergeCell ref="RU727:RX727"/>
    <mergeCell ref="RY727:SB727"/>
    <mergeCell ref="SC727:SF727"/>
    <mergeCell ref="QS727:QV727"/>
    <mergeCell ref="QW727:QZ727"/>
    <mergeCell ref="RA727:RD727"/>
    <mergeCell ref="RE727:RH727"/>
    <mergeCell ref="RI727:RL727"/>
    <mergeCell ref="PY727:QB727"/>
    <mergeCell ref="QC727:QF727"/>
    <mergeCell ref="QG727:QJ727"/>
    <mergeCell ref="QK727:QN727"/>
    <mergeCell ref="QO727:QR727"/>
    <mergeCell ref="PE727:PH727"/>
    <mergeCell ref="PI727:PL727"/>
    <mergeCell ref="PM727:PP727"/>
    <mergeCell ref="PQ727:PT727"/>
    <mergeCell ref="PU727:PX727"/>
    <mergeCell ref="OK727:ON727"/>
    <mergeCell ref="OO727:OR727"/>
    <mergeCell ref="OS727:OV727"/>
    <mergeCell ref="OW727:OZ727"/>
    <mergeCell ref="PA727:PD727"/>
    <mergeCell ref="NQ727:NT727"/>
    <mergeCell ref="NU727:NX727"/>
    <mergeCell ref="NY727:OB727"/>
    <mergeCell ref="OC727:OF727"/>
    <mergeCell ref="OG727:OJ727"/>
    <mergeCell ref="XQ727:XT727"/>
    <mergeCell ref="XU727:XX727"/>
    <mergeCell ref="XY727:YB727"/>
    <mergeCell ref="YC727:YF727"/>
    <mergeCell ref="YG727:YJ727"/>
    <mergeCell ref="WW727:WZ727"/>
    <mergeCell ref="XA727:XD727"/>
    <mergeCell ref="XE727:XH727"/>
    <mergeCell ref="XI727:XL727"/>
    <mergeCell ref="XM727:XP727"/>
    <mergeCell ref="WC727:WF727"/>
    <mergeCell ref="WG727:WJ727"/>
    <mergeCell ref="WK727:WN727"/>
    <mergeCell ref="WO727:WR727"/>
    <mergeCell ref="WS727:WV727"/>
    <mergeCell ref="VI727:VL727"/>
    <mergeCell ref="VM727:VP727"/>
    <mergeCell ref="VQ727:VT727"/>
    <mergeCell ref="VU727:VX727"/>
    <mergeCell ref="VY727:WB727"/>
    <mergeCell ref="UO727:UR727"/>
    <mergeCell ref="US727:UV727"/>
    <mergeCell ref="UW727:UZ727"/>
    <mergeCell ref="VA727:VD727"/>
    <mergeCell ref="VE727:VH727"/>
    <mergeCell ref="TU727:TX727"/>
    <mergeCell ref="TY727:UB727"/>
    <mergeCell ref="UC727:UF727"/>
    <mergeCell ref="UG727:UJ727"/>
    <mergeCell ref="UK727:UN727"/>
    <mergeCell ref="TA727:TD727"/>
    <mergeCell ref="TE727:TH727"/>
    <mergeCell ref="TI727:TL727"/>
    <mergeCell ref="TM727:TP727"/>
    <mergeCell ref="TQ727:TT727"/>
    <mergeCell ref="ADA727:ADD727"/>
    <mergeCell ref="ADE727:ADH727"/>
    <mergeCell ref="ADI727:ADL727"/>
    <mergeCell ref="ADM727:ADP727"/>
    <mergeCell ref="ADQ727:ADT727"/>
    <mergeCell ref="ACG727:ACJ727"/>
    <mergeCell ref="ACK727:ACN727"/>
    <mergeCell ref="ACO727:ACR727"/>
    <mergeCell ref="ACS727:ACV727"/>
    <mergeCell ref="ACW727:ACZ727"/>
    <mergeCell ref="ABM727:ABP727"/>
    <mergeCell ref="ABQ727:ABT727"/>
    <mergeCell ref="ABU727:ABX727"/>
    <mergeCell ref="ABY727:ACB727"/>
    <mergeCell ref="ACC727:ACF727"/>
    <mergeCell ref="AAS727:AAV727"/>
    <mergeCell ref="AAW727:AAZ727"/>
    <mergeCell ref="ABA727:ABD727"/>
    <mergeCell ref="ABE727:ABH727"/>
    <mergeCell ref="ABI727:ABL727"/>
    <mergeCell ref="ZY727:AAB727"/>
    <mergeCell ref="AAC727:AAF727"/>
    <mergeCell ref="AAG727:AAJ727"/>
    <mergeCell ref="AAK727:AAN727"/>
    <mergeCell ref="AAO727:AAR727"/>
    <mergeCell ref="ZE727:ZH727"/>
    <mergeCell ref="ZI727:ZL727"/>
    <mergeCell ref="ZM727:ZP727"/>
    <mergeCell ref="ZQ727:ZT727"/>
    <mergeCell ref="ZU727:ZX727"/>
    <mergeCell ref="YK727:YN727"/>
    <mergeCell ref="YO727:YR727"/>
    <mergeCell ref="YS727:YV727"/>
    <mergeCell ref="YW727:YZ727"/>
    <mergeCell ref="ZA727:ZD727"/>
    <mergeCell ref="AIK727:AIN727"/>
    <mergeCell ref="AIO727:AIR727"/>
    <mergeCell ref="AIS727:AIV727"/>
    <mergeCell ref="AIW727:AIZ727"/>
    <mergeCell ref="AJA727:AJD727"/>
    <mergeCell ref="AHQ727:AHT727"/>
    <mergeCell ref="AHU727:AHX727"/>
    <mergeCell ref="AHY727:AIB727"/>
    <mergeCell ref="AIC727:AIF727"/>
    <mergeCell ref="AIG727:AIJ727"/>
    <mergeCell ref="AGW727:AGZ727"/>
    <mergeCell ref="AHA727:AHD727"/>
    <mergeCell ref="AHE727:AHH727"/>
    <mergeCell ref="AHI727:AHL727"/>
    <mergeCell ref="AHM727:AHP727"/>
    <mergeCell ref="AGC727:AGF727"/>
    <mergeCell ref="AGG727:AGJ727"/>
    <mergeCell ref="AGK727:AGN727"/>
    <mergeCell ref="AGO727:AGR727"/>
    <mergeCell ref="AGS727:AGV727"/>
    <mergeCell ref="AFI727:AFL727"/>
    <mergeCell ref="AFM727:AFP727"/>
    <mergeCell ref="AFQ727:AFT727"/>
    <mergeCell ref="AFU727:AFX727"/>
    <mergeCell ref="AFY727:AGB727"/>
    <mergeCell ref="AEO727:AER727"/>
    <mergeCell ref="AES727:AEV727"/>
    <mergeCell ref="AEW727:AEZ727"/>
    <mergeCell ref="AFA727:AFD727"/>
    <mergeCell ref="AFE727:AFH727"/>
    <mergeCell ref="ADU727:ADX727"/>
    <mergeCell ref="ADY727:AEB727"/>
    <mergeCell ref="AEC727:AEF727"/>
    <mergeCell ref="AEG727:AEJ727"/>
    <mergeCell ref="AEK727:AEN727"/>
    <mergeCell ref="ANU727:ANX727"/>
    <mergeCell ref="ANY727:AOB727"/>
    <mergeCell ref="AOC727:AOF727"/>
    <mergeCell ref="AOG727:AOJ727"/>
    <mergeCell ref="AOK727:AON727"/>
    <mergeCell ref="ANA727:AND727"/>
    <mergeCell ref="ANE727:ANH727"/>
    <mergeCell ref="ANI727:ANL727"/>
    <mergeCell ref="ANM727:ANP727"/>
    <mergeCell ref="ANQ727:ANT727"/>
    <mergeCell ref="AMG727:AMJ727"/>
    <mergeCell ref="AMK727:AMN727"/>
    <mergeCell ref="AMO727:AMR727"/>
    <mergeCell ref="AMS727:AMV727"/>
    <mergeCell ref="AMW727:AMZ727"/>
    <mergeCell ref="ALM727:ALP727"/>
    <mergeCell ref="ALQ727:ALT727"/>
    <mergeCell ref="ALU727:ALX727"/>
    <mergeCell ref="ALY727:AMB727"/>
    <mergeCell ref="AMC727:AMF727"/>
    <mergeCell ref="AKS727:AKV727"/>
    <mergeCell ref="AKW727:AKZ727"/>
    <mergeCell ref="ALA727:ALD727"/>
    <mergeCell ref="ALE727:ALH727"/>
    <mergeCell ref="ALI727:ALL727"/>
    <mergeCell ref="AJY727:AKB727"/>
    <mergeCell ref="AKC727:AKF727"/>
    <mergeCell ref="AKG727:AKJ727"/>
    <mergeCell ref="AKK727:AKN727"/>
    <mergeCell ref="AKO727:AKR727"/>
    <mergeCell ref="AJE727:AJH727"/>
    <mergeCell ref="AJI727:AJL727"/>
    <mergeCell ref="AJM727:AJP727"/>
    <mergeCell ref="AJQ727:AJT727"/>
    <mergeCell ref="AJU727:AJX727"/>
    <mergeCell ref="ATE727:ATH727"/>
    <mergeCell ref="ATI727:ATL727"/>
    <mergeCell ref="ATM727:ATP727"/>
    <mergeCell ref="ATQ727:ATT727"/>
    <mergeCell ref="ATU727:ATX727"/>
    <mergeCell ref="ASK727:ASN727"/>
    <mergeCell ref="ASO727:ASR727"/>
    <mergeCell ref="ASS727:ASV727"/>
    <mergeCell ref="ASW727:ASZ727"/>
    <mergeCell ref="ATA727:ATD727"/>
    <mergeCell ref="ARQ727:ART727"/>
    <mergeCell ref="ARU727:ARX727"/>
    <mergeCell ref="ARY727:ASB727"/>
    <mergeCell ref="ASC727:ASF727"/>
    <mergeCell ref="ASG727:ASJ727"/>
    <mergeCell ref="AQW727:AQZ727"/>
    <mergeCell ref="ARA727:ARD727"/>
    <mergeCell ref="ARE727:ARH727"/>
    <mergeCell ref="ARI727:ARL727"/>
    <mergeCell ref="ARM727:ARP727"/>
    <mergeCell ref="AQC727:AQF727"/>
    <mergeCell ref="AQG727:AQJ727"/>
    <mergeCell ref="AQK727:AQN727"/>
    <mergeCell ref="AQO727:AQR727"/>
    <mergeCell ref="AQS727:AQV727"/>
    <mergeCell ref="API727:APL727"/>
    <mergeCell ref="APM727:APP727"/>
    <mergeCell ref="APQ727:APT727"/>
    <mergeCell ref="APU727:APX727"/>
    <mergeCell ref="APY727:AQB727"/>
    <mergeCell ref="AOO727:AOR727"/>
    <mergeCell ref="AOS727:AOV727"/>
    <mergeCell ref="AOW727:AOZ727"/>
    <mergeCell ref="APA727:APD727"/>
    <mergeCell ref="APE727:APH727"/>
    <mergeCell ref="AYO727:AYR727"/>
    <mergeCell ref="AYS727:AYV727"/>
    <mergeCell ref="AYW727:AYZ727"/>
    <mergeCell ref="AZA727:AZD727"/>
    <mergeCell ref="AZE727:AZH727"/>
    <mergeCell ref="AXU727:AXX727"/>
    <mergeCell ref="AXY727:AYB727"/>
    <mergeCell ref="AYC727:AYF727"/>
    <mergeCell ref="AYG727:AYJ727"/>
    <mergeCell ref="AYK727:AYN727"/>
    <mergeCell ref="AXA727:AXD727"/>
    <mergeCell ref="AXE727:AXH727"/>
    <mergeCell ref="AXI727:AXL727"/>
    <mergeCell ref="AXM727:AXP727"/>
    <mergeCell ref="AXQ727:AXT727"/>
    <mergeCell ref="AWG727:AWJ727"/>
    <mergeCell ref="AWK727:AWN727"/>
    <mergeCell ref="AWO727:AWR727"/>
    <mergeCell ref="AWS727:AWV727"/>
    <mergeCell ref="AWW727:AWZ727"/>
    <mergeCell ref="AVM727:AVP727"/>
    <mergeCell ref="AVQ727:AVT727"/>
    <mergeCell ref="AVU727:AVX727"/>
    <mergeCell ref="AVY727:AWB727"/>
    <mergeCell ref="AWC727:AWF727"/>
    <mergeCell ref="AUS727:AUV727"/>
    <mergeCell ref="AUW727:AUZ727"/>
    <mergeCell ref="AVA727:AVD727"/>
    <mergeCell ref="AVE727:AVH727"/>
    <mergeCell ref="AVI727:AVL727"/>
    <mergeCell ref="ATY727:AUB727"/>
    <mergeCell ref="AUC727:AUF727"/>
    <mergeCell ref="AUG727:AUJ727"/>
    <mergeCell ref="AUK727:AUN727"/>
    <mergeCell ref="AUO727:AUR727"/>
    <mergeCell ref="BDY727:BEB727"/>
    <mergeCell ref="BEC727:BEF727"/>
    <mergeCell ref="BEG727:BEJ727"/>
    <mergeCell ref="BEK727:BEN727"/>
    <mergeCell ref="BEO727:BER727"/>
    <mergeCell ref="BDE727:BDH727"/>
    <mergeCell ref="BDI727:BDL727"/>
    <mergeCell ref="BDM727:BDP727"/>
    <mergeCell ref="BDQ727:BDT727"/>
    <mergeCell ref="BDU727:BDX727"/>
    <mergeCell ref="BCK727:BCN727"/>
    <mergeCell ref="BCO727:BCR727"/>
    <mergeCell ref="BCS727:BCV727"/>
    <mergeCell ref="BCW727:BCZ727"/>
    <mergeCell ref="BDA727:BDD727"/>
    <mergeCell ref="BBQ727:BBT727"/>
    <mergeCell ref="BBU727:BBX727"/>
    <mergeCell ref="BBY727:BCB727"/>
    <mergeCell ref="BCC727:BCF727"/>
    <mergeCell ref="BCG727:BCJ727"/>
    <mergeCell ref="BAW727:BAZ727"/>
    <mergeCell ref="BBA727:BBD727"/>
    <mergeCell ref="BBE727:BBH727"/>
    <mergeCell ref="BBI727:BBL727"/>
    <mergeCell ref="BBM727:BBP727"/>
    <mergeCell ref="BAC727:BAF727"/>
    <mergeCell ref="BAG727:BAJ727"/>
    <mergeCell ref="BAK727:BAN727"/>
    <mergeCell ref="BAO727:BAR727"/>
    <mergeCell ref="BAS727:BAV727"/>
    <mergeCell ref="AZI727:AZL727"/>
    <mergeCell ref="AZM727:AZP727"/>
    <mergeCell ref="AZQ727:AZT727"/>
    <mergeCell ref="AZU727:AZX727"/>
    <mergeCell ref="AZY727:BAB727"/>
    <mergeCell ref="BJI727:BJL727"/>
    <mergeCell ref="BJM727:BJP727"/>
    <mergeCell ref="BJQ727:BJT727"/>
    <mergeCell ref="BJU727:BJX727"/>
    <mergeCell ref="BJY727:BKB727"/>
    <mergeCell ref="BIO727:BIR727"/>
    <mergeCell ref="BIS727:BIV727"/>
    <mergeCell ref="BIW727:BIZ727"/>
    <mergeCell ref="BJA727:BJD727"/>
    <mergeCell ref="BJE727:BJH727"/>
    <mergeCell ref="BHU727:BHX727"/>
    <mergeCell ref="BHY727:BIB727"/>
    <mergeCell ref="BIC727:BIF727"/>
    <mergeCell ref="BIG727:BIJ727"/>
    <mergeCell ref="BIK727:BIN727"/>
    <mergeCell ref="BHA727:BHD727"/>
    <mergeCell ref="BHE727:BHH727"/>
    <mergeCell ref="BHI727:BHL727"/>
    <mergeCell ref="BHM727:BHP727"/>
    <mergeCell ref="BHQ727:BHT727"/>
    <mergeCell ref="BGG727:BGJ727"/>
    <mergeCell ref="BGK727:BGN727"/>
    <mergeCell ref="BGO727:BGR727"/>
    <mergeCell ref="BGS727:BGV727"/>
    <mergeCell ref="BGW727:BGZ727"/>
    <mergeCell ref="BFM727:BFP727"/>
    <mergeCell ref="BFQ727:BFT727"/>
    <mergeCell ref="BFU727:BFX727"/>
    <mergeCell ref="BFY727:BGB727"/>
    <mergeCell ref="BGC727:BGF727"/>
    <mergeCell ref="BES727:BEV727"/>
    <mergeCell ref="BEW727:BEZ727"/>
    <mergeCell ref="BFA727:BFD727"/>
    <mergeCell ref="BFE727:BFH727"/>
    <mergeCell ref="BFI727:BFL727"/>
    <mergeCell ref="BOS727:BOV727"/>
    <mergeCell ref="BOW727:BOZ727"/>
    <mergeCell ref="BPA727:BPD727"/>
    <mergeCell ref="BPE727:BPH727"/>
    <mergeCell ref="BPI727:BPL727"/>
    <mergeCell ref="BNY727:BOB727"/>
    <mergeCell ref="BOC727:BOF727"/>
    <mergeCell ref="BOG727:BOJ727"/>
    <mergeCell ref="BOK727:BON727"/>
    <mergeCell ref="BOO727:BOR727"/>
    <mergeCell ref="BNE727:BNH727"/>
    <mergeCell ref="BNI727:BNL727"/>
    <mergeCell ref="BNM727:BNP727"/>
    <mergeCell ref="BNQ727:BNT727"/>
    <mergeCell ref="BNU727:BNX727"/>
    <mergeCell ref="BMK727:BMN727"/>
    <mergeCell ref="BMO727:BMR727"/>
    <mergeCell ref="BMS727:BMV727"/>
    <mergeCell ref="BMW727:BMZ727"/>
    <mergeCell ref="BNA727:BND727"/>
    <mergeCell ref="BLQ727:BLT727"/>
    <mergeCell ref="BLU727:BLX727"/>
    <mergeCell ref="BLY727:BMB727"/>
    <mergeCell ref="BMC727:BMF727"/>
    <mergeCell ref="BMG727:BMJ727"/>
    <mergeCell ref="BKW727:BKZ727"/>
    <mergeCell ref="BLA727:BLD727"/>
    <mergeCell ref="BLE727:BLH727"/>
    <mergeCell ref="BLI727:BLL727"/>
    <mergeCell ref="BLM727:BLP727"/>
    <mergeCell ref="BKC727:BKF727"/>
    <mergeCell ref="BKG727:BKJ727"/>
    <mergeCell ref="BKK727:BKN727"/>
    <mergeCell ref="BKO727:BKR727"/>
    <mergeCell ref="BKS727:BKV727"/>
    <mergeCell ref="BUC727:BUF727"/>
    <mergeCell ref="BUG727:BUJ727"/>
    <mergeCell ref="BUK727:BUN727"/>
    <mergeCell ref="BUO727:BUR727"/>
    <mergeCell ref="BUS727:BUV727"/>
    <mergeCell ref="BTI727:BTL727"/>
    <mergeCell ref="BTM727:BTP727"/>
    <mergeCell ref="BTQ727:BTT727"/>
    <mergeCell ref="BTU727:BTX727"/>
    <mergeCell ref="BTY727:BUB727"/>
    <mergeCell ref="BSO727:BSR727"/>
    <mergeCell ref="BSS727:BSV727"/>
    <mergeCell ref="BSW727:BSZ727"/>
    <mergeCell ref="BTA727:BTD727"/>
    <mergeCell ref="BTE727:BTH727"/>
    <mergeCell ref="BRU727:BRX727"/>
    <mergeCell ref="BRY727:BSB727"/>
    <mergeCell ref="BSC727:BSF727"/>
    <mergeCell ref="BSG727:BSJ727"/>
    <mergeCell ref="BSK727:BSN727"/>
    <mergeCell ref="BRA727:BRD727"/>
    <mergeCell ref="BRE727:BRH727"/>
    <mergeCell ref="BRI727:BRL727"/>
    <mergeCell ref="BRM727:BRP727"/>
    <mergeCell ref="BRQ727:BRT727"/>
    <mergeCell ref="BQG727:BQJ727"/>
    <mergeCell ref="BQK727:BQN727"/>
    <mergeCell ref="BQO727:BQR727"/>
    <mergeCell ref="BQS727:BQV727"/>
    <mergeCell ref="BQW727:BQZ727"/>
    <mergeCell ref="BPM727:BPP727"/>
    <mergeCell ref="BPQ727:BPT727"/>
    <mergeCell ref="BPU727:BPX727"/>
    <mergeCell ref="BPY727:BQB727"/>
    <mergeCell ref="BQC727:BQF727"/>
    <mergeCell ref="BZM727:BZP727"/>
    <mergeCell ref="BZQ727:BZT727"/>
    <mergeCell ref="BZU727:BZX727"/>
    <mergeCell ref="BZY727:CAB727"/>
    <mergeCell ref="CAC727:CAF727"/>
    <mergeCell ref="BYS727:BYV727"/>
    <mergeCell ref="BYW727:BYZ727"/>
    <mergeCell ref="BZA727:BZD727"/>
    <mergeCell ref="BZE727:BZH727"/>
    <mergeCell ref="BZI727:BZL727"/>
    <mergeCell ref="BXY727:BYB727"/>
    <mergeCell ref="BYC727:BYF727"/>
    <mergeCell ref="BYG727:BYJ727"/>
    <mergeCell ref="BYK727:BYN727"/>
    <mergeCell ref="BYO727:BYR727"/>
    <mergeCell ref="BXE727:BXH727"/>
    <mergeCell ref="BXI727:BXL727"/>
    <mergeCell ref="BXM727:BXP727"/>
    <mergeCell ref="BXQ727:BXT727"/>
    <mergeCell ref="BXU727:BXX727"/>
    <mergeCell ref="BWK727:BWN727"/>
    <mergeCell ref="BWO727:BWR727"/>
    <mergeCell ref="BWS727:BWV727"/>
    <mergeCell ref="BWW727:BWZ727"/>
    <mergeCell ref="BXA727:BXD727"/>
    <mergeCell ref="BVQ727:BVT727"/>
    <mergeCell ref="BVU727:BVX727"/>
    <mergeCell ref="BVY727:BWB727"/>
    <mergeCell ref="BWC727:BWF727"/>
    <mergeCell ref="BWG727:BWJ727"/>
    <mergeCell ref="BUW727:BUZ727"/>
    <mergeCell ref="BVA727:BVD727"/>
    <mergeCell ref="BVE727:BVH727"/>
    <mergeCell ref="BVI727:BVL727"/>
    <mergeCell ref="BVM727:BVP727"/>
    <mergeCell ref="CEW727:CEZ727"/>
    <mergeCell ref="CFA727:CFD727"/>
    <mergeCell ref="CFE727:CFH727"/>
    <mergeCell ref="CFI727:CFL727"/>
    <mergeCell ref="CFM727:CFP727"/>
    <mergeCell ref="CEC727:CEF727"/>
    <mergeCell ref="CEG727:CEJ727"/>
    <mergeCell ref="CEK727:CEN727"/>
    <mergeCell ref="CEO727:CER727"/>
    <mergeCell ref="CES727:CEV727"/>
    <mergeCell ref="CDI727:CDL727"/>
    <mergeCell ref="CDM727:CDP727"/>
    <mergeCell ref="CDQ727:CDT727"/>
    <mergeCell ref="CDU727:CDX727"/>
    <mergeCell ref="CDY727:CEB727"/>
    <mergeCell ref="CCO727:CCR727"/>
    <mergeCell ref="CCS727:CCV727"/>
    <mergeCell ref="CCW727:CCZ727"/>
    <mergeCell ref="CDA727:CDD727"/>
    <mergeCell ref="CDE727:CDH727"/>
    <mergeCell ref="CBU727:CBX727"/>
    <mergeCell ref="CBY727:CCB727"/>
    <mergeCell ref="CCC727:CCF727"/>
    <mergeCell ref="CCG727:CCJ727"/>
    <mergeCell ref="CCK727:CCN727"/>
    <mergeCell ref="CBA727:CBD727"/>
    <mergeCell ref="CBE727:CBH727"/>
    <mergeCell ref="CBI727:CBL727"/>
    <mergeCell ref="CBM727:CBP727"/>
    <mergeCell ref="CBQ727:CBT727"/>
    <mergeCell ref="CAG727:CAJ727"/>
    <mergeCell ref="CAK727:CAN727"/>
    <mergeCell ref="CAO727:CAR727"/>
    <mergeCell ref="CAS727:CAV727"/>
    <mergeCell ref="CAW727:CAZ727"/>
    <mergeCell ref="CKG727:CKJ727"/>
    <mergeCell ref="CKK727:CKN727"/>
    <mergeCell ref="CKO727:CKR727"/>
    <mergeCell ref="CKS727:CKV727"/>
    <mergeCell ref="CKW727:CKZ727"/>
    <mergeCell ref="CJM727:CJP727"/>
    <mergeCell ref="CJQ727:CJT727"/>
    <mergeCell ref="CJU727:CJX727"/>
    <mergeCell ref="CJY727:CKB727"/>
    <mergeCell ref="CKC727:CKF727"/>
    <mergeCell ref="CIS727:CIV727"/>
    <mergeCell ref="CIW727:CIZ727"/>
    <mergeCell ref="CJA727:CJD727"/>
    <mergeCell ref="CJE727:CJH727"/>
    <mergeCell ref="CJI727:CJL727"/>
    <mergeCell ref="CHY727:CIB727"/>
    <mergeCell ref="CIC727:CIF727"/>
    <mergeCell ref="CIG727:CIJ727"/>
    <mergeCell ref="CIK727:CIN727"/>
    <mergeCell ref="CIO727:CIR727"/>
    <mergeCell ref="CHE727:CHH727"/>
    <mergeCell ref="CHI727:CHL727"/>
    <mergeCell ref="CHM727:CHP727"/>
    <mergeCell ref="CHQ727:CHT727"/>
    <mergeCell ref="CHU727:CHX727"/>
    <mergeCell ref="CGK727:CGN727"/>
    <mergeCell ref="CGO727:CGR727"/>
    <mergeCell ref="CGS727:CGV727"/>
    <mergeCell ref="CGW727:CGZ727"/>
    <mergeCell ref="CHA727:CHD727"/>
    <mergeCell ref="CFQ727:CFT727"/>
    <mergeCell ref="CFU727:CFX727"/>
    <mergeCell ref="CFY727:CGB727"/>
    <mergeCell ref="CGC727:CGF727"/>
    <mergeCell ref="CGG727:CGJ727"/>
    <mergeCell ref="CPQ727:CPT727"/>
    <mergeCell ref="CPU727:CPX727"/>
    <mergeCell ref="CPY727:CQB727"/>
    <mergeCell ref="CQC727:CQF727"/>
    <mergeCell ref="CQG727:CQJ727"/>
    <mergeCell ref="COW727:COZ727"/>
    <mergeCell ref="CPA727:CPD727"/>
    <mergeCell ref="CPE727:CPH727"/>
    <mergeCell ref="CPI727:CPL727"/>
    <mergeCell ref="CPM727:CPP727"/>
    <mergeCell ref="COC727:COF727"/>
    <mergeCell ref="COG727:COJ727"/>
    <mergeCell ref="COK727:CON727"/>
    <mergeCell ref="COO727:COR727"/>
    <mergeCell ref="COS727:COV727"/>
    <mergeCell ref="CNI727:CNL727"/>
    <mergeCell ref="CNM727:CNP727"/>
    <mergeCell ref="CNQ727:CNT727"/>
    <mergeCell ref="CNU727:CNX727"/>
    <mergeCell ref="CNY727:COB727"/>
    <mergeCell ref="CMO727:CMR727"/>
    <mergeCell ref="CMS727:CMV727"/>
    <mergeCell ref="CMW727:CMZ727"/>
    <mergeCell ref="CNA727:CND727"/>
    <mergeCell ref="CNE727:CNH727"/>
    <mergeCell ref="CLU727:CLX727"/>
    <mergeCell ref="CLY727:CMB727"/>
    <mergeCell ref="CMC727:CMF727"/>
    <mergeCell ref="CMG727:CMJ727"/>
    <mergeCell ref="CMK727:CMN727"/>
    <mergeCell ref="CLA727:CLD727"/>
    <mergeCell ref="CLE727:CLH727"/>
    <mergeCell ref="CLI727:CLL727"/>
    <mergeCell ref="CLM727:CLP727"/>
    <mergeCell ref="CLQ727:CLT727"/>
    <mergeCell ref="CVA727:CVD727"/>
    <mergeCell ref="CVE727:CVH727"/>
    <mergeCell ref="CVI727:CVL727"/>
    <mergeCell ref="CVM727:CVP727"/>
    <mergeCell ref="CVQ727:CVT727"/>
    <mergeCell ref="CUG727:CUJ727"/>
    <mergeCell ref="CUK727:CUN727"/>
    <mergeCell ref="CUO727:CUR727"/>
    <mergeCell ref="CUS727:CUV727"/>
    <mergeCell ref="CUW727:CUZ727"/>
    <mergeCell ref="CTM727:CTP727"/>
    <mergeCell ref="CTQ727:CTT727"/>
    <mergeCell ref="CTU727:CTX727"/>
    <mergeCell ref="CTY727:CUB727"/>
    <mergeCell ref="CUC727:CUF727"/>
    <mergeCell ref="CSS727:CSV727"/>
    <mergeCell ref="CSW727:CSZ727"/>
    <mergeCell ref="CTA727:CTD727"/>
    <mergeCell ref="CTE727:CTH727"/>
    <mergeCell ref="CTI727:CTL727"/>
    <mergeCell ref="CRY727:CSB727"/>
    <mergeCell ref="CSC727:CSF727"/>
    <mergeCell ref="CSG727:CSJ727"/>
    <mergeCell ref="CSK727:CSN727"/>
    <mergeCell ref="CSO727:CSR727"/>
    <mergeCell ref="CRE727:CRH727"/>
    <mergeCell ref="CRI727:CRL727"/>
    <mergeCell ref="CRM727:CRP727"/>
    <mergeCell ref="CRQ727:CRT727"/>
    <mergeCell ref="CRU727:CRX727"/>
    <mergeCell ref="CQK727:CQN727"/>
    <mergeCell ref="CQO727:CQR727"/>
    <mergeCell ref="CQS727:CQV727"/>
    <mergeCell ref="CQW727:CQZ727"/>
    <mergeCell ref="CRA727:CRD727"/>
    <mergeCell ref="DAK727:DAN727"/>
    <mergeCell ref="DAO727:DAR727"/>
    <mergeCell ref="DAS727:DAV727"/>
    <mergeCell ref="DAW727:DAZ727"/>
    <mergeCell ref="DBA727:DBD727"/>
    <mergeCell ref="CZQ727:CZT727"/>
    <mergeCell ref="CZU727:CZX727"/>
    <mergeCell ref="CZY727:DAB727"/>
    <mergeCell ref="DAC727:DAF727"/>
    <mergeCell ref="DAG727:DAJ727"/>
    <mergeCell ref="CYW727:CYZ727"/>
    <mergeCell ref="CZA727:CZD727"/>
    <mergeCell ref="CZE727:CZH727"/>
    <mergeCell ref="CZI727:CZL727"/>
    <mergeCell ref="CZM727:CZP727"/>
    <mergeCell ref="CYC727:CYF727"/>
    <mergeCell ref="CYG727:CYJ727"/>
    <mergeCell ref="CYK727:CYN727"/>
    <mergeCell ref="CYO727:CYR727"/>
    <mergeCell ref="CYS727:CYV727"/>
    <mergeCell ref="CXI727:CXL727"/>
    <mergeCell ref="CXM727:CXP727"/>
    <mergeCell ref="CXQ727:CXT727"/>
    <mergeCell ref="CXU727:CXX727"/>
    <mergeCell ref="CXY727:CYB727"/>
    <mergeCell ref="CWO727:CWR727"/>
    <mergeCell ref="CWS727:CWV727"/>
    <mergeCell ref="CWW727:CWZ727"/>
    <mergeCell ref="CXA727:CXD727"/>
    <mergeCell ref="CXE727:CXH727"/>
    <mergeCell ref="CVU727:CVX727"/>
    <mergeCell ref="CVY727:CWB727"/>
    <mergeCell ref="CWC727:CWF727"/>
    <mergeCell ref="CWG727:CWJ727"/>
    <mergeCell ref="CWK727:CWN727"/>
    <mergeCell ref="DFU727:DFX727"/>
    <mergeCell ref="DFY727:DGB727"/>
    <mergeCell ref="DGC727:DGF727"/>
    <mergeCell ref="DGG727:DGJ727"/>
    <mergeCell ref="DGK727:DGN727"/>
    <mergeCell ref="DFA727:DFD727"/>
    <mergeCell ref="DFE727:DFH727"/>
    <mergeCell ref="DFI727:DFL727"/>
    <mergeCell ref="DFM727:DFP727"/>
    <mergeCell ref="DFQ727:DFT727"/>
    <mergeCell ref="DEG727:DEJ727"/>
    <mergeCell ref="DEK727:DEN727"/>
    <mergeCell ref="DEO727:DER727"/>
    <mergeCell ref="DES727:DEV727"/>
    <mergeCell ref="DEW727:DEZ727"/>
    <mergeCell ref="DDM727:DDP727"/>
    <mergeCell ref="DDQ727:DDT727"/>
    <mergeCell ref="DDU727:DDX727"/>
    <mergeCell ref="DDY727:DEB727"/>
    <mergeCell ref="DEC727:DEF727"/>
    <mergeCell ref="DCS727:DCV727"/>
    <mergeCell ref="DCW727:DCZ727"/>
    <mergeCell ref="DDA727:DDD727"/>
    <mergeCell ref="DDE727:DDH727"/>
    <mergeCell ref="DDI727:DDL727"/>
    <mergeCell ref="DBY727:DCB727"/>
    <mergeCell ref="DCC727:DCF727"/>
    <mergeCell ref="DCG727:DCJ727"/>
    <mergeCell ref="DCK727:DCN727"/>
    <mergeCell ref="DCO727:DCR727"/>
    <mergeCell ref="DBE727:DBH727"/>
    <mergeCell ref="DBI727:DBL727"/>
    <mergeCell ref="DBM727:DBP727"/>
    <mergeCell ref="DBQ727:DBT727"/>
    <mergeCell ref="DBU727:DBX727"/>
    <mergeCell ref="DLE727:DLH727"/>
    <mergeCell ref="DLI727:DLL727"/>
    <mergeCell ref="DLM727:DLP727"/>
    <mergeCell ref="DLQ727:DLT727"/>
    <mergeCell ref="DLU727:DLX727"/>
    <mergeCell ref="DKK727:DKN727"/>
    <mergeCell ref="DKO727:DKR727"/>
    <mergeCell ref="DKS727:DKV727"/>
    <mergeCell ref="DKW727:DKZ727"/>
    <mergeCell ref="DLA727:DLD727"/>
    <mergeCell ref="DJQ727:DJT727"/>
    <mergeCell ref="DJU727:DJX727"/>
    <mergeCell ref="DJY727:DKB727"/>
    <mergeCell ref="DKC727:DKF727"/>
    <mergeCell ref="DKG727:DKJ727"/>
    <mergeCell ref="DIW727:DIZ727"/>
    <mergeCell ref="DJA727:DJD727"/>
    <mergeCell ref="DJE727:DJH727"/>
    <mergeCell ref="DJI727:DJL727"/>
    <mergeCell ref="DJM727:DJP727"/>
    <mergeCell ref="DIC727:DIF727"/>
    <mergeCell ref="DIG727:DIJ727"/>
    <mergeCell ref="DIK727:DIN727"/>
    <mergeCell ref="DIO727:DIR727"/>
    <mergeCell ref="DIS727:DIV727"/>
    <mergeCell ref="DHI727:DHL727"/>
    <mergeCell ref="DHM727:DHP727"/>
    <mergeCell ref="DHQ727:DHT727"/>
    <mergeCell ref="DHU727:DHX727"/>
    <mergeCell ref="DHY727:DIB727"/>
    <mergeCell ref="DGO727:DGR727"/>
    <mergeCell ref="DGS727:DGV727"/>
    <mergeCell ref="DGW727:DGZ727"/>
    <mergeCell ref="DHA727:DHD727"/>
    <mergeCell ref="DHE727:DHH727"/>
    <mergeCell ref="DQO727:DQR727"/>
    <mergeCell ref="DQS727:DQV727"/>
    <mergeCell ref="DQW727:DQZ727"/>
    <mergeCell ref="DRA727:DRD727"/>
    <mergeCell ref="DRE727:DRH727"/>
    <mergeCell ref="DPU727:DPX727"/>
    <mergeCell ref="DPY727:DQB727"/>
    <mergeCell ref="DQC727:DQF727"/>
    <mergeCell ref="DQG727:DQJ727"/>
    <mergeCell ref="DQK727:DQN727"/>
    <mergeCell ref="DPA727:DPD727"/>
    <mergeCell ref="DPE727:DPH727"/>
    <mergeCell ref="DPI727:DPL727"/>
    <mergeCell ref="DPM727:DPP727"/>
    <mergeCell ref="DPQ727:DPT727"/>
    <mergeCell ref="DOG727:DOJ727"/>
    <mergeCell ref="DOK727:DON727"/>
    <mergeCell ref="DOO727:DOR727"/>
    <mergeCell ref="DOS727:DOV727"/>
    <mergeCell ref="DOW727:DOZ727"/>
    <mergeCell ref="DNM727:DNP727"/>
    <mergeCell ref="DNQ727:DNT727"/>
    <mergeCell ref="DNU727:DNX727"/>
    <mergeCell ref="DNY727:DOB727"/>
    <mergeCell ref="DOC727:DOF727"/>
    <mergeCell ref="DMS727:DMV727"/>
    <mergeCell ref="DMW727:DMZ727"/>
    <mergeCell ref="DNA727:DND727"/>
    <mergeCell ref="DNE727:DNH727"/>
    <mergeCell ref="DNI727:DNL727"/>
    <mergeCell ref="DLY727:DMB727"/>
    <mergeCell ref="DMC727:DMF727"/>
    <mergeCell ref="DMG727:DMJ727"/>
    <mergeCell ref="DMK727:DMN727"/>
    <mergeCell ref="DMO727:DMR727"/>
    <mergeCell ref="DVY727:DWB727"/>
    <mergeCell ref="DWC727:DWF727"/>
    <mergeCell ref="DWG727:DWJ727"/>
    <mergeCell ref="DWK727:DWN727"/>
    <mergeCell ref="DWO727:DWR727"/>
    <mergeCell ref="DVE727:DVH727"/>
    <mergeCell ref="DVI727:DVL727"/>
    <mergeCell ref="DVM727:DVP727"/>
    <mergeCell ref="DVQ727:DVT727"/>
    <mergeCell ref="DVU727:DVX727"/>
    <mergeCell ref="DUK727:DUN727"/>
    <mergeCell ref="DUO727:DUR727"/>
    <mergeCell ref="DUS727:DUV727"/>
    <mergeCell ref="DUW727:DUZ727"/>
    <mergeCell ref="DVA727:DVD727"/>
    <mergeCell ref="DTQ727:DTT727"/>
    <mergeCell ref="DTU727:DTX727"/>
    <mergeCell ref="DTY727:DUB727"/>
    <mergeCell ref="DUC727:DUF727"/>
    <mergeCell ref="DUG727:DUJ727"/>
    <mergeCell ref="DSW727:DSZ727"/>
    <mergeCell ref="DTA727:DTD727"/>
    <mergeCell ref="DTE727:DTH727"/>
    <mergeCell ref="DTI727:DTL727"/>
    <mergeCell ref="DTM727:DTP727"/>
    <mergeCell ref="DSC727:DSF727"/>
    <mergeCell ref="DSG727:DSJ727"/>
    <mergeCell ref="DSK727:DSN727"/>
    <mergeCell ref="DSO727:DSR727"/>
    <mergeCell ref="DSS727:DSV727"/>
    <mergeCell ref="DRI727:DRL727"/>
    <mergeCell ref="DRM727:DRP727"/>
    <mergeCell ref="DRQ727:DRT727"/>
    <mergeCell ref="DRU727:DRX727"/>
    <mergeCell ref="DRY727:DSB727"/>
    <mergeCell ref="EBI727:EBL727"/>
    <mergeCell ref="EBM727:EBP727"/>
    <mergeCell ref="EBQ727:EBT727"/>
    <mergeCell ref="EBU727:EBX727"/>
    <mergeCell ref="EBY727:ECB727"/>
    <mergeCell ref="EAO727:EAR727"/>
    <mergeCell ref="EAS727:EAV727"/>
    <mergeCell ref="EAW727:EAZ727"/>
    <mergeCell ref="EBA727:EBD727"/>
    <mergeCell ref="EBE727:EBH727"/>
    <mergeCell ref="DZU727:DZX727"/>
    <mergeCell ref="DZY727:EAB727"/>
    <mergeCell ref="EAC727:EAF727"/>
    <mergeCell ref="EAG727:EAJ727"/>
    <mergeCell ref="EAK727:EAN727"/>
    <mergeCell ref="DZA727:DZD727"/>
    <mergeCell ref="DZE727:DZH727"/>
    <mergeCell ref="DZI727:DZL727"/>
    <mergeCell ref="DZM727:DZP727"/>
    <mergeCell ref="DZQ727:DZT727"/>
    <mergeCell ref="DYG727:DYJ727"/>
    <mergeCell ref="DYK727:DYN727"/>
    <mergeCell ref="DYO727:DYR727"/>
    <mergeCell ref="DYS727:DYV727"/>
    <mergeCell ref="DYW727:DYZ727"/>
    <mergeCell ref="DXM727:DXP727"/>
    <mergeCell ref="DXQ727:DXT727"/>
    <mergeCell ref="DXU727:DXX727"/>
    <mergeCell ref="DXY727:DYB727"/>
    <mergeCell ref="DYC727:DYF727"/>
    <mergeCell ref="DWS727:DWV727"/>
    <mergeCell ref="DWW727:DWZ727"/>
    <mergeCell ref="DXA727:DXD727"/>
    <mergeCell ref="DXE727:DXH727"/>
    <mergeCell ref="DXI727:DXL727"/>
    <mergeCell ref="EGS727:EGV727"/>
    <mergeCell ref="EGW727:EGZ727"/>
    <mergeCell ref="EHA727:EHD727"/>
    <mergeCell ref="EHE727:EHH727"/>
    <mergeCell ref="EHI727:EHL727"/>
    <mergeCell ref="EFY727:EGB727"/>
    <mergeCell ref="EGC727:EGF727"/>
    <mergeCell ref="EGG727:EGJ727"/>
    <mergeCell ref="EGK727:EGN727"/>
    <mergeCell ref="EGO727:EGR727"/>
    <mergeCell ref="EFE727:EFH727"/>
    <mergeCell ref="EFI727:EFL727"/>
    <mergeCell ref="EFM727:EFP727"/>
    <mergeCell ref="EFQ727:EFT727"/>
    <mergeCell ref="EFU727:EFX727"/>
    <mergeCell ref="EEK727:EEN727"/>
    <mergeCell ref="EEO727:EER727"/>
    <mergeCell ref="EES727:EEV727"/>
    <mergeCell ref="EEW727:EEZ727"/>
    <mergeCell ref="EFA727:EFD727"/>
    <mergeCell ref="EDQ727:EDT727"/>
    <mergeCell ref="EDU727:EDX727"/>
    <mergeCell ref="EDY727:EEB727"/>
    <mergeCell ref="EEC727:EEF727"/>
    <mergeCell ref="EEG727:EEJ727"/>
    <mergeCell ref="ECW727:ECZ727"/>
    <mergeCell ref="EDA727:EDD727"/>
    <mergeCell ref="EDE727:EDH727"/>
    <mergeCell ref="EDI727:EDL727"/>
    <mergeCell ref="EDM727:EDP727"/>
    <mergeCell ref="ECC727:ECF727"/>
    <mergeCell ref="ECG727:ECJ727"/>
    <mergeCell ref="ECK727:ECN727"/>
    <mergeCell ref="ECO727:ECR727"/>
    <mergeCell ref="ECS727:ECV727"/>
    <mergeCell ref="EMC727:EMF727"/>
    <mergeCell ref="EMG727:EMJ727"/>
    <mergeCell ref="EMK727:EMN727"/>
    <mergeCell ref="EMO727:EMR727"/>
    <mergeCell ref="EMS727:EMV727"/>
    <mergeCell ref="ELI727:ELL727"/>
    <mergeCell ref="ELM727:ELP727"/>
    <mergeCell ref="ELQ727:ELT727"/>
    <mergeCell ref="ELU727:ELX727"/>
    <mergeCell ref="ELY727:EMB727"/>
    <mergeCell ref="EKO727:EKR727"/>
    <mergeCell ref="EKS727:EKV727"/>
    <mergeCell ref="EKW727:EKZ727"/>
    <mergeCell ref="ELA727:ELD727"/>
    <mergeCell ref="ELE727:ELH727"/>
    <mergeCell ref="EJU727:EJX727"/>
    <mergeCell ref="EJY727:EKB727"/>
    <mergeCell ref="EKC727:EKF727"/>
    <mergeCell ref="EKG727:EKJ727"/>
    <mergeCell ref="EKK727:EKN727"/>
    <mergeCell ref="EJA727:EJD727"/>
    <mergeCell ref="EJE727:EJH727"/>
    <mergeCell ref="EJI727:EJL727"/>
    <mergeCell ref="EJM727:EJP727"/>
    <mergeCell ref="EJQ727:EJT727"/>
    <mergeCell ref="EIG727:EIJ727"/>
    <mergeCell ref="EIK727:EIN727"/>
    <mergeCell ref="EIO727:EIR727"/>
    <mergeCell ref="EIS727:EIV727"/>
    <mergeCell ref="EIW727:EIZ727"/>
    <mergeCell ref="EHM727:EHP727"/>
    <mergeCell ref="EHQ727:EHT727"/>
    <mergeCell ref="EHU727:EHX727"/>
    <mergeCell ref="EHY727:EIB727"/>
    <mergeCell ref="EIC727:EIF727"/>
    <mergeCell ref="ERM727:ERP727"/>
    <mergeCell ref="ERQ727:ERT727"/>
    <mergeCell ref="ERU727:ERX727"/>
    <mergeCell ref="ERY727:ESB727"/>
    <mergeCell ref="ESC727:ESF727"/>
    <mergeCell ref="EQS727:EQV727"/>
    <mergeCell ref="EQW727:EQZ727"/>
    <mergeCell ref="ERA727:ERD727"/>
    <mergeCell ref="ERE727:ERH727"/>
    <mergeCell ref="ERI727:ERL727"/>
    <mergeCell ref="EPY727:EQB727"/>
    <mergeCell ref="EQC727:EQF727"/>
    <mergeCell ref="EQG727:EQJ727"/>
    <mergeCell ref="EQK727:EQN727"/>
    <mergeCell ref="EQO727:EQR727"/>
    <mergeCell ref="EPE727:EPH727"/>
    <mergeCell ref="EPI727:EPL727"/>
    <mergeCell ref="EPM727:EPP727"/>
    <mergeCell ref="EPQ727:EPT727"/>
    <mergeCell ref="EPU727:EPX727"/>
    <mergeCell ref="EOK727:EON727"/>
    <mergeCell ref="EOO727:EOR727"/>
    <mergeCell ref="EOS727:EOV727"/>
    <mergeCell ref="EOW727:EOZ727"/>
    <mergeCell ref="EPA727:EPD727"/>
    <mergeCell ref="ENQ727:ENT727"/>
    <mergeCell ref="ENU727:ENX727"/>
    <mergeCell ref="ENY727:EOB727"/>
    <mergeCell ref="EOC727:EOF727"/>
    <mergeCell ref="EOG727:EOJ727"/>
    <mergeCell ref="EMW727:EMZ727"/>
    <mergeCell ref="ENA727:END727"/>
    <mergeCell ref="ENE727:ENH727"/>
    <mergeCell ref="ENI727:ENL727"/>
    <mergeCell ref="ENM727:ENP727"/>
    <mergeCell ref="EWW727:EWZ727"/>
    <mergeCell ref="EXA727:EXD727"/>
    <mergeCell ref="EXE727:EXH727"/>
    <mergeCell ref="EXI727:EXL727"/>
    <mergeCell ref="EXM727:EXP727"/>
    <mergeCell ref="EWC727:EWF727"/>
    <mergeCell ref="EWG727:EWJ727"/>
    <mergeCell ref="EWK727:EWN727"/>
    <mergeCell ref="EWO727:EWR727"/>
    <mergeCell ref="EWS727:EWV727"/>
    <mergeCell ref="EVI727:EVL727"/>
    <mergeCell ref="EVM727:EVP727"/>
    <mergeCell ref="EVQ727:EVT727"/>
    <mergeCell ref="EVU727:EVX727"/>
    <mergeCell ref="EVY727:EWB727"/>
    <mergeCell ref="EUO727:EUR727"/>
    <mergeCell ref="EUS727:EUV727"/>
    <mergeCell ref="EUW727:EUZ727"/>
    <mergeCell ref="EVA727:EVD727"/>
    <mergeCell ref="EVE727:EVH727"/>
    <mergeCell ref="ETU727:ETX727"/>
    <mergeCell ref="ETY727:EUB727"/>
    <mergeCell ref="EUC727:EUF727"/>
    <mergeCell ref="EUG727:EUJ727"/>
    <mergeCell ref="EUK727:EUN727"/>
    <mergeCell ref="ETA727:ETD727"/>
    <mergeCell ref="ETE727:ETH727"/>
    <mergeCell ref="ETI727:ETL727"/>
    <mergeCell ref="ETM727:ETP727"/>
    <mergeCell ref="ETQ727:ETT727"/>
    <mergeCell ref="ESG727:ESJ727"/>
    <mergeCell ref="ESK727:ESN727"/>
    <mergeCell ref="ESO727:ESR727"/>
    <mergeCell ref="ESS727:ESV727"/>
    <mergeCell ref="ESW727:ESZ727"/>
    <mergeCell ref="FCG727:FCJ727"/>
    <mergeCell ref="FCK727:FCN727"/>
    <mergeCell ref="FCO727:FCR727"/>
    <mergeCell ref="FCS727:FCV727"/>
    <mergeCell ref="FCW727:FCZ727"/>
    <mergeCell ref="FBM727:FBP727"/>
    <mergeCell ref="FBQ727:FBT727"/>
    <mergeCell ref="FBU727:FBX727"/>
    <mergeCell ref="FBY727:FCB727"/>
    <mergeCell ref="FCC727:FCF727"/>
    <mergeCell ref="FAS727:FAV727"/>
    <mergeCell ref="FAW727:FAZ727"/>
    <mergeCell ref="FBA727:FBD727"/>
    <mergeCell ref="FBE727:FBH727"/>
    <mergeCell ref="FBI727:FBL727"/>
    <mergeCell ref="EZY727:FAB727"/>
    <mergeCell ref="FAC727:FAF727"/>
    <mergeCell ref="FAG727:FAJ727"/>
    <mergeCell ref="FAK727:FAN727"/>
    <mergeCell ref="FAO727:FAR727"/>
    <mergeCell ref="EZE727:EZH727"/>
    <mergeCell ref="EZI727:EZL727"/>
    <mergeCell ref="EZM727:EZP727"/>
    <mergeCell ref="EZQ727:EZT727"/>
    <mergeCell ref="EZU727:EZX727"/>
    <mergeCell ref="EYK727:EYN727"/>
    <mergeCell ref="EYO727:EYR727"/>
    <mergeCell ref="EYS727:EYV727"/>
    <mergeCell ref="EYW727:EYZ727"/>
    <mergeCell ref="EZA727:EZD727"/>
    <mergeCell ref="EXQ727:EXT727"/>
    <mergeCell ref="EXU727:EXX727"/>
    <mergeCell ref="EXY727:EYB727"/>
    <mergeCell ref="EYC727:EYF727"/>
    <mergeCell ref="EYG727:EYJ727"/>
    <mergeCell ref="FHQ727:FHT727"/>
    <mergeCell ref="FHU727:FHX727"/>
    <mergeCell ref="FHY727:FIB727"/>
    <mergeCell ref="FIC727:FIF727"/>
    <mergeCell ref="FIG727:FIJ727"/>
    <mergeCell ref="FGW727:FGZ727"/>
    <mergeCell ref="FHA727:FHD727"/>
    <mergeCell ref="FHE727:FHH727"/>
    <mergeCell ref="FHI727:FHL727"/>
    <mergeCell ref="FHM727:FHP727"/>
    <mergeCell ref="FGC727:FGF727"/>
    <mergeCell ref="FGG727:FGJ727"/>
    <mergeCell ref="FGK727:FGN727"/>
    <mergeCell ref="FGO727:FGR727"/>
    <mergeCell ref="FGS727:FGV727"/>
    <mergeCell ref="FFI727:FFL727"/>
    <mergeCell ref="FFM727:FFP727"/>
    <mergeCell ref="FFQ727:FFT727"/>
    <mergeCell ref="FFU727:FFX727"/>
    <mergeCell ref="FFY727:FGB727"/>
    <mergeCell ref="FEO727:FER727"/>
    <mergeCell ref="FES727:FEV727"/>
    <mergeCell ref="FEW727:FEZ727"/>
    <mergeCell ref="FFA727:FFD727"/>
    <mergeCell ref="FFE727:FFH727"/>
    <mergeCell ref="FDU727:FDX727"/>
    <mergeCell ref="FDY727:FEB727"/>
    <mergeCell ref="FEC727:FEF727"/>
    <mergeCell ref="FEG727:FEJ727"/>
    <mergeCell ref="FEK727:FEN727"/>
    <mergeCell ref="FDA727:FDD727"/>
    <mergeCell ref="FDE727:FDH727"/>
    <mergeCell ref="FDI727:FDL727"/>
    <mergeCell ref="FDM727:FDP727"/>
    <mergeCell ref="FDQ727:FDT727"/>
    <mergeCell ref="FNA727:FND727"/>
    <mergeCell ref="FNE727:FNH727"/>
    <mergeCell ref="FNI727:FNL727"/>
    <mergeCell ref="FNM727:FNP727"/>
    <mergeCell ref="FNQ727:FNT727"/>
    <mergeCell ref="FMG727:FMJ727"/>
    <mergeCell ref="FMK727:FMN727"/>
    <mergeCell ref="FMO727:FMR727"/>
    <mergeCell ref="FMS727:FMV727"/>
    <mergeCell ref="FMW727:FMZ727"/>
    <mergeCell ref="FLM727:FLP727"/>
    <mergeCell ref="FLQ727:FLT727"/>
    <mergeCell ref="FLU727:FLX727"/>
    <mergeCell ref="FLY727:FMB727"/>
    <mergeCell ref="FMC727:FMF727"/>
    <mergeCell ref="FKS727:FKV727"/>
    <mergeCell ref="FKW727:FKZ727"/>
    <mergeCell ref="FLA727:FLD727"/>
    <mergeCell ref="FLE727:FLH727"/>
    <mergeCell ref="FLI727:FLL727"/>
    <mergeCell ref="FJY727:FKB727"/>
    <mergeCell ref="FKC727:FKF727"/>
    <mergeCell ref="FKG727:FKJ727"/>
    <mergeCell ref="FKK727:FKN727"/>
    <mergeCell ref="FKO727:FKR727"/>
    <mergeCell ref="FJE727:FJH727"/>
    <mergeCell ref="FJI727:FJL727"/>
    <mergeCell ref="FJM727:FJP727"/>
    <mergeCell ref="FJQ727:FJT727"/>
    <mergeCell ref="FJU727:FJX727"/>
    <mergeCell ref="FIK727:FIN727"/>
    <mergeCell ref="FIO727:FIR727"/>
    <mergeCell ref="FIS727:FIV727"/>
    <mergeCell ref="FIW727:FIZ727"/>
    <mergeCell ref="FJA727:FJD727"/>
    <mergeCell ref="FSK727:FSN727"/>
    <mergeCell ref="FSO727:FSR727"/>
    <mergeCell ref="FSS727:FSV727"/>
    <mergeCell ref="FSW727:FSZ727"/>
    <mergeCell ref="FTA727:FTD727"/>
    <mergeCell ref="FRQ727:FRT727"/>
    <mergeCell ref="FRU727:FRX727"/>
    <mergeCell ref="FRY727:FSB727"/>
    <mergeCell ref="FSC727:FSF727"/>
    <mergeCell ref="FSG727:FSJ727"/>
    <mergeCell ref="FQW727:FQZ727"/>
    <mergeCell ref="FRA727:FRD727"/>
    <mergeCell ref="FRE727:FRH727"/>
    <mergeCell ref="FRI727:FRL727"/>
    <mergeCell ref="FRM727:FRP727"/>
    <mergeCell ref="FQC727:FQF727"/>
    <mergeCell ref="FQG727:FQJ727"/>
    <mergeCell ref="FQK727:FQN727"/>
    <mergeCell ref="FQO727:FQR727"/>
    <mergeCell ref="FQS727:FQV727"/>
    <mergeCell ref="FPI727:FPL727"/>
    <mergeCell ref="FPM727:FPP727"/>
    <mergeCell ref="FPQ727:FPT727"/>
    <mergeCell ref="FPU727:FPX727"/>
    <mergeCell ref="FPY727:FQB727"/>
    <mergeCell ref="FOO727:FOR727"/>
    <mergeCell ref="FOS727:FOV727"/>
    <mergeCell ref="FOW727:FOZ727"/>
    <mergeCell ref="FPA727:FPD727"/>
    <mergeCell ref="FPE727:FPH727"/>
    <mergeCell ref="FNU727:FNX727"/>
    <mergeCell ref="FNY727:FOB727"/>
    <mergeCell ref="FOC727:FOF727"/>
    <mergeCell ref="FOG727:FOJ727"/>
    <mergeCell ref="FOK727:FON727"/>
    <mergeCell ref="FXU727:FXX727"/>
    <mergeCell ref="FXY727:FYB727"/>
    <mergeCell ref="FYC727:FYF727"/>
    <mergeCell ref="FYG727:FYJ727"/>
    <mergeCell ref="FYK727:FYN727"/>
    <mergeCell ref="FXA727:FXD727"/>
    <mergeCell ref="FXE727:FXH727"/>
    <mergeCell ref="FXI727:FXL727"/>
    <mergeCell ref="FXM727:FXP727"/>
    <mergeCell ref="FXQ727:FXT727"/>
    <mergeCell ref="FWG727:FWJ727"/>
    <mergeCell ref="FWK727:FWN727"/>
    <mergeCell ref="FWO727:FWR727"/>
    <mergeCell ref="FWS727:FWV727"/>
    <mergeCell ref="FWW727:FWZ727"/>
    <mergeCell ref="FVM727:FVP727"/>
    <mergeCell ref="FVQ727:FVT727"/>
    <mergeCell ref="FVU727:FVX727"/>
    <mergeCell ref="FVY727:FWB727"/>
    <mergeCell ref="FWC727:FWF727"/>
    <mergeCell ref="FUS727:FUV727"/>
    <mergeCell ref="FUW727:FUZ727"/>
    <mergeCell ref="FVA727:FVD727"/>
    <mergeCell ref="FVE727:FVH727"/>
    <mergeCell ref="FVI727:FVL727"/>
    <mergeCell ref="FTY727:FUB727"/>
    <mergeCell ref="FUC727:FUF727"/>
    <mergeCell ref="FUG727:FUJ727"/>
    <mergeCell ref="FUK727:FUN727"/>
    <mergeCell ref="FUO727:FUR727"/>
    <mergeCell ref="FTE727:FTH727"/>
    <mergeCell ref="FTI727:FTL727"/>
    <mergeCell ref="FTM727:FTP727"/>
    <mergeCell ref="FTQ727:FTT727"/>
    <mergeCell ref="FTU727:FTX727"/>
    <mergeCell ref="GDE727:GDH727"/>
    <mergeCell ref="GDI727:GDL727"/>
    <mergeCell ref="GDM727:GDP727"/>
    <mergeCell ref="GDQ727:GDT727"/>
    <mergeCell ref="GDU727:GDX727"/>
    <mergeCell ref="GCK727:GCN727"/>
    <mergeCell ref="GCO727:GCR727"/>
    <mergeCell ref="GCS727:GCV727"/>
    <mergeCell ref="GCW727:GCZ727"/>
    <mergeCell ref="GDA727:GDD727"/>
    <mergeCell ref="GBQ727:GBT727"/>
    <mergeCell ref="GBU727:GBX727"/>
    <mergeCell ref="GBY727:GCB727"/>
    <mergeCell ref="GCC727:GCF727"/>
    <mergeCell ref="GCG727:GCJ727"/>
    <mergeCell ref="GAW727:GAZ727"/>
    <mergeCell ref="GBA727:GBD727"/>
    <mergeCell ref="GBE727:GBH727"/>
    <mergeCell ref="GBI727:GBL727"/>
    <mergeCell ref="GBM727:GBP727"/>
    <mergeCell ref="GAC727:GAF727"/>
    <mergeCell ref="GAG727:GAJ727"/>
    <mergeCell ref="GAK727:GAN727"/>
    <mergeCell ref="GAO727:GAR727"/>
    <mergeCell ref="GAS727:GAV727"/>
    <mergeCell ref="FZI727:FZL727"/>
    <mergeCell ref="FZM727:FZP727"/>
    <mergeCell ref="FZQ727:FZT727"/>
    <mergeCell ref="FZU727:FZX727"/>
    <mergeCell ref="FZY727:GAB727"/>
    <mergeCell ref="FYO727:FYR727"/>
    <mergeCell ref="FYS727:FYV727"/>
    <mergeCell ref="FYW727:FYZ727"/>
    <mergeCell ref="FZA727:FZD727"/>
    <mergeCell ref="FZE727:FZH727"/>
    <mergeCell ref="GIO727:GIR727"/>
    <mergeCell ref="GIS727:GIV727"/>
    <mergeCell ref="GIW727:GIZ727"/>
    <mergeCell ref="GJA727:GJD727"/>
    <mergeCell ref="GJE727:GJH727"/>
    <mergeCell ref="GHU727:GHX727"/>
    <mergeCell ref="GHY727:GIB727"/>
    <mergeCell ref="GIC727:GIF727"/>
    <mergeCell ref="GIG727:GIJ727"/>
    <mergeCell ref="GIK727:GIN727"/>
    <mergeCell ref="GHA727:GHD727"/>
    <mergeCell ref="GHE727:GHH727"/>
    <mergeCell ref="GHI727:GHL727"/>
    <mergeCell ref="GHM727:GHP727"/>
    <mergeCell ref="GHQ727:GHT727"/>
    <mergeCell ref="GGG727:GGJ727"/>
    <mergeCell ref="GGK727:GGN727"/>
    <mergeCell ref="GGO727:GGR727"/>
    <mergeCell ref="GGS727:GGV727"/>
    <mergeCell ref="GGW727:GGZ727"/>
    <mergeCell ref="GFM727:GFP727"/>
    <mergeCell ref="GFQ727:GFT727"/>
    <mergeCell ref="GFU727:GFX727"/>
    <mergeCell ref="GFY727:GGB727"/>
    <mergeCell ref="GGC727:GGF727"/>
    <mergeCell ref="GES727:GEV727"/>
    <mergeCell ref="GEW727:GEZ727"/>
    <mergeCell ref="GFA727:GFD727"/>
    <mergeCell ref="GFE727:GFH727"/>
    <mergeCell ref="GFI727:GFL727"/>
    <mergeCell ref="GDY727:GEB727"/>
    <mergeCell ref="GEC727:GEF727"/>
    <mergeCell ref="GEG727:GEJ727"/>
    <mergeCell ref="GEK727:GEN727"/>
    <mergeCell ref="GEO727:GER727"/>
    <mergeCell ref="GNY727:GOB727"/>
    <mergeCell ref="GOC727:GOF727"/>
    <mergeCell ref="GOG727:GOJ727"/>
    <mergeCell ref="GOK727:GON727"/>
    <mergeCell ref="GOO727:GOR727"/>
    <mergeCell ref="GNE727:GNH727"/>
    <mergeCell ref="GNI727:GNL727"/>
    <mergeCell ref="GNM727:GNP727"/>
    <mergeCell ref="GNQ727:GNT727"/>
    <mergeCell ref="GNU727:GNX727"/>
    <mergeCell ref="GMK727:GMN727"/>
    <mergeCell ref="GMO727:GMR727"/>
    <mergeCell ref="GMS727:GMV727"/>
    <mergeCell ref="GMW727:GMZ727"/>
    <mergeCell ref="GNA727:GND727"/>
    <mergeCell ref="GLQ727:GLT727"/>
    <mergeCell ref="GLU727:GLX727"/>
    <mergeCell ref="GLY727:GMB727"/>
    <mergeCell ref="GMC727:GMF727"/>
    <mergeCell ref="GMG727:GMJ727"/>
    <mergeCell ref="GKW727:GKZ727"/>
    <mergeCell ref="GLA727:GLD727"/>
    <mergeCell ref="GLE727:GLH727"/>
    <mergeCell ref="GLI727:GLL727"/>
    <mergeCell ref="GLM727:GLP727"/>
    <mergeCell ref="GKC727:GKF727"/>
    <mergeCell ref="GKG727:GKJ727"/>
    <mergeCell ref="GKK727:GKN727"/>
    <mergeCell ref="GKO727:GKR727"/>
    <mergeCell ref="GKS727:GKV727"/>
    <mergeCell ref="GJI727:GJL727"/>
    <mergeCell ref="GJM727:GJP727"/>
    <mergeCell ref="GJQ727:GJT727"/>
    <mergeCell ref="GJU727:GJX727"/>
    <mergeCell ref="GJY727:GKB727"/>
    <mergeCell ref="GTI727:GTL727"/>
    <mergeCell ref="GTM727:GTP727"/>
    <mergeCell ref="GTQ727:GTT727"/>
    <mergeCell ref="GTU727:GTX727"/>
    <mergeCell ref="GTY727:GUB727"/>
    <mergeCell ref="GSO727:GSR727"/>
    <mergeCell ref="GSS727:GSV727"/>
    <mergeCell ref="GSW727:GSZ727"/>
    <mergeCell ref="GTA727:GTD727"/>
    <mergeCell ref="GTE727:GTH727"/>
    <mergeCell ref="GRU727:GRX727"/>
    <mergeCell ref="GRY727:GSB727"/>
    <mergeCell ref="GSC727:GSF727"/>
    <mergeCell ref="GSG727:GSJ727"/>
    <mergeCell ref="GSK727:GSN727"/>
    <mergeCell ref="GRA727:GRD727"/>
    <mergeCell ref="GRE727:GRH727"/>
    <mergeCell ref="GRI727:GRL727"/>
    <mergeCell ref="GRM727:GRP727"/>
    <mergeCell ref="GRQ727:GRT727"/>
    <mergeCell ref="GQG727:GQJ727"/>
    <mergeCell ref="GQK727:GQN727"/>
    <mergeCell ref="GQO727:GQR727"/>
    <mergeCell ref="GQS727:GQV727"/>
    <mergeCell ref="GQW727:GQZ727"/>
    <mergeCell ref="GPM727:GPP727"/>
    <mergeCell ref="GPQ727:GPT727"/>
    <mergeCell ref="GPU727:GPX727"/>
    <mergeCell ref="GPY727:GQB727"/>
    <mergeCell ref="GQC727:GQF727"/>
    <mergeCell ref="GOS727:GOV727"/>
    <mergeCell ref="GOW727:GOZ727"/>
    <mergeCell ref="GPA727:GPD727"/>
    <mergeCell ref="GPE727:GPH727"/>
    <mergeCell ref="GPI727:GPL727"/>
    <mergeCell ref="GYS727:GYV727"/>
    <mergeCell ref="GYW727:GYZ727"/>
    <mergeCell ref="GZA727:GZD727"/>
    <mergeCell ref="GZE727:GZH727"/>
    <mergeCell ref="GZI727:GZL727"/>
    <mergeCell ref="GXY727:GYB727"/>
    <mergeCell ref="GYC727:GYF727"/>
    <mergeCell ref="GYG727:GYJ727"/>
    <mergeCell ref="GYK727:GYN727"/>
    <mergeCell ref="GYO727:GYR727"/>
    <mergeCell ref="GXE727:GXH727"/>
    <mergeCell ref="GXI727:GXL727"/>
    <mergeCell ref="GXM727:GXP727"/>
    <mergeCell ref="GXQ727:GXT727"/>
    <mergeCell ref="GXU727:GXX727"/>
    <mergeCell ref="GWK727:GWN727"/>
    <mergeCell ref="GWO727:GWR727"/>
    <mergeCell ref="GWS727:GWV727"/>
    <mergeCell ref="GWW727:GWZ727"/>
    <mergeCell ref="GXA727:GXD727"/>
    <mergeCell ref="GVQ727:GVT727"/>
    <mergeCell ref="GVU727:GVX727"/>
    <mergeCell ref="GVY727:GWB727"/>
    <mergeCell ref="GWC727:GWF727"/>
    <mergeCell ref="GWG727:GWJ727"/>
    <mergeCell ref="GUW727:GUZ727"/>
    <mergeCell ref="GVA727:GVD727"/>
    <mergeCell ref="GVE727:GVH727"/>
    <mergeCell ref="GVI727:GVL727"/>
    <mergeCell ref="GVM727:GVP727"/>
    <mergeCell ref="GUC727:GUF727"/>
    <mergeCell ref="GUG727:GUJ727"/>
    <mergeCell ref="GUK727:GUN727"/>
    <mergeCell ref="GUO727:GUR727"/>
    <mergeCell ref="GUS727:GUV727"/>
    <mergeCell ref="HEC727:HEF727"/>
    <mergeCell ref="HEG727:HEJ727"/>
    <mergeCell ref="HEK727:HEN727"/>
    <mergeCell ref="HEO727:HER727"/>
    <mergeCell ref="HES727:HEV727"/>
    <mergeCell ref="HDI727:HDL727"/>
    <mergeCell ref="HDM727:HDP727"/>
    <mergeCell ref="HDQ727:HDT727"/>
    <mergeCell ref="HDU727:HDX727"/>
    <mergeCell ref="HDY727:HEB727"/>
    <mergeCell ref="HCO727:HCR727"/>
    <mergeCell ref="HCS727:HCV727"/>
    <mergeCell ref="HCW727:HCZ727"/>
    <mergeCell ref="HDA727:HDD727"/>
    <mergeCell ref="HDE727:HDH727"/>
    <mergeCell ref="HBU727:HBX727"/>
    <mergeCell ref="HBY727:HCB727"/>
    <mergeCell ref="HCC727:HCF727"/>
    <mergeCell ref="HCG727:HCJ727"/>
    <mergeCell ref="HCK727:HCN727"/>
    <mergeCell ref="HBA727:HBD727"/>
    <mergeCell ref="HBE727:HBH727"/>
    <mergeCell ref="HBI727:HBL727"/>
    <mergeCell ref="HBM727:HBP727"/>
    <mergeCell ref="HBQ727:HBT727"/>
    <mergeCell ref="HAG727:HAJ727"/>
    <mergeCell ref="HAK727:HAN727"/>
    <mergeCell ref="HAO727:HAR727"/>
    <mergeCell ref="HAS727:HAV727"/>
    <mergeCell ref="HAW727:HAZ727"/>
    <mergeCell ref="GZM727:GZP727"/>
    <mergeCell ref="GZQ727:GZT727"/>
    <mergeCell ref="GZU727:GZX727"/>
    <mergeCell ref="GZY727:HAB727"/>
    <mergeCell ref="HAC727:HAF727"/>
    <mergeCell ref="HJM727:HJP727"/>
    <mergeCell ref="HJQ727:HJT727"/>
    <mergeCell ref="HJU727:HJX727"/>
    <mergeCell ref="HJY727:HKB727"/>
    <mergeCell ref="HKC727:HKF727"/>
    <mergeCell ref="HIS727:HIV727"/>
    <mergeCell ref="HIW727:HIZ727"/>
    <mergeCell ref="HJA727:HJD727"/>
    <mergeCell ref="HJE727:HJH727"/>
    <mergeCell ref="HJI727:HJL727"/>
    <mergeCell ref="HHY727:HIB727"/>
    <mergeCell ref="HIC727:HIF727"/>
    <mergeCell ref="HIG727:HIJ727"/>
    <mergeCell ref="HIK727:HIN727"/>
    <mergeCell ref="HIO727:HIR727"/>
    <mergeCell ref="HHE727:HHH727"/>
    <mergeCell ref="HHI727:HHL727"/>
    <mergeCell ref="HHM727:HHP727"/>
    <mergeCell ref="HHQ727:HHT727"/>
    <mergeCell ref="HHU727:HHX727"/>
    <mergeCell ref="HGK727:HGN727"/>
    <mergeCell ref="HGO727:HGR727"/>
    <mergeCell ref="HGS727:HGV727"/>
    <mergeCell ref="HGW727:HGZ727"/>
    <mergeCell ref="HHA727:HHD727"/>
    <mergeCell ref="HFQ727:HFT727"/>
    <mergeCell ref="HFU727:HFX727"/>
    <mergeCell ref="HFY727:HGB727"/>
    <mergeCell ref="HGC727:HGF727"/>
    <mergeCell ref="HGG727:HGJ727"/>
    <mergeCell ref="HEW727:HEZ727"/>
    <mergeCell ref="HFA727:HFD727"/>
    <mergeCell ref="HFE727:HFH727"/>
    <mergeCell ref="HFI727:HFL727"/>
    <mergeCell ref="HFM727:HFP727"/>
    <mergeCell ref="HOW727:HOZ727"/>
    <mergeCell ref="HPA727:HPD727"/>
    <mergeCell ref="HPE727:HPH727"/>
    <mergeCell ref="HPI727:HPL727"/>
    <mergeCell ref="HPM727:HPP727"/>
    <mergeCell ref="HOC727:HOF727"/>
    <mergeCell ref="HOG727:HOJ727"/>
    <mergeCell ref="HOK727:HON727"/>
    <mergeCell ref="HOO727:HOR727"/>
    <mergeCell ref="HOS727:HOV727"/>
    <mergeCell ref="HNI727:HNL727"/>
    <mergeCell ref="HNM727:HNP727"/>
    <mergeCell ref="HNQ727:HNT727"/>
    <mergeCell ref="HNU727:HNX727"/>
    <mergeCell ref="HNY727:HOB727"/>
    <mergeCell ref="HMO727:HMR727"/>
    <mergeCell ref="HMS727:HMV727"/>
    <mergeCell ref="HMW727:HMZ727"/>
    <mergeCell ref="HNA727:HND727"/>
    <mergeCell ref="HNE727:HNH727"/>
    <mergeCell ref="HLU727:HLX727"/>
    <mergeCell ref="HLY727:HMB727"/>
    <mergeCell ref="HMC727:HMF727"/>
    <mergeCell ref="HMG727:HMJ727"/>
    <mergeCell ref="HMK727:HMN727"/>
    <mergeCell ref="HLA727:HLD727"/>
    <mergeCell ref="HLE727:HLH727"/>
    <mergeCell ref="HLI727:HLL727"/>
    <mergeCell ref="HLM727:HLP727"/>
    <mergeCell ref="HLQ727:HLT727"/>
    <mergeCell ref="HKG727:HKJ727"/>
    <mergeCell ref="HKK727:HKN727"/>
    <mergeCell ref="HKO727:HKR727"/>
    <mergeCell ref="HKS727:HKV727"/>
    <mergeCell ref="HKW727:HKZ727"/>
    <mergeCell ref="HUG727:HUJ727"/>
    <mergeCell ref="HUK727:HUN727"/>
    <mergeCell ref="HUO727:HUR727"/>
    <mergeCell ref="HUS727:HUV727"/>
    <mergeCell ref="HUW727:HUZ727"/>
    <mergeCell ref="HTM727:HTP727"/>
    <mergeCell ref="HTQ727:HTT727"/>
    <mergeCell ref="HTU727:HTX727"/>
    <mergeCell ref="HTY727:HUB727"/>
    <mergeCell ref="HUC727:HUF727"/>
    <mergeCell ref="HSS727:HSV727"/>
    <mergeCell ref="HSW727:HSZ727"/>
    <mergeCell ref="HTA727:HTD727"/>
    <mergeCell ref="HTE727:HTH727"/>
    <mergeCell ref="HTI727:HTL727"/>
    <mergeCell ref="HRY727:HSB727"/>
    <mergeCell ref="HSC727:HSF727"/>
    <mergeCell ref="HSG727:HSJ727"/>
    <mergeCell ref="HSK727:HSN727"/>
    <mergeCell ref="HSO727:HSR727"/>
    <mergeCell ref="HRE727:HRH727"/>
    <mergeCell ref="HRI727:HRL727"/>
    <mergeCell ref="HRM727:HRP727"/>
    <mergeCell ref="HRQ727:HRT727"/>
    <mergeCell ref="HRU727:HRX727"/>
    <mergeCell ref="HQK727:HQN727"/>
    <mergeCell ref="HQO727:HQR727"/>
    <mergeCell ref="HQS727:HQV727"/>
    <mergeCell ref="HQW727:HQZ727"/>
    <mergeCell ref="HRA727:HRD727"/>
    <mergeCell ref="HPQ727:HPT727"/>
    <mergeCell ref="HPU727:HPX727"/>
    <mergeCell ref="HPY727:HQB727"/>
    <mergeCell ref="HQC727:HQF727"/>
    <mergeCell ref="HQG727:HQJ727"/>
    <mergeCell ref="HZQ727:HZT727"/>
    <mergeCell ref="HZU727:HZX727"/>
    <mergeCell ref="HZY727:IAB727"/>
    <mergeCell ref="IAC727:IAF727"/>
    <mergeCell ref="IAG727:IAJ727"/>
    <mergeCell ref="HYW727:HYZ727"/>
    <mergeCell ref="HZA727:HZD727"/>
    <mergeCell ref="HZE727:HZH727"/>
    <mergeCell ref="HZI727:HZL727"/>
    <mergeCell ref="HZM727:HZP727"/>
    <mergeCell ref="HYC727:HYF727"/>
    <mergeCell ref="HYG727:HYJ727"/>
    <mergeCell ref="HYK727:HYN727"/>
    <mergeCell ref="HYO727:HYR727"/>
    <mergeCell ref="HYS727:HYV727"/>
    <mergeCell ref="HXI727:HXL727"/>
    <mergeCell ref="HXM727:HXP727"/>
    <mergeCell ref="HXQ727:HXT727"/>
    <mergeCell ref="HXU727:HXX727"/>
    <mergeCell ref="HXY727:HYB727"/>
    <mergeCell ref="HWO727:HWR727"/>
    <mergeCell ref="HWS727:HWV727"/>
    <mergeCell ref="HWW727:HWZ727"/>
    <mergeCell ref="HXA727:HXD727"/>
    <mergeCell ref="HXE727:HXH727"/>
    <mergeCell ref="HVU727:HVX727"/>
    <mergeCell ref="HVY727:HWB727"/>
    <mergeCell ref="HWC727:HWF727"/>
    <mergeCell ref="HWG727:HWJ727"/>
    <mergeCell ref="HWK727:HWN727"/>
    <mergeCell ref="HVA727:HVD727"/>
    <mergeCell ref="HVE727:HVH727"/>
    <mergeCell ref="HVI727:HVL727"/>
    <mergeCell ref="HVM727:HVP727"/>
    <mergeCell ref="HVQ727:HVT727"/>
    <mergeCell ref="IFA727:IFD727"/>
    <mergeCell ref="IFE727:IFH727"/>
    <mergeCell ref="IFI727:IFL727"/>
    <mergeCell ref="IFM727:IFP727"/>
    <mergeCell ref="IFQ727:IFT727"/>
    <mergeCell ref="IEG727:IEJ727"/>
    <mergeCell ref="IEK727:IEN727"/>
    <mergeCell ref="IEO727:IER727"/>
    <mergeCell ref="IES727:IEV727"/>
    <mergeCell ref="IEW727:IEZ727"/>
    <mergeCell ref="IDM727:IDP727"/>
    <mergeCell ref="IDQ727:IDT727"/>
    <mergeCell ref="IDU727:IDX727"/>
    <mergeCell ref="IDY727:IEB727"/>
    <mergeCell ref="IEC727:IEF727"/>
    <mergeCell ref="ICS727:ICV727"/>
    <mergeCell ref="ICW727:ICZ727"/>
    <mergeCell ref="IDA727:IDD727"/>
    <mergeCell ref="IDE727:IDH727"/>
    <mergeCell ref="IDI727:IDL727"/>
    <mergeCell ref="IBY727:ICB727"/>
    <mergeCell ref="ICC727:ICF727"/>
    <mergeCell ref="ICG727:ICJ727"/>
    <mergeCell ref="ICK727:ICN727"/>
    <mergeCell ref="ICO727:ICR727"/>
    <mergeCell ref="IBE727:IBH727"/>
    <mergeCell ref="IBI727:IBL727"/>
    <mergeCell ref="IBM727:IBP727"/>
    <mergeCell ref="IBQ727:IBT727"/>
    <mergeCell ref="IBU727:IBX727"/>
    <mergeCell ref="IAK727:IAN727"/>
    <mergeCell ref="IAO727:IAR727"/>
    <mergeCell ref="IAS727:IAV727"/>
    <mergeCell ref="IAW727:IAZ727"/>
    <mergeCell ref="IBA727:IBD727"/>
    <mergeCell ref="IKK727:IKN727"/>
    <mergeCell ref="IKO727:IKR727"/>
    <mergeCell ref="IKS727:IKV727"/>
    <mergeCell ref="IKW727:IKZ727"/>
    <mergeCell ref="ILA727:ILD727"/>
    <mergeCell ref="IJQ727:IJT727"/>
    <mergeCell ref="IJU727:IJX727"/>
    <mergeCell ref="IJY727:IKB727"/>
    <mergeCell ref="IKC727:IKF727"/>
    <mergeCell ref="IKG727:IKJ727"/>
    <mergeCell ref="IIW727:IIZ727"/>
    <mergeCell ref="IJA727:IJD727"/>
    <mergeCell ref="IJE727:IJH727"/>
    <mergeCell ref="IJI727:IJL727"/>
    <mergeCell ref="IJM727:IJP727"/>
    <mergeCell ref="IIC727:IIF727"/>
    <mergeCell ref="IIG727:IIJ727"/>
    <mergeCell ref="IIK727:IIN727"/>
    <mergeCell ref="IIO727:IIR727"/>
    <mergeCell ref="IIS727:IIV727"/>
    <mergeCell ref="IHI727:IHL727"/>
    <mergeCell ref="IHM727:IHP727"/>
    <mergeCell ref="IHQ727:IHT727"/>
    <mergeCell ref="IHU727:IHX727"/>
    <mergeCell ref="IHY727:IIB727"/>
    <mergeCell ref="IGO727:IGR727"/>
    <mergeCell ref="IGS727:IGV727"/>
    <mergeCell ref="IGW727:IGZ727"/>
    <mergeCell ref="IHA727:IHD727"/>
    <mergeCell ref="IHE727:IHH727"/>
    <mergeCell ref="IFU727:IFX727"/>
    <mergeCell ref="IFY727:IGB727"/>
    <mergeCell ref="IGC727:IGF727"/>
    <mergeCell ref="IGG727:IGJ727"/>
    <mergeCell ref="IGK727:IGN727"/>
    <mergeCell ref="IPU727:IPX727"/>
    <mergeCell ref="IPY727:IQB727"/>
    <mergeCell ref="IQC727:IQF727"/>
    <mergeCell ref="IQG727:IQJ727"/>
    <mergeCell ref="IQK727:IQN727"/>
    <mergeCell ref="IPA727:IPD727"/>
    <mergeCell ref="IPE727:IPH727"/>
    <mergeCell ref="IPI727:IPL727"/>
    <mergeCell ref="IPM727:IPP727"/>
    <mergeCell ref="IPQ727:IPT727"/>
    <mergeCell ref="IOG727:IOJ727"/>
    <mergeCell ref="IOK727:ION727"/>
    <mergeCell ref="IOO727:IOR727"/>
    <mergeCell ref="IOS727:IOV727"/>
    <mergeCell ref="IOW727:IOZ727"/>
    <mergeCell ref="INM727:INP727"/>
    <mergeCell ref="INQ727:INT727"/>
    <mergeCell ref="INU727:INX727"/>
    <mergeCell ref="INY727:IOB727"/>
    <mergeCell ref="IOC727:IOF727"/>
    <mergeCell ref="IMS727:IMV727"/>
    <mergeCell ref="IMW727:IMZ727"/>
    <mergeCell ref="INA727:IND727"/>
    <mergeCell ref="INE727:INH727"/>
    <mergeCell ref="INI727:INL727"/>
    <mergeCell ref="ILY727:IMB727"/>
    <mergeCell ref="IMC727:IMF727"/>
    <mergeCell ref="IMG727:IMJ727"/>
    <mergeCell ref="IMK727:IMN727"/>
    <mergeCell ref="IMO727:IMR727"/>
    <mergeCell ref="ILE727:ILH727"/>
    <mergeCell ref="ILI727:ILL727"/>
    <mergeCell ref="ILM727:ILP727"/>
    <mergeCell ref="ILQ727:ILT727"/>
    <mergeCell ref="ILU727:ILX727"/>
    <mergeCell ref="IVE727:IVH727"/>
    <mergeCell ref="IVI727:IVL727"/>
    <mergeCell ref="IVM727:IVP727"/>
    <mergeCell ref="IVQ727:IVT727"/>
    <mergeCell ref="IVU727:IVX727"/>
    <mergeCell ref="IUK727:IUN727"/>
    <mergeCell ref="IUO727:IUR727"/>
    <mergeCell ref="IUS727:IUV727"/>
    <mergeCell ref="IUW727:IUZ727"/>
    <mergeCell ref="IVA727:IVD727"/>
    <mergeCell ref="ITQ727:ITT727"/>
    <mergeCell ref="ITU727:ITX727"/>
    <mergeCell ref="ITY727:IUB727"/>
    <mergeCell ref="IUC727:IUF727"/>
    <mergeCell ref="IUG727:IUJ727"/>
    <mergeCell ref="ISW727:ISZ727"/>
    <mergeCell ref="ITA727:ITD727"/>
    <mergeCell ref="ITE727:ITH727"/>
    <mergeCell ref="ITI727:ITL727"/>
    <mergeCell ref="ITM727:ITP727"/>
    <mergeCell ref="ISC727:ISF727"/>
    <mergeCell ref="ISG727:ISJ727"/>
    <mergeCell ref="ISK727:ISN727"/>
    <mergeCell ref="ISO727:ISR727"/>
    <mergeCell ref="ISS727:ISV727"/>
    <mergeCell ref="IRI727:IRL727"/>
    <mergeCell ref="IRM727:IRP727"/>
    <mergeCell ref="IRQ727:IRT727"/>
    <mergeCell ref="IRU727:IRX727"/>
    <mergeCell ref="IRY727:ISB727"/>
    <mergeCell ref="IQO727:IQR727"/>
    <mergeCell ref="IQS727:IQV727"/>
    <mergeCell ref="IQW727:IQZ727"/>
    <mergeCell ref="IRA727:IRD727"/>
    <mergeCell ref="IRE727:IRH727"/>
    <mergeCell ref="JAO727:JAR727"/>
    <mergeCell ref="JAS727:JAV727"/>
    <mergeCell ref="JAW727:JAZ727"/>
    <mergeCell ref="JBA727:JBD727"/>
    <mergeCell ref="JBE727:JBH727"/>
    <mergeCell ref="IZU727:IZX727"/>
    <mergeCell ref="IZY727:JAB727"/>
    <mergeCell ref="JAC727:JAF727"/>
    <mergeCell ref="JAG727:JAJ727"/>
    <mergeCell ref="JAK727:JAN727"/>
    <mergeCell ref="IZA727:IZD727"/>
    <mergeCell ref="IZE727:IZH727"/>
    <mergeCell ref="IZI727:IZL727"/>
    <mergeCell ref="IZM727:IZP727"/>
    <mergeCell ref="IZQ727:IZT727"/>
    <mergeCell ref="IYG727:IYJ727"/>
    <mergeCell ref="IYK727:IYN727"/>
    <mergeCell ref="IYO727:IYR727"/>
    <mergeCell ref="IYS727:IYV727"/>
    <mergeCell ref="IYW727:IYZ727"/>
    <mergeCell ref="IXM727:IXP727"/>
    <mergeCell ref="IXQ727:IXT727"/>
    <mergeCell ref="IXU727:IXX727"/>
    <mergeCell ref="IXY727:IYB727"/>
    <mergeCell ref="IYC727:IYF727"/>
    <mergeCell ref="IWS727:IWV727"/>
    <mergeCell ref="IWW727:IWZ727"/>
    <mergeCell ref="IXA727:IXD727"/>
    <mergeCell ref="IXE727:IXH727"/>
    <mergeCell ref="IXI727:IXL727"/>
    <mergeCell ref="IVY727:IWB727"/>
    <mergeCell ref="IWC727:IWF727"/>
    <mergeCell ref="IWG727:IWJ727"/>
    <mergeCell ref="IWK727:IWN727"/>
    <mergeCell ref="IWO727:IWR727"/>
    <mergeCell ref="JFY727:JGB727"/>
    <mergeCell ref="JGC727:JGF727"/>
    <mergeCell ref="JGG727:JGJ727"/>
    <mergeCell ref="JGK727:JGN727"/>
    <mergeCell ref="JGO727:JGR727"/>
    <mergeCell ref="JFE727:JFH727"/>
    <mergeCell ref="JFI727:JFL727"/>
    <mergeCell ref="JFM727:JFP727"/>
    <mergeCell ref="JFQ727:JFT727"/>
    <mergeCell ref="JFU727:JFX727"/>
    <mergeCell ref="JEK727:JEN727"/>
    <mergeCell ref="JEO727:JER727"/>
    <mergeCell ref="JES727:JEV727"/>
    <mergeCell ref="JEW727:JEZ727"/>
    <mergeCell ref="JFA727:JFD727"/>
    <mergeCell ref="JDQ727:JDT727"/>
    <mergeCell ref="JDU727:JDX727"/>
    <mergeCell ref="JDY727:JEB727"/>
    <mergeCell ref="JEC727:JEF727"/>
    <mergeCell ref="JEG727:JEJ727"/>
    <mergeCell ref="JCW727:JCZ727"/>
    <mergeCell ref="JDA727:JDD727"/>
    <mergeCell ref="JDE727:JDH727"/>
    <mergeCell ref="JDI727:JDL727"/>
    <mergeCell ref="JDM727:JDP727"/>
    <mergeCell ref="JCC727:JCF727"/>
    <mergeCell ref="JCG727:JCJ727"/>
    <mergeCell ref="JCK727:JCN727"/>
    <mergeCell ref="JCO727:JCR727"/>
    <mergeCell ref="JCS727:JCV727"/>
    <mergeCell ref="JBI727:JBL727"/>
    <mergeCell ref="JBM727:JBP727"/>
    <mergeCell ref="JBQ727:JBT727"/>
    <mergeCell ref="JBU727:JBX727"/>
    <mergeCell ref="JBY727:JCB727"/>
    <mergeCell ref="JLI727:JLL727"/>
    <mergeCell ref="JLM727:JLP727"/>
    <mergeCell ref="JLQ727:JLT727"/>
    <mergeCell ref="JLU727:JLX727"/>
    <mergeCell ref="JLY727:JMB727"/>
    <mergeCell ref="JKO727:JKR727"/>
    <mergeCell ref="JKS727:JKV727"/>
    <mergeCell ref="JKW727:JKZ727"/>
    <mergeCell ref="JLA727:JLD727"/>
    <mergeCell ref="JLE727:JLH727"/>
    <mergeCell ref="JJU727:JJX727"/>
    <mergeCell ref="JJY727:JKB727"/>
    <mergeCell ref="JKC727:JKF727"/>
    <mergeCell ref="JKG727:JKJ727"/>
    <mergeCell ref="JKK727:JKN727"/>
    <mergeCell ref="JJA727:JJD727"/>
    <mergeCell ref="JJE727:JJH727"/>
    <mergeCell ref="JJI727:JJL727"/>
    <mergeCell ref="JJM727:JJP727"/>
    <mergeCell ref="JJQ727:JJT727"/>
    <mergeCell ref="JIG727:JIJ727"/>
    <mergeCell ref="JIK727:JIN727"/>
    <mergeCell ref="JIO727:JIR727"/>
    <mergeCell ref="JIS727:JIV727"/>
    <mergeCell ref="JIW727:JIZ727"/>
    <mergeCell ref="JHM727:JHP727"/>
    <mergeCell ref="JHQ727:JHT727"/>
    <mergeCell ref="JHU727:JHX727"/>
    <mergeCell ref="JHY727:JIB727"/>
    <mergeCell ref="JIC727:JIF727"/>
    <mergeCell ref="JGS727:JGV727"/>
    <mergeCell ref="JGW727:JGZ727"/>
    <mergeCell ref="JHA727:JHD727"/>
    <mergeCell ref="JHE727:JHH727"/>
    <mergeCell ref="JHI727:JHL727"/>
    <mergeCell ref="JQS727:JQV727"/>
    <mergeCell ref="JQW727:JQZ727"/>
    <mergeCell ref="JRA727:JRD727"/>
    <mergeCell ref="JRE727:JRH727"/>
    <mergeCell ref="JRI727:JRL727"/>
    <mergeCell ref="JPY727:JQB727"/>
    <mergeCell ref="JQC727:JQF727"/>
    <mergeCell ref="JQG727:JQJ727"/>
    <mergeCell ref="JQK727:JQN727"/>
    <mergeCell ref="JQO727:JQR727"/>
    <mergeCell ref="JPE727:JPH727"/>
    <mergeCell ref="JPI727:JPL727"/>
    <mergeCell ref="JPM727:JPP727"/>
    <mergeCell ref="JPQ727:JPT727"/>
    <mergeCell ref="JPU727:JPX727"/>
    <mergeCell ref="JOK727:JON727"/>
    <mergeCell ref="JOO727:JOR727"/>
    <mergeCell ref="JOS727:JOV727"/>
    <mergeCell ref="JOW727:JOZ727"/>
    <mergeCell ref="JPA727:JPD727"/>
    <mergeCell ref="JNQ727:JNT727"/>
    <mergeCell ref="JNU727:JNX727"/>
    <mergeCell ref="JNY727:JOB727"/>
    <mergeCell ref="JOC727:JOF727"/>
    <mergeCell ref="JOG727:JOJ727"/>
    <mergeCell ref="JMW727:JMZ727"/>
    <mergeCell ref="JNA727:JND727"/>
    <mergeCell ref="JNE727:JNH727"/>
    <mergeCell ref="JNI727:JNL727"/>
    <mergeCell ref="JNM727:JNP727"/>
    <mergeCell ref="JMC727:JMF727"/>
    <mergeCell ref="JMG727:JMJ727"/>
    <mergeCell ref="JMK727:JMN727"/>
    <mergeCell ref="JMO727:JMR727"/>
    <mergeCell ref="JMS727:JMV727"/>
    <mergeCell ref="JWC727:JWF727"/>
    <mergeCell ref="JWG727:JWJ727"/>
    <mergeCell ref="JWK727:JWN727"/>
    <mergeCell ref="JWO727:JWR727"/>
    <mergeCell ref="JWS727:JWV727"/>
    <mergeCell ref="JVI727:JVL727"/>
    <mergeCell ref="JVM727:JVP727"/>
    <mergeCell ref="JVQ727:JVT727"/>
    <mergeCell ref="JVU727:JVX727"/>
    <mergeCell ref="JVY727:JWB727"/>
    <mergeCell ref="JUO727:JUR727"/>
    <mergeCell ref="JUS727:JUV727"/>
    <mergeCell ref="JUW727:JUZ727"/>
    <mergeCell ref="JVA727:JVD727"/>
    <mergeCell ref="JVE727:JVH727"/>
    <mergeCell ref="JTU727:JTX727"/>
    <mergeCell ref="JTY727:JUB727"/>
    <mergeCell ref="JUC727:JUF727"/>
    <mergeCell ref="JUG727:JUJ727"/>
    <mergeCell ref="JUK727:JUN727"/>
    <mergeCell ref="JTA727:JTD727"/>
    <mergeCell ref="JTE727:JTH727"/>
    <mergeCell ref="JTI727:JTL727"/>
    <mergeCell ref="JTM727:JTP727"/>
    <mergeCell ref="JTQ727:JTT727"/>
    <mergeCell ref="JSG727:JSJ727"/>
    <mergeCell ref="JSK727:JSN727"/>
    <mergeCell ref="JSO727:JSR727"/>
    <mergeCell ref="JSS727:JSV727"/>
    <mergeCell ref="JSW727:JSZ727"/>
    <mergeCell ref="JRM727:JRP727"/>
    <mergeCell ref="JRQ727:JRT727"/>
    <mergeCell ref="JRU727:JRX727"/>
    <mergeCell ref="JRY727:JSB727"/>
    <mergeCell ref="JSC727:JSF727"/>
    <mergeCell ref="KBM727:KBP727"/>
    <mergeCell ref="KBQ727:KBT727"/>
    <mergeCell ref="KBU727:KBX727"/>
    <mergeCell ref="KBY727:KCB727"/>
    <mergeCell ref="KCC727:KCF727"/>
    <mergeCell ref="KAS727:KAV727"/>
    <mergeCell ref="KAW727:KAZ727"/>
    <mergeCell ref="KBA727:KBD727"/>
    <mergeCell ref="KBE727:KBH727"/>
    <mergeCell ref="KBI727:KBL727"/>
    <mergeCell ref="JZY727:KAB727"/>
    <mergeCell ref="KAC727:KAF727"/>
    <mergeCell ref="KAG727:KAJ727"/>
    <mergeCell ref="KAK727:KAN727"/>
    <mergeCell ref="KAO727:KAR727"/>
    <mergeCell ref="JZE727:JZH727"/>
    <mergeCell ref="JZI727:JZL727"/>
    <mergeCell ref="JZM727:JZP727"/>
    <mergeCell ref="JZQ727:JZT727"/>
    <mergeCell ref="JZU727:JZX727"/>
    <mergeCell ref="JYK727:JYN727"/>
    <mergeCell ref="JYO727:JYR727"/>
    <mergeCell ref="JYS727:JYV727"/>
    <mergeCell ref="JYW727:JYZ727"/>
    <mergeCell ref="JZA727:JZD727"/>
    <mergeCell ref="JXQ727:JXT727"/>
    <mergeCell ref="JXU727:JXX727"/>
    <mergeCell ref="JXY727:JYB727"/>
    <mergeCell ref="JYC727:JYF727"/>
    <mergeCell ref="JYG727:JYJ727"/>
    <mergeCell ref="JWW727:JWZ727"/>
    <mergeCell ref="JXA727:JXD727"/>
    <mergeCell ref="JXE727:JXH727"/>
    <mergeCell ref="JXI727:JXL727"/>
    <mergeCell ref="JXM727:JXP727"/>
    <mergeCell ref="KGW727:KGZ727"/>
    <mergeCell ref="KHA727:KHD727"/>
    <mergeCell ref="KHE727:KHH727"/>
    <mergeCell ref="KHI727:KHL727"/>
    <mergeCell ref="KHM727:KHP727"/>
    <mergeCell ref="KGC727:KGF727"/>
    <mergeCell ref="KGG727:KGJ727"/>
    <mergeCell ref="KGK727:KGN727"/>
    <mergeCell ref="KGO727:KGR727"/>
    <mergeCell ref="KGS727:KGV727"/>
    <mergeCell ref="KFI727:KFL727"/>
    <mergeCell ref="KFM727:KFP727"/>
    <mergeCell ref="KFQ727:KFT727"/>
    <mergeCell ref="KFU727:KFX727"/>
    <mergeCell ref="KFY727:KGB727"/>
    <mergeCell ref="KEO727:KER727"/>
    <mergeCell ref="KES727:KEV727"/>
    <mergeCell ref="KEW727:KEZ727"/>
    <mergeCell ref="KFA727:KFD727"/>
    <mergeCell ref="KFE727:KFH727"/>
    <mergeCell ref="KDU727:KDX727"/>
    <mergeCell ref="KDY727:KEB727"/>
    <mergeCell ref="KEC727:KEF727"/>
    <mergeCell ref="KEG727:KEJ727"/>
    <mergeCell ref="KEK727:KEN727"/>
    <mergeCell ref="KDA727:KDD727"/>
    <mergeCell ref="KDE727:KDH727"/>
    <mergeCell ref="KDI727:KDL727"/>
    <mergeCell ref="KDM727:KDP727"/>
    <mergeCell ref="KDQ727:KDT727"/>
    <mergeCell ref="KCG727:KCJ727"/>
    <mergeCell ref="KCK727:KCN727"/>
    <mergeCell ref="KCO727:KCR727"/>
    <mergeCell ref="KCS727:KCV727"/>
    <mergeCell ref="KCW727:KCZ727"/>
    <mergeCell ref="KMG727:KMJ727"/>
    <mergeCell ref="KMK727:KMN727"/>
    <mergeCell ref="KMO727:KMR727"/>
    <mergeCell ref="KMS727:KMV727"/>
    <mergeCell ref="KMW727:KMZ727"/>
    <mergeCell ref="KLM727:KLP727"/>
    <mergeCell ref="KLQ727:KLT727"/>
    <mergeCell ref="KLU727:KLX727"/>
    <mergeCell ref="KLY727:KMB727"/>
    <mergeCell ref="KMC727:KMF727"/>
    <mergeCell ref="KKS727:KKV727"/>
    <mergeCell ref="KKW727:KKZ727"/>
    <mergeCell ref="KLA727:KLD727"/>
    <mergeCell ref="KLE727:KLH727"/>
    <mergeCell ref="KLI727:KLL727"/>
    <mergeCell ref="KJY727:KKB727"/>
    <mergeCell ref="KKC727:KKF727"/>
    <mergeCell ref="KKG727:KKJ727"/>
    <mergeCell ref="KKK727:KKN727"/>
    <mergeCell ref="KKO727:KKR727"/>
    <mergeCell ref="KJE727:KJH727"/>
    <mergeCell ref="KJI727:KJL727"/>
    <mergeCell ref="KJM727:KJP727"/>
    <mergeCell ref="KJQ727:KJT727"/>
    <mergeCell ref="KJU727:KJX727"/>
    <mergeCell ref="KIK727:KIN727"/>
    <mergeCell ref="KIO727:KIR727"/>
    <mergeCell ref="KIS727:KIV727"/>
    <mergeCell ref="KIW727:KIZ727"/>
    <mergeCell ref="KJA727:KJD727"/>
    <mergeCell ref="KHQ727:KHT727"/>
    <mergeCell ref="KHU727:KHX727"/>
    <mergeCell ref="KHY727:KIB727"/>
    <mergeCell ref="KIC727:KIF727"/>
    <mergeCell ref="KIG727:KIJ727"/>
    <mergeCell ref="KRQ727:KRT727"/>
    <mergeCell ref="KRU727:KRX727"/>
    <mergeCell ref="KRY727:KSB727"/>
    <mergeCell ref="KSC727:KSF727"/>
    <mergeCell ref="KSG727:KSJ727"/>
    <mergeCell ref="KQW727:KQZ727"/>
    <mergeCell ref="KRA727:KRD727"/>
    <mergeCell ref="KRE727:KRH727"/>
    <mergeCell ref="KRI727:KRL727"/>
    <mergeCell ref="KRM727:KRP727"/>
    <mergeCell ref="KQC727:KQF727"/>
    <mergeCell ref="KQG727:KQJ727"/>
    <mergeCell ref="KQK727:KQN727"/>
    <mergeCell ref="KQO727:KQR727"/>
    <mergeCell ref="KQS727:KQV727"/>
    <mergeCell ref="KPI727:KPL727"/>
    <mergeCell ref="KPM727:KPP727"/>
    <mergeCell ref="KPQ727:KPT727"/>
    <mergeCell ref="KPU727:KPX727"/>
    <mergeCell ref="KPY727:KQB727"/>
    <mergeCell ref="KOO727:KOR727"/>
    <mergeCell ref="KOS727:KOV727"/>
    <mergeCell ref="KOW727:KOZ727"/>
    <mergeCell ref="KPA727:KPD727"/>
    <mergeCell ref="KPE727:KPH727"/>
    <mergeCell ref="KNU727:KNX727"/>
    <mergeCell ref="KNY727:KOB727"/>
    <mergeCell ref="KOC727:KOF727"/>
    <mergeCell ref="KOG727:KOJ727"/>
    <mergeCell ref="KOK727:KON727"/>
    <mergeCell ref="KNA727:KND727"/>
    <mergeCell ref="KNE727:KNH727"/>
    <mergeCell ref="KNI727:KNL727"/>
    <mergeCell ref="KNM727:KNP727"/>
    <mergeCell ref="KNQ727:KNT727"/>
    <mergeCell ref="KXA727:KXD727"/>
    <mergeCell ref="KXE727:KXH727"/>
    <mergeCell ref="KXI727:KXL727"/>
    <mergeCell ref="KXM727:KXP727"/>
    <mergeCell ref="KXQ727:KXT727"/>
    <mergeCell ref="KWG727:KWJ727"/>
    <mergeCell ref="KWK727:KWN727"/>
    <mergeCell ref="KWO727:KWR727"/>
    <mergeCell ref="KWS727:KWV727"/>
    <mergeCell ref="KWW727:KWZ727"/>
    <mergeCell ref="KVM727:KVP727"/>
    <mergeCell ref="KVQ727:KVT727"/>
    <mergeCell ref="KVU727:KVX727"/>
    <mergeCell ref="KVY727:KWB727"/>
    <mergeCell ref="KWC727:KWF727"/>
    <mergeCell ref="KUS727:KUV727"/>
    <mergeCell ref="KUW727:KUZ727"/>
    <mergeCell ref="KVA727:KVD727"/>
    <mergeCell ref="KVE727:KVH727"/>
    <mergeCell ref="KVI727:KVL727"/>
    <mergeCell ref="KTY727:KUB727"/>
    <mergeCell ref="KUC727:KUF727"/>
    <mergeCell ref="KUG727:KUJ727"/>
    <mergeCell ref="KUK727:KUN727"/>
    <mergeCell ref="KUO727:KUR727"/>
    <mergeCell ref="KTE727:KTH727"/>
    <mergeCell ref="KTI727:KTL727"/>
    <mergeCell ref="KTM727:KTP727"/>
    <mergeCell ref="KTQ727:KTT727"/>
    <mergeCell ref="KTU727:KTX727"/>
    <mergeCell ref="KSK727:KSN727"/>
    <mergeCell ref="KSO727:KSR727"/>
    <mergeCell ref="KSS727:KSV727"/>
    <mergeCell ref="KSW727:KSZ727"/>
    <mergeCell ref="KTA727:KTD727"/>
    <mergeCell ref="LCK727:LCN727"/>
    <mergeCell ref="LCO727:LCR727"/>
    <mergeCell ref="LCS727:LCV727"/>
    <mergeCell ref="LCW727:LCZ727"/>
    <mergeCell ref="LDA727:LDD727"/>
    <mergeCell ref="LBQ727:LBT727"/>
    <mergeCell ref="LBU727:LBX727"/>
    <mergeCell ref="LBY727:LCB727"/>
    <mergeCell ref="LCC727:LCF727"/>
    <mergeCell ref="LCG727:LCJ727"/>
    <mergeCell ref="LAW727:LAZ727"/>
    <mergeCell ref="LBA727:LBD727"/>
    <mergeCell ref="LBE727:LBH727"/>
    <mergeCell ref="LBI727:LBL727"/>
    <mergeCell ref="LBM727:LBP727"/>
    <mergeCell ref="LAC727:LAF727"/>
    <mergeCell ref="LAG727:LAJ727"/>
    <mergeCell ref="LAK727:LAN727"/>
    <mergeCell ref="LAO727:LAR727"/>
    <mergeCell ref="LAS727:LAV727"/>
    <mergeCell ref="KZI727:KZL727"/>
    <mergeCell ref="KZM727:KZP727"/>
    <mergeCell ref="KZQ727:KZT727"/>
    <mergeCell ref="KZU727:KZX727"/>
    <mergeCell ref="KZY727:LAB727"/>
    <mergeCell ref="KYO727:KYR727"/>
    <mergeCell ref="KYS727:KYV727"/>
    <mergeCell ref="KYW727:KYZ727"/>
    <mergeCell ref="KZA727:KZD727"/>
    <mergeCell ref="KZE727:KZH727"/>
    <mergeCell ref="KXU727:KXX727"/>
    <mergeCell ref="KXY727:KYB727"/>
    <mergeCell ref="KYC727:KYF727"/>
    <mergeCell ref="KYG727:KYJ727"/>
    <mergeCell ref="KYK727:KYN727"/>
    <mergeCell ref="LHU727:LHX727"/>
    <mergeCell ref="LHY727:LIB727"/>
    <mergeCell ref="LIC727:LIF727"/>
    <mergeCell ref="LIG727:LIJ727"/>
    <mergeCell ref="LIK727:LIN727"/>
    <mergeCell ref="LHA727:LHD727"/>
    <mergeCell ref="LHE727:LHH727"/>
    <mergeCell ref="LHI727:LHL727"/>
    <mergeCell ref="LHM727:LHP727"/>
    <mergeCell ref="LHQ727:LHT727"/>
    <mergeCell ref="LGG727:LGJ727"/>
    <mergeCell ref="LGK727:LGN727"/>
    <mergeCell ref="LGO727:LGR727"/>
    <mergeCell ref="LGS727:LGV727"/>
    <mergeCell ref="LGW727:LGZ727"/>
    <mergeCell ref="LFM727:LFP727"/>
    <mergeCell ref="LFQ727:LFT727"/>
    <mergeCell ref="LFU727:LFX727"/>
    <mergeCell ref="LFY727:LGB727"/>
    <mergeCell ref="LGC727:LGF727"/>
    <mergeCell ref="LES727:LEV727"/>
    <mergeCell ref="LEW727:LEZ727"/>
    <mergeCell ref="LFA727:LFD727"/>
    <mergeCell ref="LFE727:LFH727"/>
    <mergeCell ref="LFI727:LFL727"/>
    <mergeCell ref="LDY727:LEB727"/>
    <mergeCell ref="LEC727:LEF727"/>
    <mergeCell ref="LEG727:LEJ727"/>
    <mergeCell ref="LEK727:LEN727"/>
    <mergeCell ref="LEO727:LER727"/>
    <mergeCell ref="LDE727:LDH727"/>
    <mergeCell ref="LDI727:LDL727"/>
    <mergeCell ref="LDM727:LDP727"/>
    <mergeCell ref="LDQ727:LDT727"/>
    <mergeCell ref="LDU727:LDX727"/>
    <mergeCell ref="LNE727:LNH727"/>
    <mergeCell ref="LNI727:LNL727"/>
    <mergeCell ref="LNM727:LNP727"/>
    <mergeCell ref="LNQ727:LNT727"/>
    <mergeCell ref="LNU727:LNX727"/>
    <mergeCell ref="LMK727:LMN727"/>
    <mergeCell ref="LMO727:LMR727"/>
    <mergeCell ref="LMS727:LMV727"/>
    <mergeCell ref="LMW727:LMZ727"/>
    <mergeCell ref="LNA727:LND727"/>
    <mergeCell ref="LLQ727:LLT727"/>
    <mergeCell ref="LLU727:LLX727"/>
    <mergeCell ref="LLY727:LMB727"/>
    <mergeCell ref="LMC727:LMF727"/>
    <mergeCell ref="LMG727:LMJ727"/>
    <mergeCell ref="LKW727:LKZ727"/>
    <mergeCell ref="LLA727:LLD727"/>
    <mergeCell ref="LLE727:LLH727"/>
    <mergeCell ref="LLI727:LLL727"/>
    <mergeCell ref="LLM727:LLP727"/>
    <mergeCell ref="LKC727:LKF727"/>
    <mergeCell ref="LKG727:LKJ727"/>
    <mergeCell ref="LKK727:LKN727"/>
    <mergeCell ref="LKO727:LKR727"/>
    <mergeCell ref="LKS727:LKV727"/>
    <mergeCell ref="LJI727:LJL727"/>
    <mergeCell ref="LJM727:LJP727"/>
    <mergeCell ref="LJQ727:LJT727"/>
    <mergeCell ref="LJU727:LJX727"/>
    <mergeCell ref="LJY727:LKB727"/>
    <mergeCell ref="LIO727:LIR727"/>
    <mergeCell ref="LIS727:LIV727"/>
    <mergeCell ref="LIW727:LIZ727"/>
    <mergeCell ref="LJA727:LJD727"/>
    <mergeCell ref="LJE727:LJH727"/>
    <mergeCell ref="LSO727:LSR727"/>
    <mergeCell ref="LSS727:LSV727"/>
    <mergeCell ref="LSW727:LSZ727"/>
    <mergeCell ref="LTA727:LTD727"/>
    <mergeCell ref="LTE727:LTH727"/>
    <mergeCell ref="LRU727:LRX727"/>
    <mergeCell ref="LRY727:LSB727"/>
    <mergeCell ref="LSC727:LSF727"/>
    <mergeCell ref="LSG727:LSJ727"/>
    <mergeCell ref="LSK727:LSN727"/>
    <mergeCell ref="LRA727:LRD727"/>
    <mergeCell ref="LRE727:LRH727"/>
    <mergeCell ref="LRI727:LRL727"/>
    <mergeCell ref="LRM727:LRP727"/>
    <mergeCell ref="LRQ727:LRT727"/>
    <mergeCell ref="LQG727:LQJ727"/>
    <mergeCell ref="LQK727:LQN727"/>
    <mergeCell ref="LQO727:LQR727"/>
    <mergeCell ref="LQS727:LQV727"/>
    <mergeCell ref="LQW727:LQZ727"/>
    <mergeCell ref="LPM727:LPP727"/>
    <mergeCell ref="LPQ727:LPT727"/>
    <mergeCell ref="LPU727:LPX727"/>
    <mergeCell ref="LPY727:LQB727"/>
    <mergeCell ref="LQC727:LQF727"/>
    <mergeCell ref="LOS727:LOV727"/>
    <mergeCell ref="LOW727:LOZ727"/>
    <mergeCell ref="LPA727:LPD727"/>
    <mergeCell ref="LPE727:LPH727"/>
    <mergeCell ref="LPI727:LPL727"/>
    <mergeCell ref="LNY727:LOB727"/>
    <mergeCell ref="LOC727:LOF727"/>
    <mergeCell ref="LOG727:LOJ727"/>
    <mergeCell ref="LOK727:LON727"/>
    <mergeCell ref="LOO727:LOR727"/>
    <mergeCell ref="LXY727:LYB727"/>
    <mergeCell ref="LYC727:LYF727"/>
    <mergeCell ref="LYG727:LYJ727"/>
    <mergeCell ref="LYK727:LYN727"/>
    <mergeCell ref="LYO727:LYR727"/>
    <mergeCell ref="LXE727:LXH727"/>
    <mergeCell ref="LXI727:LXL727"/>
    <mergeCell ref="LXM727:LXP727"/>
    <mergeCell ref="LXQ727:LXT727"/>
    <mergeCell ref="LXU727:LXX727"/>
    <mergeCell ref="LWK727:LWN727"/>
    <mergeCell ref="LWO727:LWR727"/>
    <mergeCell ref="LWS727:LWV727"/>
    <mergeCell ref="LWW727:LWZ727"/>
    <mergeCell ref="LXA727:LXD727"/>
    <mergeCell ref="LVQ727:LVT727"/>
    <mergeCell ref="LVU727:LVX727"/>
    <mergeCell ref="LVY727:LWB727"/>
    <mergeCell ref="LWC727:LWF727"/>
    <mergeCell ref="LWG727:LWJ727"/>
    <mergeCell ref="LUW727:LUZ727"/>
    <mergeCell ref="LVA727:LVD727"/>
    <mergeCell ref="LVE727:LVH727"/>
    <mergeCell ref="LVI727:LVL727"/>
    <mergeCell ref="LVM727:LVP727"/>
    <mergeCell ref="LUC727:LUF727"/>
    <mergeCell ref="LUG727:LUJ727"/>
    <mergeCell ref="LUK727:LUN727"/>
    <mergeCell ref="LUO727:LUR727"/>
    <mergeCell ref="LUS727:LUV727"/>
    <mergeCell ref="LTI727:LTL727"/>
    <mergeCell ref="LTM727:LTP727"/>
    <mergeCell ref="LTQ727:LTT727"/>
    <mergeCell ref="LTU727:LTX727"/>
    <mergeCell ref="LTY727:LUB727"/>
    <mergeCell ref="MDI727:MDL727"/>
    <mergeCell ref="MDM727:MDP727"/>
    <mergeCell ref="MDQ727:MDT727"/>
    <mergeCell ref="MDU727:MDX727"/>
    <mergeCell ref="MDY727:MEB727"/>
    <mergeCell ref="MCO727:MCR727"/>
    <mergeCell ref="MCS727:MCV727"/>
    <mergeCell ref="MCW727:MCZ727"/>
    <mergeCell ref="MDA727:MDD727"/>
    <mergeCell ref="MDE727:MDH727"/>
    <mergeCell ref="MBU727:MBX727"/>
    <mergeCell ref="MBY727:MCB727"/>
    <mergeCell ref="MCC727:MCF727"/>
    <mergeCell ref="MCG727:MCJ727"/>
    <mergeCell ref="MCK727:MCN727"/>
    <mergeCell ref="MBA727:MBD727"/>
    <mergeCell ref="MBE727:MBH727"/>
    <mergeCell ref="MBI727:MBL727"/>
    <mergeCell ref="MBM727:MBP727"/>
    <mergeCell ref="MBQ727:MBT727"/>
    <mergeCell ref="MAG727:MAJ727"/>
    <mergeCell ref="MAK727:MAN727"/>
    <mergeCell ref="MAO727:MAR727"/>
    <mergeCell ref="MAS727:MAV727"/>
    <mergeCell ref="MAW727:MAZ727"/>
    <mergeCell ref="LZM727:LZP727"/>
    <mergeCell ref="LZQ727:LZT727"/>
    <mergeCell ref="LZU727:LZX727"/>
    <mergeCell ref="LZY727:MAB727"/>
    <mergeCell ref="MAC727:MAF727"/>
    <mergeCell ref="LYS727:LYV727"/>
    <mergeCell ref="LYW727:LYZ727"/>
    <mergeCell ref="LZA727:LZD727"/>
    <mergeCell ref="LZE727:LZH727"/>
    <mergeCell ref="LZI727:LZL727"/>
    <mergeCell ref="MIS727:MIV727"/>
    <mergeCell ref="MIW727:MIZ727"/>
    <mergeCell ref="MJA727:MJD727"/>
    <mergeCell ref="MJE727:MJH727"/>
    <mergeCell ref="MJI727:MJL727"/>
    <mergeCell ref="MHY727:MIB727"/>
    <mergeCell ref="MIC727:MIF727"/>
    <mergeCell ref="MIG727:MIJ727"/>
    <mergeCell ref="MIK727:MIN727"/>
    <mergeCell ref="MIO727:MIR727"/>
    <mergeCell ref="MHE727:MHH727"/>
    <mergeCell ref="MHI727:MHL727"/>
    <mergeCell ref="MHM727:MHP727"/>
    <mergeCell ref="MHQ727:MHT727"/>
    <mergeCell ref="MHU727:MHX727"/>
    <mergeCell ref="MGK727:MGN727"/>
    <mergeCell ref="MGO727:MGR727"/>
    <mergeCell ref="MGS727:MGV727"/>
    <mergeCell ref="MGW727:MGZ727"/>
    <mergeCell ref="MHA727:MHD727"/>
    <mergeCell ref="MFQ727:MFT727"/>
    <mergeCell ref="MFU727:MFX727"/>
    <mergeCell ref="MFY727:MGB727"/>
    <mergeCell ref="MGC727:MGF727"/>
    <mergeCell ref="MGG727:MGJ727"/>
    <mergeCell ref="MEW727:MEZ727"/>
    <mergeCell ref="MFA727:MFD727"/>
    <mergeCell ref="MFE727:MFH727"/>
    <mergeCell ref="MFI727:MFL727"/>
    <mergeCell ref="MFM727:MFP727"/>
    <mergeCell ref="MEC727:MEF727"/>
    <mergeCell ref="MEG727:MEJ727"/>
    <mergeCell ref="MEK727:MEN727"/>
    <mergeCell ref="MEO727:MER727"/>
    <mergeCell ref="MES727:MEV727"/>
    <mergeCell ref="MOC727:MOF727"/>
    <mergeCell ref="MOG727:MOJ727"/>
    <mergeCell ref="MOK727:MON727"/>
    <mergeCell ref="MOO727:MOR727"/>
    <mergeCell ref="MOS727:MOV727"/>
    <mergeCell ref="MNI727:MNL727"/>
    <mergeCell ref="MNM727:MNP727"/>
    <mergeCell ref="MNQ727:MNT727"/>
    <mergeCell ref="MNU727:MNX727"/>
    <mergeCell ref="MNY727:MOB727"/>
    <mergeCell ref="MMO727:MMR727"/>
    <mergeCell ref="MMS727:MMV727"/>
    <mergeCell ref="MMW727:MMZ727"/>
    <mergeCell ref="MNA727:MND727"/>
    <mergeCell ref="MNE727:MNH727"/>
    <mergeCell ref="MLU727:MLX727"/>
    <mergeCell ref="MLY727:MMB727"/>
    <mergeCell ref="MMC727:MMF727"/>
    <mergeCell ref="MMG727:MMJ727"/>
    <mergeCell ref="MMK727:MMN727"/>
    <mergeCell ref="MLA727:MLD727"/>
    <mergeCell ref="MLE727:MLH727"/>
    <mergeCell ref="MLI727:MLL727"/>
    <mergeCell ref="MLM727:MLP727"/>
    <mergeCell ref="MLQ727:MLT727"/>
    <mergeCell ref="MKG727:MKJ727"/>
    <mergeCell ref="MKK727:MKN727"/>
    <mergeCell ref="MKO727:MKR727"/>
    <mergeCell ref="MKS727:MKV727"/>
    <mergeCell ref="MKW727:MKZ727"/>
    <mergeCell ref="MJM727:MJP727"/>
    <mergeCell ref="MJQ727:MJT727"/>
    <mergeCell ref="MJU727:MJX727"/>
    <mergeCell ref="MJY727:MKB727"/>
    <mergeCell ref="MKC727:MKF727"/>
    <mergeCell ref="MTM727:MTP727"/>
    <mergeCell ref="MTQ727:MTT727"/>
    <mergeCell ref="MTU727:MTX727"/>
    <mergeCell ref="MTY727:MUB727"/>
    <mergeCell ref="MUC727:MUF727"/>
    <mergeCell ref="MSS727:MSV727"/>
    <mergeCell ref="MSW727:MSZ727"/>
    <mergeCell ref="MTA727:MTD727"/>
    <mergeCell ref="MTE727:MTH727"/>
    <mergeCell ref="MTI727:MTL727"/>
    <mergeCell ref="MRY727:MSB727"/>
    <mergeCell ref="MSC727:MSF727"/>
    <mergeCell ref="MSG727:MSJ727"/>
    <mergeCell ref="MSK727:MSN727"/>
    <mergeCell ref="MSO727:MSR727"/>
    <mergeCell ref="MRE727:MRH727"/>
    <mergeCell ref="MRI727:MRL727"/>
    <mergeCell ref="MRM727:MRP727"/>
    <mergeCell ref="MRQ727:MRT727"/>
    <mergeCell ref="MRU727:MRX727"/>
    <mergeCell ref="MQK727:MQN727"/>
    <mergeCell ref="MQO727:MQR727"/>
    <mergeCell ref="MQS727:MQV727"/>
    <mergeCell ref="MQW727:MQZ727"/>
    <mergeCell ref="MRA727:MRD727"/>
    <mergeCell ref="MPQ727:MPT727"/>
    <mergeCell ref="MPU727:MPX727"/>
    <mergeCell ref="MPY727:MQB727"/>
    <mergeCell ref="MQC727:MQF727"/>
    <mergeCell ref="MQG727:MQJ727"/>
    <mergeCell ref="MOW727:MOZ727"/>
    <mergeCell ref="MPA727:MPD727"/>
    <mergeCell ref="MPE727:MPH727"/>
    <mergeCell ref="MPI727:MPL727"/>
    <mergeCell ref="MPM727:MPP727"/>
    <mergeCell ref="MYW727:MYZ727"/>
    <mergeCell ref="MZA727:MZD727"/>
    <mergeCell ref="MZE727:MZH727"/>
    <mergeCell ref="MZI727:MZL727"/>
    <mergeCell ref="MZM727:MZP727"/>
    <mergeCell ref="MYC727:MYF727"/>
    <mergeCell ref="MYG727:MYJ727"/>
    <mergeCell ref="MYK727:MYN727"/>
    <mergeCell ref="MYO727:MYR727"/>
    <mergeCell ref="MYS727:MYV727"/>
    <mergeCell ref="MXI727:MXL727"/>
    <mergeCell ref="MXM727:MXP727"/>
    <mergeCell ref="MXQ727:MXT727"/>
    <mergeCell ref="MXU727:MXX727"/>
    <mergeCell ref="MXY727:MYB727"/>
    <mergeCell ref="MWO727:MWR727"/>
    <mergeCell ref="MWS727:MWV727"/>
    <mergeCell ref="MWW727:MWZ727"/>
    <mergeCell ref="MXA727:MXD727"/>
    <mergeCell ref="MXE727:MXH727"/>
    <mergeCell ref="MVU727:MVX727"/>
    <mergeCell ref="MVY727:MWB727"/>
    <mergeCell ref="MWC727:MWF727"/>
    <mergeCell ref="MWG727:MWJ727"/>
    <mergeCell ref="MWK727:MWN727"/>
    <mergeCell ref="MVA727:MVD727"/>
    <mergeCell ref="MVE727:MVH727"/>
    <mergeCell ref="MVI727:MVL727"/>
    <mergeCell ref="MVM727:MVP727"/>
    <mergeCell ref="MVQ727:MVT727"/>
    <mergeCell ref="MUG727:MUJ727"/>
    <mergeCell ref="MUK727:MUN727"/>
    <mergeCell ref="MUO727:MUR727"/>
    <mergeCell ref="MUS727:MUV727"/>
    <mergeCell ref="MUW727:MUZ727"/>
    <mergeCell ref="NEG727:NEJ727"/>
    <mergeCell ref="NEK727:NEN727"/>
    <mergeCell ref="NEO727:NER727"/>
    <mergeCell ref="NES727:NEV727"/>
    <mergeCell ref="NEW727:NEZ727"/>
    <mergeCell ref="NDM727:NDP727"/>
    <mergeCell ref="NDQ727:NDT727"/>
    <mergeCell ref="NDU727:NDX727"/>
    <mergeCell ref="NDY727:NEB727"/>
    <mergeCell ref="NEC727:NEF727"/>
    <mergeCell ref="NCS727:NCV727"/>
    <mergeCell ref="NCW727:NCZ727"/>
    <mergeCell ref="NDA727:NDD727"/>
    <mergeCell ref="NDE727:NDH727"/>
    <mergeCell ref="NDI727:NDL727"/>
    <mergeCell ref="NBY727:NCB727"/>
    <mergeCell ref="NCC727:NCF727"/>
    <mergeCell ref="NCG727:NCJ727"/>
    <mergeCell ref="NCK727:NCN727"/>
    <mergeCell ref="NCO727:NCR727"/>
    <mergeCell ref="NBE727:NBH727"/>
    <mergeCell ref="NBI727:NBL727"/>
    <mergeCell ref="NBM727:NBP727"/>
    <mergeCell ref="NBQ727:NBT727"/>
    <mergeCell ref="NBU727:NBX727"/>
    <mergeCell ref="NAK727:NAN727"/>
    <mergeCell ref="NAO727:NAR727"/>
    <mergeCell ref="NAS727:NAV727"/>
    <mergeCell ref="NAW727:NAZ727"/>
    <mergeCell ref="NBA727:NBD727"/>
    <mergeCell ref="MZQ727:MZT727"/>
    <mergeCell ref="MZU727:MZX727"/>
    <mergeCell ref="MZY727:NAB727"/>
    <mergeCell ref="NAC727:NAF727"/>
    <mergeCell ref="NAG727:NAJ727"/>
    <mergeCell ref="NJQ727:NJT727"/>
    <mergeCell ref="NJU727:NJX727"/>
    <mergeCell ref="NJY727:NKB727"/>
    <mergeCell ref="NKC727:NKF727"/>
    <mergeCell ref="NKG727:NKJ727"/>
    <mergeCell ref="NIW727:NIZ727"/>
    <mergeCell ref="NJA727:NJD727"/>
    <mergeCell ref="NJE727:NJH727"/>
    <mergeCell ref="NJI727:NJL727"/>
    <mergeCell ref="NJM727:NJP727"/>
    <mergeCell ref="NIC727:NIF727"/>
    <mergeCell ref="NIG727:NIJ727"/>
    <mergeCell ref="NIK727:NIN727"/>
    <mergeCell ref="NIO727:NIR727"/>
    <mergeCell ref="NIS727:NIV727"/>
    <mergeCell ref="NHI727:NHL727"/>
    <mergeCell ref="NHM727:NHP727"/>
    <mergeCell ref="NHQ727:NHT727"/>
    <mergeCell ref="NHU727:NHX727"/>
    <mergeCell ref="NHY727:NIB727"/>
    <mergeCell ref="NGO727:NGR727"/>
    <mergeCell ref="NGS727:NGV727"/>
    <mergeCell ref="NGW727:NGZ727"/>
    <mergeCell ref="NHA727:NHD727"/>
    <mergeCell ref="NHE727:NHH727"/>
    <mergeCell ref="NFU727:NFX727"/>
    <mergeCell ref="NFY727:NGB727"/>
    <mergeCell ref="NGC727:NGF727"/>
    <mergeCell ref="NGG727:NGJ727"/>
    <mergeCell ref="NGK727:NGN727"/>
    <mergeCell ref="NFA727:NFD727"/>
    <mergeCell ref="NFE727:NFH727"/>
    <mergeCell ref="NFI727:NFL727"/>
    <mergeCell ref="NFM727:NFP727"/>
    <mergeCell ref="NFQ727:NFT727"/>
    <mergeCell ref="NPA727:NPD727"/>
    <mergeCell ref="NPE727:NPH727"/>
    <mergeCell ref="NPI727:NPL727"/>
    <mergeCell ref="NPM727:NPP727"/>
    <mergeCell ref="NPQ727:NPT727"/>
    <mergeCell ref="NOG727:NOJ727"/>
    <mergeCell ref="NOK727:NON727"/>
    <mergeCell ref="NOO727:NOR727"/>
    <mergeCell ref="NOS727:NOV727"/>
    <mergeCell ref="NOW727:NOZ727"/>
    <mergeCell ref="NNM727:NNP727"/>
    <mergeCell ref="NNQ727:NNT727"/>
    <mergeCell ref="NNU727:NNX727"/>
    <mergeCell ref="NNY727:NOB727"/>
    <mergeCell ref="NOC727:NOF727"/>
    <mergeCell ref="NMS727:NMV727"/>
    <mergeCell ref="NMW727:NMZ727"/>
    <mergeCell ref="NNA727:NND727"/>
    <mergeCell ref="NNE727:NNH727"/>
    <mergeCell ref="NNI727:NNL727"/>
    <mergeCell ref="NLY727:NMB727"/>
    <mergeCell ref="NMC727:NMF727"/>
    <mergeCell ref="NMG727:NMJ727"/>
    <mergeCell ref="NMK727:NMN727"/>
    <mergeCell ref="NMO727:NMR727"/>
    <mergeCell ref="NLE727:NLH727"/>
    <mergeCell ref="NLI727:NLL727"/>
    <mergeCell ref="NLM727:NLP727"/>
    <mergeCell ref="NLQ727:NLT727"/>
    <mergeCell ref="NLU727:NLX727"/>
    <mergeCell ref="NKK727:NKN727"/>
    <mergeCell ref="NKO727:NKR727"/>
    <mergeCell ref="NKS727:NKV727"/>
    <mergeCell ref="NKW727:NKZ727"/>
    <mergeCell ref="NLA727:NLD727"/>
    <mergeCell ref="NUK727:NUN727"/>
    <mergeCell ref="NUO727:NUR727"/>
    <mergeCell ref="NUS727:NUV727"/>
    <mergeCell ref="NUW727:NUZ727"/>
    <mergeCell ref="NVA727:NVD727"/>
    <mergeCell ref="NTQ727:NTT727"/>
    <mergeCell ref="NTU727:NTX727"/>
    <mergeCell ref="NTY727:NUB727"/>
    <mergeCell ref="NUC727:NUF727"/>
    <mergeCell ref="NUG727:NUJ727"/>
    <mergeCell ref="NSW727:NSZ727"/>
    <mergeCell ref="NTA727:NTD727"/>
    <mergeCell ref="NTE727:NTH727"/>
    <mergeCell ref="NTI727:NTL727"/>
    <mergeCell ref="NTM727:NTP727"/>
    <mergeCell ref="NSC727:NSF727"/>
    <mergeCell ref="NSG727:NSJ727"/>
    <mergeCell ref="NSK727:NSN727"/>
    <mergeCell ref="NSO727:NSR727"/>
    <mergeCell ref="NSS727:NSV727"/>
    <mergeCell ref="NRI727:NRL727"/>
    <mergeCell ref="NRM727:NRP727"/>
    <mergeCell ref="NRQ727:NRT727"/>
    <mergeCell ref="NRU727:NRX727"/>
    <mergeCell ref="NRY727:NSB727"/>
    <mergeCell ref="NQO727:NQR727"/>
    <mergeCell ref="NQS727:NQV727"/>
    <mergeCell ref="NQW727:NQZ727"/>
    <mergeCell ref="NRA727:NRD727"/>
    <mergeCell ref="NRE727:NRH727"/>
    <mergeCell ref="NPU727:NPX727"/>
    <mergeCell ref="NPY727:NQB727"/>
    <mergeCell ref="NQC727:NQF727"/>
    <mergeCell ref="NQG727:NQJ727"/>
    <mergeCell ref="NQK727:NQN727"/>
    <mergeCell ref="NZU727:NZX727"/>
    <mergeCell ref="NZY727:OAB727"/>
    <mergeCell ref="OAC727:OAF727"/>
    <mergeCell ref="OAG727:OAJ727"/>
    <mergeCell ref="OAK727:OAN727"/>
    <mergeCell ref="NZA727:NZD727"/>
    <mergeCell ref="NZE727:NZH727"/>
    <mergeCell ref="NZI727:NZL727"/>
    <mergeCell ref="NZM727:NZP727"/>
    <mergeCell ref="NZQ727:NZT727"/>
    <mergeCell ref="NYG727:NYJ727"/>
    <mergeCell ref="NYK727:NYN727"/>
    <mergeCell ref="NYO727:NYR727"/>
    <mergeCell ref="NYS727:NYV727"/>
    <mergeCell ref="NYW727:NYZ727"/>
    <mergeCell ref="NXM727:NXP727"/>
    <mergeCell ref="NXQ727:NXT727"/>
    <mergeCell ref="NXU727:NXX727"/>
    <mergeCell ref="NXY727:NYB727"/>
    <mergeCell ref="NYC727:NYF727"/>
    <mergeCell ref="NWS727:NWV727"/>
    <mergeCell ref="NWW727:NWZ727"/>
    <mergeCell ref="NXA727:NXD727"/>
    <mergeCell ref="NXE727:NXH727"/>
    <mergeCell ref="NXI727:NXL727"/>
    <mergeCell ref="NVY727:NWB727"/>
    <mergeCell ref="NWC727:NWF727"/>
    <mergeCell ref="NWG727:NWJ727"/>
    <mergeCell ref="NWK727:NWN727"/>
    <mergeCell ref="NWO727:NWR727"/>
    <mergeCell ref="NVE727:NVH727"/>
    <mergeCell ref="NVI727:NVL727"/>
    <mergeCell ref="NVM727:NVP727"/>
    <mergeCell ref="NVQ727:NVT727"/>
    <mergeCell ref="NVU727:NVX727"/>
    <mergeCell ref="OFE727:OFH727"/>
    <mergeCell ref="OFI727:OFL727"/>
    <mergeCell ref="OFM727:OFP727"/>
    <mergeCell ref="OFQ727:OFT727"/>
    <mergeCell ref="OFU727:OFX727"/>
    <mergeCell ref="OEK727:OEN727"/>
    <mergeCell ref="OEO727:OER727"/>
    <mergeCell ref="OES727:OEV727"/>
    <mergeCell ref="OEW727:OEZ727"/>
    <mergeCell ref="OFA727:OFD727"/>
    <mergeCell ref="ODQ727:ODT727"/>
    <mergeCell ref="ODU727:ODX727"/>
    <mergeCell ref="ODY727:OEB727"/>
    <mergeCell ref="OEC727:OEF727"/>
    <mergeCell ref="OEG727:OEJ727"/>
    <mergeCell ref="OCW727:OCZ727"/>
    <mergeCell ref="ODA727:ODD727"/>
    <mergeCell ref="ODE727:ODH727"/>
    <mergeCell ref="ODI727:ODL727"/>
    <mergeCell ref="ODM727:ODP727"/>
    <mergeCell ref="OCC727:OCF727"/>
    <mergeCell ref="OCG727:OCJ727"/>
    <mergeCell ref="OCK727:OCN727"/>
    <mergeCell ref="OCO727:OCR727"/>
    <mergeCell ref="OCS727:OCV727"/>
    <mergeCell ref="OBI727:OBL727"/>
    <mergeCell ref="OBM727:OBP727"/>
    <mergeCell ref="OBQ727:OBT727"/>
    <mergeCell ref="OBU727:OBX727"/>
    <mergeCell ref="OBY727:OCB727"/>
    <mergeCell ref="OAO727:OAR727"/>
    <mergeCell ref="OAS727:OAV727"/>
    <mergeCell ref="OAW727:OAZ727"/>
    <mergeCell ref="OBA727:OBD727"/>
    <mergeCell ref="OBE727:OBH727"/>
    <mergeCell ref="OKO727:OKR727"/>
    <mergeCell ref="OKS727:OKV727"/>
    <mergeCell ref="OKW727:OKZ727"/>
    <mergeCell ref="OLA727:OLD727"/>
    <mergeCell ref="OLE727:OLH727"/>
    <mergeCell ref="OJU727:OJX727"/>
    <mergeCell ref="OJY727:OKB727"/>
    <mergeCell ref="OKC727:OKF727"/>
    <mergeCell ref="OKG727:OKJ727"/>
    <mergeCell ref="OKK727:OKN727"/>
    <mergeCell ref="OJA727:OJD727"/>
    <mergeCell ref="OJE727:OJH727"/>
    <mergeCell ref="OJI727:OJL727"/>
    <mergeCell ref="OJM727:OJP727"/>
    <mergeCell ref="OJQ727:OJT727"/>
    <mergeCell ref="OIG727:OIJ727"/>
    <mergeCell ref="OIK727:OIN727"/>
    <mergeCell ref="OIO727:OIR727"/>
    <mergeCell ref="OIS727:OIV727"/>
    <mergeCell ref="OIW727:OIZ727"/>
    <mergeCell ref="OHM727:OHP727"/>
    <mergeCell ref="OHQ727:OHT727"/>
    <mergeCell ref="OHU727:OHX727"/>
    <mergeCell ref="OHY727:OIB727"/>
    <mergeCell ref="OIC727:OIF727"/>
    <mergeCell ref="OGS727:OGV727"/>
    <mergeCell ref="OGW727:OGZ727"/>
    <mergeCell ref="OHA727:OHD727"/>
    <mergeCell ref="OHE727:OHH727"/>
    <mergeCell ref="OHI727:OHL727"/>
    <mergeCell ref="OFY727:OGB727"/>
    <mergeCell ref="OGC727:OGF727"/>
    <mergeCell ref="OGG727:OGJ727"/>
    <mergeCell ref="OGK727:OGN727"/>
    <mergeCell ref="OGO727:OGR727"/>
    <mergeCell ref="OPY727:OQB727"/>
    <mergeCell ref="OQC727:OQF727"/>
    <mergeCell ref="OQG727:OQJ727"/>
    <mergeCell ref="OQK727:OQN727"/>
    <mergeCell ref="OQO727:OQR727"/>
    <mergeCell ref="OPE727:OPH727"/>
    <mergeCell ref="OPI727:OPL727"/>
    <mergeCell ref="OPM727:OPP727"/>
    <mergeCell ref="OPQ727:OPT727"/>
    <mergeCell ref="OPU727:OPX727"/>
    <mergeCell ref="OOK727:OON727"/>
    <mergeCell ref="OOO727:OOR727"/>
    <mergeCell ref="OOS727:OOV727"/>
    <mergeCell ref="OOW727:OOZ727"/>
    <mergeCell ref="OPA727:OPD727"/>
    <mergeCell ref="ONQ727:ONT727"/>
    <mergeCell ref="ONU727:ONX727"/>
    <mergeCell ref="ONY727:OOB727"/>
    <mergeCell ref="OOC727:OOF727"/>
    <mergeCell ref="OOG727:OOJ727"/>
    <mergeCell ref="OMW727:OMZ727"/>
    <mergeCell ref="ONA727:OND727"/>
    <mergeCell ref="ONE727:ONH727"/>
    <mergeCell ref="ONI727:ONL727"/>
    <mergeCell ref="ONM727:ONP727"/>
    <mergeCell ref="OMC727:OMF727"/>
    <mergeCell ref="OMG727:OMJ727"/>
    <mergeCell ref="OMK727:OMN727"/>
    <mergeCell ref="OMO727:OMR727"/>
    <mergeCell ref="OMS727:OMV727"/>
    <mergeCell ref="OLI727:OLL727"/>
    <mergeCell ref="OLM727:OLP727"/>
    <mergeCell ref="OLQ727:OLT727"/>
    <mergeCell ref="OLU727:OLX727"/>
    <mergeCell ref="OLY727:OMB727"/>
    <mergeCell ref="OVI727:OVL727"/>
    <mergeCell ref="OVM727:OVP727"/>
    <mergeCell ref="OVQ727:OVT727"/>
    <mergeCell ref="OVU727:OVX727"/>
    <mergeCell ref="OVY727:OWB727"/>
    <mergeCell ref="OUO727:OUR727"/>
    <mergeCell ref="OUS727:OUV727"/>
    <mergeCell ref="OUW727:OUZ727"/>
    <mergeCell ref="OVA727:OVD727"/>
    <mergeCell ref="OVE727:OVH727"/>
    <mergeCell ref="OTU727:OTX727"/>
    <mergeCell ref="OTY727:OUB727"/>
    <mergeCell ref="OUC727:OUF727"/>
    <mergeCell ref="OUG727:OUJ727"/>
    <mergeCell ref="OUK727:OUN727"/>
    <mergeCell ref="OTA727:OTD727"/>
    <mergeCell ref="OTE727:OTH727"/>
    <mergeCell ref="OTI727:OTL727"/>
    <mergeCell ref="OTM727:OTP727"/>
    <mergeCell ref="OTQ727:OTT727"/>
    <mergeCell ref="OSG727:OSJ727"/>
    <mergeCell ref="OSK727:OSN727"/>
    <mergeCell ref="OSO727:OSR727"/>
    <mergeCell ref="OSS727:OSV727"/>
    <mergeCell ref="OSW727:OSZ727"/>
    <mergeCell ref="ORM727:ORP727"/>
    <mergeCell ref="ORQ727:ORT727"/>
    <mergeCell ref="ORU727:ORX727"/>
    <mergeCell ref="ORY727:OSB727"/>
    <mergeCell ref="OSC727:OSF727"/>
    <mergeCell ref="OQS727:OQV727"/>
    <mergeCell ref="OQW727:OQZ727"/>
    <mergeCell ref="ORA727:ORD727"/>
    <mergeCell ref="ORE727:ORH727"/>
    <mergeCell ref="ORI727:ORL727"/>
    <mergeCell ref="PAS727:PAV727"/>
    <mergeCell ref="PAW727:PAZ727"/>
    <mergeCell ref="PBA727:PBD727"/>
    <mergeCell ref="PBE727:PBH727"/>
    <mergeCell ref="PBI727:PBL727"/>
    <mergeCell ref="OZY727:PAB727"/>
    <mergeCell ref="PAC727:PAF727"/>
    <mergeCell ref="PAG727:PAJ727"/>
    <mergeCell ref="PAK727:PAN727"/>
    <mergeCell ref="PAO727:PAR727"/>
    <mergeCell ref="OZE727:OZH727"/>
    <mergeCell ref="OZI727:OZL727"/>
    <mergeCell ref="OZM727:OZP727"/>
    <mergeCell ref="OZQ727:OZT727"/>
    <mergeCell ref="OZU727:OZX727"/>
    <mergeCell ref="OYK727:OYN727"/>
    <mergeCell ref="OYO727:OYR727"/>
    <mergeCell ref="OYS727:OYV727"/>
    <mergeCell ref="OYW727:OYZ727"/>
    <mergeCell ref="OZA727:OZD727"/>
    <mergeCell ref="OXQ727:OXT727"/>
    <mergeCell ref="OXU727:OXX727"/>
    <mergeCell ref="OXY727:OYB727"/>
    <mergeCell ref="OYC727:OYF727"/>
    <mergeCell ref="OYG727:OYJ727"/>
    <mergeCell ref="OWW727:OWZ727"/>
    <mergeCell ref="OXA727:OXD727"/>
    <mergeCell ref="OXE727:OXH727"/>
    <mergeCell ref="OXI727:OXL727"/>
    <mergeCell ref="OXM727:OXP727"/>
    <mergeCell ref="OWC727:OWF727"/>
    <mergeCell ref="OWG727:OWJ727"/>
    <mergeCell ref="OWK727:OWN727"/>
    <mergeCell ref="OWO727:OWR727"/>
    <mergeCell ref="OWS727:OWV727"/>
    <mergeCell ref="PGC727:PGF727"/>
    <mergeCell ref="PGG727:PGJ727"/>
    <mergeCell ref="PGK727:PGN727"/>
    <mergeCell ref="PGO727:PGR727"/>
    <mergeCell ref="PGS727:PGV727"/>
    <mergeCell ref="PFI727:PFL727"/>
    <mergeCell ref="PFM727:PFP727"/>
    <mergeCell ref="PFQ727:PFT727"/>
    <mergeCell ref="PFU727:PFX727"/>
    <mergeCell ref="PFY727:PGB727"/>
    <mergeCell ref="PEO727:PER727"/>
    <mergeCell ref="PES727:PEV727"/>
    <mergeCell ref="PEW727:PEZ727"/>
    <mergeCell ref="PFA727:PFD727"/>
    <mergeCell ref="PFE727:PFH727"/>
    <mergeCell ref="PDU727:PDX727"/>
    <mergeCell ref="PDY727:PEB727"/>
    <mergeCell ref="PEC727:PEF727"/>
    <mergeCell ref="PEG727:PEJ727"/>
    <mergeCell ref="PEK727:PEN727"/>
    <mergeCell ref="PDA727:PDD727"/>
    <mergeCell ref="PDE727:PDH727"/>
    <mergeCell ref="PDI727:PDL727"/>
    <mergeCell ref="PDM727:PDP727"/>
    <mergeCell ref="PDQ727:PDT727"/>
    <mergeCell ref="PCG727:PCJ727"/>
    <mergeCell ref="PCK727:PCN727"/>
    <mergeCell ref="PCO727:PCR727"/>
    <mergeCell ref="PCS727:PCV727"/>
    <mergeCell ref="PCW727:PCZ727"/>
    <mergeCell ref="PBM727:PBP727"/>
    <mergeCell ref="PBQ727:PBT727"/>
    <mergeCell ref="PBU727:PBX727"/>
    <mergeCell ref="PBY727:PCB727"/>
    <mergeCell ref="PCC727:PCF727"/>
    <mergeCell ref="PLM727:PLP727"/>
    <mergeCell ref="PLQ727:PLT727"/>
    <mergeCell ref="PLU727:PLX727"/>
    <mergeCell ref="PLY727:PMB727"/>
    <mergeCell ref="PMC727:PMF727"/>
    <mergeCell ref="PKS727:PKV727"/>
    <mergeCell ref="PKW727:PKZ727"/>
    <mergeCell ref="PLA727:PLD727"/>
    <mergeCell ref="PLE727:PLH727"/>
    <mergeCell ref="PLI727:PLL727"/>
    <mergeCell ref="PJY727:PKB727"/>
    <mergeCell ref="PKC727:PKF727"/>
    <mergeCell ref="PKG727:PKJ727"/>
    <mergeCell ref="PKK727:PKN727"/>
    <mergeCell ref="PKO727:PKR727"/>
    <mergeCell ref="PJE727:PJH727"/>
    <mergeCell ref="PJI727:PJL727"/>
    <mergeCell ref="PJM727:PJP727"/>
    <mergeCell ref="PJQ727:PJT727"/>
    <mergeCell ref="PJU727:PJX727"/>
    <mergeCell ref="PIK727:PIN727"/>
    <mergeCell ref="PIO727:PIR727"/>
    <mergeCell ref="PIS727:PIV727"/>
    <mergeCell ref="PIW727:PIZ727"/>
    <mergeCell ref="PJA727:PJD727"/>
    <mergeCell ref="PHQ727:PHT727"/>
    <mergeCell ref="PHU727:PHX727"/>
    <mergeCell ref="PHY727:PIB727"/>
    <mergeCell ref="PIC727:PIF727"/>
    <mergeCell ref="PIG727:PIJ727"/>
    <mergeCell ref="PGW727:PGZ727"/>
    <mergeCell ref="PHA727:PHD727"/>
    <mergeCell ref="PHE727:PHH727"/>
    <mergeCell ref="PHI727:PHL727"/>
    <mergeCell ref="PHM727:PHP727"/>
    <mergeCell ref="PQW727:PQZ727"/>
    <mergeCell ref="PRA727:PRD727"/>
    <mergeCell ref="PRE727:PRH727"/>
    <mergeCell ref="PRI727:PRL727"/>
    <mergeCell ref="PRM727:PRP727"/>
    <mergeCell ref="PQC727:PQF727"/>
    <mergeCell ref="PQG727:PQJ727"/>
    <mergeCell ref="PQK727:PQN727"/>
    <mergeCell ref="PQO727:PQR727"/>
    <mergeCell ref="PQS727:PQV727"/>
    <mergeCell ref="PPI727:PPL727"/>
    <mergeCell ref="PPM727:PPP727"/>
    <mergeCell ref="PPQ727:PPT727"/>
    <mergeCell ref="PPU727:PPX727"/>
    <mergeCell ref="PPY727:PQB727"/>
    <mergeCell ref="POO727:POR727"/>
    <mergeCell ref="POS727:POV727"/>
    <mergeCell ref="POW727:POZ727"/>
    <mergeCell ref="PPA727:PPD727"/>
    <mergeCell ref="PPE727:PPH727"/>
    <mergeCell ref="PNU727:PNX727"/>
    <mergeCell ref="PNY727:POB727"/>
    <mergeCell ref="POC727:POF727"/>
    <mergeCell ref="POG727:POJ727"/>
    <mergeCell ref="POK727:PON727"/>
    <mergeCell ref="PNA727:PND727"/>
    <mergeCell ref="PNE727:PNH727"/>
    <mergeCell ref="PNI727:PNL727"/>
    <mergeCell ref="PNM727:PNP727"/>
    <mergeCell ref="PNQ727:PNT727"/>
    <mergeCell ref="PMG727:PMJ727"/>
    <mergeCell ref="PMK727:PMN727"/>
    <mergeCell ref="PMO727:PMR727"/>
    <mergeCell ref="PMS727:PMV727"/>
    <mergeCell ref="PMW727:PMZ727"/>
    <mergeCell ref="PWG727:PWJ727"/>
    <mergeCell ref="PWK727:PWN727"/>
    <mergeCell ref="PWO727:PWR727"/>
    <mergeCell ref="PWS727:PWV727"/>
    <mergeCell ref="PWW727:PWZ727"/>
    <mergeCell ref="PVM727:PVP727"/>
    <mergeCell ref="PVQ727:PVT727"/>
    <mergeCell ref="PVU727:PVX727"/>
    <mergeCell ref="PVY727:PWB727"/>
    <mergeCell ref="PWC727:PWF727"/>
    <mergeCell ref="PUS727:PUV727"/>
    <mergeCell ref="PUW727:PUZ727"/>
    <mergeCell ref="PVA727:PVD727"/>
    <mergeCell ref="PVE727:PVH727"/>
    <mergeCell ref="PVI727:PVL727"/>
    <mergeCell ref="PTY727:PUB727"/>
    <mergeCell ref="PUC727:PUF727"/>
    <mergeCell ref="PUG727:PUJ727"/>
    <mergeCell ref="PUK727:PUN727"/>
    <mergeCell ref="PUO727:PUR727"/>
    <mergeCell ref="PTE727:PTH727"/>
    <mergeCell ref="PTI727:PTL727"/>
    <mergeCell ref="PTM727:PTP727"/>
    <mergeCell ref="PTQ727:PTT727"/>
    <mergeCell ref="PTU727:PTX727"/>
    <mergeCell ref="PSK727:PSN727"/>
    <mergeCell ref="PSO727:PSR727"/>
    <mergeCell ref="PSS727:PSV727"/>
    <mergeCell ref="PSW727:PSZ727"/>
    <mergeCell ref="PTA727:PTD727"/>
    <mergeCell ref="PRQ727:PRT727"/>
    <mergeCell ref="PRU727:PRX727"/>
    <mergeCell ref="PRY727:PSB727"/>
    <mergeCell ref="PSC727:PSF727"/>
    <mergeCell ref="PSG727:PSJ727"/>
    <mergeCell ref="QBQ727:QBT727"/>
    <mergeCell ref="QBU727:QBX727"/>
    <mergeCell ref="QBY727:QCB727"/>
    <mergeCell ref="QCC727:QCF727"/>
    <mergeCell ref="QCG727:QCJ727"/>
    <mergeCell ref="QAW727:QAZ727"/>
    <mergeCell ref="QBA727:QBD727"/>
    <mergeCell ref="QBE727:QBH727"/>
    <mergeCell ref="QBI727:QBL727"/>
    <mergeCell ref="QBM727:QBP727"/>
    <mergeCell ref="QAC727:QAF727"/>
    <mergeCell ref="QAG727:QAJ727"/>
    <mergeCell ref="QAK727:QAN727"/>
    <mergeCell ref="QAO727:QAR727"/>
    <mergeCell ref="QAS727:QAV727"/>
    <mergeCell ref="PZI727:PZL727"/>
    <mergeCell ref="PZM727:PZP727"/>
    <mergeCell ref="PZQ727:PZT727"/>
    <mergeCell ref="PZU727:PZX727"/>
    <mergeCell ref="PZY727:QAB727"/>
    <mergeCell ref="PYO727:PYR727"/>
    <mergeCell ref="PYS727:PYV727"/>
    <mergeCell ref="PYW727:PYZ727"/>
    <mergeCell ref="PZA727:PZD727"/>
    <mergeCell ref="PZE727:PZH727"/>
    <mergeCell ref="PXU727:PXX727"/>
    <mergeCell ref="PXY727:PYB727"/>
    <mergeCell ref="PYC727:PYF727"/>
    <mergeCell ref="PYG727:PYJ727"/>
    <mergeCell ref="PYK727:PYN727"/>
    <mergeCell ref="PXA727:PXD727"/>
    <mergeCell ref="PXE727:PXH727"/>
    <mergeCell ref="PXI727:PXL727"/>
    <mergeCell ref="PXM727:PXP727"/>
    <mergeCell ref="PXQ727:PXT727"/>
    <mergeCell ref="QHA727:QHD727"/>
    <mergeCell ref="QHE727:QHH727"/>
    <mergeCell ref="QHI727:QHL727"/>
    <mergeCell ref="QHM727:QHP727"/>
    <mergeCell ref="QHQ727:QHT727"/>
    <mergeCell ref="QGG727:QGJ727"/>
    <mergeCell ref="QGK727:QGN727"/>
    <mergeCell ref="QGO727:QGR727"/>
    <mergeCell ref="QGS727:QGV727"/>
    <mergeCell ref="QGW727:QGZ727"/>
    <mergeCell ref="QFM727:QFP727"/>
    <mergeCell ref="QFQ727:QFT727"/>
    <mergeCell ref="QFU727:QFX727"/>
    <mergeCell ref="QFY727:QGB727"/>
    <mergeCell ref="QGC727:QGF727"/>
    <mergeCell ref="QES727:QEV727"/>
    <mergeCell ref="QEW727:QEZ727"/>
    <mergeCell ref="QFA727:QFD727"/>
    <mergeCell ref="QFE727:QFH727"/>
    <mergeCell ref="QFI727:QFL727"/>
    <mergeCell ref="QDY727:QEB727"/>
    <mergeCell ref="QEC727:QEF727"/>
    <mergeCell ref="QEG727:QEJ727"/>
    <mergeCell ref="QEK727:QEN727"/>
    <mergeCell ref="QEO727:QER727"/>
    <mergeCell ref="QDE727:QDH727"/>
    <mergeCell ref="QDI727:QDL727"/>
    <mergeCell ref="QDM727:QDP727"/>
    <mergeCell ref="QDQ727:QDT727"/>
    <mergeCell ref="QDU727:QDX727"/>
    <mergeCell ref="QCK727:QCN727"/>
    <mergeCell ref="QCO727:QCR727"/>
    <mergeCell ref="QCS727:QCV727"/>
    <mergeCell ref="QCW727:QCZ727"/>
    <mergeCell ref="QDA727:QDD727"/>
    <mergeCell ref="QMK727:QMN727"/>
    <mergeCell ref="QMO727:QMR727"/>
    <mergeCell ref="QMS727:QMV727"/>
    <mergeCell ref="QMW727:QMZ727"/>
    <mergeCell ref="QNA727:QND727"/>
    <mergeCell ref="QLQ727:QLT727"/>
    <mergeCell ref="QLU727:QLX727"/>
    <mergeCell ref="QLY727:QMB727"/>
    <mergeCell ref="QMC727:QMF727"/>
    <mergeCell ref="QMG727:QMJ727"/>
    <mergeCell ref="QKW727:QKZ727"/>
    <mergeCell ref="QLA727:QLD727"/>
    <mergeCell ref="QLE727:QLH727"/>
    <mergeCell ref="QLI727:QLL727"/>
    <mergeCell ref="QLM727:QLP727"/>
    <mergeCell ref="QKC727:QKF727"/>
    <mergeCell ref="QKG727:QKJ727"/>
    <mergeCell ref="QKK727:QKN727"/>
    <mergeCell ref="QKO727:QKR727"/>
    <mergeCell ref="QKS727:QKV727"/>
    <mergeCell ref="QJI727:QJL727"/>
    <mergeCell ref="QJM727:QJP727"/>
    <mergeCell ref="QJQ727:QJT727"/>
    <mergeCell ref="QJU727:QJX727"/>
    <mergeCell ref="QJY727:QKB727"/>
    <mergeCell ref="QIO727:QIR727"/>
    <mergeCell ref="QIS727:QIV727"/>
    <mergeCell ref="QIW727:QIZ727"/>
    <mergeCell ref="QJA727:QJD727"/>
    <mergeCell ref="QJE727:QJH727"/>
    <mergeCell ref="QHU727:QHX727"/>
    <mergeCell ref="QHY727:QIB727"/>
    <mergeCell ref="QIC727:QIF727"/>
    <mergeCell ref="QIG727:QIJ727"/>
    <mergeCell ref="QIK727:QIN727"/>
    <mergeCell ref="QRU727:QRX727"/>
    <mergeCell ref="QRY727:QSB727"/>
    <mergeCell ref="QSC727:QSF727"/>
    <mergeCell ref="QSG727:QSJ727"/>
    <mergeCell ref="QSK727:QSN727"/>
    <mergeCell ref="QRA727:QRD727"/>
    <mergeCell ref="QRE727:QRH727"/>
    <mergeCell ref="QRI727:QRL727"/>
    <mergeCell ref="QRM727:QRP727"/>
    <mergeCell ref="QRQ727:QRT727"/>
    <mergeCell ref="QQG727:QQJ727"/>
    <mergeCell ref="QQK727:QQN727"/>
    <mergeCell ref="QQO727:QQR727"/>
    <mergeCell ref="QQS727:QQV727"/>
    <mergeCell ref="QQW727:QQZ727"/>
    <mergeCell ref="QPM727:QPP727"/>
    <mergeCell ref="QPQ727:QPT727"/>
    <mergeCell ref="QPU727:QPX727"/>
    <mergeCell ref="QPY727:QQB727"/>
    <mergeCell ref="QQC727:QQF727"/>
    <mergeCell ref="QOS727:QOV727"/>
    <mergeCell ref="QOW727:QOZ727"/>
    <mergeCell ref="QPA727:QPD727"/>
    <mergeCell ref="QPE727:QPH727"/>
    <mergeCell ref="QPI727:QPL727"/>
    <mergeCell ref="QNY727:QOB727"/>
    <mergeCell ref="QOC727:QOF727"/>
    <mergeCell ref="QOG727:QOJ727"/>
    <mergeCell ref="QOK727:QON727"/>
    <mergeCell ref="QOO727:QOR727"/>
    <mergeCell ref="QNE727:QNH727"/>
    <mergeCell ref="QNI727:QNL727"/>
    <mergeCell ref="QNM727:QNP727"/>
    <mergeCell ref="QNQ727:QNT727"/>
    <mergeCell ref="QNU727:QNX727"/>
    <mergeCell ref="QXE727:QXH727"/>
    <mergeCell ref="QXI727:QXL727"/>
    <mergeCell ref="QXM727:QXP727"/>
    <mergeCell ref="QXQ727:QXT727"/>
    <mergeCell ref="QXU727:QXX727"/>
    <mergeCell ref="QWK727:QWN727"/>
    <mergeCell ref="QWO727:QWR727"/>
    <mergeCell ref="QWS727:QWV727"/>
    <mergeCell ref="QWW727:QWZ727"/>
    <mergeCell ref="QXA727:QXD727"/>
    <mergeCell ref="QVQ727:QVT727"/>
    <mergeCell ref="QVU727:QVX727"/>
    <mergeCell ref="QVY727:QWB727"/>
    <mergeCell ref="QWC727:QWF727"/>
    <mergeCell ref="QWG727:QWJ727"/>
    <mergeCell ref="QUW727:QUZ727"/>
    <mergeCell ref="QVA727:QVD727"/>
    <mergeCell ref="QVE727:QVH727"/>
    <mergeCell ref="QVI727:QVL727"/>
    <mergeCell ref="QVM727:QVP727"/>
    <mergeCell ref="QUC727:QUF727"/>
    <mergeCell ref="QUG727:QUJ727"/>
    <mergeCell ref="QUK727:QUN727"/>
    <mergeCell ref="QUO727:QUR727"/>
    <mergeCell ref="QUS727:QUV727"/>
    <mergeCell ref="QTI727:QTL727"/>
    <mergeCell ref="QTM727:QTP727"/>
    <mergeCell ref="QTQ727:QTT727"/>
    <mergeCell ref="QTU727:QTX727"/>
    <mergeCell ref="QTY727:QUB727"/>
    <mergeCell ref="QSO727:QSR727"/>
    <mergeCell ref="QSS727:QSV727"/>
    <mergeCell ref="QSW727:QSZ727"/>
    <mergeCell ref="QTA727:QTD727"/>
    <mergeCell ref="QTE727:QTH727"/>
    <mergeCell ref="RCO727:RCR727"/>
    <mergeCell ref="RCS727:RCV727"/>
    <mergeCell ref="RCW727:RCZ727"/>
    <mergeCell ref="RDA727:RDD727"/>
    <mergeCell ref="RDE727:RDH727"/>
    <mergeCell ref="RBU727:RBX727"/>
    <mergeCell ref="RBY727:RCB727"/>
    <mergeCell ref="RCC727:RCF727"/>
    <mergeCell ref="RCG727:RCJ727"/>
    <mergeCell ref="RCK727:RCN727"/>
    <mergeCell ref="RBA727:RBD727"/>
    <mergeCell ref="RBE727:RBH727"/>
    <mergeCell ref="RBI727:RBL727"/>
    <mergeCell ref="RBM727:RBP727"/>
    <mergeCell ref="RBQ727:RBT727"/>
    <mergeCell ref="RAG727:RAJ727"/>
    <mergeCell ref="RAK727:RAN727"/>
    <mergeCell ref="RAO727:RAR727"/>
    <mergeCell ref="RAS727:RAV727"/>
    <mergeCell ref="RAW727:RAZ727"/>
    <mergeCell ref="QZM727:QZP727"/>
    <mergeCell ref="QZQ727:QZT727"/>
    <mergeCell ref="QZU727:QZX727"/>
    <mergeCell ref="QZY727:RAB727"/>
    <mergeCell ref="RAC727:RAF727"/>
    <mergeCell ref="QYS727:QYV727"/>
    <mergeCell ref="QYW727:QYZ727"/>
    <mergeCell ref="QZA727:QZD727"/>
    <mergeCell ref="QZE727:QZH727"/>
    <mergeCell ref="QZI727:QZL727"/>
    <mergeCell ref="QXY727:QYB727"/>
    <mergeCell ref="QYC727:QYF727"/>
    <mergeCell ref="QYG727:QYJ727"/>
    <mergeCell ref="QYK727:QYN727"/>
    <mergeCell ref="QYO727:QYR727"/>
    <mergeCell ref="RHY727:RIB727"/>
    <mergeCell ref="RIC727:RIF727"/>
    <mergeCell ref="RIG727:RIJ727"/>
    <mergeCell ref="RIK727:RIN727"/>
    <mergeCell ref="RIO727:RIR727"/>
    <mergeCell ref="RHE727:RHH727"/>
    <mergeCell ref="RHI727:RHL727"/>
    <mergeCell ref="RHM727:RHP727"/>
    <mergeCell ref="RHQ727:RHT727"/>
    <mergeCell ref="RHU727:RHX727"/>
    <mergeCell ref="RGK727:RGN727"/>
    <mergeCell ref="RGO727:RGR727"/>
    <mergeCell ref="RGS727:RGV727"/>
    <mergeCell ref="RGW727:RGZ727"/>
    <mergeCell ref="RHA727:RHD727"/>
    <mergeCell ref="RFQ727:RFT727"/>
    <mergeCell ref="RFU727:RFX727"/>
    <mergeCell ref="RFY727:RGB727"/>
    <mergeCell ref="RGC727:RGF727"/>
    <mergeCell ref="RGG727:RGJ727"/>
    <mergeCell ref="REW727:REZ727"/>
    <mergeCell ref="RFA727:RFD727"/>
    <mergeCell ref="RFE727:RFH727"/>
    <mergeCell ref="RFI727:RFL727"/>
    <mergeCell ref="RFM727:RFP727"/>
    <mergeCell ref="REC727:REF727"/>
    <mergeCell ref="REG727:REJ727"/>
    <mergeCell ref="REK727:REN727"/>
    <mergeCell ref="REO727:RER727"/>
    <mergeCell ref="RES727:REV727"/>
    <mergeCell ref="RDI727:RDL727"/>
    <mergeCell ref="RDM727:RDP727"/>
    <mergeCell ref="RDQ727:RDT727"/>
    <mergeCell ref="RDU727:RDX727"/>
    <mergeCell ref="RDY727:REB727"/>
    <mergeCell ref="RNI727:RNL727"/>
    <mergeCell ref="RNM727:RNP727"/>
    <mergeCell ref="RNQ727:RNT727"/>
    <mergeCell ref="RNU727:RNX727"/>
    <mergeCell ref="RNY727:ROB727"/>
    <mergeCell ref="RMO727:RMR727"/>
    <mergeCell ref="RMS727:RMV727"/>
    <mergeCell ref="RMW727:RMZ727"/>
    <mergeCell ref="RNA727:RND727"/>
    <mergeCell ref="RNE727:RNH727"/>
    <mergeCell ref="RLU727:RLX727"/>
    <mergeCell ref="RLY727:RMB727"/>
    <mergeCell ref="RMC727:RMF727"/>
    <mergeCell ref="RMG727:RMJ727"/>
    <mergeCell ref="RMK727:RMN727"/>
    <mergeCell ref="RLA727:RLD727"/>
    <mergeCell ref="RLE727:RLH727"/>
    <mergeCell ref="RLI727:RLL727"/>
    <mergeCell ref="RLM727:RLP727"/>
    <mergeCell ref="RLQ727:RLT727"/>
    <mergeCell ref="RKG727:RKJ727"/>
    <mergeCell ref="RKK727:RKN727"/>
    <mergeCell ref="RKO727:RKR727"/>
    <mergeCell ref="RKS727:RKV727"/>
    <mergeCell ref="RKW727:RKZ727"/>
    <mergeCell ref="RJM727:RJP727"/>
    <mergeCell ref="RJQ727:RJT727"/>
    <mergeCell ref="RJU727:RJX727"/>
    <mergeCell ref="RJY727:RKB727"/>
    <mergeCell ref="RKC727:RKF727"/>
    <mergeCell ref="RIS727:RIV727"/>
    <mergeCell ref="RIW727:RIZ727"/>
    <mergeCell ref="RJA727:RJD727"/>
    <mergeCell ref="RJE727:RJH727"/>
    <mergeCell ref="RJI727:RJL727"/>
    <mergeCell ref="RSS727:RSV727"/>
    <mergeCell ref="RSW727:RSZ727"/>
    <mergeCell ref="RTA727:RTD727"/>
    <mergeCell ref="RTE727:RTH727"/>
    <mergeCell ref="RTI727:RTL727"/>
    <mergeCell ref="RRY727:RSB727"/>
    <mergeCell ref="RSC727:RSF727"/>
    <mergeCell ref="RSG727:RSJ727"/>
    <mergeCell ref="RSK727:RSN727"/>
    <mergeCell ref="RSO727:RSR727"/>
    <mergeCell ref="RRE727:RRH727"/>
    <mergeCell ref="RRI727:RRL727"/>
    <mergeCell ref="RRM727:RRP727"/>
    <mergeCell ref="RRQ727:RRT727"/>
    <mergeCell ref="RRU727:RRX727"/>
    <mergeCell ref="RQK727:RQN727"/>
    <mergeCell ref="RQO727:RQR727"/>
    <mergeCell ref="RQS727:RQV727"/>
    <mergeCell ref="RQW727:RQZ727"/>
    <mergeCell ref="RRA727:RRD727"/>
    <mergeCell ref="RPQ727:RPT727"/>
    <mergeCell ref="RPU727:RPX727"/>
    <mergeCell ref="RPY727:RQB727"/>
    <mergeCell ref="RQC727:RQF727"/>
    <mergeCell ref="RQG727:RQJ727"/>
    <mergeCell ref="ROW727:ROZ727"/>
    <mergeCell ref="RPA727:RPD727"/>
    <mergeCell ref="RPE727:RPH727"/>
    <mergeCell ref="RPI727:RPL727"/>
    <mergeCell ref="RPM727:RPP727"/>
    <mergeCell ref="ROC727:ROF727"/>
    <mergeCell ref="ROG727:ROJ727"/>
    <mergeCell ref="ROK727:RON727"/>
    <mergeCell ref="ROO727:ROR727"/>
    <mergeCell ref="ROS727:ROV727"/>
    <mergeCell ref="RYC727:RYF727"/>
    <mergeCell ref="RYG727:RYJ727"/>
    <mergeCell ref="RYK727:RYN727"/>
    <mergeCell ref="RYO727:RYR727"/>
    <mergeCell ref="RYS727:RYV727"/>
    <mergeCell ref="RXI727:RXL727"/>
    <mergeCell ref="RXM727:RXP727"/>
    <mergeCell ref="RXQ727:RXT727"/>
    <mergeCell ref="RXU727:RXX727"/>
    <mergeCell ref="RXY727:RYB727"/>
    <mergeCell ref="RWO727:RWR727"/>
    <mergeCell ref="RWS727:RWV727"/>
    <mergeCell ref="RWW727:RWZ727"/>
    <mergeCell ref="RXA727:RXD727"/>
    <mergeCell ref="RXE727:RXH727"/>
    <mergeCell ref="RVU727:RVX727"/>
    <mergeCell ref="RVY727:RWB727"/>
    <mergeCell ref="RWC727:RWF727"/>
    <mergeCell ref="RWG727:RWJ727"/>
    <mergeCell ref="RWK727:RWN727"/>
    <mergeCell ref="RVA727:RVD727"/>
    <mergeCell ref="RVE727:RVH727"/>
    <mergeCell ref="RVI727:RVL727"/>
    <mergeCell ref="RVM727:RVP727"/>
    <mergeCell ref="RVQ727:RVT727"/>
    <mergeCell ref="RUG727:RUJ727"/>
    <mergeCell ref="RUK727:RUN727"/>
    <mergeCell ref="RUO727:RUR727"/>
    <mergeCell ref="RUS727:RUV727"/>
    <mergeCell ref="RUW727:RUZ727"/>
    <mergeCell ref="RTM727:RTP727"/>
    <mergeCell ref="RTQ727:RTT727"/>
    <mergeCell ref="RTU727:RTX727"/>
    <mergeCell ref="RTY727:RUB727"/>
    <mergeCell ref="RUC727:RUF727"/>
    <mergeCell ref="SDM727:SDP727"/>
    <mergeCell ref="SDQ727:SDT727"/>
    <mergeCell ref="SDU727:SDX727"/>
    <mergeCell ref="SDY727:SEB727"/>
    <mergeCell ref="SEC727:SEF727"/>
    <mergeCell ref="SCS727:SCV727"/>
    <mergeCell ref="SCW727:SCZ727"/>
    <mergeCell ref="SDA727:SDD727"/>
    <mergeCell ref="SDE727:SDH727"/>
    <mergeCell ref="SDI727:SDL727"/>
    <mergeCell ref="SBY727:SCB727"/>
    <mergeCell ref="SCC727:SCF727"/>
    <mergeCell ref="SCG727:SCJ727"/>
    <mergeCell ref="SCK727:SCN727"/>
    <mergeCell ref="SCO727:SCR727"/>
    <mergeCell ref="SBE727:SBH727"/>
    <mergeCell ref="SBI727:SBL727"/>
    <mergeCell ref="SBM727:SBP727"/>
    <mergeCell ref="SBQ727:SBT727"/>
    <mergeCell ref="SBU727:SBX727"/>
    <mergeCell ref="SAK727:SAN727"/>
    <mergeCell ref="SAO727:SAR727"/>
    <mergeCell ref="SAS727:SAV727"/>
    <mergeCell ref="SAW727:SAZ727"/>
    <mergeCell ref="SBA727:SBD727"/>
    <mergeCell ref="RZQ727:RZT727"/>
    <mergeCell ref="RZU727:RZX727"/>
    <mergeCell ref="RZY727:SAB727"/>
    <mergeCell ref="SAC727:SAF727"/>
    <mergeCell ref="SAG727:SAJ727"/>
    <mergeCell ref="RYW727:RYZ727"/>
    <mergeCell ref="RZA727:RZD727"/>
    <mergeCell ref="RZE727:RZH727"/>
    <mergeCell ref="RZI727:RZL727"/>
    <mergeCell ref="RZM727:RZP727"/>
    <mergeCell ref="SIW727:SIZ727"/>
    <mergeCell ref="SJA727:SJD727"/>
    <mergeCell ref="SJE727:SJH727"/>
    <mergeCell ref="SJI727:SJL727"/>
    <mergeCell ref="SJM727:SJP727"/>
    <mergeCell ref="SIC727:SIF727"/>
    <mergeCell ref="SIG727:SIJ727"/>
    <mergeCell ref="SIK727:SIN727"/>
    <mergeCell ref="SIO727:SIR727"/>
    <mergeCell ref="SIS727:SIV727"/>
    <mergeCell ref="SHI727:SHL727"/>
    <mergeCell ref="SHM727:SHP727"/>
    <mergeCell ref="SHQ727:SHT727"/>
    <mergeCell ref="SHU727:SHX727"/>
    <mergeCell ref="SHY727:SIB727"/>
    <mergeCell ref="SGO727:SGR727"/>
    <mergeCell ref="SGS727:SGV727"/>
    <mergeCell ref="SGW727:SGZ727"/>
    <mergeCell ref="SHA727:SHD727"/>
    <mergeCell ref="SHE727:SHH727"/>
    <mergeCell ref="SFU727:SFX727"/>
    <mergeCell ref="SFY727:SGB727"/>
    <mergeCell ref="SGC727:SGF727"/>
    <mergeCell ref="SGG727:SGJ727"/>
    <mergeCell ref="SGK727:SGN727"/>
    <mergeCell ref="SFA727:SFD727"/>
    <mergeCell ref="SFE727:SFH727"/>
    <mergeCell ref="SFI727:SFL727"/>
    <mergeCell ref="SFM727:SFP727"/>
    <mergeCell ref="SFQ727:SFT727"/>
    <mergeCell ref="SEG727:SEJ727"/>
    <mergeCell ref="SEK727:SEN727"/>
    <mergeCell ref="SEO727:SER727"/>
    <mergeCell ref="SES727:SEV727"/>
    <mergeCell ref="SEW727:SEZ727"/>
    <mergeCell ref="SOG727:SOJ727"/>
    <mergeCell ref="SOK727:SON727"/>
    <mergeCell ref="SOO727:SOR727"/>
    <mergeCell ref="SOS727:SOV727"/>
    <mergeCell ref="SOW727:SOZ727"/>
    <mergeCell ref="SNM727:SNP727"/>
    <mergeCell ref="SNQ727:SNT727"/>
    <mergeCell ref="SNU727:SNX727"/>
    <mergeCell ref="SNY727:SOB727"/>
    <mergeCell ref="SOC727:SOF727"/>
    <mergeCell ref="SMS727:SMV727"/>
    <mergeCell ref="SMW727:SMZ727"/>
    <mergeCell ref="SNA727:SND727"/>
    <mergeCell ref="SNE727:SNH727"/>
    <mergeCell ref="SNI727:SNL727"/>
    <mergeCell ref="SLY727:SMB727"/>
    <mergeCell ref="SMC727:SMF727"/>
    <mergeCell ref="SMG727:SMJ727"/>
    <mergeCell ref="SMK727:SMN727"/>
    <mergeCell ref="SMO727:SMR727"/>
    <mergeCell ref="SLE727:SLH727"/>
    <mergeCell ref="SLI727:SLL727"/>
    <mergeCell ref="SLM727:SLP727"/>
    <mergeCell ref="SLQ727:SLT727"/>
    <mergeCell ref="SLU727:SLX727"/>
    <mergeCell ref="SKK727:SKN727"/>
    <mergeCell ref="SKO727:SKR727"/>
    <mergeCell ref="SKS727:SKV727"/>
    <mergeCell ref="SKW727:SKZ727"/>
    <mergeCell ref="SLA727:SLD727"/>
    <mergeCell ref="SJQ727:SJT727"/>
    <mergeCell ref="SJU727:SJX727"/>
    <mergeCell ref="SJY727:SKB727"/>
    <mergeCell ref="SKC727:SKF727"/>
    <mergeCell ref="SKG727:SKJ727"/>
    <mergeCell ref="STQ727:STT727"/>
    <mergeCell ref="STU727:STX727"/>
    <mergeCell ref="STY727:SUB727"/>
    <mergeCell ref="SUC727:SUF727"/>
    <mergeCell ref="SUG727:SUJ727"/>
    <mergeCell ref="SSW727:SSZ727"/>
    <mergeCell ref="STA727:STD727"/>
    <mergeCell ref="STE727:STH727"/>
    <mergeCell ref="STI727:STL727"/>
    <mergeCell ref="STM727:STP727"/>
    <mergeCell ref="SSC727:SSF727"/>
    <mergeCell ref="SSG727:SSJ727"/>
    <mergeCell ref="SSK727:SSN727"/>
    <mergeCell ref="SSO727:SSR727"/>
    <mergeCell ref="SSS727:SSV727"/>
    <mergeCell ref="SRI727:SRL727"/>
    <mergeCell ref="SRM727:SRP727"/>
    <mergeCell ref="SRQ727:SRT727"/>
    <mergeCell ref="SRU727:SRX727"/>
    <mergeCell ref="SRY727:SSB727"/>
    <mergeCell ref="SQO727:SQR727"/>
    <mergeCell ref="SQS727:SQV727"/>
    <mergeCell ref="SQW727:SQZ727"/>
    <mergeCell ref="SRA727:SRD727"/>
    <mergeCell ref="SRE727:SRH727"/>
    <mergeCell ref="SPU727:SPX727"/>
    <mergeCell ref="SPY727:SQB727"/>
    <mergeCell ref="SQC727:SQF727"/>
    <mergeCell ref="SQG727:SQJ727"/>
    <mergeCell ref="SQK727:SQN727"/>
    <mergeCell ref="SPA727:SPD727"/>
    <mergeCell ref="SPE727:SPH727"/>
    <mergeCell ref="SPI727:SPL727"/>
    <mergeCell ref="SPM727:SPP727"/>
    <mergeCell ref="SPQ727:SPT727"/>
    <mergeCell ref="SZA727:SZD727"/>
    <mergeCell ref="SZE727:SZH727"/>
    <mergeCell ref="SZI727:SZL727"/>
    <mergeCell ref="SZM727:SZP727"/>
    <mergeCell ref="SZQ727:SZT727"/>
    <mergeCell ref="SYG727:SYJ727"/>
    <mergeCell ref="SYK727:SYN727"/>
    <mergeCell ref="SYO727:SYR727"/>
    <mergeCell ref="SYS727:SYV727"/>
    <mergeCell ref="SYW727:SYZ727"/>
    <mergeCell ref="SXM727:SXP727"/>
    <mergeCell ref="SXQ727:SXT727"/>
    <mergeCell ref="SXU727:SXX727"/>
    <mergeCell ref="SXY727:SYB727"/>
    <mergeCell ref="SYC727:SYF727"/>
    <mergeCell ref="SWS727:SWV727"/>
    <mergeCell ref="SWW727:SWZ727"/>
    <mergeCell ref="SXA727:SXD727"/>
    <mergeCell ref="SXE727:SXH727"/>
    <mergeCell ref="SXI727:SXL727"/>
    <mergeCell ref="SVY727:SWB727"/>
    <mergeCell ref="SWC727:SWF727"/>
    <mergeCell ref="SWG727:SWJ727"/>
    <mergeCell ref="SWK727:SWN727"/>
    <mergeCell ref="SWO727:SWR727"/>
    <mergeCell ref="SVE727:SVH727"/>
    <mergeCell ref="SVI727:SVL727"/>
    <mergeCell ref="SVM727:SVP727"/>
    <mergeCell ref="SVQ727:SVT727"/>
    <mergeCell ref="SVU727:SVX727"/>
    <mergeCell ref="SUK727:SUN727"/>
    <mergeCell ref="SUO727:SUR727"/>
    <mergeCell ref="SUS727:SUV727"/>
    <mergeCell ref="SUW727:SUZ727"/>
    <mergeCell ref="SVA727:SVD727"/>
    <mergeCell ref="TEK727:TEN727"/>
    <mergeCell ref="TEO727:TER727"/>
    <mergeCell ref="TES727:TEV727"/>
    <mergeCell ref="TEW727:TEZ727"/>
    <mergeCell ref="TFA727:TFD727"/>
    <mergeCell ref="TDQ727:TDT727"/>
    <mergeCell ref="TDU727:TDX727"/>
    <mergeCell ref="TDY727:TEB727"/>
    <mergeCell ref="TEC727:TEF727"/>
    <mergeCell ref="TEG727:TEJ727"/>
    <mergeCell ref="TCW727:TCZ727"/>
    <mergeCell ref="TDA727:TDD727"/>
    <mergeCell ref="TDE727:TDH727"/>
    <mergeCell ref="TDI727:TDL727"/>
    <mergeCell ref="TDM727:TDP727"/>
    <mergeCell ref="TCC727:TCF727"/>
    <mergeCell ref="TCG727:TCJ727"/>
    <mergeCell ref="TCK727:TCN727"/>
    <mergeCell ref="TCO727:TCR727"/>
    <mergeCell ref="TCS727:TCV727"/>
    <mergeCell ref="TBI727:TBL727"/>
    <mergeCell ref="TBM727:TBP727"/>
    <mergeCell ref="TBQ727:TBT727"/>
    <mergeCell ref="TBU727:TBX727"/>
    <mergeCell ref="TBY727:TCB727"/>
    <mergeCell ref="TAO727:TAR727"/>
    <mergeCell ref="TAS727:TAV727"/>
    <mergeCell ref="TAW727:TAZ727"/>
    <mergeCell ref="TBA727:TBD727"/>
    <mergeCell ref="TBE727:TBH727"/>
    <mergeCell ref="SZU727:SZX727"/>
    <mergeCell ref="SZY727:TAB727"/>
    <mergeCell ref="TAC727:TAF727"/>
    <mergeCell ref="TAG727:TAJ727"/>
    <mergeCell ref="TAK727:TAN727"/>
    <mergeCell ref="TJU727:TJX727"/>
    <mergeCell ref="TJY727:TKB727"/>
    <mergeCell ref="TKC727:TKF727"/>
    <mergeCell ref="TKG727:TKJ727"/>
    <mergeCell ref="TKK727:TKN727"/>
    <mergeCell ref="TJA727:TJD727"/>
    <mergeCell ref="TJE727:TJH727"/>
    <mergeCell ref="TJI727:TJL727"/>
    <mergeCell ref="TJM727:TJP727"/>
    <mergeCell ref="TJQ727:TJT727"/>
    <mergeCell ref="TIG727:TIJ727"/>
    <mergeCell ref="TIK727:TIN727"/>
    <mergeCell ref="TIO727:TIR727"/>
    <mergeCell ref="TIS727:TIV727"/>
    <mergeCell ref="TIW727:TIZ727"/>
    <mergeCell ref="THM727:THP727"/>
    <mergeCell ref="THQ727:THT727"/>
    <mergeCell ref="THU727:THX727"/>
    <mergeCell ref="THY727:TIB727"/>
    <mergeCell ref="TIC727:TIF727"/>
    <mergeCell ref="TGS727:TGV727"/>
    <mergeCell ref="TGW727:TGZ727"/>
    <mergeCell ref="THA727:THD727"/>
    <mergeCell ref="THE727:THH727"/>
    <mergeCell ref="THI727:THL727"/>
    <mergeCell ref="TFY727:TGB727"/>
    <mergeCell ref="TGC727:TGF727"/>
    <mergeCell ref="TGG727:TGJ727"/>
    <mergeCell ref="TGK727:TGN727"/>
    <mergeCell ref="TGO727:TGR727"/>
    <mergeCell ref="TFE727:TFH727"/>
    <mergeCell ref="TFI727:TFL727"/>
    <mergeCell ref="TFM727:TFP727"/>
    <mergeCell ref="TFQ727:TFT727"/>
    <mergeCell ref="TFU727:TFX727"/>
    <mergeCell ref="TPE727:TPH727"/>
    <mergeCell ref="TPI727:TPL727"/>
    <mergeCell ref="TPM727:TPP727"/>
    <mergeCell ref="TPQ727:TPT727"/>
    <mergeCell ref="TPU727:TPX727"/>
    <mergeCell ref="TOK727:TON727"/>
    <mergeCell ref="TOO727:TOR727"/>
    <mergeCell ref="TOS727:TOV727"/>
    <mergeCell ref="TOW727:TOZ727"/>
    <mergeCell ref="TPA727:TPD727"/>
    <mergeCell ref="TNQ727:TNT727"/>
    <mergeCell ref="TNU727:TNX727"/>
    <mergeCell ref="TNY727:TOB727"/>
    <mergeCell ref="TOC727:TOF727"/>
    <mergeCell ref="TOG727:TOJ727"/>
    <mergeCell ref="TMW727:TMZ727"/>
    <mergeCell ref="TNA727:TND727"/>
    <mergeCell ref="TNE727:TNH727"/>
    <mergeCell ref="TNI727:TNL727"/>
    <mergeCell ref="TNM727:TNP727"/>
    <mergeCell ref="TMC727:TMF727"/>
    <mergeCell ref="TMG727:TMJ727"/>
    <mergeCell ref="TMK727:TMN727"/>
    <mergeCell ref="TMO727:TMR727"/>
    <mergeCell ref="TMS727:TMV727"/>
    <mergeCell ref="TLI727:TLL727"/>
    <mergeCell ref="TLM727:TLP727"/>
    <mergeCell ref="TLQ727:TLT727"/>
    <mergeCell ref="TLU727:TLX727"/>
    <mergeCell ref="TLY727:TMB727"/>
    <mergeCell ref="TKO727:TKR727"/>
    <mergeCell ref="TKS727:TKV727"/>
    <mergeCell ref="TKW727:TKZ727"/>
    <mergeCell ref="TLA727:TLD727"/>
    <mergeCell ref="TLE727:TLH727"/>
    <mergeCell ref="TUO727:TUR727"/>
    <mergeCell ref="TUS727:TUV727"/>
    <mergeCell ref="TUW727:TUZ727"/>
    <mergeCell ref="TVA727:TVD727"/>
    <mergeCell ref="TVE727:TVH727"/>
    <mergeCell ref="TTU727:TTX727"/>
    <mergeCell ref="TTY727:TUB727"/>
    <mergeCell ref="TUC727:TUF727"/>
    <mergeCell ref="TUG727:TUJ727"/>
    <mergeCell ref="TUK727:TUN727"/>
    <mergeCell ref="TTA727:TTD727"/>
    <mergeCell ref="TTE727:TTH727"/>
    <mergeCell ref="TTI727:TTL727"/>
    <mergeCell ref="TTM727:TTP727"/>
    <mergeCell ref="TTQ727:TTT727"/>
    <mergeCell ref="TSG727:TSJ727"/>
    <mergeCell ref="TSK727:TSN727"/>
    <mergeCell ref="TSO727:TSR727"/>
    <mergeCell ref="TSS727:TSV727"/>
    <mergeCell ref="TSW727:TSZ727"/>
    <mergeCell ref="TRM727:TRP727"/>
    <mergeCell ref="TRQ727:TRT727"/>
    <mergeCell ref="TRU727:TRX727"/>
    <mergeCell ref="TRY727:TSB727"/>
    <mergeCell ref="TSC727:TSF727"/>
    <mergeCell ref="TQS727:TQV727"/>
    <mergeCell ref="TQW727:TQZ727"/>
    <mergeCell ref="TRA727:TRD727"/>
    <mergeCell ref="TRE727:TRH727"/>
    <mergeCell ref="TRI727:TRL727"/>
    <mergeCell ref="TPY727:TQB727"/>
    <mergeCell ref="TQC727:TQF727"/>
    <mergeCell ref="TQG727:TQJ727"/>
    <mergeCell ref="TQK727:TQN727"/>
    <mergeCell ref="TQO727:TQR727"/>
    <mergeCell ref="TZY727:UAB727"/>
    <mergeCell ref="UAC727:UAF727"/>
    <mergeCell ref="UAG727:UAJ727"/>
    <mergeCell ref="UAK727:UAN727"/>
    <mergeCell ref="UAO727:UAR727"/>
    <mergeCell ref="TZE727:TZH727"/>
    <mergeCell ref="TZI727:TZL727"/>
    <mergeCell ref="TZM727:TZP727"/>
    <mergeCell ref="TZQ727:TZT727"/>
    <mergeCell ref="TZU727:TZX727"/>
    <mergeCell ref="TYK727:TYN727"/>
    <mergeCell ref="TYO727:TYR727"/>
    <mergeCell ref="TYS727:TYV727"/>
    <mergeCell ref="TYW727:TYZ727"/>
    <mergeCell ref="TZA727:TZD727"/>
    <mergeCell ref="TXQ727:TXT727"/>
    <mergeCell ref="TXU727:TXX727"/>
    <mergeCell ref="TXY727:TYB727"/>
    <mergeCell ref="TYC727:TYF727"/>
    <mergeCell ref="TYG727:TYJ727"/>
    <mergeCell ref="TWW727:TWZ727"/>
    <mergeCell ref="TXA727:TXD727"/>
    <mergeCell ref="TXE727:TXH727"/>
    <mergeCell ref="TXI727:TXL727"/>
    <mergeCell ref="TXM727:TXP727"/>
    <mergeCell ref="TWC727:TWF727"/>
    <mergeCell ref="TWG727:TWJ727"/>
    <mergeCell ref="TWK727:TWN727"/>
    <mergeCell ref="TWO727:TWR727"/>
    <mergeCell ref="TWS727:TWV727"/>
    <mergeCell ref="TVI727:TVL727"/>
    <mergeCell ref="TVM727:TVP727"/>
    <mergeCell ref="TVQ727:TVT727"/>
    <mergeCell ref="TVU727:TVX727"/>
    <mergeCell ref="TVY727:TWB727"/>
    <mergeCell ref="UFI727:UFL727"/>
    <mergeCell ref="UFM727:UFP727"/>
    <mergeCell ref="UFQ727:UFT727"/>
    <mergeCell ref="UFU727:UFX727"/>
    <mergeCell ref="UFY727:UGB727"/>
    <mergeCell ref="UEO727:UER727"/>
    <mergeCell ref="UES727:UEV727"/>
    <mergeCell ref="UEW727:UEZ727"/>
    <mergeCell ref="UFA727:UFD727"/>
    <mergeCell ref="UFE727:UFH727"/>
    <mergeCell ref="UDU727:UDX727"/>
    <mergeCell ref="UDY727:UEB727"/>
    <mergeCell ref="UEC727:UEF727"/>
    <mergeCell ref="UEG727:UEJ727"/>
    <mergeCell ref="UEK727:UEN727"/>
    <mergeCell ref="UDA727:UDD727"/>
    <mergeCell ref="UDE727:UDH727"/>
    <mergeCell ref="UDI727:UDL727"/>
    <mergeCell ref="UDM727:UDP727"/>
    <mergeCell ref="UDQ727:UDT727"/>
    <mergeCell ref="UCG727:UCJ727"/>
    <mergeCell ref="UCK727:UCN727"/>
    <mergeCell ref="UCO727:UCR727"/>
    <mergeCell ref="UCS727:UCV727"/>
    <mergeCell ref="UCW727:UCZ727"/>
    <mergeCell ref="UBM727:UBP727"/>
    <mergeCell ref="UBQ727:UBT727"/>
    <mergeCell ref="UBU727:UBX727"/>
    <mergeCell ref="UBY727:UCB727"/>
    <mergeCell ref="UCC727:UCF727"/>
    <mergeCell ref="UAS727:UAV727"/>
    <mergeCell ref="UAW727:UAZ727"/>
    <mergeCell ref="UBA727:UBD727"/>
    <mergeCell ref="UBE727:UBH727"/>
    <mergeCell ref="UBI727:UBL727"/>
    <mergeCell ref="UKS727:UKV727"/>
    <mergeCell ref="UKW727:UKZ727"/>
    <mergeCell ref="ULA727:ULD727"/>
    <mergeCell ref="ULE727:ULH727"/>
    <mergeCell ref="ULI727:ULL727"/>
    <mergeCell ref="UJY727:UKB727"/>
    <mergeCell ref="UKC727:UKF727"/>
    <mergeCell ref="UKG727:UKJ727"/>
    <mergeCell ref="UKK727:UKN727"/>
    <mergeCell ref="UKO727:UKR727"/>
    <mergeCell ref="UJE727:UJH727"/>
    <mergeCell ref="UJI727:UJL727"/>
    <mergeCell ref="UJM727:UJP727"/>
    <mergeCell ref="UJQ727:UJT727"/>
    <mergeCell ref="UJU727:UJX727"/>
    <mergeCell ref="UIK727:UIN727"/>
    <mergeCell ref="UIO727:UIR727"/>
    <mergeCell ref="UIS727:UIV727"/>
    <mergeCell ref="UIW727:UIZ727"/>
    <mergeCell ref="UJA727:UJD727"/>
    <mergeCell ref="UHQ727:UHT727"/>
    <mergeCell ref="UHU727:UHX727"/>
    <mergeCell ref="UHY727:UIB727"/>
    <mergeCell ref="UIC727:UIF727"/>
    <mergeCell ref="UIG727:UIJ727"/>
    <mergeCell ref="UGW727:UGZ727"/>
    <mergeCell ref="UHA727:UHD727"/>
    <mergeCell ref="UHE727:UHH727"/>
    <mergeCell ref="UHI727:UHL727"/>
    <mergeCell ref="UHM727:UHP727"/>
    <mergeCell ref="UGC727:UGF727"/>
    <mergeCell ref="UGG727:UGJ727"/>
    <mergeCell ref="UGK727:UGN727"/>
    <mergeCell ref="UGO727:UGR727"/>
    <mergeCell ref="UGS727:UGV727"/>
    <mergeCell ref="UQC727:UQF727"/>
    <mergeCell ref="UQG727:UQJ727"/>
    <mergeCell ref="UQK727:UQN727"/>
    <mergeCell ref="UQO727:UQR727"/>
    <mergeCell ref="UQS727:UQV727"/>
    <mergeCell ref="UPI727:UPL727"/>
    <mergeCell ref="UPM727:UPP727"/>
    <mergeCell ref="UPQ727:UPT727"/>
    <mergeCell ref="UPU727:UPX727"/>
    <mergeCell ref="UPY727:UQB727"/>
    <mergeCell ref="UOO727:UOR727"/>
    <mergeCell ref="UOS727:UOV727"/>
    <mergeCell ref="UOW727:UOZ727"/>
    <mergeCell ref="UPA727:UPD727"/>
    <mergeCell ref="UPE727:UPH727"/>
    <mergeCell ref="UNU727:UNX727"/>
    <mergeCell ref="UNY727:UOB727"/>
    <mergeCell ref="UOC727:UOF727"/>
    <mergeCell ref="UOG727:UOJ727"/>
    <mergeCell ref="UOK727:UON727"/>
    <mergeCell ref="UNA727:UND727"/>
    <mergeCell ref="UNE727:UNH727"/>
    <mergeCell ref="UNI727:UNL727"/>
    <mergeCell ref="UNM727:UNP727"/>
    <mergeCell ref="UNQ727:UNT727"/>
    <mergeCell ref="UMG727:UMJ727"/>
    <mergeCell ref="UMK727:UMN727"/>
    <mergeCell ref="UMO727:UMR727"/>
    <mergeCell ref="UMS727:UMV727"/>
    <mergeCell ref="UMW727:UMZ727"/>
    <mergeCell ref="ULM727:ULP727"/>
    <mergeCell ref="ULQ727:ULT727"/>
    <mergeCell ref="ULU727:ULX727"/>
    <mergeCell ref="ULY727:UMB727"/>
    <mergeCell ref="UMC727:UMF727"/>
    <mergeCell ref="UVM727:UVP727"/>
    <mergeCell ref="UVQ727:UVT727"/>
    <mergeCell ref="UVU727:UVX727"/>
    <mergeCell ref="UVY727:UWB727"/>
    <mergeCell ref="UWC727:UWF727"/>
    <mergeCell ref="UUS727:UUV727"/>
    <mergeCell ref="UUW727:UUZ727"/>
    <mergeCell ref="UVA727:UVD727"/>
    <mergeCell ref="UVE727:UVH727"/>
    <mergeCell ref="UVI727:UVL727"/>
    <mergeCell ref="UTY727:UUB727"/>
    <mergeCell ref="UUC727:UUF727"/>
    <mergeCell ref="UUG727:UUJ727"/>
    <mergeCell ref="UUK727:UUN727"/>
    <mergeCell ref="UUO727:UUR727"/>
    <mergeCell ref="UTE727:UTH727"/>
    <mergeCell ref="UTI727:UTL727"/>
    <mergeCell ref="UTM727:UTP727"/>
    <mergeCell ref="UTQ727:UTT727"/>
    <mergeCell ref="UTU727:UTX727"/>
    <mergeCell ref="USK727:USN727"/>
    <mergeCell ref="USO727:USR727"/>
    <mergeCell ref="USS727:USV727"/>
    <mergeCell ref="USW727:USZ727"/>
    <mergeCell ref="UTA727:UTD727"/>
    <mergeCell ref="URQ727:URT727"/>
    <mergeCell ref="URU727:URX727"/>
    <mergeCell ref="URY727:USB727"/>
    <mergeCell ref="USC727:USF727"/>
    <mergeCell ref="USG727:USJ727"/>
    <mergeCell ref="UQW727:UQZ727"/>
    <mergeCell ref="URA727:URD727"/>
    <mergeCell ref="URE727:URH727"/>
    <mergeCell ref="URI727:URL727"/>
    <mergeCell ref="URM727:URP727"/>
    <mergeCell ref="VAW727:VAZ727"/>
    <mergeCell ref="VBA727:VBD727"/>
    <mergeCell ref="VBE727:VBH727"/>
    <mergeCell ref="VBI727:VBL727"/>
    <mergeCell ref="VBM727:VBP727"/>
    <mergeCell ref="VAC727:VAF727"/>
    <mergeCell ref="VAG727:VAJ727"/>
    <mergeCell ref="VAK727:VAN727"/>
    <mergeCell ref="VAO727:VAR727"/>
    <mergeCell ref="VAS727:VAV727"/>
    <mergeCell ref="UZI727:UZL727"/>
    <mergeCell ref="UZM727:UZP727"/>
    <mergeCell ref="UZQ727:UZT727"/>
    <mergeCell ref="UZU727:UZX727"/>
    <mergeCell ref="UZY727:VAB727"/>
    <mergeCell ref="UYO727:UYR727"/>
    <mergeCell ref="UYS727:UYV727"/>
    <mergeCell ref="UYW727:UYZ727"/>
    <mergeCell ref="UZA727:UZD727"/>
    <mergeCell ref="UZE727:UZH727"/>
    <mergeCell ref="UXU727:UXX727"/>
    <mergeCell ref="UXY727:UYB727"/>
    <mergeCell ref="UYC727:UYF727"/>
    <mergeCell ref="UYG727:UYJ727"/>
    <mergeCell ref="UYK727:UYN727"/>
    <mergeCell ref="UXA727:UXD727"/>
    <mergeCell ref="UXE727:UXH727"/>
    <mergeCell ref="UXI727:UXL727"/>
    <mergeCell ref="UXM727:UXP727"/>
    <mergeCell ref="UXQ727:UXT727"/>
    <mergeCell ref="UWG727:UWJ727"/>
    <mergeCell ref="UWK727:UWN727"/>
    <mergeCell ref="UWO727:UWR727"/>
    <mergeCell ref="UWS727:UWV727"/>
    <mergeCell ref="UWW727:UWZ727"/>
    <mergeCell ref="VGG727:VGJ727"/>
    <mergeCell ref="VGK727:VGN727"/>
    <mergeCell ref="VGO727:VGR727"/>
    <mergeCell ref="VGS727:VGV727"/>
    <mergeCell ref="VGW727:VGZ727"/>
    <mergeCell ref="VFM727:VFP727"/>
    <mergeCell ref="VFQ727:VFT727"/>
    <mergeCell ref="VFU727:VFX727"/>
    <mergeCell ref="VFY727:VGB727"/>
    <mergeCell ref="VGC727:VGF727"/>
    <mergeCell ref="VES727:VEV727"/>
    <mergeCell ref="VEW727:VEZ727"/>
    <mergeCell ref="VFA727:VFD727"/>
    <mergeCell ref="VFE727:VFH727"/>
    <mergeCell ref="VFI727:VFL727"/>
    <mergeCell ref="VDY727:VEB727"/>
    <mergeCell ref="VEC727:VEF727"/>
    <mergeCell ref="VEG727:VEJ727"/>
    <mergeCell ref="VEK727:VEN727"/>
    <mergeCell ref="VEO727:VER727"/>
    <mergeCell ref="VDE727:VDH727"/>
    <mergeCell ref="VDI727:VDL727"/>
    <mergeCell ref="VDM727:VDP727"/>
    <mergeCell ref="VDQ727:VDT727"/>
    <mergeCell ref="VDU727:VDX727"/>
    <mergeCell ref="VCK727:VCN727"/>
    <mergeCell ref="VCO727:VCR727"/>
    <mergeCell ref="VCS727:VCV727"/>
    <mergeCell ref="VCW727:VCZ727"/>
    <mergeCell ref="VDA727:VDD727"/>
    <mergeCell ref="VBQ727:VBT727"/>
    <mergeCell ref="VBU727:VBX727"/>
    <mergeCell ref="VBY727:VCB727"/>
    <mergeCell ref="VCC727:VCF727"/>
    <mergeCell ref="VCG727:VCJ727"/>
    <mergeCell ref="VLQ727:VLT727"/>
    <mergeCell ref="VLU727:VLX727"/>
    <mergeCell ref="VLY727:VMB727"/>
    <mergeCell ref="VMC727:VMF727"/>
    <mergeCell ref="VMG727:VMJ727"/>
    <mergeCell ref="VKW727:VKZ727"/>
    <mergeCell ref="VLA727:VLD727"/>
    <mergeCell ref="VLE727:VLH727"/>
    <mergeCell ref="VLI727:VLL727"/>
    <mergeCell ref="VLM727:VLP727"/>
    <mergeCell ref="VKC727:VKF727"/>
    <mergeCell ref="VKG727:VKJ727"/>
    <mergeCell ref="VKK727:VKN727"/>
    <mergeCell ref="VKO727:VKR727"/>
    <mergeCell ref="VKS727:VKV727"/>
    <mergeCell ref="VJI727:VJL727"/>
    <mergeCell ref="VJM727:VJP727"/>
    <mergeCell ref="VJQ727:VJT727"/>
    <mergeCell ref="VJU727:VJX727"/>
    <mergeCell ref="VJY727:VKB727"/>
    <mergeCell ref="VIO727:VIR727"/>
    <mergeCell ref="VIS727:VIV727"/>
    <mergeCell ref="VIW727:VIZ727"/>
    <mergeCell ref="VJA727:VJD727"/>
    <mergeCell ref="VJE727:VJH727"/>
    <mergeCell ref="VHU727:VHX727"/>
    <mergeCell ref="VHY727:VIB727"/>
    <mergeCell ref="VIC727:VIF727"/>
    <mergeCell ref="VIG727:VIJ727"/>
    <mergeCell ref="VIK727:VIN727"/>
    <mergeCell ref="VHA727:VHD727"/>
    <mergeCell ref="VHE727:VHH727"/>
    <mergeCell ref="VHI727:VHL727"/>
    <mergeCell ref="VHM727:VHP727"/>
    <mergeCell ref="VHQ727:VHT727"/>
    <mergeCell ref="VRA727:VRD727"/>
    <mergeCell ref="VRE727:VRH727"/>
    <mergeCell ref="VRI727:VRL727"/>
    <mergeCell ref="VRM727:VRP727"/>
    <mergeCell ref="VRQ727:VRT727"/>
    <mergeCell ref="VQG727:VQJ727"/>
    <mergeCell ref="VQK727:VQN727"/>
    <mergeCell ref="VQO727:VQR727"/>
    <mergeCell ref="VQS727:VQV727"/>
    <mergeCell ref="VQW727:VQZ727"/>
    <mergeCell ref="VPM727:VPP727"/>
    <mergeCell ref="VPQ727:VPT727"/>
    <mergeCell ref="VPU727:VPX727"/>
    <mergeCell ref="VPY727:VQB727"/>
    <mergeCell ref="VQC727:VQF727"/>
    <mergeCell ref="VOS727:VOV727"/>
    <mergeCell ref="VOW727:VOZ727"/>
    <mergeCell ref="VPA727:VPD727"/>
    <mergeCell ref="VPE727:VPH727"/>
    <mergeCell ref="VPI727:VPL727"/>
    <mergeCell ref="VNY727:VOB727"/>
    <mergeCell ref="VOC727:VOF727"/>
    <mergeCell ref="VOG727:VOJ727"/>
    <mergeCell ref="VOK727:VON727"/>
    <mergeCell ref="VOO727:VOR727"/>
    <mergeCell ref="VNE727:VNH727"/>
    <mergeCell ref="VNI727:VNL727"/>
    <mergeCell ref="VNM727:VNP727"/>
    <mergeCell ref="VNQ727:VNT727"/>
    <mergeCell ref="VNU727:VNX727"/>
    <mergeCell ref="VMK727:VMN727"/>
    <mergeCell ref="VMO727:VMR727"/>
    <mergeCell ref="VMS727:VMV727"/>
    <mergeCell ref="VMW727:VMZ727"/>
    <mergeCell ref="VNA727:VND727"/>
    <mergeCell ref="VWK727:VWN727"/>
    <mergeCell ref="VWO727:VWR727"/>
    <mergeCell ref="VWS727:VWV727"/>
    <mergeCell ref="VWW727:VWZ727"/>
    <mergeCell ref="VXA727:VXD727"/>
    <mergeCell ref="VVQ727:VVT727"/>
    <mergeCell ref="VVU727:VVX727"/>
    <mergeCell ref="VVY727:VWB727"/>
    <mergeCell ref="VWC727:VWF727"/>
    <mergeCell ref="VWG727:VWJ727"/>
    <mergeCell ref="VUW727:VUZ727"/>
    <mergeCell ref="VVA727:VVD727"/>
    <mergeCell ref="VVE727:VVH727"/>
    <mergeCell ref="VVI727:VVL727"/>
    <mergeCell ref="VVM727:VVP727"/>
    <mergeCell ref="VUC727:VUF727"/>
    <mergeCell ref="VUG727:VUJ727"/>
    <mergeCell ref="VUK727:VUN727"/>
    <mergeCell ref="VUO727:VUR727"/>
    <mergeCell ref="VUS727:VUV727"/>
    <mergeCell ref="VTI727:VTL727"/>
    <mergeCell ref="VTM727:VTP727"/>
    <mergeCell ref="VTQ727:VTT727"/>
    <mergeCell ref="VTU727:VTX727"/>
    <mergeCell ref="VTY727:VUB727"/>
    <mergeCell ref="VSO727:VSR727"/>
    <mergeCell ref="VSS727:VSV727"/>
    <mergeCell ref="VSW727:VSZ727"/>
    <mergeCell ref="VTA727:VTD727"/>
    <mergeCell ref="VTE727:VTH727"/>
    <mergeCell ref="VRU727:VRX727"/>
    <mergeCell ref="VRY727:VSB727"/>
    <mergeCell ref="VSC727:VSF727"/>
    <mergeCell ref="VSG727:VSJ727"/>
    <mergeCell ref="VSK727:VSN727"/>
    <mergeCell ref="WBU727:WBX727"/>
    <mergeCell ref="WBY727:WCB727"/>
    <mergeCell ref="WCC727:WCF727"/>
    <mergeCell ref="WCG727:WCJ727"/>
    <mergeCell ref="WCK727:WCN727"/>
    <mergeCell ref="WBA727:WBD727"/>
    <mergeCell ref="WBE727:WBH727"/>
    <mergeCell ref="WBI727:WBL727"/>
    <mergeCell ref="WBM727:WBP727"/>
    <mergeCell ref="WBQ727:WBT727"/>
    <mergeCell ref="WAG727:WAJ727"/>
    <mergeCell ref="WAK727:WAN727"/>
    <mergeCell ref="WAO727:WAR727"/>
    <mergeCell ref="WAS727:WAV727"/>
    <mergeCell ref="WAW727:WAZ727"/>
    <mergeCell ref="VZM727:VZP727"/>
    <mergeCell ref="VZQ727:VZT727"/>
    <mergeCell ref="VZU727:VZX727"/>
    <mergeCell ref="VZY727:WAB727"/>
    <mergeCell ref="WAC727:WAF727"/>
    <mergeCell ref="VYS727:VYV727"/>
    <mergeCell ref="VYW727:VYZ727"/>
    <mergeCell ref="VZA727:VZD727"/>
    <mergeCell ref="VZE727:VZH727"/>
    <mergeCell ref="VZI727:VZL727"/>
    <mergeCell ref="VXY727:VYB727"/>
    <mergeCell ref="VYC727:VYF727"/>
    <mergeCell ref="VYG727:VYJ727"/>
    <mergeCell ref="VYK727:VYN727"/>
    <mergeCell ref="VYO727:VYR727"/>
    <mergeCell ref="VXE727:VXH727"/>
    <mergeCell ref="VXI727:VXL727"/>
    <mergeCell ref="VXM727:VXP727"/>
    <mergeCell ref="VXQ727:VXT727"/>
    <mergeCell ref="VXU727:VXX727"/>
    <mergeCell ref="WHE727:WHH727"/>
    <mergeCell ref="WHI727:WHL727"/>
    <mergeCell ref="WHM727:WHP727"/>
    <mergeCell ref="WHQ727:WHT727"/>
    <mergeCell ref="WHU727:WHX727"/>
    <mergeCell ref="WGK727:WGN727"/>
    <mergeCell ref="WGO727:WGR727"/>
    <mergeCell ref="WGS727:WGV727"/>
    <mergeCell ref="WGW727:WGZ727"/>
    <mergeCell ref="WHA727:WHD727"/>
    <mergeCell ref="WFQ727:WFT727"/>
    <mergeCell ref="WFU727:WFX727"/>
    <mergeCell ref="WFY727:WGB727"/>
    <mergeCell ref="WGC727:WGF727"/>
    <mergeCell ref="WGG727:WGJ727"/>
    <mergeCell ref="WEW727:WEZ727"/>
    <mergeCell ref="WFA727:WFD727"/>
    <mergeCell ref="WFE727:WFH727"/>
    <mergeCell ref="WFI727:WFL727"/>
    <mergeCell ref="WFM727:WFP727"/>
    <mergeCell ref="WEC727:WEF727"/>
    <mergeCell ref="WEG727:WEJ727"/>
    <mergeCell ref="WEK727:WEN727"/>
    <mergeCell ref="WEO727:WER727"/>
    <mergeCell ref="WES727:WEV727"/>
    <mergeCell ref="WDI727:WDL727"/>
    <mergeCell ref="WDM727:WDP727"/>
    <mergeCell ref="WDQ727:WDT727"/>
    <mergeCell ref="WDU727:WDX727"/>
    <mergeCell ref="WDY727:WEB727"/>
    <mergeCell ref="WCO727:WCR727"/>
    <mergeCell ref="WCS727:WCV727"/>
    <mergeCell ref="WCW727:WCZ727"/>
    <mergeCell ref="WDA727:WDD727"/>
    <mergeCell ref="WDE727:WDH727"/>
    <mergeCell ref="WMO727:WMR727"/>
    <mergeCell ref="WMS727:WMV727"/>
    <mergeCell ref="WMW727:WMZ727"/>
    <mergeCell ref="WNA727:WND727"/>
    <mergeCell ref="WNE727:WNH727"/>
    <mergeCell ref="WLU727:WLX727"/>
    <mergeCell ref="WLY727:WMB727"/>
    <mergeCell ref="WMC727:WMF727"/>
    <mergeCell ref="WMG727:WMJ727"/>
    <mergeCell ref="WMK727:WMN727"/>
    <mergeCell ref="WLA727:WLD727"/>
    <mergeCell ref="WLE727:WLH727"/>
    <mergeCell ref="WLI727:WLL727"/>
    <mergeCell ref="WLM727:WLP727"/>
    <mergeCell ref="WLQ727:WLT727"/>
    <mergeCell ref="WKG727:WKJ727"/>
    <mergeCell ref="WKK727:WKN727"/>
    <mergeCell ref="WKO727:WKR727"/>
    <mergeCell ref="WKS727:WKV727"/>
    <mergeCell ref="WKW727:WKZ727"/>
    <mergeCell ref="WJM727:WJP727"/>
    <mergeCell ref="WJQ727:WJT727"/>
    <mergeCell ref="WJU727:WJX727"/>
    <mergeCell ref="WJY727:WKB727"/>
    <mergeCell ref="WKC727:WKF727"/>
    <mergeCell ref="WIS727:WIV727"/>
    <mergeCell ref="WIW727:WIZ727"/>
    <mergeCell ref="WJA727:WJD727"/>
    <mergeCell ref="WJE727:WJH727"/>
    <mergeCell ref="WJI727:WJL727"/>
    <mergeCell ref="WHY727:WIB727"/>
    <mergeCell ref="WIC727:WIF727"/>
    <mergeCell ref="WIG727:WIJ727"/>
    <mergeCell ref="WIK727:WIN727"/>
    <mergeCell ref="WIO727:WIR727"/>
    <mergeCell ref="WRY727:WSB727"/>
    <mergeCell ref="WSC727:WSF727"/>
    <mergeCell ref="WSG727:WSJ727"/>
    <mergeCell ref="WSK727:WSN727"/>
    <mergeCell ref="WSO727:WSR727"/>
    <mergeCell ref="WRE727:WRH727"/>
    <mergeCell ref="WRI727:WRL727"/>
    <mergeCell ref="WRM727:WRP727"/>
    <mergeCell ref="WRQ727:WRT727"/>
    <mergeCell ref="WRU727:WRX727"/>
    <mergeCell ref="WQK727:WQN727"/>
    <mergeCell ref="WQO727:WQR727"/>
    <mergeCell ref="WQS727:WQV727"/>
    <mergeCell ref="WQW727:WQZ727"/>
    <mergeCell ref="WRA727:WRD727"/>
    <mergeCell ref="WPQ727:WPT727"/>
    <mergeCell ref="WPU727:WPX727"/>
    <mergeCell ref="WPY727:WQB727"/>
    <mergeCell ref="WQC727:WQF727"/>
    <mergeCell ref="WQG727:WQJ727"/>
    <mergeCell ref="WOW727:WOZ727"/>
    <mergeCell ref="WPA727:WPD727"/>
    <mergeCell ref="WPE727:WPH727"/>
    <mergeCell ref="WPI727:WPL727"/>
    <mergeCell ref="WPM727:WPP727"/>
    <mergeCell ref="WOC727:WOF727"/>
    <mergeCell ref="WOG727:WOJ727"/>
    <mergeCell ref="WOK727:WON727"/>
    <mergeCell ref="WOO727:WOR727"/>
    <mergeCell ref="WOS727:WOV727"/>
    <mergeCell ref="WNI727:WNL727"/>
    <mergeCell ref="WNM727:WNP727"/>
    <mergeCell ref="WNQ727:WNT727"/>
    <mergeCell ref="WNU727:WNX727"/>
    <mergeCell ref="WNY727:WOB727"/>
    <mergeCell ref="WYO727:WYR727"/>
    <mergeCell ref="WYS727:WYV727"/>
    <mergeCell ref="WXI727:WXL727"/>
    <mergeCell ref="WXM727:WXP727"/>
    <mergeCell ref="WXQ727:WXT727"/>
    <mergeCell ref="WXU727:WXX727"/>
    <mergeCell ref="WXY727:WYB727"/>
    <mergeCell ref="WWO727:WWR727"/>
    <mergeCell ref="WWS727:WWV727"/>
    <mergeCell ref="WWW727:WWZ727"/>
    <mergeCell ref="WXA727:WXD727"/>
    <mergeCell ref="WXE727:WXH727"/>
    <mergeCell ref="WVU727:WVX727"/>
    <mergeCell ref="WVY727:WWB727"/>
    <mergeCell ref="WWC727:WWF727"/>
    <mergeCell ref="WWG727:WWJ727"/>
    <mergeCell ref="WWK727:WWN727"/>
    <mergeCell ref="WVA727:WVD727"/>
    <mergeCell ref="WVE727:WVH727"/>
    <mergeCell ref="WVI727:WVL727"/>
    <mergeCell ref="WVM727:WVP727"/>
    <mergeCell ref="WVQ727:WVT727"/>
    <mergeCell ref="WUG727:WUJ727"/>
    <mergeCell ref="WUK727:WUN727"/>
    <mergeCell ref="WUO727:WUR727"/>
    <mergeCell ref="WUS727:WUV727"/>
    <mergeCell ref="WUW727:WUZ727"/>
    <mergeCell ref="WTM727:WTP727"/>
    <mergeCell ref="WTQ727:WTT727"/>
    <mergeCell ref="WTU727:WTX727"/>
    <mergeCell ref="WTY727:WUB727"/>
    <mergeCell ref="WUC727:WUF727"/>
    <mergeCell ref="WSS727:WSV727"/>
    <mergeCell ref="WSW727:WSZ727"/>
    <mergeCell ref="WTA727:WTD727"/>
    <mergeCell ref="WTE727:WTH727"/>
    <mergeCell ref="WTI727:WTL727"/>
    <mergeCell ref="BI728:BL728"/>
    <mergeCell ref="BM728:BP728"/>
    <mergeCell ref="BQ728:BT728"/>
    <mergeCell ref="BU728:BX728"/>
    <mergeCell ref="BY728:CB728"/>
    <mergeCell ref="XFA727:XFD727"/>
    <mergeCell ref="A728:D728"/>
    <mergeCell ref="E728:H728"/>
    <mergeCell ref="I728:L728"/>
    <mergeCell ref="M728:P728"/>
    <mergeCell ref="Q728:T728"/>
    <mergeCell ref="U728:X728"/>
    <mergeCell ref="Y728:AB728"/>
    <mergeCell ref="AC728:AF728"/>
    <mergeCell ref="AG728:AJ728"/>
    <mergeCell ref="AK728:AN728"/>
    <mergeCell ref="AO728:AR728"/>
    <mergeCell ref="AS728:AV728"/>
    <mergeCell ref="AW728:AZ728"/>
    <mergeCell ref="BA728:BD728"/>
    <mergeCell ref="BE728:BH728"/>
    <mergeCell ref="XEG727:XEJ727"/>
    <mergeCell ref="XEK727:XEN727"/>
    <mergeCell ref="XEO727:XER727"/>
    <mergeCell ref="XES727:XEV727"/>
    <mergeCell ref="XEW727:XEZ727"/>
    <mergeCell ref="XDM727:XDP727"/>
    <mergeCell ref="XDQ727:XDT727"/>
    <mergeCell ref="XDU727:XDX727"/>
    <mergeCell ref="XDY727:XEB727"/>
    <mergeCell ref="XEC727:XEF727"/>
    <mergeCell ref="XCS727:XCV727"/>
    <mergeCell ref="XCW727:XCZ727"/>
    <mergeCell ref="XDA727:XDD727"/>
    <mergeCell ref="XDE727:XDH727"/>
    <mergeCell ref="XDI727:XDL727"/>
    <mergeCell ref="XBY727:XCB727"/>
    <mergeCell ref="XCC727:XCF727"/>
    <mergeCell ref="XCG727:XCJ727"/>
    <mergeCell ref="XCK727:XCN727"/>
    <mergeCell ref="XCO727:XCR727"/>
    <mergeCell ref="XBE727:XBH727"/>
    <mergeCell ref="XBI727:XBL727"/>
    <mergeCell ref="XBM727:XBP727"/>
    <mergeCell ref="XBQ727:XBT727"/>
    <mergeCell ref="XBU727:XBX727"/>
    <mergeCell ref="XAK727:XAN727"/>
    <mergeCell ref="XAO727:XAR727"/>
    <mergeCell ref="XAS727:XAV727"/>
    <mergeCell ref="XAW727:XAZ727"/>
    <mergeCell ref="XBA727:XBD727"/>
    <mergeCell ref="WZQ727:WZT727"/>
    <mergeCell ref="WZU727:WZX727"/>
    <mergeCell ref="WZY727:XAB727"/>
    <mergeCell ref="XAC727:XAF727"/>
    <mergeCell ref="XAG727:XAJ727"/>
    <mergeCell ref="WYW727:WYZ727"/>
    <mergeCell ref="WZA727:WZD727"/>
    <mergeCell ref="WZE727:WZH727"/>
    <mergeCell ref="WZI727:WZL727"/>
    <mergeCell ref="WZM727:WZP727"/>
    <mergeCell ref="WYC727:WYF727"/>
    <mergeCell ref="WYG727:WYJ727"/>
    <mergeCell ref="WYK727:WYN727"/>
    <mergeCell ref="GS728:GV728"/>
    <mergeCell ref="GW728:GZ728"/>
    <mergeCell ref="HA728:HD728"/>
    <mergeCell ref="HE728:HH728"/>
    <mergeCell ref="HI728:HL728"/>
    <mergeCell ref="FY728:GB728"/>
    <mergeCell ref="GC728:GF728"/>
    <mergeCell ref="GG728:GJ728"/>
    <mergeCell ref="GK728:GN728"/>
    <mergeCell ref="GO728:GR728"/>
    <mergeCell ref="FE728:FH728"/>
    <mergeCell ref="FI728:FL728"/>
    <mergeCell ref="FM728:FP728"/>
    <mergeCell ref="FQ728:FT728"/>
    <mergeCell ref="FU728:FX728"/>
    <mergeCell ref="EK728:EN728"/>
    <mergeCell ref="EO728:ER728"/>
    <mergeCell ref="ES728:EV728"/>
    <mergeCell ref="EW728:EZ728"/>
    <mergeCell ref="FA728:FD728"/>
    <mergeCell ref="DQ728:DT728"/>
    <mergeCell ref="DU728:DX728"/>
    <mergeCell ref="DY728:EB728"/>
    <mergeCell ref="EC728:EF728"/>
    <mergeCell ref="EG728:EJ728"/>
    <mergeCell ref="CW728:CZ728"/>
    <mergeCell ref="DA728:DD728"/>
    <mergeCell ref="DE728:DH728"/>
    <mergeCell ref="DI728:DL728"/>
    <mergeCell ref="DM728:DP728"/>
    <mergeCell ref="CC728:CF728"/>
    <mergeCell ref="CG728:CJ728"/>
    <mergeCell ref="CK728:CN728"/>
    <mergeCell ref="CO728:CR728"/>
    <mergeCell ref="CS728:CV728"/>
    <mergeCell ref="MC728:MF728"/>
    <mergeCell ref="MG728:MJ728"/>
    <mergeCell ref="MK728:MN728"/>
    <mergeCell ref="MO728:MR728"/>
    <mergeCell ref="MS728:MV728"/>
    <mergeCell ref="LI728:LL728"/>
    <mergeCell ref="LM728:LP728"/>
    <mergeCell ref="LQ728:LT728"/>
    <mergeCell ref="LU728:LX728"/>
    <mergeCell ref="LY728:MB728"/>
    <mergeCell ref="KO728:KR728"/>
    <mergeCell ref="KS728:KV728"/>
    <mergeCell ref="KW728:KZ728"/>
    <mergeCell ref="LA728:LD728"/>
    <mergeCell ref="LE728:LH728"/>
    <mergeCell ref="JU728:JX728"/>
    <mergeCell ref="JY728:KB728"/>
    <mergeCell ref="KC728:KF728"/>
    <mergeCell ref="KG728:KJ728"/>
    <mergeCell ref="KK728:KN728"/>
    <mergeCell ref="JA728:JD728"/>
    <mergeCell ref="JE728:JH728"/>
    <mergeCell ref="JI728:JL728"/>
    <mergeCell ref="JM728:JP728"/>
    <mergeCell ref="JQ728:JT728"/>
    <mergeCell ref="IG728:IJ728"/>
    <mergeCell ref="IK728:IN728"/>
    <mergeCell ref="IO728:IR728"/>
    <mergeCell ref="IS728:IV728"/>
    <mergeCell ref="IW728:IZ728"/>
    <mergeCell ref="HM728:HP728"/>
    <mergeCell ref="HQ728:HT728"/>
    <mergeCell ref="HU728:HX728"/>
    <mergeCell ref="HY728:IB728"/>
    <mergeCell ref="IC728:IF728"/>
    <mergeCell ref="RM728:RP728"/>
    <mergeCell ref="RQ728:RT728"/>
    <mergeCell ref="RU728:RX728"/>
    <mergeCell ref="RY728:SB728"/>
    <mergeCell ref="SC728:SF728"/>
    <mergeCell ref="QS728:QV728"/>
    <mergeCell ref="QW728:QZ728"/>
    <mergeCell ref="RA728:RD728"/>
    <mergeCell ref="RE728:RH728"/>
    <mergeCell ref="RI728:RL728"/>
    <mergeCell ref="PY728:QB728"/>
    <mergeCell ref="QC728:QF728"/>
    <mergeCell ref="QG728:QJ728"/>
    <mergeCell ref="QK728:QN728"/>
    <mergeCell ref="QO728:QR728"/>
    <mergeCell ref="PE728:PH728"/>
    <mergeCell ref="PI728:PL728"/>
    <mergeCell ref="PM728:PP728"/>
    <mergeCell ref="PQ728:PT728"/>
    <mergeCell ref="PU728:PX728"/>
    <mergeCell ref="OK728:ON728"/>
    <mergeCell ref="OO728:OR728"/>
    <mergeCell ref="OS728:OV728"/>
    <mergeCell ref="OW728:OZ728"/>
    <mergeCell ref="PA728:PD728"/>
    <mergeCell ref="NQ728:NT728"/>
    <mergeCell ref="NU728:NX728"/>
    <mergeCell ref="NY728:OB728"/>
    <mergeCell ref="OC728:OF728"/>
    <mergeCell ref="OG728:OJ728"/>
    <mergeCell ref="MW728:MZ728"/>
    <mergeCell ref="NA728:ND728"/>
    <mergeCell ref="NE728:NH728"/>
    <mergeCell ref="NI728:NL728"/>
    <mergeCell ref="NM728:NP728"/>
    <mergeCell ref="WW728:WZ728"/>
    <mergeCell ref="XA728:XD728"/>
    <mergeCell ref="XE728:XH728"/>
    <mergeCell ref="XI728:XL728"/>
    <mergeCell ref="XM728:XP728"/>
    <mergeCell ref="WC728:WF728"/>
    <mergeCell ref="WG728:WJ728"/>
    <mergeCell ref="WK728:WN728"/>
    <mergeCell ref="WO728:WR728"/>
    <mergeCell ref="WS728:WV728"/>
    <mergeCell ref="VI728:VL728"/>
    <mergeCell ref="VM728:VP728"/>
    <mergeCell ref="VQ728:VT728"/>
    <mergeCell ref="VU728:VX728"/>
    <mergeCell ref="VY728:WB728"/>
    <mergeCell ref="UO728:UR728"/>
    <mergeCell ref="US728:UV728"/>
    <mergeCell ref="UW728:UZ728"/>
    <mergeCell ref="VA728:VD728"/>
    <mergeCell ref="VE728:VH728"/>
    <mergeCell ref="TU728:TX728"/>
    <mergeCell ref="TY728:UB728"/>
    <mergeCell ref="UC728:UF728"/>
    <mergeCell ref="UG728:UJ728"/>
    <mergeCell ref="UK728:UN728"/>
    <mergeCell ref="TA728:TD728"/>
    <mergeCell ref="TE728:TH728"/>
    <mergeCell ref="TI728:TL728"/>
    <mergeCell ref="TM728:TP728"/>
    <mergeCell ref="TQ728:TT728"/>
    <mergeCell ref="SG728:SJ728"/>
    <mergeCell ref="SK728:SN728"/>
    <mergeCell ref="SO728:SR728"/>
    <mergeCell ref="SS728:SV728"/>
    <mergeCell ref="SW728:SZ728"/>
    <mergeCell ref="ACG728:ACJ728"/>
    <mergeCell ref="ACK728:ACN728"/>
    <mergeCell ref="ACO728:ACR728"/>
    <mergeCell ref="ACS728:ACV728"/>
    <mergeCell ref="ACW728:ACZ728"/>
    <mergeCell ref="ABM728:ABP728"/>
    <mergeCell ref="ABQ728:ABT728"/>
    <mergeCell ref="ABU728:ABX728"/>
    <mergeCell ref="ABY728:ACB728"/>
    <mergeCell ref="ACC728:ACF728"/>
    <mergeCell ref="AAS728:AAV728"/>
    <mergeCell ref="AAW728:AAZ728"/>
    <mergeCell ref="ABA728:ABD728"/>
    <mergeCell ref="ABE728:ABH728"/>
    <mergeCell ref="ABI728:ABL728"/>
    <mergeCell ref="ZY728:AAB728"/>
    <mergeCell ref="AAC728:AAF728"/>
    <mergeCell ref="AAG728:AAJ728"/>
    <mergeCell ref="AAK728:AAN728"/>
    <mergeCell ref="AAO728:AAR728"/>
    <mergeCell ref="ZE728:ZH728"/>
    <mergeCell ref="ZI728:ZL728"/>
    <mergeCell ref="ZM728:ZP728"/>
    <mergeCell ref="ZQ728:ZT728"/>
    <mergeCell ref="ZU728:ZX728"/>
    <mergeCell ref="YK728:YN728"/>
    <mergeCell ref="YO728:YR728"/>
    <mergeCell ref="YS728:YV728"/>
    <mergeCell ref="YW728:YZ728"/>
    <mergeCell ref="ZA728:ZD728"/>
    <mergeCell ref="XQ728:XT728"/>
    <mergeCell ref="XU728:XX728"/>
    <mergeCell ref="XY728:YB728"/>
    <mergeCell ref="YC728:YF728"/>
    <mergeCell ref="YG728:YJ728"/>
    <mergeCell ref="AHQ728:AHT728"/>
    <mergeCell ref="AHU728:AHX728"/>
    <mergeCell ref="AHY728:AIB728"/>
    <mergeCell ref="AIC728:AIF728"/>
    <mergeCell ref="AIG728:AIJ728"/>
    <mergeCell ref="AGW728:AGZ728"/>
    <mergeCell ref="AHA728:AHD728"/>
    <mergeCell ref="AHE728:AHH728"/>
    <mergeCell ref="AHI728:AHL728"/>
    <mergeCell ref="AHM728:AHP728"/>
    <mergeCell ref="AGC728:AGF728"/>
    <mergeCell ref="AGG728:AGJ728"/>
    <mergeCell ref="AGK728:AGN728"/>
    <mergeCell ref="AGO728:AGR728"/>
    <mergeCell ref="AGS728:AGV728"/>
    <mergeCell ref="AFI728:AFL728"/>
    <mergeCell ref="AFM728:AFP728"/>
    <mergeCell ref="AFQ728:AFT728"/>
    <mergeCell ref="AFU728:AFX728"/>
    <mergeCell ref="AFY728:AGB728"/>
    <mergeCell ref="AEO728:AER728"/>
    <mergeCell ref="AES728:AEV728"/>
    <mergeCell ref="AEW728:AEZ728"/>
    <mergeCell ref="AFA728:AFD728"/>
    <mergeCell ref="AFE728:AFH728"/>
    <mergeCell ref="ADU728:ADX728"/>
    <mergeCell ref="ADY728:AEB728"/>
    <mergeCell ref="AEC728:AEF728"/>
    <mergeCell ref="AEG728:AEJ728"/>
    <mergeCell ref="AEK728:AEN728"/>
    <mergeCell ref="ADA728:ADD728"/>
    <mergeCell ref="ADE728:ADH728"/>
    <mergeCell ref="ADI728:ADL728"/>
    <mergeCell ref="ADM728:ADP728"/>
    <mergeCell ref="ADQ728:ADT728"/>
    <mergeCell ref="ANA728:AND728"/>
    <mergeCell ref="ANE728:ANH728"/>
    <mergeCell ref="ANI728:ANL728"/>
    <mergeCell ref="ANM728:ANP728"/>
    <mergeCell ref="ANQ728:ANT728"/>
    <mergeCell ref="AMG728:AMJ728"/>
    <mergeCell ref="AMK728:AMN728"/>
    <mergeCell ref="AMO728:AMR728"/>
    <mergeCell ref="AMS728:AMV728"/>
    <mergeCell ref="AMW728:AMZ728"/>
    <mergeCell ref="ALM728:ALP728"/>
    <mergeCell ref="ALQ728:ALT728"/>
    <mergeCell ref="ALU728:ALX728"/>
    <mergeCell ref="ALY728:AMB728"/>
    <mergeCell ref="AMC728:AMF728"/>
    <mergeCell ref="AKS728:AKV728"/>
    <mergeCell ref="AKW728:AKZ728"/>
    <mergeCell ref="ALA728:ALD728"/>
    <mergeCell ref="ALE728:ALH728"/>
    <mergeCell ref="ALI728:ALL728"/>
    <mergeCell ref="AJY728:AKB728"/>
    <mergeCell ref="AKC728:AKF728"/>
    <mergeCell ref="AKG728:AKJ728"/>
    <mergeCell ref="AKK728:AKN728"/>
    <mergeCell ref="AKO728:AKR728"/>
    <mergeCell ref="AJE728:AJH728"/>
    <mergeCell ref="AJI728:AJL728"/>
    <mergeCell ref="AJM728:AJP728"/>
    <mergeCell ref="AJQ728:AJT728"/>
    <mergeCell ref="AJU728:AJX728"/>
    <mergeCell ref="AIK728:AIN728"/>
    <mergeCell ref="AIO728:AIR728"/>
    <mergeCell ref="AIS728:AIV728"/>
    <mergeCell ref="AIW728:AIZ728"/>
    <mergeCell ref="AJA728:AJD728"/>
    <mergeCell ref="ASK728:ASN728"/>
    <mergeCell ref="ASO728:ASR728"/>
    <mergeCell ref="ASS728:ASV728"/>
    <mergeCell ref="ASW728:ASZ728"/>
    <mergeCell ref="ATA728:ATD728"/>
    <mergeCell ref="ARQ728:ART728"/>
    <mergeCell ref="ARU728:ARX728"/>
    <mergeCell ref="ARY728:ASB728"/>
    <mergeCell ref="ASC728:ASF728"/>
    <mergeCell ref="ASG728:ASJ728"/>
    <mergeCell ref="AQW728:AQZ728"/>
    <mergeCell ref="ARA728:ARD728"/>
    <mergeCell ref="ARE728:ARH728"/>
    <mergeCell ref="ARI728:ARL728"/>
    <mergeCell ref="ARM728:ARP728"/>
    <mergeCell ref="AQC728:AQF728"/>
    <mergeCell ref="AQG728:AQJ728"/>
    <mergeCell ref="AQK728:AQN728"/>
    <mergeCell ref="AQO728:AQR728"/>
    <mergeCell ref="AQS728:AQV728"/>
    <mergeCell ref="API728:APL728"/>
    <mergeCell ref="APM728:APP728"/>
    <mergeCell ref="APQ728:APT728"/>
    <mergeCell ref="APU728:APX728"/>
    <mergeCell ref="APY728:AQB728"/>
    <mergeCell ref="AOO728:AOR728"/>
    <mergeCell ref="AOS728:AOV728"/>
    <mergeCell ref="AOW728:AOZ728"/>
    <mergeCell ref="APA728:APD728"/>
    <mergeCell ref="APE728:APH728"/>
    <mergeCell ref="ANU728:ANX728"/>
    <mergeCell ref="ANY728:AOB728"/>
    <mergeCell ref="AOC728:AOF728"/>
    <mergeCell ref="AOG728:AOJ728"/>
    <mergeCell ref="AOK728:AON728"/>
    <mergeCell ref="AXU728:AXX728"/>
    <mergeCell ref="AXY728:AYB728"/>
    <mergeCell ref="AYC728:AYF728"/>
    <mergeCell ref="AYG728:AYJ728"/>
    <mergeCell ref="AYK728:AYN728"/>
    <mergeCell ref="AXA728:AXD728"/>
    <mergeCell ref="AXE728:AXH728"/>
    <mergeCell ref="AXI728:AXL728"/>
    <mergeCell ref="AXM728:AXP728"/>
    <mergeCell ref="AXQ728:AXT728"/>
    <mergeCell ref="AWG728:AWJ728"/>
    <mergeCell ref="AWK728:AWN728"/>
    <mergeCell ref="AWO728:AWR728"/>
    <mergeCell ref="AWS728:AWV728"/>
    <mergeCell ref="AWW728:AWZ728"/>
    <mergeCell ref="AVM728:AVP728"/>
    <mergeCell ref="AVQ728:AVT728"/>
    <mergeCell ref="AVU728:AVX728"/>
    <mergeCell ref="AVY728:AWB728"/>
    <mergeCell ref="AWC728:AWF728"/>
    <mergeCell ref="AUS728:AUV728"/>
    <mergeCell ref="AUW728:AUZ728"/>
    <mergeCell ref="AVA728:AVD728"/>
    <mergeCell ref="AVE728:AVH728"/>
    <mergeCell ref="AVI728:AVL728"/>
    <mergeCell ref="ATY728:AUB728"/>
    <mergeCell ref="AUC728:AUF728"/>
    <mergeCell ref="AUG728:AUJ728"/>
    <mergeCell ref="AUK728:AUN728"/>
    <mergeCell ref="AUO728:AUR728"/>
    <mergeCell ref="ATE728:ATH728"/>
    <mergeCell ref="ATI728:ATL728"/>
    <mergeCell ref="ATM728:ATP728"/>
    <mergeCell ref="ATQ728:ATT728"/>
    <mergeCell ref="ATU728:ATX728"/>
    <mergeCell ref="BDE728:BDH728"/>
    <mergeCell ref="BDI728:BDL728"/>
    <mergeCell ref="BDM728:BDP728"/>
    <mergeCell ref="BDQ728:BDT728"/>
    <mergeCell ref="BDU728:BDX728"/>
    <mergeCell ref="BCK728:BCN728"/>
    <mergeCell ref="BCO728:BCR728"/>
    <mergeCell ref="BCS728:BCV728"/>
    <mergeCell ref="BCW728:BCZ728"/>
    <mergeCell ref="BDA728:BDD728"/>
    <mergeCell ref="BBQ728:BBT728"/>
    <mergeCell ref="BBU728:BBX728"/>
    <mergeCell ref="BBY728:BCB728"/>
    <mergeCell ref="BCC728:BCF728"/>
    <mergeCell ref="BCG728:BCJ728"/>
    <mergeCell ref="BAW728:BAZ728"/>
    <mergeCell ref="BBA728:BBD728"/>
    <mergeCell ref="BBE728:BBH728"/>
    <mergeCell ref="BBI728:BBL728"/>
    <mergeCell ref="BBM728:BBP728"/>
    <mergeCell ref="BAC728:BAF728"/>
    <mergeCell ref="BAG728:BAJ728"/>
    <mergeCell ref="BAK728:BAN728"/>
    <mergeCell ref="BAO728:BAR728"/>
    <mergeCell ref="BAS728:BAV728"/>
    <mergeCell ref="AZI728:AZL728"/>
    <mergeCell ref="AZM728:AZP728"/>
    <mergeCell ref="AZQ728:AZT728"/>
    <mergeCell ref="AZU728:AZX728"/>
    <mergeCell ref="AZY728:BAB728"/>
    <mergeCell ref="AYO728:AYR728"/>
    <mergeCell ref="AYS728:AYV728"/>
    <mergeCell ref="AYW728:AYZ728"/>
    <mergeCell ref="AZA728:AZD728"/>
    <mergeCell ref="AZE728:AZH728"/>
    <mergeCell ref="BIO728:BIR728"/>
    <mergeCell ref="BIS728:BIV728"/>
    <mergeCell ref="BIW728:BIZ728"/>
    <mergeCell ref="BJA728:BJD728"/>
    <mergeCell ref="BJE728:BJH728"/>
    <mergeCell ref="BHU728:BHX728"/>
    <mergeCell ref="BHY728:BIB728"/>
    <mergeCell ref="BIC728:BIF728"/>
    <mergeCell ref="BIG728:BIJ728"/>
    <mergeCell ref="BIK728:BIN728"/>
    <mergeCell ref="BHA728:BHD728"/>
    <mergeCell ref="BHE728:BHH728"/>
    <mergeCell ref="BHI728:BHL728"/>
    <mergeCell ref="BHM728:BHP728"/>
    <mergeCell ref="BHQ728:BHT728"/>
    <mergeCell ref="BGG728:BGJ728"/>
    <mergeCell ref="BGK728:BGN728"/>
    <mergeCell ref="BGO728:BGR728"/>
    <mergeCell ref="BGS728:BGV728"/>
    <mergeCell ref="BGW728:BGZ728"/>
    <mergeCell ref="BFM728:BFP728"/>
    <mergeCell ref="BFQ728:BFT728"/>
    <mergeCell ref="BFU728:BFX728"/>
    <mergeCell ref="BFY728:BGB728"/>
    <mergeCell ref="BGC728:BGF728"/>
    <mergeCell ref="BES728:BEV728"/>
    <mergeCell ref="BEW728:BEZ728"/>
    <mergeCell ref="BFA728:BFD728"/>
    <mergeCell ref="BFE728:BFH728"/>
    <mergeCell ref="BFI728:BFL728"/>
    <mergeCell ref="BDY728:BEB728"/>
    <mergeCell ref="BEC728:BEF728"/>
    <mergeCell ref="BEG728:BEJ728"/>
    <mergeCell ref="BEK728:BEN728"/>
    <mergeCell ref="BEO728:BER728"/>
    <mergeCell ref="BNY728:BOB728"/>
    <mergeCell ref="BOC728:BOF728"/>
    <mergeCell ref="BOG728:BOJ728"/>
    <mergeCell ref="BOK728:BON728"/>
    <mergeCell ref="BOO728:BOR728"/>
    <mergeCell ref="BNE728:BNH728"/>
    <mergeCell ref="BNI728:BNL728"/>
    <mergeCell ref="BNM728:BNP728"/>
    <mergeCell ref="BNQ728:BNT728"/>
    <mergeCell ref="BNU728:BNX728"/>
    <mergeCell ref="BMK728:BMN728"/>
    <mergeCell ref="BMO728:BMR728"/>
    <mergeCell ref="BMS728:BMV728"/>
    <mergeCell ref="BMW728:BMZ728"/>
    <mergeCell ref="BNA728:BND728"/>
    <mergeCell ref="BLQ728:BLT728"/>
    <mergeCell ref="BLU728:BLX728"/>
    <mergeCell ref="BLY728:BMB728"/>
    <mergeCell ref="BMC728:BMF728"/>
    <mergeCell ref="BMG728:BMJ728"/>
    <mergeCell ref="BKW728:BKZ728"/>
    <mergeCell ref="BLA728:BLD728"/>
    <mergeCell ref="BLE728:BLH728"/>
    <mergeCell ref="BLI728:BLL728"/>
    <mergeCell ref="BLM728:BLP728"/>
    <mergeCell ref="BKC728:BKF728"/>
    <mergeCell ref="BKG728:BKJ728"/>
    <mergeCell ref="BKK728:BKN728"/>
    <mergeCell ref="BKO728:BKR728"/>
    <mergeCell ref="BKS728:BKV728"/>
    <mergeCell ref="BJI728:BJL728"/>
    <mergeCell ref="BJM728:BJP728"/>
    <mergeCell ref="BJQ728:BJT728"/>
    <mergeCell ref="BJU728:BJX728"/>
    <mergeCell ref="BJY728:BKB728"/>
    <mergeCell ref="BTI728:BTL728"/>
    <mergeCell ref="BTM728:BTP728"/>
    <mergeCell ref="BTQ728:BTT728"/>
    <mergeCell ref="BTU728:BTX728"/>
    <mergeCell ref="BTY728:BUB728"/>
    <mergeCell ref="BSO728:BSR728"/>
    <mergeCell ref="BSS728:BSV728"/>
    <mergeCell ref="BSW728:BSZ728"/>
    <mergeCell ref="BTA728:BTD728"/>
    <mergeCell ref="BTE728:BTH728"/>
    <mergeCell ref="BRU728:BRX728"/>
    <mergeCell ref="BRY728:BSB728"/>
    <mergeCell ref="BSC728:BSF728"/>
    <mergeCell ref="BSG728:BSJ728"/>
    <mergeCell ref="BSK728:BSN728"/>
    <mergeCell ref="BRA728:BRD728"/>
    <mergeCell ref="BRE728:BRH728"/>
    <mergeCell ref="BRI728:BRL728"/>
    <mergeCell ref="BRM728:BRP728"/>
    <mergeCell ref="BRQ728:BRT728"/>
    <mergeCell ref="BQG728:BQJ728"/>
    <mergeCell ref="BQK728:BQN728"/>
    <mergeCell ref="BQO728:BQR728"/>
    <mergeCell ref="BQS728:BQV728"/>
    <mergeCell ref="BQW728:BQZ728"/>
    <mergeCell ref="BPM728:BPP728"/>
    <mergeCell ref="BPQ728:BPT728"/>
    <mergeCell ref="BPU728:BPX728"/>
    <mergeCell ref="BPY728:BQB728"/>
    <mergeCell ref="BQC728:BQF728"/>
    <mergeCell ref="BOS728:BOV728"/>
    <mergeCell ref="BOW728:BOZ728"/>
    <mergeCell ref="BPA728:BPD728"/>
    <mergeCell ref="BPE728:BPH728"/>
    <mergeCell ref="BPI728:BPL728"/>
    <mergeCell ref="BYS728:BYV728"/>
    <mergeCell ref="BYW728:BYZ728"/>
    <mergeCell ref="BZA728:BZD728"/>
    <mergeCell ref="BZE728:BZH728"/>
    <mergeCell ref="BZI728:BZL728"/>
    <mergeCell ref="BXY728:BYB728"/>
    <mergeCell ref="BYC728:BYF728"/>
    <mergeCell ref="BYG728:BYJ728"/>
    <mergeCell ref="BYK728:BYN728"/>
    <mergeCell ref="BYO728:BYR728"/>
    <mergeCell ref="BXE728:BXH728"/>
    <mergeCell ref="BXI728:BXL728"/>
    <mergeCell ref="BXM728:BXP728"/>
    <mergeCell ref="BXQ728:BXT728"/>
    <mergeCell ref="BXU728:BXX728"/>
    <mergeCell ref="BWK728:BWN728"/>
    <mergeCell ref="BWO728:BWR728"/>
    <mergeCell ref="BWS728:BWV728"/>
    <mergeCell ref="BWW728:BWZ728"/>
    <mergeCell ref="BXA728:BXD728"/>
    <mergeCell ref="BVQ728:BVT728"/>
    <mergeCell ref="BVU728:BVX728"/>
    <mergeCell ref="BVY728:BWB728"/>
    <mergeCell ref="BWC728:BWF728"/>
    <mergeCell ref="BWG728:BWJ728"/>
    <mergeCell ref="BUW728:BUZ728"/>
    <mergeCell ref="BVA728:BVD728"/>
    <mergeCell ref="BVE728:BVH728"/>
    <mergeCell ref="BVI728:BVL728"/>
    <mergeCell ref="BVM728:BVP728"/>
    <mergeCell ref="BUC728:BUF728"/>
    <mergeCell ref="BUG728:BUJ728"/>
    <mergeCell ref="BUK728:BUN728"/>
    <mergeCell ref="BUO728:BUR728"/>
    <mergeCell ref="BUS728:BUV728"/>
    <mergeCell ref="CEC728:CEF728"/>
    <mergeCell ref="CEG728:CEJ728"/>
    <mergeCell ref="CEK728:CEN728"/>
    <mergeCell ref="CEO728:CER728"/>
    <mergeCell ref="CES728:CEV728"/>
    <mergeCell ref="CDI728:CDL728"/>
    <mergeCell ref="CDM728:CDP728"/>
    <mergeCell ref="CDQ728:CDT728"/>
    <mergeCell ref="CDU728:CDX728"/>
    <mergeCell ref="CDY728:CEB728"/>
    <mergeCell ref="CCO728:CCR728"/>
    <mergeCell ref="CCS728:CCV728"/>
    <mergeCell ref="CCW728:CCZ728"/>
    <mergeCell ref="CDA728:CDD728"/>
    <mergeCell ref="CDE728:CDH728"/>
    <mergeCell ref="CBU728:CBX728"/>
    <mergeCell ref="CBY728:CCB728"/>
    <mergeCell ref="CCC728:CCF728"/>
    <mergeCell ref="CCG728:CCJ728"/>
    <mergeCell ref="CCK728:CCN728"/>
    <mergeCell ref="CBA728:CBD728"/>
    <mergeCell ref="CBE728:CBH728"/>
    <mergeCell ref="CBI728:CBL728"/>
    <mergeCell ref="CBM728:CBP728"/>
    <mergeCell ref="CBQ728:CBT728"/>
    <mergeCell ref="CAG728:CAJ728"/>
    <mergeCell ref="CAK728:CAN728"/>
    <mergeCell ref="CAO728:CAR728"/>
    <mergeCell ref="CAS728:CAV728"/>
    <mergeCell ref="CAW728:CAZ728"/>
    <mergeCell ref="BZM728:BZP728"/>
    <mergeCell ref="BZQ728:BZT728"/>
    <mergeCell ref="BZU728:BZX728"/>
    <mergeCell ref="BZY728:CAB728"/>
    <mergeCell ref="CAC728:CAF728"/>
    <mergeCell ref="CJM728:CJP728"/>
    <mergeCell ref="CJQ728:CJT728"/>
    <mergeCell ref="CJU728:CJX728"/>
    <mergeCell ref="CJY728:CKB728"/>
    <mergeCell ref="CKC728:CKF728"/>
    <mergeCell ref="CIS728:CIV728"/>
    <mergeCell ref="CIW728:CIZ728"/>
    <mergeCell ref="CJA728:CJD728"/>
    <mergeCell ref="CJE728:CJH728"/>
    <mergeCell ref="CJI728:CJL728"/>
    <mergeCell ref="CHY728:CIB728"/>
    <mergeCell ref="CIC728:CIF728"/>
    <mergeCell ref="CIG728:CIJ728"/>
    <mergeCell ref="CIK728:CIN728"/>
    <mergeCell ref="CIO728:CIR728"/>
    <mergeCell ref="CHE728:CHH728"/>
    <mergeCell ref="CHI728:CHL728"/>
    <mergeCell ref="CHM728:CHP728"/>
    <mergeCell ref="CHQ728:CHT728"/>
    <mergeCell ref="CHU728:CHX728"/>
    <mergeCell ref="CGK728:CGN728"/>
    <mergeCell ref="CGO728:CGR728"/>
    <mergeCell ref="CGS728:CGV728"/>
    <mergeCell ref="CGW728:CGZ728"/>
    <mergeCell ref="CHA728:CHD728"/>
    <mergeCell ref="CFQ728:CFT728"/>
    <mergeCell ref="CFU728:CFX728"/>
    <mergeCell ref="CFY728:CGB728"/>
    <mergeCell ref="CGC728:CGF728"/>
    <mergeCell ref="CGG728:CGJ728"/>
    <mergeCell ref="CEW728:CEZ728"/>
    <mergeCell ref="CFA728:CFD728"/>
    <mergeCell ref="CFE728:CFH728"/>
    <mergeCell ref="CFI728:CFL728"/>
    <mergeCell ref="CFM728:CFP728"/>
    <mergeCell ref="COW728:COZ728"/>
    <mergeCell ref="CPA728:CPD728"/>
    <mergeCell ref="CPE728:CPH728"/>
    <mergeCell ref="CPI728:CPL728"/>
    <mergeCell ref="CPM728:CPP728"/>
    <mergeCell ref="COC728:COF728"/>
    <mergeCell ref="COG728:COJ728"/>
    <mergeCell ref="COK728:CON728"/>
    <mergeCell ref="COO728:COR728"/>
    <mergeCell ref="COS728:COV728"/>
    <mergeCell ref="CNI728:CNL728"/>
    <mergeCell ref="CNM728:CNP728"/>
    <mergeCell ref="CNQ728:CNT728"/>
    <mergeCell ref="CNU728:CNX728"/>
    <mergeCell ref="CNY728:COB728"/>
    <mergeCell ref="CMO728:CMR728"/>
    <mergeCell ref="CMS728:CMV728"/>
    <mergeCell ref="CMW728:CMZ728"/>
    <mergeCell ref="CNA728:CND728"/>
    <mergeCell ref="CNE728:CNH728"/>
    <mergeCell ref="CLU728:CLX728"/>
    <mergeCell ref="CLY728:CMB728"/>
    <mergeCell ref="CMC728:CMF728"/>
    <mergeCell ref="CMG728:CMJ728"/>
    <mergeCell ref="CMK728:CMN728"/>
    <mergeCell ref="CLA728:CLD728"/>
    <mergeCell ref="CLE728:CLH728"/>
    <mergeCell ref="CLI728:CLL728"/>
    <mergeCell ref="CLM728:CLP728"/>
    <mergeCell ref="CLQ728:CLT728"/>
    <mergeCell ref="CKG728:CKJ728"/>
    <mergeCell ref="CKK728:CKN728"/>
    <mergeCell ref="CKO728:CKR728"/>
    <mergeCell ref="CKS728:CKV728"/>
    <mergeCell ref="CKW728:CKZ728"/>
    <mergeCell ref="CUG728:CUJ728"/>
    <mergeCell ref="CUK728:CUN728"/>
    <mergeCell ref="CUO728:CUR728"/>
    <mergeCell ref="CUS728:CUV728"/>
    <mergeCell ref="CUW728:CUZ728"/>
    <mergeCell ref="CTM728:CTP728"/>
    <mergeCell ref="CTQ728:CTT728"/>
    <mergeCell ref="CTU728:CTX728"/>
    <mergeCell ref="CTY728:CUB728"/>
    <mergeCell ref="CUC728:CUF728"/>
    <mergeCell ref="CSS728:CSV728"/>
    <mergeCell ref="CSW728:CSZ728"/>
    <mergeCell ref="CTA728:CTD728"/>
    <mergeCell ref="CTE728:CTH728"/>
    <mergeCell ref="CTI728:CTL728"/>
    <mergeCell ref="CRY728:CSB728"/>
    <mergeCell ref="CSC728:CSF728"/>
    <mergeCell ref="CSG728:CSJ728"/>
    <mergeCell ref="CSK728:CSN728"/>
    <mergeCell ref="CSO728:CSR728"/>
    <mergeCell ref="CRE728:CRH728"/>
    <mergeCell ref="CRI728:CRL728"/>
    <mergeCell ref="CRM728:CRP728"/>
    <mergeCell ref="CRQ728:CRT728"/>
    <mergeCell ref="CRU728:CRX728"/>
    <mergeCell ref="CQK728:CQN728"/>
    <mergeCell ref="CQO728:CQR728"/>
    <mergeCell ref="CQS728:CQV728"/>
    <mergeCell ref="CQW728:CQZ728"/>
    <mergeCell ref="CRA728:CRD728"/>
    <mergeCell ref="CPQ728:CPT728"/>
    <mergeCell ref="CPU728:CPX728"/>
    <mergeCell ref="CPY728:CQB728"/>
    <mergeCell ref="CQC728:CQF728"/>
    <mergeCell ref="CQG728:CQJ728"/>
    <mergeCell ref="CZQ728:CZT728"/>
    <mergeCell ref="CZU728:CZX728"/>
    <mergeCell ref="CZY728:DAB728"/>
    <mergeCell ref="DAC728:DAF728"/>
    <mergeCell ref="DAG728:DAJ728"/>
    <mergeCell ref="CYW728:CYZ728"/>
    <mergeCell ref="CZA728:CZD728"/>
    <mergeCell ref="CZE728:CZH728"/>
    <mergeCell ref="CZI728:CZL728"/>
    <mergeCell ref="CZM728:CZP728"/>
    <mergeCell ref="CYC728:CYF728"/>
    <mergeCell ref="CYG728:CYJ728"/>
    <mergeCell ref="CYK728:CYN728"/>
    <mergeCell ref="CYO728:CYR728"/>
    <mergeCell ref="CYS728:CYV728"/>
    <mergeCell ref="CXI728:CXL728"/>
    <mergeCell ref="CXM728:CXP728"/>
    <mergeCell ref="CXQ728:CXT728"/>
    <mergeCell ref="CXU728:CXX728"/>
    <mergeCell ref="CXY728:CYB728"/>
    <mergeCell ref="CWO728:CWR728"/>
    <mergeCell ref="CWS728:CWV728"/>
    <mergeCell ref="CWW728:CWZ728"/>
    <mergeCell ref="CXA728:CXD728"/>
    <mergeCell ref="CXE728:CXH728"/>
    <mergeCell ref="CVU728:CVX728"/>
    <mergeCell ref="CVY728:CWB728"/>
    <mergeCell ref="CWC728:CWF728"/>
    <mergeCell ref="CWG728:CWJ728"/>
    <mergeCell ref="CWK728:CWN728"/>
    <mergeCell ref="CVA728:CVD728"/>
    <mergeCell ref="CVE728:CVH728"/>
    <mergeCell ref="CVI728:CVL728"/>
    <mergeCell ref="CVM728:CVP728"/>
    <mergeCell ref="CVQ728:CVT728"/>
    <mergeCell ref="DFA728:DFD728"/>
    <mergeCell ref="DFE728:DFH728"/>
    <mergeCell ref="DFI728:DFL728"/>
    <mergeCell ref="DFM728:DFP728"/>
    <mergeCell ref="DFQ728:DFT728"/>
    <mergeCell ref="DEG728:DEJ728"/>
    <mergeCell ref="DEK728:DEN728"/>
    <mergeCell ref="DEO728:DER728"/>
    <mergeCell ref="DES728:DEV728"/>
    <mergeCell ref="DEW728:DEZ728"/>
    <mergeCell ref="DDM728:DDP728"/>
    <mergeCell ref="DDQ728:DDT728"/>
    <mergeCell ref="DDU728:DDX728"/>
    <mergeCell ref="DDY728:DEB728"/>
    <mergeCell ref="DEC728:DEF728"/>
    <mergeCell ref="DCS728:DCV728"/>
    <mergeCell ref="DCW728:DCZ728"/>
    <mergeCell ref="DDA728:DDD728"/>
    <mergeCell ref="DDE728:DDH728"/>
    <mergeCell ref="DDI728:DDL728"/>
    <mergeCell ref="DBY728:DCB728"/>
    <mergeCell ref="DCC728:DCF728"/>
    <mergeCell ref="DCG728:DCJ728"/>
    <mergeCell ref="DCK728:DCN728"/>
    <mergeCell ref="DCO728:DCR728"/>
    <mergeCell ref="DBE728:DBH728"/>
    <mergeCell ref="DBI728:DBL728"/>
    <mergeCell ref="DBM728:DBP728"/>
    <mergeCell ref="DBQ728:DBT728"/>
    <mergeCell ref="DBU728:DBX728"/>
    <mergeCell ref="DAK728:DAN728"/>
    <mergeCell ref="DAO728:DAR728"/>
    <mergeCell ref="DAS728:DAV728"/>
    <mergeCell ref="DAW728:DAZ728"/>
    <mergeCell ref="DBA728:DBD728"/>
    <mergeCell ref="DKK728:DKN728"/>
    <mergeCell ref="DKO728:DKR728"/>
    <mergeCell ref="DKS728:DKV728"/>
    <mergeCell ref="DKW728:DKZ728"/>
    <mergeCell ref="DLA728:DLD728"/>
    <mergeCell ref="DJQ728:DJT728"/>
    <mergeCell ref="DJU728:DJX728"/>
    <mergeCell ref="DJY728:DKB728"/>
    <mergeCell ref="DKC728:DKF728"/>
    <mergeCell ref="DKG728:DKJ728"/>
    <mergeCell ref="DIW728:DIZ728"/>
    <mergeCell ref="DJA728:DJD728"/>
    <mergeCell ref="DJE728:DJH728"/>
    <mergeCell ref="DJI728:DJL728"/>
    <mergeCell ref="DJM728:DJP728"/>
    <mergeCell ref="DIC728:DIF728"/>
    <mergeCell ref="DIG728:DIJ728"/>
    <mergeCell ref="DIK728:DIN728"/>
    <mergeCell ref="DIO728:DIR728"/>
    <mergeCell ref="DIS728:DIV728"/>
    <mergeCell ref="DHI728:DHL728"/>
    <mergeCell ref="DHM728:DHP728"/>
    <mergeCell ref="DHQ728:DHT728"/>
    <mergeCell ref="DHU728:DHX728"/>
    <mergeCell ref="DHY728:DIB728"/>
    <mergeCell ref="DGO728:DGR728"/>
    <mergeCell ref="DGS728:DGV728"/>
    <mergeCell ref="DGW728:DGZ728"/>
    <mergeCell ref="DHA728:DHD728"/>
    <mergeCell ref="DHE728:DHH728"/>
    <mergeCell ref="DFU728:DFX728"/>
    <mergeCell ref="DFY728:DGB728"/>
    <mergeCell ref="DGC728:DGF728"/>
    <mergeCell ref="DGG728:DGJ728"/>
    <mergeCell ref="DGK728:DGN728"/>
    <mergeCell ref="DPU728:DPX728"/>
    <mergeCell ref="DPY728:DQB728"/>
    <mergeCell ref="DQC728:DQF728"/>
    <mergeCell ref="DQG728:DQJ728"/>
    <mergeCell ref="DQK728:DQN728"/>
    <mergeCell ref="DPA728:DPD728"/>
    <mergeCell ref="DPE728:DPH728"/>
    <mergeCell ref="DPI728:DPL728"/>
    <mergeCell ref="DPM728:DPP728"/>
    <mergeCell ref="DPQ728:DPT728"/>
    <mergeCell ref="DOG728:DOJ728"/>
    <mergeCell ref="DOK728:DON728"/>
    <mergeCell ref="DOO728:DOR728"/>
    <mergeCell ref="DOS728:DOV728"/>
    <mergeCell ref="DOW728:DOZ728"/>
    <mergeCell ref="DNM728:DNP728"/>
    <mergeCell ref="DNQ728:DNT728"/>
    <mergeCell ref="DNU728:DNX728"/>
    <mergeCell ref="DNY728:DOB728"/>
    <mergeCell ref="DOC728:DOF728"/>
    <mergeCell ref="DMS728:DMV728"/>
    <mergeCell ref="DMW728:DMZ728"/>
    <mergeCell ref="DNA728:DND728"/>
    <mergeCell ref="DNE728:DNH728"/>
    <mergeCell ref="DNI728:DNL728"/>
    <mergeCell ref="DLY728:DMB728"/>
    <mergeCell ref="DMC728:DMF728"/>
    <mergeCell ref="DMG728:DMJ728"/>
    <mergeCell ref="DMK728:DMN728"/>
    <mergeCell ref="DMO728:DMR728"/>
    <mergeCell ref="DLE728:DLH728"/>
    <mergeCell ref="DLI728:DLL728"/>
    <mergeCell ref="DLM728:DLP728"/>
    <mergeCell ref="DLQ728:DLT728"/>
    <mergeCell ref="DLU728:DLX728"/>
    <mergeCell ref="DVE728:DVH728"/>
    <mergeCell ref="DVI728:DVL728"/>
    <mergeCell ref="DVM728:DVP728"/>
    <mergeCell ref="DVQ728:DVT728"/>
    <mergeCell ref="DVU728:DVX728"/>
    <mergeCell ref="DUK728:DUN728"/>
    <mergeCell ref="DUO728:DUR728"/>
    <mergeCell ref="DUS728:DUV728"/>
    <mergeCell ref="DUW728:DUZ728"/>
    <mergeCell ref="DVA728:DVD728"/>
    <mergeCell ref="DTQ728:DTT728"/>
    <mergeCell ref="DTU728:DTX728"/>
    <mergeCell ref="DTY728:DUB728"/>
    <mergeCell ref="DUC728:DUF728"/>
    <mergeCell ref="DUG728:DUJ728"/>
    <mergeCell ref="DSW728:DSZ728"/>
    <mergeCell ref="DTA728:DTD728"/>
    <mergeCell ref="DTE728:DTH728"/>
    <mergeCell ref="DTI728:DTL728"/>
    <mergeCell ref="DTM728:DTP728"/>
    <mergeCell ref="DSC728:DSF728"/>
    <mergeCell ref="DSG728:DSJ728"/>
    <mergeCell ref="DSK728:DSN728"/>
    <mergeCell ref="DSO728:DSR728"/>
    <mergeCell ref="DSS728:DSV728"/>
    <mergeCell ref="DRI728:DRL728"/>
    <mergeCell ref="DRM728:DRP728"/>
    <mergeCell ref="DRQ728:DRT728"/>
    <mergeCell ref="DRU728:DRX728"/>
    <mergeCell ref="DRY728:DSB728"/>
    <mergeCell ref="DQO728:DQR728"/>
    <mergeCell ref="DQS728:DQV728"/>
    <mergeCell ref="DQW728:DQZ728"/>
    <mergeCell ref="DRA728:DRD728"/>
    <mergeCell ref="DRE728:DRH728"/>
    <mergeCell ref="EAO728:EAR728"/>
    <mergeCell ref="EAS728:EAV728"/>
    <mergeCell ref="EAW728:EAZ728"/>
    <mergeCell ref="EBA728:EBD728"/>
    <mergeCell ref="EBE728:EBH728"/>
    <mergeCell ref="DZU728:DZX728"/>
    <mergeCell ref="DZY728:EAB728"/>
    <mergeCell ref="EAC728:EAF728"/>
    <mergeCell ref="EAG728:EAJ728"/>
    <mergeCell ref="EAK728:EAN728"/>
    <mergeCell ref="DZA728:DZD728"/>
    <mergeCell ref="DZE728:DZH728"/>
    <mergeCell ref="DZI728:DZL728"/>
    <mergeCell ref="DZM728:DZP728"/>
    <mergeCell ref="DZQ728:DZT728"/>
    <mergeCell ref="DYG728:DYJ728"/>
    <mergeCell ref="DYK728:DYN728"/>
    <mergeCell ref="DYO728:DYR728"/>
    <mergeCell ref="DYS728:DYV728"/>
    <mergeCell ref="DYW728:DYZ728"/>
    <mergeCell ref="DXM728:DXP728"/>
    <mergeCell ref="DXQ728:DXT728"/>
    <mergeCell ref="DXU728:DXX728"/>
    <mergeCell ref="DXY728:DYB728"/>
    <mergeCell ref="DYC728:DYF728"/>
    <mergeCell ref="DWS728:DWV728"/>
    <mergeCell ref="DWW728:DWZ728"/>
    <mergeCell ref="DXA728:DXD728"/>
    <mergeCell ref="DXE728:DXH728"/>
    <mergeCell ref="DXI728:DXL728"/>
    <mergeCell ref="DVY728:DWB728"/>
    <mergeCell ref="DWC728:DWF728"/>
    <mergeCell ref="DWG728:DWJ728"/>
    <mergeCell ref="DWK728:DWN728"/>
    <mergeCell ref="DWO728:DWR728"/>
    <mergeCell ref="EFY728:EGB728"/>
    <mergeCell ref="EGC728:EGF728"/>
    <mergeCell ref="EGG728:EGJ728"/>
    <mergeCell ref="EGK728:EGN728"/>
    <mergeCell ref="EGO728:EGR728"/>
    <mergeCell ref="EFE728:EFH728"/>
    <mergeCell ref="EFI728:EFL728"/>
    <mergeCell ref="EFM728:EFP728"/>
    <mergeCell ref="EFQ728:EFT728"/>
    <mergeCell ref="EFU728:EFX728"/>
    <mergeCell ref="EEK728:EEN728"/>
    <mergeCell ref="EEO728:EER728"/>
    <mergeCell ref="EES728:EEV728"/>
    <mergeCell ref="EEW728:EEZ728"/>
    <mergeCell ref="EFA728:EFD728"/>
    <mergeCell ref="EDQ728:EDT728"/>
    <mergeCell ref="EDU728:EDX728"/>
    <mergeCell ref="EDY728:EEB728"/>
    <mergeCell ref="EEC728:EEF728"/>
    <mergeCell ref="EEG728:EEJ728"/>
    <mergeCell ref="ECW728:ECZ728"/>
    <mergeCell ref="EDA728:EDD728"/>
    <mergeCell ref="EDE728:EDH728"/>
    <mergeCell ref="EDI728:EDL728"/>
    <mergeCell ref="EDM728:EDP728"/>
    <mergeCell ref="ECC728:ECF728"/>
    <mergeCell ref="ECG728:ECJ728"/>
    <mergeCell ref="ECK728:ECN728"/>
    <mergeCell ref="ECO728:ECR728"/>
    <mergeCell ref="ECS728:ECV728"/>
    <mergeCell ref="EBI728:EBL728"/>
    <mergeCell ref="EBM728:EBP728"/>
    <mergeCell ref="EBQ728:EBT728"/>
    <mergeCell ref="EBU728:EBX728"/>
    <mergeCell ref="EBY728:ECB728"/>
    <mergeCell ref="ELI728:ELL728"/>
    <mergeCell ref="ELM728:ELP728"/>
    <mergeCell ref="ELQ728:ELT728"/>
    <mergeCell ref="ELU728:ELX728"/>
    <mergeCell ref="ELY728:EMB728"/>
    <mergeCell ref="EKO728:EKR728"/>
    <mergeCell ref="EKS728:EKV728"/>
    <mergeCell ref="EKW728:EKZ728"/>
    <mergeCell ref="ELA728:ELD728"/>
    <mergeCell ref="ELE728:ELH728"/>
    <mergeCell ref="EJU728:EJX728"/>
    <mergeCell ref="EJY728:EKB728"/>
    <mergeCell ref="EKC728:EKF728"/>
    <mergeCell ref="EKG728:EKJ728"/>
    <mergeCell ref="EKK728:EKN728"/>
    <mergeCell ref="EJA728:EJD728"/>
    <mergeCell ref="EJE728:EJH728"/>
    <mergeCell ref="EJI728:EJL728"/>
    <mergeCell ref="EJM728:EJP728"/>
    <mergeCell ref="EJQ728:EJT728"/>
    <mergeCell ref="EIG728:EIJ728"/>
    <mergeCell ref="EIK728:EIN728"/>
    <mergeCell ref="EIO728:EIR728"/>
    <mergeCell ref="EIS728:EIV728"/>
    <mergeCell ref="EIW728:EIZ728"/>
    <mergeCell ref="EHM728:EHP728"/>
    <mergeCell ref="EHQ728:EHT728"/>
    <mergeCell ref="EHU728:EHX728"/>
    <mergeCell ref="EHY728:EIB728"/>
    <mergeCell ref="EIC728:EIF728"/>
    <mergeCell ref="EGS728:EGV728"/>
    <mergeCell ref="EGW728:EGZ728"/>
    <mergeCell ref="EHA728:EHD728"/>
    <mergeCell ref="EHE728:EHH728"/>
    <mergeCell ref="EHI728:EHL728"/>
    <mergeCell ref="EQS728:EQV728"/>
    <mergeCell ref="EQW728:EQZ728"/>
    <mergeCell ref="ERA728:ERD728"/>
    <mergeCell ref="ERE728:ERH728"/>
    <mergeCell ref="ERI728:ERL728"/>
    <mergeCell ref="EPY728:EQB728"/>
    <mergeCell ref="EQC728:EQF728"/>
    <mergeCell ref="EQG728:EQJ728"/>
    <mergeCell ref="EQK728:EQN728"/>
    <mergeCell ref="EQO728:EQR728"/>
    <mergeCell ref="EPE728:EPH728"/>
    <mergeCell ref="EPI728:EPL728"/>
    <mergeCell ref="EPM728:EPP728"/>
    <mergeCell ref="EPQ728:EPT728"/>
    <mergeCell ref="EPU728:EPX728"/>
    <mergeCell ref="EOK728:EON728"/>
    <mergeCell ref="EOO728:EOR728"/>
    <mergeCell ref="EOS728:EOV728"/>
    <mergeCell ref="EOW728:EOZ728"/>
    <mergeCell ref="EPA728:EPD728"/>
    <mergeCell ref="ENQ728:ENT728"/>
    <mergeCell ref="ENU728:ENX728"/>
    <mergeCell ref="ENY728:EOB728"/>
    <mergeCell ref="EOC728:EOF728"/>
    <mergeCell ref="EOG728:EOJ728"/>
    <mergeCell ref="EMW728:EMZ728"/>
    <mergeCell ref="ENA728:END728"/>
    <mergeCell ref="ENE728:ENH728"/>
    <mergeCell ref="ENI728:ENL728"/>
    <mergeCell ref="ENM728:ENP728"/>
    <mergeCell ref="EMC728:EMF728"/>
    <mergeCell ref="EMG728:EMJ728"/>
    <mergeCell ref="EMK728:EMN728"/>
    <mergeCell ref="EMO728:EMR728"/>
    <mergeCell ref="EMS728:EMV728"/>
    <mergeCell ref="EWC728:EWF728"/>
    <mergeCell ref="EWG728:EWJ728"/>
    <mergeCell ref="EWK728:EWN728"/>
    <mergeCell ref="EWO728:EWR728"/>
    <mergeCell ref="EWS728:EWV728"/>
    <mergeCell ref="EVI728:EVL728"/>
    <mergeCell ref="EVM728:EVP728"/>
    <mergeCell ref="EVQ728:EVT728"/>
    <mergeCell ref="EVU728:EVX728"/>
    <mergeCell ref="EVY728:EWB728"/>
    <mergeCell ref="EUO728:EUR728"/>
    <mergeCell ref="EUS728:EUV728"/>
    <mergeCell ref="EUW728:EUZ728"/>
    <mergeCell ref="EVA728:EVD728"/>
    <mergeCell ref="EVE728:EVH728"/>
    <mergeCell ref="ETU728:ETX728"/>
    <mergeCell ref="ETY728:EUB728"/>
    <mergeCell ref="EUC728:EUF728"/>
    <mergeCell ref="EUG728:EUJ728"/>
    <mergeCell ref="EUK728:EUN728"/>
    <mergeCell ref="ETA728:ETD728"/>
    <mergeCell ref="ETE728:ETH728"/>
    <mergeCell ref="ETI728:ETL728"/>
    <mergeCell ref="ETM728:ETP728"/>
    <mergeCell ref="ETQ728:ETT728"/>
    <mergeCell ref="ESG728:ESJ728"/>
    <mergeCell ref="ESK728:ESN728"/>
    <mergeCell ref="ESO728:ESR728"/>
    <mergeCell ref="ESS728:ESV728"/>
    <mergeCell ref="ESW728:ESZ728"/>
    <mergeCell ref="ERM728:ERP728"/>
    <mergeCell ref="ERQ728:ERT728"/>
    <mergeCell ref="ERU728:ERX728"/>
    <mergeCell ref="ERY728:ESB728"/>
    <mergeCell ref="ESC728:ESF728"/>
    <mergeCell ref="FBM728:FBP728"/>
    <mergeCell ref="FBQ728:FBT728"/>
    <mergeCell ref="FBU728:FBX728"/>
    <mergeCell ref="FBY728:FCB728"/>
    <mergeCell ref="FCC728:FCF728"/>
    <mergeCell ref="FAS728:FAV728"/>
    <mergeCell ref="FAW728:FAZ728"/>
    <mergeCell ref="FBA728:FBD728"/>
    <mergeCell ref="FBE728:FBH728"/>
    <mergeCell ref="FBI728:FBL728"/>
    <mergeCell ref="EZY728:FAB728"/>
    <mergeCell ref="FAC728:FAF728"/>
    <mergeCell ref="FAG728:FAJ728"/>
    <mergeCell ref="FAK728:FAN728"/>
    <mergeCell ref="FAO728:FAR728"/>
    <mergeCell ref="EZE728:EZH728"/>
    <mergeCell ref="EZI728:EZL728"/>
    <mergeCell ref="EZM728:EZP728"/>
    <mergeCell ref="EZQ728:EZT728"/>
    <mergeCell ref="EZU728:EZX728"/>
    <mergeCell ref="EYK728:EYN728"/>
    <mergeCell ref="EYO728:EYR728"/>
    <mergeCell ref="EYS728:EYV728"/>
    <mergeCell ref="EYW728:EYZ728"/>
    <mergeCell ref="EZA728:EZD728"/>
    <mergeCell ref="EXQ728:EXT728"/>
    <mergeCell ref="EXU728:EXX728"/>
    <mergeCell ref="EXY728:EYB728"/>
    <mergeCell ref="EYC728:EYF728"/>
    <mergeCell ref="EYG728:EYJ728"/>
    <mergeCell ref="EWW728:EWZ728"/>
    <mergeCell ref="EXA728:EXD728"/>
    <mergeCell ref="EXE728:EXH728"/>
    <mergeCell ref="EXI728:EXL728"/>
    <mergeCell ref="EXM728:EXP728"/>
    <mergeCell ref="FGW728:FGZ728"/>
    <mergeCell ref="FHA728:FHD728"/>
    <mergeCell ref="FHE728:FHH728"/>
    <mergeCell ref="FHI728:FHL728"/>
    <mergeCell ref="FHM728:FHP728"/>
    <mergeCell ref="FGC728:FGF728"/>
    <mergeCell ref="FGG728:FGJ728"/>
    <mergeCell ref="FGK728:FGN728"/>
    <mergeCell ref="FGO728:FGR728"/>
    <mergeCell ref="FGS728:FGV728"/>
    <mergeCell ref="FFI728:FFL728"/>
    <mergeCell ref="FFM728:FFP728"/>
    <mergeCell ref="FFQ728:FFT728"/>
    <mergeCell ref="FFU728:FFX728"/>
    <mergeCell ref="FFY728:FGB728"/>
    <mergeCell ref="FEO728:FER728"/>
    <mergeCell ref="FES728:FEV728"/>
    <mergeCell ref="FEW728:FEZ728"/>
    <mergeCell ref="FFA728:FFD728"/>
    <mergeCell ref="FFE728:FFH728"/>
    <mergeCell ref="FDU728:FDX728"/>
    <mergeCell ref="FDY728:FEB728"/>
    <mergeCell ref="FEC728:FEF728"/>
    <mergeCell ref="FEG728:FEJ728"/>
    <mergeCell ref="FEK728:FEN728"/>
    <mergeCell ref="FDA728:FDD728"/>
    <mergeCell ref="FDE728:FDH728"/>
    <mergeCell ref="FDI728:FDL728"/>
    <mergeCell ref="FDM728:FDP728"/>
    <mergeCell ref="FDQ728:FDT728"/>
    <mergeCell ref="FCG728:FCJ728"/>
    <mergeCell ref="FCK728:FCN728"/>
    <mergeCell ref="FCO728:FCR728"/>
    <mergeCell ref="FCS728:FCV728"/>
    <mergeCell ref="FCW728:FCZ728"/>
    <mergeCell ref="FMG728:FMJ728"/>
    <mergeCell ref="FMK728:FMN728"/>
    <mergeCell ref="FMO728:FMR728"/>
    <mergeCell ref="FMS728:FMV728"/>
    <mergeCell ref="FMW728:FMZ728"/>
    <mergeCell ref="FLM728:FLP728"/>
    <mergeCell ref="FLQ728:FLT728"/>
    <mergeCell ref="FLU728:FLX728"/>
    <mergeCell ref="FLY728:FMB728"/>
    <mergeCell ref="FMC728:FMF728"/>
    <mergeCell ref="FKS728:FKV728"/>
    <mergeCell ref="FKW728:FKZ728"/>
    <mergeCell ref="FLA728:FLD728"/>
    <mergeCell ref="FLE728:FLH728"/>
    <mergeCell ref="FLI728:FLL728"/>
    <mergeCell ref="FJY728:FKB728"/>
    <mergeCell ref="FKC728:FKF728"/>
    <mergeCell ref="FKG728:FKJ728"/>
    <mergeCell ref="FKK728:FKN728"/>
    <mergeCell ref="FKO728:FKR728"/>
    <mergeCell ref="FJE728:FJH728"/>
    <mergeCell ref="FJI728:FJL728"/>
    <mergeCell ref="FJM728:FJP728"/>
    <mergeCell ref="FJQ728:FJT728"/>
    <mergeCell ref="FJU728:FJX728"/>
    <mergeCell ref="FIK728:FIN728"/>
    <mergeCell ref="FIO728:FIR728"/>
    <mergeCell ref="FIS728:FIV728"/>
    <mergeCell ref="FIW728:FIZ728"/>
    <mergeCell ref="FJA728:FJD728"/>
    <mergeCell ref="FHQ728:FHT728"/>
    <mergeCell ref="FHU728:FHX728"/>
    <mergeCell ref="FHY728:FIB728"/>
    <mergeCell ref="FIC728:FIF728"/>
    <mergeCell ref="FIG728:FIJ728"/>
    <mergeCell ref="FRQ728:FRT728"/>
    <mergeCell ref="FRU728:FRX728"/>
    <mergeCell ref="FRY728:FSB728"/>
    <mergeCell ref="FSC728:FSF728"/>
    <mergeCell ref="FSG728:FSJ728"/>
    <mergeCell ref="FQW728:FQZ728"/>
    <mergeCell ref="FRA728:FRD728"/>
    <mergeCell ref="FRE728:FRH728"/>
    <mergeCell ref="FRI728:FRL728"/>
    <mergeCell ref="FRM728:FRP728"/>
    <mergeCell ref="FQC728:FQF728"/>
    <mergeCell ref="FQG728:FQJ728"/>
    <mergeCell ref="FQK728:FQN728"/>
    <mergeCell ref="FQO728:FQR728"/>
    <mergeCell ref="FQS728:FQV728"/>
    <mergeCell ref="FPI728:FPL728"/>
    <mergeCell ref="FPM728:FPP728"/>
    <mergeCell ref="FPQ728:FPT728"/>
    <mergeCell ref="FPU728:FPX728"/>
    <mergeCell ref="FPY728:FQB728"/>
    <mergeCell ref="FOO728:FOR728"/>
    <mergeCell ref="FOS728:FOV728"/>
    <mergeCell ref="FOW728:FOZ728"/>
    <mergeCell ref="FPA728:FPD728"/>
    <mergeCell ref="FPE728:FPH728"/>
    <mergeCell ref="FNU728:FNX728"/>
    <mergeCell ref="FNY728:FOB728"/>
    <mergeCell ref="FOC728:FOF728"/>
    <mergeCell ref="FOG728:FOJ728"/>
    <mergeCell ref="FOK728:FON728"/>
    <mergeCell ref="FNA728:FND728"/>
    <mergeCell ref="FNE728:FNH728"/>
    <mergeCell ref="FNI728:FNL728"/>
    <mergeCell ref="FNM728:FNP728"/>
    <mergeCell ref="FNQ728:FNT728"/>
    <mergeCell ref="FXA728:FXD728"/>
    <mergeCell ref="FXE728:FXH728"/>
    <mergeCell ref="FXI728:FXL728"/>
    <mergeCell ref="FXM728:FXP728"/>
    <mergeCell ref="FXQ728:FXT728"/>
    <mergeCell ref="FWG728:FWJ728"/>
    <mergeCell ref="FWK728:FWN728"/>
    <mergeCell ref="FWO728:FWR728"/>
    <mergeCell ref="FWS728:FWV728"/>
    <mergeCell ref="FWW728:FWZ728"/>
    <mergeCell ref="FVM728:FVP728"/>
    <mergeCell ref="FVQ728:FVT728"/>
    <mergeCell ref="FVU728:FVX728"/>
    <mergeCell ref="FVY728:FWB728"/>
    <mergeCell ref="FWC728:FWF728"/>
    <mergeCell ref="FUS728:FUV728"/>
    <mergeCell ref="FUW728:FUZ728"/>
    <mergeCell ref="FVA728:FVD728"/>
    <mergeCell ref="FVE728:FVH728"/>
    <mergeCell ref="FVI728:FVL728"/>
    <mergeCell ref="FTY728:FUB728"/>
    <mergeCell ref="FUC728:FUF728"/>
    <mergeCell ref="FUG728:FUJ728"/>
    <mergeCell ref="FUK728:FUN728"/>
    <mergeCell ref="FUO728:FUR728"/>
    <mergeCell ref="FTE728:FTH728"/>
    <mergeCell ref="FTI728:FTL728"/>
    <mergeCell ref="FTM728:FTP728"/>
    <mergeCell ref="FTQ728:FTT728"/>
    <mergeCell ref="FTU728:FTX728"/>
    <mergeCell ref="FSK728:FSN728"/>
    <mergeCell ref="FSO728:FSR728"/>
    <mergeCell ref="FSS728:FSV728"/>
    <mergeCell ref="FSW728:FSZ728"/>
    <mergeCell ref="FTA728:FTD728"/>
    <mergeCell ref="GCK728:GCN728"/>
    <mergeCell ref="GCO728:GCR728"/>
    <mergeCell ref="GCS728:GCV728"/>
    <mergeCell ref="GCW728:GCZ728"/>
    <mergeCell ref="GDA728:GDD728"/>
    <mergeCell ref="GBQ728:GBT728"/>
    <mergeCell ref="GBU728:GBX728"/>
    <mergeCell ref="GBY728:GCB728"/>
    <mergeCell ref="GCC728:GCF728"/>
    <mergeCell ref="GCG728:GCJ728"/>
    <mergeCell ref="GAW728:GAZ728"/>
    <mergeCell ref="GBA728:GBD728"/>
    <mergeCell ref="GBE728:GBH728"/>
    <mergeCell ref="GBI728:GBL728"/>
    <mergeCell ref="GBM728:GBP728"/>
    <mergeCell ref="GAC728:GAF728"/>
    <mergeCell ref="GAG728:GAJ728"/>
    <mergeCell ref="GAK728:GAN728"/>
    <mergeCell ref="GAO728:GAR728"/>
    <mergeCell ref="GAS728:GAV728"/>
    <mergeCell ref="FZI728:FZL728"/>
    <mergeCell ref="FZM728:FZP728"/>
    <mergeCell ref="FZQ728:FZT728"/>
    <mergeCell ref="FZU728:FZX728"/>
    <mergeCell ref="FZY728:GAB728"/>
    <mergeCell ref="FYO728:FYR728"/>
    <mergeCell ref="FYS728:FYV728"/>
    <mergeCell ref="FYW728:FYZ728"/>
    <mergeCell ref="FZA728:FZD728"/>
    <mergeCell ref="FZE728:FZH728"/>
    <mergeCell ref="FXU728:FXX728"/>
    <mergeCell ref="FXY728:FYB728"/>
    <mergeCell ref="FYC728:FYF728"/>
    <mergeCell ref="FYG728:FYJ728"/>
    <mergeCell ref="FYK728:FYN728"/>
    <mergeCell ref="GHU728:GHX728"/>
    <mergeCell ref="GHY728:GIB728"/>
    <mergeCell ref="GIC728:GIF728"/>
    <mergeCell ref="GIG728:GIJ728"/>
    <mergeCell ref="GIK728:GIN728"/>
    <mergeCell ref="GHA728:GHD728"/>
    <mergeCell ref="GHE728:GHH728"/>
    <mergeCell ref="GHI728:GHL728"/>
    <mergeCell ref="GHM728:GHP728"/>
    <mergeCell ref="GHQ728:GHT728"/>
    <mergeCell ref="GGG728:GGJ728"/>
    <mergeCell ref="GGK728:GGN728"/>
    <mergeCell ref="GGO728:GGR728"/>
    <mergeCell ref="GGS728:GGV728"/>
    <mergeCell ref="GGW728:GGZ728"/>
    <mergeCell ref="GFM728:GFP728"/>
    <mergeCell ref="GFQ728:GFT728"/>
    <mergeCell ref="GFU728:GFX728"/>
    <mergeCell ref="GFY728:GGB728"/>
    <mergeCell ref="GGC728:GGF728"/>
    <mergeCell ref="GES728:GEV728"/>
    <mergeCell ref="GEW728:GEZ728"/>
    <mergeCell ref="GFA728:GFD728"/>
    <mergeCell ref="GFE728:GFH728"/>
    <mergeCell ref="GFI728:GFL728"/>
    <mergeCell ref="GDY728:GEB728"/>
    <mergeCell ref="GEC728:GEF728"/>
    <mergeCell ref="GEG728:GEJ728"/>
    <mergeCell ref="GEK728:GEN728"/>
    <mergeCell ref="GEO728:GER728"/>
    <mergeCell ref="GDE728:GDH728"/>
    <mergeCell ref="GDI728:GDL728"/>
    <mergeCell ref="GDM728:GDP728"/>
    <mergeCell ref="GDQ728:GDT728"/>
    <mergeCell ref="GDU728:GDX728"/>
    <mergeCell ref="GNE728:GNH728"/>
    <mergeCell ref="GNI728:GNL728"/>
    <mergeCell ref="GNM728:GNP728"/>
    <mergeCell ref="GNQ728:GNT728"/>
    <mergeCell ref="GNU728:GNX728"/>
    <mergeCell ref="GMK728:GMN728"/>
    <mergeCell ref="GMO728:GMR728"/>
    <mergeCell ref="GMS728:GMV728"/>
    <mergeCell ref="GMW728:GMZ728"/>
    <mergeCell ref="GNA728:GND728"/>
    <mergeCell ref="GLQ728:GLT728"/>
    <mergeCell ref="GLU728:GLX728"/>
    <mergeCell ref="GLY728:GMB728"/>
    <mergeCell ref="GMC728:GMF728"/>
    <mergeCell ref="GMG728:GMJ728"/>
    <mergeCell ref="GKW728:GKZ728"/>
    <mergeCell ref="GLA728:GLD728"/>
    <mergeCell ref="GLE728:GLH728"/>
    <mergeCell ref="GLI728:GLL728"/>
    <mergeCell ref="GLM728:GLP728"/>
    <mergeCell ref="GKC728:GKF728"/>
    <mergeCell ref="GKG728:GKJ728"/>
    <mergeCell ref="GKK728:GKN728"/>
    <mergeCell ref="GKO728:GKR728"/>
    <mergeCell ref="GKS728:GKV728"/>
    <mergeCell ref="GJI728:GJL728"/>
    <mergeCell ref="GJM728:GJP728"/>
    <mergeCell ref="GJQ728:GJT728"/>
    <mergeCell ref="GJU728:GJX728"/>
    <mergeCell ref="GJY728:GKB728"/>
    <mergeCell ref="GIO728:GIR728"/>
    <mergeCell ref="GIS728:GIV728"/>
    <mergeCell ref="GIW728:GIZ728"/>
    <mergeCell ref="GJA728:GJD728"/>
    <mergeCell ref="GJE728:GJH728"/>
    <mergeCell ref="GSO728:GSR728"/>
    <mergeCell ref="GSS728:GSV728"/>
    <mergeCell ref="GSW728:GSZ728"/>
    <mergeCell ref="GTA728:GTD728"/>
    <mergeCell ref="GTE728:GTH728"/>
    <mergeCell ref="GRU728:GRX728"/>
    <mergeCell ref="GRY728:GSB728"/>
    <mergeCell ref="GSC728:GSF728"/>
    <mergeCell ref="GSG728:GSJ728"/>
    <mergeCell ref="GSK728:GSN728"/>
    <mergeCell ref="GRA728:GRD728"/>
    <mergeCell ref="GRE728:GRH728"/>
    <mergeCell ref="GRI728:GRL728"/>
    <mergeCell ref="GRM728:GRP728"/>
    <mergeCell ref="GRQ728:GRT728"/>
    <mergeCell ref="GQG728:GQJ728"/>
    <mergeCell ref="GQK728:GQN728"/>
    <mergeCell ref="GQO728:GQR728"/>
    <mergeCell ref="GQS728:GQV728"/>
    <mergeCell ref="GQW728:GQZ728"/>
    <mergeCell ref="GPM728:GPP728"/>
    <mergeCell ref="GPQ728:GPT728"/>
    <mergeCell ref="GPU728:GPX728"/>
    <mergeCell ref="GPY728:GQB728"/>
    <mergeCell ref="GQC728:GQF728"/>
    <mergeCell ref="GOS728:GOV728"/>
    <mergeCell ref="GOW728:GOZ728"/>
    <mergeCell ref="GPA728:GPD728"/>
    <mergeCell ref="GPE728:GPH728"/>
    <mergeCell ref="GPI728:GPL728"/>
    <mergeCell ref="GNY728:GOB728"/>
    <mergeCell ref="GOC728:GOF728"/>
    <mergeCell ref="GOG728:GOJ728"/>
    <mergeCell ref="GOK728:GON728"/>
    <mergeCell ref="GOO728:GOR728"/>
    <mergeCell ref="GXY728:GYB728"/>
    <mergeCell ref="GYC728:GYF728"/>
    <mergeCell ref="GYG728:GYJ728"/>
    <mergeCell ref="GYK728:GYN728"/>
    <mergeCell ref="GYO728:GYR728"/>
    <mergeCell ref="GXE728:GXH728"/>
    <mergeCell ref="GXI728:GXL728"/>
    <mergeCell ref="GXM728:GXP728"/>
    <mergeCell ref="GXQ728:GXT728"/>
    <mergeCell ref="GXU728:GXX728"/>
    <mergeCell ref="GWK728:GWN728"/>
    <mergeCell ref="GWO728:GWR728"/>
    <mergeCell ref="GWS728:GWV728"/>
    <mergeCell ref="GWW728:GWZ728"/>
    <mergeCell ref="GXA728:GXD728"/>
    <mergeCell ref="GVQ728:GVT728"/>
    <mergeCell ref="GVU728:GVX728"/>
    <mergeCell ref="GVY728:GWB728"/>
    <mergeCell ref="GWC728:GWF728"/>
    <mergeCell ref="GWG728:GWJ728"/>
    <mergeCell ref="GUW728:GUZ728"/>
    <mergeCell ref="GVA728:GVD728"/>
    <mergeCell ref="GVE728:GVH728"/>
    <mergeCell ref="GVI728:GVL728"/>
    <mergeCell ref="GVM728:GVP728"/>
    <mergeCell ref="GUC728:GUF728"/>
    <mergeCell ref="GUG728:GUJ728"/>
    <mergeCell ref="GUK728:GUN728"/>
    <mergeCell ref="GUO728:GUR728"/>
    <mergeCell ref="GUS728:GUV728"/>
    <mergeCell ref="GTI728:GTL728"/>
    <mergeCell ref="GTM728:GTP728"/>
    <mergeCell ref="GTQ728:GTT728"/>
    <mergeCell ref="GTU728:GTX728"/>
    <mergeCell ref="GTY728:GUB728"/>
    <mergeCell ref="HDI728:HDL728"/>
    <mergeCell ref="HDM728:HDP728"/>
    <mergeCell ref="HDQ728:HDT728"/>
    <mergeCell ref="HDU728:HDX728"/>
    <mergeCell ref="HDY728:HEB728"/>
    <mergeCell ref="HCO728:HCR728"/>
    <mergeCell ref="HCS728:HCV728"/>
    <mergeCell ref="HCW728:HCZ728"/>
    <mergeCell ref="HDA728:HDD728"/>
    <mergeCell ref="HDE728:HDH728"/>
    <mergeCell ref="HBU728:HBX728"/>
    <mergeCell ref="HBY728:HCB728"/>
    <mergeCell ref="HCC728:HCF728"/>
    <mergeCell ref="HCG728:HCJ728"/>
    <mergeCell ref="HCK728:HCN728"/>
    <mergeCell ref="HBA728:HBD728"/>
    <mergeCell ref="HBE728:HBH728"/>
    <mergeCell ref="HBI728:HBL728"/>
    <mergeCell ref="HBM728:HBP728"/>
    <mergeCell ref="HBQ728:HBT728"/>
    <mergeCell ref="HAG728:HAJ728"/>
    <mergeCell ref="HAK728:HAN728"/>
    <mergeCell ref="HAO728:HAR728"/>
    <mergeCell ref="HAS728:HAV728"/>
    <mergeCell ref="HAW728:HAZ728"/>
    <mergeCell ref="GZM728:GZP728"/>
    <mergeCell ref="GZQ728:GZT728"/>
    <mergeCell ref="GZU728:GZX728"/>
    <mergeCell ref="GZY728:HAB728"/>
    <mergeCell ref="HAC728:HAF728"/>
    <mergeCell ref="GYS728:GYV728"/>
    <mergeCell ref="GYW728:GYZ728"/>
    <mergeCell ref="GZA728:GZD728"/>
    <mergeCell ref="GZE728:GZH728"/>
    <mergeCell ref="GZI728:GZL728"/>
    <mergeCell ref="HIS728:HIV728"/>
    <mergeCell ref="HIW728:HIZ728"/>
    <mergeCell ref="HJA728:HJD728"/>
    <mergeCell ref="HJE728:HJH728"/>
    <mergeCell ref="HJI728:HJL728"/>
    <mergeCell ref="HHY728:HIB728"/>
    <mergeCell ref="HIC728:HIF728"/>
    <mergeCell ref="HIG728:HIJ728"/>
    <mergeCell ref="HIK728:HIN728"/>
    <mergeCell ref="HIO728:HIR728"/>
    <mergeCell ref="HHE728:HHH728"/>
    <mergeCell ref="HHI728:HHL728"/>
    <mergeCell ref="HHM728:HHP728"/>
    <mergeCell ref="HHQ728:HHT728"/>
    <mergeCell ref="HHU728:HHX728"/>
    <mergeCell ref="HGK728:HGN728"/>
    <mergeCell ref="HGO728:HGR728"/>
    <mergeCell ref="HGS728:HGV728"/>
    <mergeCell ref="HGW728:HGZ728"/>
    <mergeCell ref="HHA728:HHD728"/>
    <mergeCell ref="HFQ728:HFT728"/>
    <mergeCell ref="HFU728:HFX728"/>
    <mergeCell ref="HFY728:HGB728"/>
    <mergeCell ref="HGC728:HGF728"/>
    <mergeCell ref="HGG728:HGJ728"/>
    <mergeCell ref="HEW728:HEZ728"/>
    <mergeCell ref="HFA728:HFD728"/>
    <mergeCell ref="HFE728:HFH728"/>
    <mergeCell ref="HFI728:HFL728"/>
    <mergeCell ref="HFM728:HFP728"/>
    <mergeCell ref="HEC728:HEF728"/>
    <mergeCell ref="HEG728:HEJ728"/>
    <mergeCell ref="HEK728:HEN728"/>
    <mergeCell ref="HEO728:HER728"/>
    <mergeCell ref="HES728:HEV728"/>
    <mergeCell ref="HOC728:HOF728"/>
    <mergeCell ref="HOG728:HOJ728"/>
    <mergeCell ref="HOK728:HON728"/>
    <mergeCell ref="HOO728:HOR728"/>
    <mergeCell ref="HOS728:HOV728"/>
    <mergeCell ref="HNI728:HNL728"/>
    <mergeCell ref="HNM728:HNP728"/>
    <mergeCell ref="HNQ728:HNT728"/>
    <mergeCell ref="HNU728:HNX728"/>
    <mergeCell ref="HNY728:HOB728"/>
    <mergeCell ref="HMO728:HMR728"/>
    <mergeCell ref="HMS728:HMV728"/>
    <mergeCell ref="HMW728:HMZ728"/>
    <mergeCell ref="HNA728:HND728"/>
    <mergeCell ref="HNE728:HNH728"/>
    <mergeCell ref="HLU728:HLX728"/>
    <mergeCell ref="HLY728:HMB728"/>
    <mergeCell ref="HMC728:HMF728"/>
    <mergeCell ref="HMG728:HMJ728"/>
    <mergeCell ref="HMK728:HMN728"/>
    <mergeCell ref="HLA728:HLD728"/>
    <mergeCell ref="HLE728:HLH728"/>
    <mergeCell ref="HLI728:HLL728"/>
    <mergeCell ref="HLM728:HLP728"/>
    <mergeCell ref="HLQ728:HLT728"/>
    <mergeCell ref="HKG728:HKJ728"/>
    <mergeCell ref="HKK728:HKN728"/>
    <mergeCell ref="HKO728:HKR728"/>
    <mergeCell ref="HKS728:HKV728"/>
    <mergeCell ref="HKW728:HKZ728"/>
    <mergeCell ref="HJM728:HJP728"/>
    <mergeCell ref="HJQ728:HJT728"/>
    <mergeCell ref="HJU728:HJX728"/>
    <mergeCell ref="HJY728:HKB728"/>
    <mergeCell ref="HKC728:HKF728"/>
    <mergeCell ref="HTM728:HTP728"/>
    <mergeCell ref="HTQ728:HTT728"/>
    <mergeCell ref="HTU728:HTX728"/>
    <mergeCell ref="HTY728:HUB728"/>
    <mergeCell ref="HUC728:HUF728"/>
    <mergeCell ref="HSS728:HSV728"/>
    <mergeCell ref="HSW728:HSZ728"/>
    <mergeCell ref="HTA728:HTD728"/>
    <mergeCell ref="HTE728:HTH728"/>
    <mergeCell ref="HTI728:HTL728"/>
    <mergeCell ref="HRY728:HSB728"/>
    <mergeCell ref="HSC728:HSF728"/>
    <mergeCell ref="HSG728:HSJ728"/>
    <mergeCell ref="HSK728:HSN728"/>
    <mergeCell ref="HSO728:HSR728"/>
    <mergeCell ref="HRE728:HRH728"/>
    <mergeCell ref="HRI728:HRL728"/>
    <mergeCell ref="HRM728:HRP728"/>
    <mergeCell ref="HRQ728:HRT728"/>
    <mergeCell ref="HRU728:HRX728"/>
    <mergeCell ref="HQK728:HQN728"/>
    <mergeCell ref="HQO728:HQR728"/>
    <mergeCell ref="HQS728:HQV728"/>
    <mergeCell ref="HQW728:HQZ728"/>
    <mergeCell ref="HRA728:HRD728"/>
    <mergeCell ref="HPQ728:HPT728"/>
    <mergeCell ref="HPU728:HPX728"/>
    <mergeCell ref="HPY728:HQB728"/>
    <mergeCell ref="HQC728:HQF728"/>
    <mergeCell ref="HQG728:HQJ728"/>
    <mergeCell ref="HOW728:HOZ728"/>
    <mergeCell ref="HPA728:HPD728"/>
    <mergeCell ref="HPE728:HPH728"/>
    <mergeCell ref="HPI728:HPL728"/>
    <mergeCell ref="HPM728:HPP728"/>
    <mergeCell ref="HYW728:HYZ728"/>
    <mergeCell ref="HZA728:HZD728"/>
    <mergeCell ref="HZE728:HZH728"/>
    <mergeCell ref="HZI728:HZL728"/>
    <mergeCell ref="HZM728:HZP728"/>
    <mergeCell ref="HYC728:HYF728"/>
    <mergeCell ref="HYG728:HYJ728"/>
    <mergeCell ref="HYK728:HYN728"/>
    <mergeCell ref="HYO728:HYR728"/>
    <mergeCell ref="HYS728:HYV728"/>
    <mergeCell ref="HXI728:HXL728"/>
    <mergeCell ref="HXM728:HXP728"/>
    <mergeCell ref="HXQ728:HXT728"/>
    <mergeCell ref="HXU728:HXX728"/>
    <mergeCell ref="HXY728:HYB728"/>
    <mergeCell ref="HWO728:HWR728"/>
    <mergeCell ref="HWS728:HWV728"/>
    <mergeCell ref="HWW728:HWZ728"/>
    <mergeCell ref="HXA728:HXD728"/>
    <mergeCell ref="HXE728:HXH728"/>
    <mergeCell ref="HVU728:HVX728"/>
    <mergeCell ref="HVY728:HWB728"/>
    <mergeCell ref="HWC728:HWF728"/>
    <mergeCell ref="HWG728:HWJ728"/>
    <mergeCell ref="HWK728:HWN728"/>
    <mergeCell ref="HVA728:HVD728"/>
    <mergeCell ref="HVE728:HVH728"/>
    <mergeCell ref="HVI728:HVL728"/>
    <mergeCell ref="HVM728:HVP728"/>
    <mergeCell ref="HVQ728:HVT728"/>
    <mergeCell ref="HUG728:HUJ728"/>
    <mergeCell ref="HUK728:HUN728"/>
    <mergeCell ref="HUO728:HUR728"/>
    <mergeCell ref="HUS728:HUV728"/>
    <mergeCell ref="HUW728:HUZ728"/>
    <mergeCell ref="IEG728:IEJ728"/>
    <mergeCell ref="IEK728:IEN728"/>
    <mergeCell ref="IEO728:IER728"/>
    <mergeCell ref="IES728:IEV728"/>
    <mergeCell ref="IEW728:IEZ728"/>
    <mergeCell ref="IDM728:IDP728"/>
    <mergeCell ref="IDQ728:IDT728"/>
    <mergeCell ref="IDU728:IDX728"/>
    <mergeCell ref="IDY728:IEB728"/>
    <mergeCell ref="IEC728:IEF728"/>
    <mergeCell ref="ICS728:ICV728"/>
    <mergeCell ref="ICW728:ICZ728"/>
    <mergeCell ref="IDA728:IDD728"/>
    <mergeCell ref="IDE728:IDH728"/>
    <mergeCell ref="IDI728:IDL728"/>
    <mergeCell ref="IBY728:ICB728"/>
    <mergeCell ref="ICC728:ICF728"/>
    <mergeCell ref="ICG728:ICJ728"/>
    <mergeCell ref="ICK728:ICN728"/>
    <mergeCell ref="ICO728:ICR728"/>
    <mergeCell ref="IBE728:IBH728"/>
    <mergeCell ref="IBI728:IBL728"/>
    <mergeCell ref="IBM728:IBP728"/>
    <mergeCell ref="IBQ728:IBT728"/>
    <mergeCell ref="IBU728:IBX728"/>
    <mergeCell ref="IAK728:IAN728"/>
    <mergeCell ref="IAO728:IAR728"/>
    <mergeCell ref="IAS728:IAV728"/>
    <mergeCell ref="IAW728:IAZ728"/>
    <mergeCell ref="IBA728:IBD728"/>
    <mergeCell ref="HZQ728:HZT728"/>
    <mergeCell ref="HZU728:HZX728"/>
    <mergeCell ref="HZY728:IAB728"/>
    <mergeCell ref="IAC728:IAF728"/>
    <mergeCell ref="IAG728:IAJ728"/>
    <mergeCell ref="IJQ728:IJT728"/>
    <mergeCell ref="IJU728:IJX728"/>
    <mergeCell ref="IJY728:IKB728"/>
    <mergeCell ref="IKC728:IKF728"/>
    <mergeCell ref="IKG728:IKJ728"/>
    <mergeCell ref="IIW728:IIZ728"/>
    <mergeCell ref="IJA728:IJD728"/>
    <mergeCell ref="IJE728:IJH728"/>
    <mergeCell ref="IJI728:IJL728"/>
    <mergeCell ref="IJM728:IJP728"/>
    <mergeCell ref="IIC728:IIF728"/>
    <mergeCell ref="IIG728:IIJ728"/>
    <mergeCell ref="IIK728:IIN728"/>
    <mergeCell ref="IIO728:IIR728"/>
    <mergeCell ref="IIS728:IIV728"/>
    <mergeCell ref="IHI728:IHL728"/>
    <mergeCell ref="IHM728:IHP728"/>
    <mergeCell ref="IHQ728:IHT728"/>
    <mergeCell ref="IHU728:IHX728"/>
    <mergeCell ref="IHY728:IIB728"/>
    <mergeCell ref="IGO728:IGR728"/>
    <mergeCell ref="IGS728:IGV728"/>
    <mergeCell ref="IGW728:IGZ728"/>
    <mergeCell ref="IHA728:IHD728"/>
    <mergeCell ref="IHE728:IHH728"/>
    <mergeCell ref="IFU728:IFX728"/>
    <mergeCell ref="IFY728:IGB728"/>
    <mergeCell ref="IGC728:IGF728"/>
    <mergeCell ref="IGG728:IGJ728"/>
    <mergeCell ref="IGK728:IGN728"/>
    <mergeCell ref="IFA728:IFD728"/>
    <mergeCell ref="IFE728:IFH728"/>
    <mergeCell ref="IFI728:IFL728"/>
    <mergeCell ref="IFM728:IFP728"/>
    <mergeCell ref="IFQ728:IFT728"/>
    <mergeCell ref="IPA728:IPD728"/>
    <mergeCell ref="IPE728:IPH728"/>
    <mergeCell ref="IPI728:IPL728"/>
    <mergeCell ref="IPM728:IPP728"/>
    <mergeCell ref="IPQ728:IPT728"/>
    <mergeCell ref="IOG728:IOJ728"/>
    <mergeCell ref="IOK728:ION728"/>
    <mergeCell ref="IOO728:IOR728"/>
    <mergeCell ref="IOS728:IOV728"/>
    <mergeCell ref="IOW728:IOZ728"/>
    <mergeCell ref="INM728:INP728"/>
    <mergeCell ref="INQ728:INT728"/>
    <mergeCell ref="INU728:INX728"/>
    <mergeCell ref="INY728:IOB728"/>
    <mergeCell ref="IOC728:IOF728"/>
    <mergeCell ref="IMS728:IMV728"/>
    <mergeCell ref="IMW728:IMZ728"/>
    <mergeCell ref="INA728:IND728"/>
    <mergeCell ref="INE728:INH728"/>
    <mergeCell ref="INI728:INL728"/>
    <mergeCell ref="ILY728:IMB728"/>
    <mergeCell ref="IMC728:IMF728"/>
    <mergeCell ref="IMG728:IMJ728"/>
    <mergeCell ref="IMK728:IMN728"/>
    <mergeCell ref="IMO728:IMR728"/>
    <mergeCell ref="ILE728:ILH728"/>
    <mergeCell ref="ILI728:ILL728"/>
    <mergeCell ref="ILM728:ILP728"/>
    <mergeCell ref="ILQ728:ILT728"/>
    <mergeCell ref="ILU728:ILX728"/>
    <mergeCell ref="IKK728:IKN728"/>
    <mergeCell ref="IKO728:IKR728"/>
    <mergeCell ref="IKS728:IKV728"/>
    <mergeCell ref="IKW728:IKZ728"/>
    <mergeCell ref="ILA728:ILD728"/>
    <mergeCell ref="IUK728:IUN728"/>
    <mergeCell ref="IUO728:IUR728"/>
    <mergeCell ref="IUS728:IUV728"/>
    <mergeCell ref="IUW728:IUZ728"/>
    <mergeCell ref="IVA728:IVD728"/>
    <mergeCell ref="ITQ728:ITT728"/>
    <mergeCell ref="ITU728:ITX728"/>
    <mergeCell ref="ITY728:IUB728"/>
    <mergeCell ref="IUC728:IUF728"/>
    <mergeCell ref="IUG728:IUJ728"/>
    <mergeCell ref="ISW728:ISZ728"/>
    <mergeCell ref="ITA728:ITD728"/>
    <mergeCell ref="ITE728:ITH728"/>
    <mergeCell ref="ITI728:ITL728"/>
    <mergeCell ref="ITM728:ITP728"/>
    <mergeCell ref="ISC728:ISF728"/>
    <mergeCell ref="ISG728:ISJ728"/>
    <mergeCell ref="ISK728:ISN728"/>
    <mergeCell ref="ISO728:ISR728"/>
    <mergeCell ref="ISS728:ISV728"/>
    <mergeCell ref="IRI728:IRL728"/>
    <mergeCell ref="IRM728:IRP728"/>
    <mergeCell ref="IRQ728:IRT728"/>
    <mergeCell ref="IRU728:IRX728"/>
    <mergeCell ref="IRY728:ISB728"/>
    <mergeCell ref="IQO728:IQR728"/>
    <mergeCell ref="IQS728:IQV728"/>
    <mergeCell ref="IQW728:IQZ728"/>
    <mergeCell ref="IRA728:IRD728"/>
    <mergeCell ref="IRE728:IRH728"/>
    <mergeCell ref="IPU728:IPX728"/>
    <mergeCell ref="IPY728:IQB728"/>
    <mergeCell ref="IQC728:IQF728"/>
    <mergeCell ref="IQG728:IQJ728"/>
    <mergeCell ref="IQK728:IQN728"/>
    <mergeCell ref="IZU728:IZX728"/>
    <mergeCell ref="IZY728:JAB728"/>
    <mergeCell ref="JAC728:JAF728"/>
    <mergeCell ref="JAG728:JAJ728"/>
    <mergeCell ref="JAK728:JAN728"/>
    <mergeCell ref="IZA728:IZD728"/>
    <mergeCell ref="IZE728:IZH728"/>
    <mergeCell ref="IZI728:IZL728"/>
    <mergeCell ref="IZM728:IZP728"/>
    <mergeCell ref="IZQ728:IZT728"/>
    <mergeCell ref="IYG728:IYJ728"/>
    <mergeCell ref="IYK728:IYN728"/>
    <mergeCell ref="IYO728:IYR728"/>
    <mergeCell ref="IYS728:IYV728"/>
    <mergeCell ref="IYW728:IYZ728"/>
    <mergeCell ref="IXM728:IXP728"/>
    <mergeCell ref="IXQ728:IXT728"/>
    <mergeCell ref="IXU728:IXX728"/>
    <mergeCell ref="IXY728:IYB728"/>
    <mergeCell ref="IYC728:IYF728"/>
    <mergeCell ref="IWS728:IWV728"/>
    <mergeCell ref="IWW728:IWZ728"/>
    <mergeCell ref="IXA728:IXD728"/>
    <mergeCell ref="IXE728:IXH728"/>
    <mergeCell ref="IXI728:IXL728"/>
    <mergeCell ref="IVY728:IWB728"/>
    <mergeCell ref="IWC728:IWF728"/>
    <mergeCell ref="IWG728:IWJ728"/>
    <mergeCell ref="IWK728:IWN728"/>
    <mergeCell ref="IWO728:IWR728"/>
    <mergeCell ref="IVE728:IVH728"/>
    <mergeCell ref="IVI728:IVL728"/>
    <mergeCell ref="IVM728:IVP728"/>
    <mergeCell ref="IVQ728:IVT728"/>
    <mergeCell ref="IVU728:IVX728"/>
    <mergeCell ref="JFE728:JFH728"/>
    <mergeCell ref="JFI728:JFL728"/>
    <mergeCell ref="JFM728:JFP728"/>
    <mergeCell ref="JFQ728:JFT728"/>
    <mergeCell ref="JFU728:JFX728"/>
    <mergeCell ref="JEK728:JEN728"/>
    <mergeCell ref="JEO728:JER728"/>
    <mergeCell ref="JES728:JEV728"/>
    <mergeCell ref="JEW728:JEZ728"/>
    <mergeCell ref="JFA728:JFD728"/>
    <mergeCell ref="JDQ728:JDT728"/>
    <mergeCell ref="JDU728:JDX728"/>
    <mergeCell ref="JDY728:JEB728"/>
    <mergeCell ref="JEC728:JEF728"/>
    <mergeCell ref="JEG728:JEJ728"/>
    <mergeCell ref="JCW728:JCZ728"/>
    <mergeCell ref="JDA728:JDD728"/>
    <mergeCell ref="JDE728:JDH728"/>
    <mergeCell ref="JDI728:JDL728"/>
    <mergeCell ref="JDM728:JDP728"/>
    <mergeCell ref="JCC728:JCF728"/>
    <mergeCell ref="JCG728:JCJ728"/>
    <mergeCell ref="JCK728:JCN728"/>
    <mergeCell ref="JCO728:JCR728"/>
    <mergeCell ref="JCS728:JCV728"/>
    <mergeCell ref="JBI728:JBL728"/>
    <mergeCell ref="JBM728:JBP728"/>
    <mergeCell ref="JBQ728:JBT728"/>
    <mergeCell ref="JBU728:JBX728"/>
    <mergeCell ref="JBY728:JCB728"/>
    <mergeCell ref="JAO728:JAR728"/>
    <mergeCell ref="JAS728:JAV728"/>
    <mergeCell ref="JAW728:JAZ728"/>
    <mergeCell ref="JBA728:JBD728"/>
    <mergeCell ref="JBE728:JBH728"/>
    <mergeCell ref="JKO728:JKR728"/>
    <mergeCell ref="JKS728:JKV728"/>
    <mergeCell ref="JKW728:JKZ728"/>
    <mergeCell ref="JLA728:JLD728"/>
    <mergeCell ref="JLE728:JLH728"/>
    <mergeCell ref="JJU728:JJX728"/>
    <mergeCell ref="JJY728:JKB728"/>
    <mergeCell ref="JKC728:JKF728"/>
    <mergeCell ref="JKG728:JKJ728"/>
    <mergeCell ref="JKK728:JKN728"/>
    <mergeCell ref="JJA728:JJD728"/>
    <mergeCell ref="JJE728:JJH728"/>
    <mergeCell ref="JJI728:JJL728"/>
    <mergeCell ref="JJM728:JJP728"/>
    <mergeCell ref="JJQ728:JJT728"/>
    <mergeCell ref="JIG728:JIJ728"/>
    <mergeCell ref="JIK728:JIN728"/>
    <mergeCell ref="JIO728:JIR728"/>
    <mergeCell ref="JIS728:JIV728"/>
    <mergeCell ref="JIW728:JIZ728"/>
    <mergeCell ref="JHM728:JHP728"/>
    <mergeCell ref="JHQ728:JHT728"/>
    <mergeCell ref="JHU728:JHX728"/>
    <mergeCell ref="JHY728:JIB728"/>
    <mergeCell ref="JIC728:JIF728"/>
    <mergeCell ref="JGS728:JGV728"/>
    <mergeCell ref="JGW728:JGZ728"/>
    <mergeCell ref="JHA728:JHD728"/>
    <mergeCell ref="JHE728:JHH728"/>
    <mergeCell ref="JHI728:JHL728"/>
    <mergeCell ref="JFY728:JGB728"/>
    <mergeCell ref="JGC728:JGF728"/>
    <mergeCell ref="JGG728:JGJ728"/>
    <mergeCell ref="JGK728:JGN728"/>
    <mergeCell ref="JGO728:JGR728"/>
    <mergeCell ref="JPY728:JQB728"/>
    <mergeCell ref="JQC728:JQF728"/>
    <mergeCell ref="JQG728:JQJ728"/>
    <mergeCell ref="JQK728:JQN728"/>
    <mergeCell ref="JQO728:JQR728"/>
    <mergeCell ref="JPE728:JPH728"/>
    <mergeCell ref="JPI728:JPL728"/>
    <mergeCell ref="JPM728:JPP728"/>
    <mergeCell ref="JPQ728:JPT728"/>
    <mergeCell ref="JPU728:JPX728"/>
    <mergeCell ref="JOK728:JON728"/>
    <mergeCell ref="JOO728:JOR728"/>
    <mergeCell ref="JOS728:JOV728"/>
    <mergeCell ref="JOW728:JOZ728"/>
    <mergeCell ref="JPA728:JPD728"/>
    <mergeCell ref="JNQ728:JNT728"/>
    <mergeCell ref="JNU728:JNX728"/>
    <mergeCell ref="JNY728:JOB728"/>
    <mergeCell ref="JOC728:JOF728"/>
    <mergeCell ref="JOG728:JOJ728"/>
    <mergeCell ref="JMW728:JMZ728"/>
    <mergeCell ref="JNA728:JND728"/>
    <mergeCell ref="JNE728:JNH728"/>
    <mergeCell ref="JNI728:JNL728"/>
    <mergeCell ref="JNM728:JNP728"/>
    <mergeCell ref="JMC728:JMF728"/>
    <mergeCell ref="JMG728:JMJ728"/>
    <mergeCell ref="JMK728:JMN728"/>
    <mergeCell ref="JMO728:JMR728"/>
    <mergeCell ref="JMS728:JMV728"/>
    <mergeCell ref="JLI728:JLL728"/>
    <mergeCell ref="JLM728:JLP728"/>
    <mergeCell ref="JLQ728:JLT728"/>
    <mergeCell ref="JLU728:JLX728"/>
    <mergeCell ref="JLY728:JMB728"/>
    <mergeCell ref="JVI728:JVL728"/>
    <mergeCell ref="JVM728:JVP728"/>
    <mergeCell ref="JVQ728:JVT728"/>
    <mergeCell ref="JVU728:JVX728"/>
    <mergeCell ref="JVY728:JWB728"/>
    <mergeCell ref="JUO728:JUR728"/>
    <mergeCell ref="JUS728:JUV728"/>
    <mergeCell ref="JUW728:JUZ728"/>
    <mergeCell ref="JVA728:JVD728"/>
    <mergeCell ref="JVE728:JVH728"/>
    <mergeCell ref="JTU728:JTX728"/>
    <mergeCell ref="JTY728:JUB728"/>
    <mergeCell ref="JUC728:JUF728"/>
    <mergeCell ref="JUG728:JUJ728"/>
    <mergeCell ref="JUK728:JUN728"/>
    <mergeCell ref="JTA728:JTD728"/>
    <mergeCell ref="JTE728:JTH728"/>
    <mergeCell ref="JTI728:JTL728"/>
    <mergeCell ref="JTM728:JTP728"/>
    <mergeCell ref="JTQ728:JTT728"/>
    <mergeCell ref="JSG728:JSJ728"/>
    <mergeCell ref="JSK728:JSN728"/>
    <mergeCell ref="JSO728:JSR728"/>
    <mergeCell ref="JSS728:JSV728"/>
    <mergeCell ref="JSW728:JSZ728"/>
    <mergeCell ref="JRM728:JRP728"/>
    <mergeCell ref="JRQ728:JRT728"/>
    <mergeCell ref="JRU728:JRX728"/>
    <mergeCell ref="JRY728:JSB728"/>
    <mergeCell ref="JSC728:JSF728"/>
    <mergeCell ref="JQS728:JQV728"/>
    <mergeCell ref="JQW728:JQZ728"/>
    <mergeCell ref="JRA728:JRD728"/>
    <mergeCell ref="JRE728:JRH728"/>
    <mergeCell ref="JRI728:JRL728"/>
    <mergeCell ref="KAS728:KAV728"/>
    <mergeCell ref="KAW728:KAZ728"/>
    <mergeCell ref="KBA728:KBD728"/>
    <mergeCell ref="KBE728:KBH728"/>
    <mergeCell ref="KBI728:KBL728"/>
    <mergeCell ref="JZY728:KAB728"/>
    <mergeCell ref="KAC728:KAF728"/>
    <mergeCell ref="KAG728:KAJ728"/>
    <mergeCell ref="KAK728:KAN728"/>
    <mergeCell ref="KAO728:KAR728"/>
    <mergeCell ref="JZE728:JZH728"/>
    <mergeCell ref="JZI728:JZL728"/>
    <mergeCell ref="JZM728:JZP728"/>
    <mergeCell ref="JZQ728:JZT728"/>
    <mergeCell ref="JZU728:JZX728"/>
    <mergeCell ref="JYK728:JYN728"/>
    <mergeCell ref="JYO728:JYR728"/>
    <mergeCell ref="JYS728:JYV728"/>
    <mergeCell ref="JYW728:JYZ728"/>
    <mergeCell ref="JZA728:JZD728"/>
    <mergeCell ref="JXQ728:JXT728"/>
    <mergeCell ref="JXU728:JXX728"/>
    <mergeCell ref="JXY728:JYB728"/>
    <mergeCell ref="JYC728:JYF728"/>
    <mergeCell ref="JYG728:JYJ728"/>
    <mergeCell ref="JWW728:JWZ728"/>
    <mergeCell ref="JXA728:JXD728"/>
    <mergeCell ref="JXE728:JXH728"/>
    <mergeCell ref="JXI728:JXL728"/>
    <mergeCell ref="JXM728:JXP728"/>
    <mergeCell ref="JWC728:JWF728"/>
    <mergeCell ref="JWG728:JWJ728"/>
    <mergeCell ref="JWK728:JWN728"/>
    <mergeCell ref="JWO728:JWR728"/>
    <mergeCell ref="JWS728:JWV728"/>
    <mergeCell ref="KGC728:KGF728"/>
    <mergeCell ref="KGG728:KGJ728"/>
    <mergeCell ref="KGK728:KGN728"/>
    <mergeCell ref="KGO728:KGR728"/>
    <mergeCell ref="KGS728:KGV728"/>
    <mergeCell ref="KFI728:KFL728"/>
    <mergeCell ref="KFM728:KFP728"/>
    <mergeCell ref="KFQ728:KFT728"/>
    <mergeCell ref="KFU728:KFX728"/>
    <mergeCell ref="KFY728:KGB728"/>
    <mergeCell ref="KEO728:KER728"/>
    <mergeCell ref="KES728:KEV728"/>
    <mergeCell ref="KEW728:KEZ728"/>
    <mergeCell ref="KFA728:KFD728"/>
    <mergeCell ref="KFE728:KFH728"/>
    <mergeCell ref="KDU728:KDX728"/>
    <mergeCell ref="KDY728:KEB728"/>
    <mergeCell ref="KEC728:KEF728"/>
    <mergeCell ref="KEG728:KEJ728"/>
    <mergeCell ref="KEK728:KEN728"/>
    <mergeCell ref="KDA728:KDD728"/>
    <mergeCell ref="KDE728:KDH728"/>
    <mergeCell ref="KDI728:KDL728"/>
    <mergeCell ref="KDM728:KDP728"/>
    <mergeCell ref="KDQ728:KDT728"/>
    <mergeCell ref="KCG728:KCJ728"/>
    <mergeCell ref="KCK728:KCN728"/>
    <mergeCell ref="KCO728:KCR728"/>
    <mergeCell ref="KCS728:KCV728"/>
    <mergeCell ref="KCW728:KCZ728"/>
    <mergeCell ref="KBM728:KBP728"/>
    <mergeCell ref="KBQ728:KBT728"/>
    <mergeCell ref="KBU728:KBX728"/>
    <mergeCell ref="KBY728:KCB728"/>
    <mergeCell ref="KCC728:KCF728"/>
    <mergeCell ref="KLM728:KLP728"/>
    <mergeCell ref="KLQ728:KLT728"/>
    <mergeCell ref="KLU728:KLX728"/>
    <mergeCell ref="KLY728:KMB728"/>
    <mergeCell ref="KMC728:KMF728"/>
    <mergeCell ref="KKS728:KKV728"/>
    <mergeCell ref="KKW728:KKZ728"/>
    <mergeCell ref="KLA728:KLD728"/>
    <mergeCell ref="KLE728:KLH728"/>
    <mergeCell ref="KLI728:KLL728"/>
    <mergeCell ref="KJY728:KKB728"/>
    <mergeCell ref="KKC728:KKF728"/>
    <mergeCell ref="KKG728:KKJ728"/>
    <mergeCell ref="KKK728:KKN728"/>
    <mergeCell ref="KKO728:KKR728"/>
    <mergeCell ref="KJE728:KJH728"/>
    <mergeCell ref="KJI728:KJL728"/>
    <mergeCell ref="KJM728:KJP728"/>
    <mergeCell ref="KJQ728:KJT728"/>
    <mergeCell ref="KJU728:KJX728"/>
    <mergeCell ref="KIK728:KIN728"/>
    <mergeCell ref="KIO728:KIR728"/>
    <mergeCell ref="KIS728:KIV728"/>
    <mergeCell ref="KIW728:KIZ728"/>
    <mergeCell ref="KJA728:KJD728"/>
    <mergeCell ref="KHQ728:KHT728"/>
    <mergeCell ref="KHU728:KHX728"/>
    <mergeCell ref="KHY728:KIB728"/>
    <mergeCell ref="KIC728:KIF728"/>
    <mergeCell ref="KIG728:KIJ728"/>
    <mergeCell ref="KGW728:KGZ728"/>
    <mergeCell ref="KHA728:KHD728"/>
    <mergeCell ref="KHE728:KHH728"/>
    <mergeCell ref="KHI728:KHL728"/>
    <mergeCell ref="KHM728:KHP728"/>
    <mergeCell ref="KQW728:KQZ728"/>
    <mergeCell ref="KRA728:KRD728"/>
    <mergeCell ref="KRE728:KRH728"/>
    <mergeCell ref="KRI728:KRL728"/>
    <mergeCell ref="KRM728:KRP728"/>
    <mergeCell ref="KQC728:KQF728"/>
    <mergeCell ref="KQG728:KQJ728"/>
    <mergeCell ref="KQK728:KQN728"/>
    <mergeCell ref="KQO728:KQR728"/>
    <mergeCell ref="KQS728:KQV728"/>
    <mergeCell ref="KPI728:KPL728"/>
    <mergeCell ref="KPM728:KPP728"/>
    <mergeCell ref="KPQ728:KPT728"/>
    <mergeCell ref="KPU728:KPX728"/>
    <mergeCell ref="KPY728:KQB728"/>
    <mergeCell ref="KOO728:KOR728"/>
    <mergeCell ref="KOS728:KOV728"/>
    <mergeCell ref="KOW728:KOZ728"/>
    <mergeCell ref="KPA728:KPD728"/>
    <mergeCell ref="KPE728:KPH728"/>
    <mergeCell ref="KNU728:KNX728"/>
    <mergeCell ref="KNY728:KOB728"/>
    <mergeCell ref="KOC728:KOF728"/>
    <mergeCell ref="KOG728:KOJ728"/>
    <mergeCell ref="KOK728:KON728"/>
    <mergeCell ref="KNA728:KND728"/>
    <mergeCell ref="KNE728:KNH728"/>
    <mergeCell ref="KNI728:KNL728"/>
    <mergeCell ref="KNM728:KNP728"/>
    <mergeCell ref="KNQ728:KNT728"/>
    <mergeCell ref="KMG728:KMJ728"/>
    <mergeCell ref="KMK728:KMN728"/>
    <mergeCell ref="KMO728:KMR728"/>
    <mergeCell ref="KMS728:KMV728"/>
    <mergeCell ref="KMW728:KMZ728"/>
    <mergeCell ref="KWG728:KWJ728"/>
    <mergeCell ref="KWK728:KWN728"/>
    <mergeCell ref="KWO728:KWR728"/>
    <mergeCell ref="KWS728:KWV728"/>
    <mergeCell ref="KWW728:KWZ728"/>
    <mergeCell ref="KVM728:KVP728"/>
    <mergeCell ref="KVQ728:KVT728"/>
    <mergeCell ref="KVU728:KVX728"/>
    <mergeCell ref="KVY728:KWB728"/>
    <mergeCell ref="KWC728:KWF728"/>
    <mergeCell ref="KUS728:KUV728"/>
    <mergeCell ref="KUW728:KUZ728"/>
    <mergeCell ref="KVA728:KVD728"/>
    <mergeCell ref="KVE728:KVH728"/>
    <mergeCell ref="KVI728:KVL728"/>
    <mergeCell ref="KTY728:KUB728"/>
    <mergeCell ref="KUC728:KUF728"/>
    <mergeCell ref="KUG728:KUJ728"/>
    <mergeCell ref="KUK728:KUN728"/>
    <mergeCell ref="KUO728:KUR728"/>
    <mergeCell ref="KTE728:KTH728"/>
    <mergeCell ref="KTI728:KTL728"/>
    <mergeCell ref="KTM728:KTP728"/>
    <mergeCell ref="KTQ728:KTT728"/>
    <mergeCell ref="KTU728:KTX728"/>
    <mergeCell ref="KSK728:KSN728"/>
    <mergeCell ref="KSO728:KSR728"/>
    <mergeCell ref="KSS728:KSV728"/>
    <mergeCell ref="KSW728:KSZ728"/>
    <mergeCell ref="KTA728:KTD728"/>
    <mergeCell ref="KRQ728:KRT728"/>
    <mergeCell ref="KRU728:KRX728"/>
    <mergeCell ref="KRY728:KSB728"/>
    <mergeCell ref="KSC728:KSF728"/>
    <mergeCell ref="KSG728:KSJ728"/>
    <mergeCell ref="LBQ728:LBT728"/>
    <mergeCell ref="LBU728:LBX728"/>
    <mergeCell ref="LBY728:LCB728"/>
    <mergeCell ref="LCC728:LCF728"/>
    <mergeCell ref="LCG728:LCJ728"/>
    <mergeCell ref="LAW728:LAZ728"/>
    <mergeCell ref="LBA728:LBD728"/>
    <mergeCell ref="LBE728:LBH728"/>
    <mergeCell ref="LBI728:LBL728"/>
    <mergeCell ref="LBM728:LBP728"/>
    <mergeCell ref="LAC728:LAF728"/>
    <mergeCell ref="LAG728:LAJ728"/>
    <mergeCell ref="LAK728:LAN728"/>
    <mergeCell ref="LAO728:LAR728"/>
    <mergeCell ref="LAS728:LAV728"/>
    <mergeCell ref="KZI728:KZL728"/>
    <mergeCell ref="KZM728:KZP728"/>
    <mergeCell ref="KZQ728:KZT728"/>
    <mergeCell ref="KZU728:KZX728"/>
    <mergeCell ref="KZY728:LAB728"/>
    <mergeCell ref="KYO728:KYR728"/>
    <mergeCell ref="KYS728:KYV728"/>
    <mergeCell ref="KYW728:KYZ728"/>
    <mergeCell ref="KZA728:KZD728"/>
    <mergeCell ref="KZE728:KZH728"/>
    <mergeCell ref="KXU728:KXX728"/>
    <mergeCell ref="KXY728:KYB728"/>
    <mergeCell ref="KYC728:KYF728"/>
    <mergeCell ref="KYG728:KYJ728"/>
    <mergeCell ref="KYK728:KYN728"/>
    <mergeCell ref="KXA728:KXD728"/>
    <mergeCell ref="KXE728:KXH728"/>
    <mergeCell ref="KXI728:KXL728"/>
    <mergeCell ref="KXM728:KXP728"/>
    <mergeCell ref="KXQ728:KXT728"/>
    <mergeCell ref="LHA728:LHD728"/>
    <mergeCell ref="LHE728:LHH728"/>
    <mergeCell ref="LHI728:LHL728"/>
    <mergeCell ref="LHM728:LHP728"/>
    <mergeCell ref="LHQ728:LHT728"/>
    <mergeCell ref="LGG728:LGJ728"/>
    <mergeCell ref="LGK728:LGN728"/>
    <mergeCell ref="LGO728:LGR728"/>
    <mergeCell ref="LGS728:LGV728"/>
    <mergeCell ref="LGW728:LGZ728"/>
    <mergeCell ref="LFM728:LFP728"/>
    <mergeCell ref="LFQ728:LFT728"/>
    <mergeCell ref="LFU728:LFX728"/>
    <mergeCell ref="LFY728:LGB728"/>
    <mergeCell ref="LGC728:LGF728"/>
    <mergeCell ref="LES728:LEV728"/>
    <mergeCell ref="LEW728:LEZ728"/>
    <mergeCell ref="LFA728:LFD728"/>
    <mergeCell ref="LFE728:LFH728"/>
    <mergeCell ref="LFI728:LFL728"/>
    <mergeCell ref="LDY728:LEB728"/>
    <mergeCell ref="LEC728:LEF728"/>
    <mergeCell ref="LEG728:LEJ728"/>
    <mergeCell ref="LEK728:LEN728"/>
    <mergeCell ref="LEO728:LER728"/>
    <mergeCell ref="LDE728:LDH728"/>
    <mergeCell ref="LDI728:LDL728"/>
    <mergeCell ref="LDM728:LDP728"/>
    <mergeCell ref="LDQ728:LDT728"/>
    <mergeCell ref="LDU728:LDX728"/>
    <mergeCell ref="LCK728:LCN728"/>
    <mergeCell ref="LCO728:LCR728"/>
    <mergeCell ref="LCS728:LCV728"/>
    <mergeCell ref="LCW728:LCZ728"/>
    <mergeCell ref="LDA728:LDD728"/>
    <mergeCell ref="LMK728:LMN728"/>
    <mergeCell ref="LMO728:LMR728"/>
    <mergeCell ref="LMS728:LMV728"/>
    <mergeCell ref="LMW728:LMZ728"/>
    <mergeCell ref="LNA728:LND728"/>
    <mergeCell ref="LLQ728:LLT728"/>
    <mergeCell ref="LLU728:LLX728"/>
    <mergeCell ref="LLY728:LMB728"/>
    <mergeCell ref="LMC728:LMF728"/>
    <mergeCell ref="LMG728:LMJ728"/>
    <mergeCell ref="LKW728:LKZ728"/>
    <mergeCell ref="LLA728:LLD728"/>
    <mergeCell ref="LLE728:LLH728"/>
    <mergeCell ref="LLI728:LLL728"/>
    <mergeCell ref="LLM728:LLP728"/>
    <mergeCell ref="LKC728:LKF728"/>
    <mergeCell ref="LKG728:LKJ728"/>
    <mergeCell ref="LKK728:LKN728"/>
    <mergeCell ref="LKO728:LKR728"/>
    <mergeCell ref="LKS728:LKV728"/>
    <mergeCell ref="LJI728:LJL728"/>
    <mergeCell ref="LJM728:LJP728"/>
    <mergeCell ref="LJQ728:LJT728"/>
    <mergeCell ref="LJU728:LJX728"/>
    <mergeCell ref="LJY728:LKB728"/>
    <mergeCell ref="LIO728:LIR728"/>
    <mergeCell ref="LIS728:LIV728"/>
    <mergeCell ref="LIW728:LIZ728"/>
    <mergeCell ref="LJA728:LJD728"/>
    <mergeCell ref="LJE728:LJH728"/>
    <mergeCell ref="LHU728:LHX728"/>
    <mergeCell ref="LHY728:LIB728"/>
    <mergeCell ref="LIC728:LIF728"/>
    <mergeCell ref="LIG728:LIJ728"/>
    <mergeCell ref="LIK728:LIN728"/>
    <mergeCell ref="LRU728:LRX728"/>
    <mergeCell ref="LRY728:LSB728"/>
    <mergeCell ref="LSC728:LSF728"/>
    <mergeCell ref="LSG728:LSJ728"/>
    <mergeCell ref="LSK728:LSN728"/>
    <mergeCell ref="LRA728:LRD728"/>
    <mergeCell ref="LRE728:LRH728"/>
    <mergeCell ref="LRI728:LRL728"/>
    <mergeCell ref="LRM728:LRP728"/>
    <mergeCell ref="LRQ728:LRT728"/>
    <mergeCell ref="LQG728:LQJ728"/>
    <mergeCell ref="LQK728:LQN728"/>
    <mergeCell ref="LQO728:LQR728"/>
    <mergeCell ref="LQS728:LQV728"/>
    <mergeCell ref="LQW728:LQZ728"/>
    <mergeCell ref="LPM728:LPP728"/>
    <mergeCell ref="LPQ728:LPT728"/>
    <mergeCell ref="LPU728:LPX728"/>
    <mergeCell ref="LPY728:LQB728"/>
    <mergeCell ref="LQC728:LQF728"/>
    <mergeCell ref="LOS728:LOV728"/>
    <mergeCell ref="LOW728:LOZ728"/>
    <mergeCell ref="LPA728:LPD728"/>
    <mergeCell ref="LPE728:LPH728"/>
    <mergeCell ref="LPI728:LPL728"/>
    <mergeCell ref="LNY728:LOB728"/>
    <mergeCell ref="LOC728:LOF728"/>
    <mergeCell ref="LOG728:LOJ728"/>
    <mergeCell ref="LOK728:LON728"/>
    <mergeCell ref="LOO728:LOR728"/>
    <mergeCell ref="LNE728:LNH728"/>
    <mergeCell ref="LNI728:LNL728"/>
    <mergeCell ref="LNM728:LNP728"/>
    <mergeCell ref="LNQ728:LNT728"/>
    <mergeCell ref="LNU728:LNX728"/>
    <mergeCell ref="LXE728:LXH728"/>
    <mergeCell ref="LXI728:LXL728"/>
    <mergeCell ref="LXM728:LXP728"/>
    <mergeCell ref="LXQ728:LXT728"/>
    <mergeCell ref="LXU728:LXX728"/>
    <mergeCell ref="LWK728:LWN728"/>
    <mergeCell ref="LWO728:LWR728"/>
    <mergeCell ref="LWS728:LWV728"/>
    <mergeCell ref="LWW728:LWZ728"/>
    <mergeCell ref="LXA728:LXD728"/>
    <mergeCell ref="LVQ728:LVT728"/>
    <mergeCell ref="LVU728:LVX728"/>
    <mergeCell ref="LVY728:LWB728"/>
    <mergeCell ref="LWC728:LWF728"/>
    <mergeCell ref="LWG728:LWJ728"/>
    <mergeCell ref="LUW728:LUZ728"/>
    <mergeCell ref="LVA728:LVD728"/>
    <mergeCell ref="LVE728:LVH728"/>
    <mergeCell ref="LVI728:LVL728"/>
    <mergeCell ref="LVM728:LVP728"/>
    <mergeCell ref="LUC728:LUF728"/>
    <mergeCell ref="LUG728:LUJ728"/>
    <mergeCell ref="LUK728:LUN728"/>
    <mergeCell ref="LUO728:LUR728"/>
    <mergeCell ref="LUS728:LUV728"/>
    <mergeCell ref="LTI728:LTL728"/>
    <mergeCell ref="LTM728:LTP728"/>
    <mergeCell ref="LTQ728:LTT728"/>
    <mergeCell ref="LTU728:LTX728"/>
    <mergeCell ref="LTY728:LUB728"/>
    <mergeCell ref="LSO728:LSR728"/>
    <mergeCell ref="LSS728:LSV728"/>
    <mergeCell ref="LSW728:LSZ728"/>
    <mergeCell ref="LTA728:LTD728"/>
    <mergeCell ref="LTE728:LTH728"/>
    <mergeCell ref="MCO728:MCR728"/>
    <mergeCell ref="MCS728:MCV728"/>
    <mergeCell ref="MCW728:MCZ728"/>
    <mergeCell ref="MDA728:MDD728"/>
    <mergeCell ref="MDE728:MDH728"/>
    <mergeCell ref="MBU728:MBX728"/>
    <mergeCell ref="MBY728:MCB728"/>
    <mergeCell ref="MCC728:MCF728"/>
    <mergeCell ref="MCG728:MCJ728"/>
    <mergeCell ref="MCK728:MCN728"/>
    <mergeCell ref="MBA728:MBD728"/>
    <mergeCell ref="MBE728:MBH728"/>
    <mergeCell ref="MBI728:MBL728"/>
    <mergeCell ref="MBM728:MBP728"/>
    <mergeCell ref="MBQ728:MBT728"/>
    <mergeCell ref="MAG728:MAJ728"/>
    <mergeCell ref="MAK728:MAN728"/>
    <mergeCell ref="MAO728:MAR728"/>
    <mergeCell ref="MAS728:MAV728"/>
    <mergeCell ref="MAW728:MAZ728"/>
    <mergeCell ref="LZM728:LZP728"/>
    <mergeCell ref="LZQ728:LZT728"/>
    <mergeCell ref="LZU728:LZX728"/>
    <mergeCell ref="LZY728:MAB728"/>
    <mergeCell ref="MAC728:MAF728"/>
    <mergeCell ref="LYS728:LYV728"/>
    <mergeCell ref="LYW728:LYZ728"/>
    <mergeCell ref="LZA728:LZD728"/>
    <mergeCell ref="LZE728:LZH728"/>
    <mergeCell ref="LZI728:LZL728"/>
    <mergeCell ref="LXY728:LYB728"/>
    <mergeCell ref="LYC728:LYF728"/>
    <mergeCell ref="LYG728:LYJ728"/>
    <mergeCell ref="LYK728:LYN728"/>
    <mergeCell ref="LYO728:LYR728"/>
    <mergeCell ref="MHY728:MIB728"/>
    <mergeCell ref="MIC728:MIF728"/>
    <mergeCell ref="MIG728:MIJ728"/>
    <mergeCell ref="MIK728:MIN728"/>
    <mergeCell ref="MIO728:MIR728"/>
    <mergeCell ref="MHE728:MHH728"/>
    <mergeCell ref="MHI728:MHL728"/>
    <mergeCell ref="MHM728:MHP728"/>
    <mergeCell ref="MHQ728:MHT728"/>
    <mergeCell ref="MHU728:MHX728"/>
    <mergeCell ref="MGK728:MGN728"/>
    <mergeCell ref="MGO728:MGR728"/>
    <mergeCell ref="MGS728:MGV728"/>
    <mergeCell ref="MGW728:MGZ728"/>
    <mergeCell ref="MHA728:MHD728"/>
    <mergeCell ref="MFQ728:MFT728"/>
    <mergeCell ref="MFU728:MFX728"/>
    <mergeCell ref="MFY728:MGB728"/>
    <mergeCell ref="MGC728:MGF728"/>
    <mergeCell ref="MGG728:MGJ728"/>
    <mergeCell ref="MEW728:MEZ728"/>
    <mergeCell ref="MFA728:MFD728"/>
    <mergeCell ref="MFE728:MFH728"/>
    <mergeCell ref="MFI728:MFL728"/>
    <mergeCell ref="MFM728:MFP728"/>
    <mergeCell ref="MEC728:MEF728"/>
    <mergeCell ref="MEG728:MEJ728"/>
    <mergeCell ref="MEK728:MEN728"/>
    <mergeCell ref="MEO728:MER728"/>
    <mergeCell ref="MES728:MEV728"/>
    <mergeCell ref="MDI728:MDL728"/>
    <mergeCell ref="MDM728:MDP728"/>
    <mergeCell ref="MDQ728:MDT728"/>
    <mergeCell ref="MDU728:MDX728"/>
    <mergeCell ref="MDY728:MEB728"/>
    <mergeCell ref="MNI728:MNL728"/>
    <mergeCell ref="MNM728:MNP728"/>
    <mergeCell ref="MNQ728:MNT728"/>
    <mergeCell ref="MNU728:MNX728"/>
    <mergeCell ref="MNY728:MOB728"/>
    <mergeCell ref="MMO728:MMR728"/>
    <mergeCell ref="MMS728:MMV728"/>
    <mergeCell ref="MMW728:MMZ728"/>
    <mergeCell ref="MNA728:MND728"/>
    <mergeCell ref="MNE728:MNH728"/>
    <mergeCell ref="MLU728:MLX728"/>
    <mergeCell ref="MLY728:MMB728"/>
    <mergeCell ref="MMC728:MMF728"/>
    <mergeCell ref="MMG728:MMJ728"/>
    <mergeCell ref="MMK728:MMN728"/>
    <mergeCell ref="MLA728:MLD728"/>
    <mergeCell ref="MLE728:MLH728"/>
    <mergeCell ref="MLI728:MLL728"/>
    <mergeCell ref="MLM728:MLP728"/>
    <mergeCell ref="MLQ728:MLT728"/>
    <mergeCell ref="MKG728:MKJ728"/>
    <mergeCell ref="MKK728:MKN728"/>
    <mergeCell ref="MKO728:MKR728"/>
    <mergeCell ref="MKS728:MKV728"/>
    <mergeCell ref="MKW728:MKZ728"/>
    <mergeCell ref="MJM728:MJP728"/>
    <mergeCell ref="MJQ728:MJT728"/>
    <mergeCell ref="MJU728:MJX728"/>
    <mergeCell ref="MJY728:MKB728"/>
    <mergeCell ref="MKC728:MKF728"/>
    <mergeCell ref="MIS728:MIV728"/>
    <mergeCell ref="MIW728:MIZ728"/>
    <mergeCell ref="MJA728:MJD728"/>
    <mergeCell ref="MJE728:MJH728"/>
    <mergeCell ref="MJI728:MJL728"/>
    <mergeCell ref="MSS728:MSV728"/>
    <mergeCell ref="MSW728:MSZ728"/>
    <mergeCell ref="MTA728:MTD728"/>
    <mergeCell ref="MTE728:MTH728"/>
    <mergeCell ref="MTI728:MTL728"/>
    <mergeCell ref="MRY728:MSB728"/>
    <mergeCell ref="MSC728:MSF728"/>
    <mergeCell ref="MSG728:MSJ728"/>
    <mergeCell ref="MSK728:MSN728"/>
    <mergeCell ref="MSO728:MSR728"/>
    <mergeCell ref="MRE728:MRH728"/>
    <mergeCell ref="MRI728:MRL728"/>
    <mergeCell ref="MRM728:MRP728"/>
    <mergeCell ref="MRQ728:MRT728"/>
    <mergeCell ref="MRU728:MRX728"/>
    <mergeCell ref="MQK728:MQN728"/>
    <mergeCell ref="MQO728:MQR728"/>
    <mergeCell ref="MQS728:MQV728"/>
    <mergeCell ref="MQW728:MQZ728"/>
    <mergeCell ref="MRA728:MRD728"/>
    <mergeCell ref="MPQ728:MPT728"/>
    <mergeCell ref="MPU728:MPX728"/>
    <mergeCell ref="MPY728:MQB728"/>
    <mergeCell ref="MQC728:MQF728"/>
    <mergeCell ref="MQG728:MQJ728"/>
    <mergeCell ref="MOW728:MOZ728"/>
    <mergeCell ref="MPA728:MPD728"/>
    <mergeCell ref="MPE728:MPH728"/>
    <mergeCell ref="MPI728:MPL728"/>
    <mergeCell ref="MPM728:MPP728"/>
    <mergeCell ref="MOC728:MOF728"/>
    <mergeCell ref="MOG728:MOJ728"/>
    <mergeCell ref="MOK728:MON728"/>
    <mergeCell ref="MOO728:MOR728"/>
    <mergeCell ref="MOS728:MOV728"/>
    <mergeCell ref="MYC728:MYF728"/>
    <mergeCell ref="MYG728:MYJ728"/>
    <mergeCell ref="MYK728:MYN728"/>
    <mergeCell ref="MYO728:MYR728"/>
    <mergeCell ref="MYS728:MYV728"/>
    <mergeCell ref="MXI728:MXL728"/>
    <mergeCell ref="MXM728:MXP728"/>
    <mergeCell ref="MXQ728:MXT728"/>
    <mergeCell ref="MXU728:MXX728"/>
    <mergeCell ref="MXY728:MYB728"/>
    <mergeCell ref="MWO728:MWR728"/>
    <mergeCell ref="MWS728:MWV728"/>
    <mergeCell ref="MWW728:MWZ728"/>
    <mergeCell ref="MXA728:MXD728"/>
    <mergeCell ref="MXE728:MXH728"/>
    <mergeCell ref="MVU728:MVX728"/>
    <mergeCell ref="MVY728:MWB728"/>
    <mergeCell ref="MWC728:MWF728"/>
    <mergeCell ref="MWG728:MWJ728"/>
    <mergeCell ref="MWK728:MWN728"/>
    <mergeCell ref="MVA728:MVD728"/>
    <mergeCell ref="MVE728:MVH728"/>
    <mergeCell ref="MVI728:MVL728"/>
    <mergeCell ref="MVM728:MVP728"/>
    <mergeCell ref="MVQ728:MVT728"/>
    <mergeCell ref="MUG728:MUJ728"/>
    <mergeCell ref="MUK728:MUN728"/>
    <mergeCell ref="MUO728:MUR728"/>
    <mergeCell ref="MUS728:MUV728"/>
    <mergeCell ref="MUW728:MUZ728"/>
    <mergeCell ref="MTM728:MTP728"/>
    <mergeCell ref="MTQ728:MTT728"/>
    <mergeCell ref="MTU728:MTX728"/>
    <mergeCell ref="MTY728:MUB728"/>
    <mergeCell ref="MUC728:MUF728"/>
    <mergeCell ref="NDM728:NDP728"/>
    <mergeCell ref="NDQ728:NDT728"/>
    <mergeCell ref="NDU728:NDX728"/>
    <mergeCell ref="NDY728:NEB728"/>
    <mergeCell ref="NEC728:NEF728"/>
    <mergeCell ref="NCS728:NCV728"/>
    <mergeCell ref="NCW728:NCZ728"/>
    <mergeCell ref="NDA728:NDD728"/>
    <mergeCell ref="NDE728:NDH728"/>
    <mergeCell ref="NDI728:NDL728"/>
    <mergeCell ref="NBY728:NCB728"/>
    <mergeCell ref="NCC728:NCF728"/>
    <mergeCell ref="NCG728:NCJ728"/>
    <mergeCell ref="NCK728:NCN728"/>
    <mergeCell ref="NCO728:NCR728"/>
    <mergeCell ref="NBE728:NBH728"/>
    <mergeCell ref="NBI728:NBL728"/>
    <mergeCell ref="NBM728:NBP728"/>
    <mergeCell ref="NBQ728:NBT728"/>
    <mergeCell ref="NBU728:NBX728"/>
    <mergeCell ref="NAK728:NAN728"/>
    <mergeCell ref="NAO728:NAR728"/>
    <mergeCell ref="NAS728:NAV728"/>
    <mergeCell ref="NAW728:NAZ728"/>
    <mergeCell ref="NBA728:NBD728"/>
    <mergeCell ref="MZQ728:MZT728"/>
    <mergeCell ref="MZU728:MZX728"/>
    <mergeCell ref="MZY728:NAB728"/>
    <mergeCell ref="NAC728:NAF728"/>
    <mergeCell ref="NAG728:NAJ728"/>
    <mergeCell ref="MYW728:MYZ728"/>
    <mergeCell ref="MZA728:MZD728"/>
    <mergeCell ref="MZE728:MZH728"/>
    <mergeCell ref="MZI728:MZL728"/>
    <mergeCell ref="MZM728:MZP728"/>
    <mergeCell ref="NIW728:NIZ728"/>
    <mergeCell ref="NJA728:NJD728"/>
    <mergeCell ref="NJE728:NJH728"/>
    <mergeCell ref="NJI728:NJL728"/>
    <mergeCell ref="NJM728:NJP728"/>
    <mergeCell ref="NIC728:NIF728"/>
    <mergeCell ref="NIG728:NIJ728"/>
    <mergeCell ref="NIK728:NIN728"/>
    <mergeCell ref="NIO728:NIR728"/>
    <mergeCell ref="NIS728:NIV728"/>
    <mergeCell ref="NHI728:NHL728"/>
    <mergeCell ref="NHM728:NHP728"/>
    <mergeCell ref="NHQ728:NHT728"/>
    <mergeCell ref="NHU728:NHX728"/>
    <mergeCell ref="NHY728:NIB728"/>
    <mergeCell ref="NGO728:NGR728"/>
    <mergeCell ref="NGS728:NGV728"/>
    <mergeCell ref="NGW728:NGZ728"/>
    <mergeCell ref="NHA728:NHD728"/>
    <mergeCell ref="NHE728:NHH728"/>
    <mergeCell ref="NFU728:NFX728"/>
    <mergeCell ref="NFY728:NGB728"/>
    <mergeCell ref="NGC728:NGF728"/>
    <mergeCell ref="NGG728:NGJ728"/>
    <mergeCell ref="NGK728:NGN728"/>
    <mergeCell ref="NFA728:NFD728"/>
    <mergeCell ref="NFE728:NFH728"/>
    <mergeCell ref="NFI728:NFL728"/>
    <mergeCell ref="NFM728:NFP728"/>
    <mergeCell ref="NFQ728:NFT728"/>
    <mergeCell ref="NEG728:NEJ728"/>
    <mergeCell ref="NEK728:NEN728"/>
    <mergeCell ref="NEO728:NER728"/>
    <mergeCell ref="NES728:NEV728"/>
    <mergeCell ref="NEW728:NEZ728"/>
    <mergeCell ref="NOG728:NOJ728"/>
    <mergeCell ref="NOK728:NON728"/>
    <mergeCell ref="NOO728:NOR728"/>
    <mergeCell ref="NOS728:NOV728"/>
    <mergeCell ref="NOW728:NOZ728"/>
    <mergeCell ref="NNM728:NNP728"/>
    <mergeCell ref="NNQ728:NNT728"/>
    <mergeCell ref="NNU728:NNX728"/>
    <mergeCell ref="NNY728:NOB728"/>
    <mergeCell ref="NOC728:NOF728"/>
    <mergeCell ref="NMS728:NMV728"/>
    <mergeCell ref="NMW728:NMZ728"/>
    <mergeCell ref="NNA728:NND728"/>
    <mergeCell ref="NNE728:NNH728"/>
    <mergeCell ref="NNI728:NNL728"/>
    <mergeCell ref="NLY728:NMB728"/>
    <mergeCell ref="NMC728:NMF728"/>
    <mergeCell ref="NMG728:NMJ728"/>
    <mergeCell ref="NMK728:NMN728"/>
    <mergeCell ref="NMO728:NMR728"/>
    <mergeCell ref="NLE728:NLH728"/>
    <mergeCell ref="NLI728:NLL728"/>
    <mergeCell ref="NLM728:NLP728"/>
    <mergeCell ref="NLQ728:NLT728"/>
    <mergeCell ref="NLU728:NLX728"/>
    <mergeCell ref="NKK728:NKN728"/>
    <mergeCell ref="NKO728:NKR728"/>
    <mergeCell ref="NKS728:NKV728"/>
    <mergeCell ref="NKW728:NKZ728"/>
    <mergeCell ref="NLA728:NLD728"/>
    <mergeCell ref="NJQ728:NJT728"/>
    <mergeCell ref="NJU728:NJX728"/>
    <mergeCell ref="NJY728:NKB728"/>
    <mergeCell ref="NKC728:NKF728"/>
    <mergeCell ref="NKG728:NKJ728"/>
    <mergeCell ref="NTQ728:NTT728"/>
    <mergeCell ref="NTU728:NTX728"/>
    <mergeCell ref="NTY728:NUB728"/>
    <mergeCell ref="NUC728:NUF728"/>
    <mergeCell ref="NUG728:NUJ728"/>
    <mergeCell ref="NSW728:NSZ728"/>
    <mergeCell ref="NTA728:NTD728"/>
    <mergeCell ref="NTE728:NTH728"/>
    <mergeCell ref="NTI728:NTL728"/>
    <mergeCell ref="NTM728:NTP728"/>
    <mergeCell ref="NSC728:NSF728"/>
    <mergeCell ref="NSG728:NSJ728"/>
    <mergeCell ref="NSK728:NSN728"/>
    <mergeCell ref="NSO728:NSR728"/>
    <mergeCell ref="NSS728:NSV728"/>
    <mergeCell ref="NRI728:NRL728"/>
    <mergeCell ref="NRM728:NRP728"/>
    <mergeCell ref="NRQ728:NRT728"/>
    <mergeCell ref="NRU728:NRX728"/>
    <mergeCell ref="NRY728:NSB728"/>
    <mergeCell ref="NQO728:NQR728"/>
    <mergeCell ref="NQS728:NQV728"/>
    <mergeCell ref="NQW728:NQZ728"/>
    <mergeCell ref="NRA728:NRD728"/>
    <mergeCell ref="NRE728:NRH728"/>
    <mergeCell ref="NPU728:NPX728"/>
    <mergeCell ref="NPY728:NQB728"/>
    <mergeCell ref="NQC728:NQF728"/>
    <mergeCell ref="NQG728:NQJ728"/>
    <mergeCell ref="NQK728:NQN728"/>
    <mergeCell ref="NPA728:NPD728"/>
    <mergeCell ref="NPE728:NPH728"/>
    <mergeCell ref="NPI728:NPL728"/>
    <mergeCell ref="NPM728:NPP728"/>
    <mergeCell ref="NPQ728:NPT728"/>
    <mergeCell ref="NZA728:NZD728"/>
    <mergeCell ref="NZE728:NZH728"/>
    <mergeCell ref="NZI728:NZL728"/>
    <mergeCell ref="NZM728:NZP728"/>
    <mergeCell ref="NZQ728:NZT728"/>
    <mergeCell ref="NYG728:NYJ728"/>
    <mergeCell ref="NYK728:NYN728"/>
    <mergeCell ref="NYO728:NYR728"/>
    <mergeCell ref="NYS728:NYV728"/>
    <mergeCell ref="NYW728:NYZ728"/>
    <mergeCell ref="NXM728:NXP728"/>
    <mergeCell ref="NXQ728:NXT728"/>
    <mergeCell ref="NXU728:NXX728"/>
    <mergeCell ref="NXY728:NYB728"/>
    <mergeCell ref="NYC728:NYF728"/>
    <mergeCell ref="NWS728:NWV728"/>
    <mergeCell ref="NWW728:NWZ728"/>
    <mergeCell ref="NXA728:NXD728"/>
    <mergeCell ref="NXE728:NXH728"/>
    <mergeCell ref="NXI728:NXL728"/>
    <mergeCell ref="NVY728:NWB728"/>
    <mergeCell ref="NWC728:NWF728"/>
    <mergeCell ref="NWG728:NWJ728"/>
    <mergeCell ref="NWK728:NWN728"/>
    <mergeCell ref="NWO728:NWR728"/>
    <mergeCell ref="NVE728:NVH728"/>
    <mergeCell ref="NVI728:NVL728"/>
    <mergeCell ref="NVM728:NVP728"/>
    <mergeCell ref="NVQ728:NVT728"/>
    <mergeCell ref="NVU728:NVX728"/>
    <mergeCell ref="NUK728:NUN728"/>
    <mergeCell ref="NUO728:NUR728"/>
    <mergeCell ref="NUS728:NUV728"/>
    <mergeCell ref="NUW728:NUZ728"/>
    <mergeCell ref="NVA728:NVD728"/>
    <mergeCell ref="OEK728:OEN728"/>
    <mergeCell ref="OEO728:OER728"/>
    <mergeCell ref="OES728:OEV728"/>
    <mergeCell ref="OEW728:OEZ728"/>
    <mergeCell ref="OFA728:OFD728"/>
    <mergeCell ref="ODQ728:ODT728"/>
    <mergeCell ref="ODU728:ODX728"/>
    <mergeCell ref="ODY728:OEB728"/>
    <mergeCell ref="OEC728:OEF728"/>
    <mergeCell ref="OEG728:OEJ728"/>
    <mergeCell ref="OCW728:OCZ728"/>
    <mergeCell ref="ODA728:ODD728"/>
    <mergeCell ref="ODE728:ODH728"/>
    <mergeCell ref="ODI728:ODL728"/>
    <mergeCell ref="ODM728:ODP728"/>
    <mergeCell ref="OCC728:OCF728"/>
    <mergeCell ref="OCG728:OCJ728"/>
    <mergeCell ref="OCK728:OCN728"/>
    <mergeCell ref="OCO728:OCR728"/>
    <mergeCell ref="OCS728:OCV728"/>
    <mergeCell ref="OBI728:OBL728"/>
    <mergeCell ref="OBM728:OBP728"/>
    <mergeCell ref="OBQ728:OBT728"/>
    <mergeCell ref="OBU728:OBX728"/>
    <mergeCell ref="OBY728:OCB728"/>
    <mergeCell ref="OAO728:OAR728"/>
    <mergeCell ref="OAS728:OAV728"/>
    <mergeCell ref="OAW728:OAZ728"/>
    <mergeCell ref="OBA728:OBD728"/>
    <mergeCell ref="OBE728:OBH728"/>
    <mergeCell ref="NZU728:NZX728"/>
    <mergeCell ref="NZY728:OAB728"/>
    <mergeCell ref="OAC728:OAF728"/>
    <mergeCell ref="OAG728:OAJ728"/>
    <mergeCell ref="OAK728:OAN728"/>
    <mergeCell ref="OJU728:OJX728"/>
    <mergeCell ref="OJY728:OKB728"/>
    <mergeCell ref="OKC728:OKF728"/>
    <mergeCell ref="OKG728:OKJ728"/>
    <mergeCell ref="OKK728:OKN728"/>
    <mergeCell ref="OJA728:OJD728"/>
    <mergeCell ref="OJE728:OJH728"/>
    <mergeCell ref="OJI728:OJL728"/>
    <mergeCell ref="OJM728:OJP728"/>
    <mergeCell ref="OJQ728:OJT728"/>
    <mergeCell ref="OIG728:OIJ728"/>
    <mergeCell ref="OIK728:OIN728"/>
    <mergeCell ref="OIO728:OIR728"/>
    <mergeCell ref="OIS728:OIV728"/>
    <mergeCell ref="OIW728:OIZ728"/>
    <mergeCell ref="OHM728:OHP728"/>
    <mergeCell ref="OHQ728:OHT728"/>
    <mergeCell ref="OHU728:OHX728"/>
    <mergeCell ref="OHY728:OIB728"/>
    <mergeCell ref="OIC728:OIF728"/>
    <mergeCell ref="OGS728:OGV728"/>
    <mergeCell ref="OGW728:OGZ728"/>
    <mergeCell ref="OHA728:OHD728"/>
    <mergeCell ref="OHE728:OHH728"/>
    <mergeCell ref="OHI728:OHL728"/>
    <mergeCell ref="OFY728:OGB728"/>
    <mergeCell ref="OGC728:OGF728"/>
    <mergeCell ref="OGG728:OGJ728"/>
    <mergeCell ref="OGK728:OGN728"/>
    <mergeCell ref="OGO728:OGR728"/>
    <mergeCell ref="OFE728:OFH728"/>
    <mergeCell ref="OFI728:OFL728"/>
    <mergeCell ref="OFM728:OFP728"/>
    <mergeCell ref="OFQ728:OFT728"/>
    <mergeCell ref="OFU728:OFX728"/>
    <mergeCell ref="OPE728:OPH728"/>
    <mergeCell ref="OPI728:OPL728"/>
    <mergeCell ref="OPM728:OPP728"/>
    <mergeCell ref="OPQ728:OPT728"/>
    <mergeCell ref="OPU728:OPX728"/>
    <mergeCell ref="OOK728:OON728"/>
    <mergeCell ref="OOO728:OOR728"/>
    <mergeCell ref="OOS728:OOV728"/>
    <mergeCell ref="OOW728:OOZ728"/>
    <mergeCell ref="OPA728:OPD728"/>
    <mergeCell ref="ONQ728:ONT728"/>
    <mergeCell ref="ONU728:ONX728"/>
    <mergeCell ref="ONY728:OOB728"/>
    <mergeCell ref="OOC728:OOF728"/>
    <mergeCell ref="OOG728:OOJ728"/>
    <mergeCell ref="OMW728:OMZ728"/>
    <mergeCell ref="ONA728:OND728"/>
    <mergeCell ref="ONE728:ONH728"/>
    <mergeCell ref="ONI728:ONL728"/>
    <mergeCell ref="ONM728:ONP728"/>
    <mergeCell ref="OMC728:OMF728"/>
    <mergeCell ref="OMG728:OMJ728"/>
    <mergeCell ref="OMK728:OMN728"/>
    <mergeCell ref="OMO728:OMR728"/>
    <mergeCell ref="OMS728:OMV728"/>
    <mergeCell ref="OLI728:OLL728"/>
    <mergeCell ref="OLM728:OLP728"/>
    <mergeCell ref="OLQ728:OLT728"/>
    <mergeCell ref="OLU728:OLX728"/>
    <mergeCell ref="OLY728:OMB728"/>
    <mergeCell ref="OKO728:OKR728"/>
    <mergeCell ref="OKS728:OKV728"/>
    <mergeCell ref="OKW728:OKZ728"/>
    <mergeCell ref="OLA728:OLD728"/>
    <mergeCell ref="OLE728:OLH728"/>
    <mergeCell ref="OUO728:OUR728"/>
    <mergeCell ref="OUS728:OUV728"/>
    <mergeCell ref="OUW728:OUZ728"/>
    <mergeCell ref="OVA728:OVD728"/>
    <mergeCell ref="OVE728:OVH728"/>
    <mergeCell ref="OTU728:OTX728"/>
    <mergeCell ref="OTY728:OUB728"/>
    <mergeCell ref="OUC728:OUF728"/>
    <mergeCell ref="OUG728:OUJ728"/>
    <mergeCell ref="OUK728:OUN728"/>
    <mergeCell ref="OTA728:OTD728"/>
    <mergeCell ref="OTE728:OTH728"/>
    <mergeCell ref="OTI728:OTL728"/>
    <mergeCell ref="OTM728:OTP728"/>
    <mergeCell ref="OTQ728:OTT728"/>
    <mergeCell ref="OSG728:OSJ728"/>
    <mergeCell ref="OSK728:OSN728"/>
    <mergeCell ref="OSO728:OSR728"/>
    <mergeCell ref="OSS728:OSV728"/>
    <mergeCell ref="OSW728:OSZ728"/>
    <mergeCell ref="ORM728:ORP728"/>
    <mergeCell ref="ORQ728:ORT728"/>
    <mergeCell ref="ORU728:ORX728"/>
    <mergeCell ref="ORY728:OSB728"/>
    <mergeCell ref="OSC728:OSF728"/>
    <mergeCell ref="OQS728:OQV728"/>
    <mergeCell ref="OQW728:OQZ728"/>
    <mergeCell ref="ORA728:ORD728"/>
    <mergeCell ref="ORE728:ORH728"/>
    <mergeCell ref="ORI728:ORL728"/>
    <mergeCell ref="OPY728:OQB728"/>
    <mergeCell ref="OQC728:OQF728"/>
    <mergeCell ref="OQG728:OQJ728"/>
    <mergeCell ref="OQK728:OQN728"/>
    <mergeCell ref="OQO728:OQR728"/>
    <mergeCell ref="OZY728:PAB728"/>
    <mergeCell ref="PAC728:PAF728"/>
    <mergeCell ref="PAG728:PAJ728"/>
    <mergeCell ref="PAK728:PAN728"/>
    <mergeCell ref="PAO728:PAR728"/>
    <mergeCell ref="OZE728:OZH728"/>
    <mergeCell ref="OZI728:OZL728"/>
    <mergeCell ref="OZM728:OZP728"/>
    <mergeCell ref="OZQ728:OZT728"/>
    <mergeCell ref="OZU728:OZX728"/>
    <mergeCell ref="OYK728:OYN728"/>
    <mergeCell ref="OYO728:OYR728"/>
    <mergeCell ref="OYS728:OYV728"/>
    <mergeCell ref="OYW728:OYZ728"/>
    <mergeCell ref="OZA728:OZD728"/>
    <mergeCell ref="OXQ728:OXT728"/>
    <mergeCell ref="OXU728:OXX728"/>
    <mergeCell ref="OXY728:OYB728"/>
    <mergeCell ref="OYC728:OYF728"/>
    <mergeCell ref="OYG728:OYJ728"/>
    <mergeCell ref="OWW728:OWZ728"/>
    <mergeCell ref="OXA728:OXD728"/>
    <mergeCell ref="OXE728:OXH728"/>
    <mergeCell ref="OXI728:OXL728"/>
    <mergeCell ref="OXM728:OXP728"/>
    <mergeCell ref="OWC728:OWF728"/>
    <mergeCell ref="OWG728:OWJ728"/>
    <mergeCell ref="OWK728:OWN728"/>
    <mergeCell ref="OWO728:OWR728"/>
    <mergeCell ref="OWS728:OWV728"/>
    <mergeCell ref="OVI728:OVL728"/>
    <mergeCell ref="OVM728:OVP728"/>
    <mergeCell ref="OVQ728:OVT728"/>
    <mergeCell ref="OVU728:OVX728"/>
    <mergeCell ref="OVY728:OWB728"/>
    <mergeCell ref="PFI728:PFL728"/>
    <mergeCell ref="PFM728:PFP728"/>
    <mergeCell ref="PFQ728:PFT728"/>
    <mergeCell ref="PFU728:PFX728"/>
    <mergeCell ref="PFY728:PGB728"/>
    <mergeCell ref="PEO728:PER728"/>
    <mergeCell ref="PES728:PEV728"/>
    <mergeCell ref="PEW728:PEZ728"/>
    <mergeCell ref="PFA728:PFD728"/>
    <mergeCell ref="PFE728:PFH728"/>
    <mergeCell ref="PDU728:PDX728"/>
    <mergeCell ref="PDY728:PEB728"/>
    <mergeCell ref="PEC728:PEF728"/>
    <mergeCell ref="PEG728:PEJ728"/>
    <mergeCell ref="PEK728:PEN728"/>
    <mergeCell ref="PDA728:PDD728"/>
    <mergeCell ref="PDE728:PDH728"/>
    <mergeCell ref="PDI728:PDL728"/>
    <mergeCell ref="PDM728:PDP728"/>
    <mergeCell ref="PDQ728:PDT728"/>
    <mergeCell ref="PCG728:PCJ728"/>
    <mergeCell ref="PCK728:PCN728"/>
    <mergeCell ref="PCO728:PCR728"/>
    <mergeCell ref="PCS728:PCV728"/>
    <mergeCell ref="PCW728:PCZ728"/>
    <mergeCell ref="PBM728:PBP728"/>
    <mergeCell ref="PBQ728:PBT728"/>
    <mergeCell ref="PBU728:PBX728"/>
    <mergeCell ref="PBY728:PCB728"/>
    <mergeCell ref="PCC728:PCF728"/>
    <mergeCell ref="PAS728:PAV728"/>
    <mergeCell ref="PAW728:PAZ728"/>
    <mergeCell ref="PBA728:PBD728"/>
    <mergeCell ref="PBE728:PBH728"/>
    <mergeCell ref="PBI728:PBL728"/>
    <mergeCell ref="PKS728:PKV728"/>
    <mergeCell ref="PKW728:PKZ728"/>
    <mergeCell ref="PLA728:PLD728"/>
    <mergeCell ref="PLE728:PLH728"/>
    <mergeCell ref="PLI728:PLL728"/>
    <mergeCell ref="PJY728:PKB728"/>
    <mergeCell ref="PKC728:PKF728"/>
    <mergeCell ref="PKG728:PKJ728"/>
    <mergeCell ref="PKK728:PKN728"/>
    <mergeCell ref="PKO728:PKR728"/>
    <mergeCell ref="PJE728:PJH728"/>
    <mergeCell ref="PJI728:PJL728"/>
    <mergeCell ref="PJM728:PJP728"/>
    <mergeCell ref="PJQ728:PJT728"/>
    <mergeCell ref="PJU728:PJX728"/>
    <mergeCell ref="PIK728:PIN728"/>
    <mergeCell ref="PIO728:PIR728"/>
    <mergeCell ref="PIS728:PIV728"/>
    <mergeCell ref="PIW728:PIZ728"/>
    <mergeCell ref="PJA728:PJD728"/>
    <mergeCell ref="PHQ728:PHT728"/>
    <mergeCell ref="PHU728:PHX728"/>
    <mergeCell ref="PHY728:PIB728"/>
    <mergeCell ref="PIC728:PIF728"/>
    <mergeCell ref="PIG728:PIJ728"/>
    <mergeCell ref="PGW728:PGZ728"/>
    <mergeCell ref="PHA728:PHD728"/>
    <mergeCell ref="PHE728:PHH728"/>
    <mergeCell ref="PHI728:PHL728"/>
    <mergeCell ref="PHM728:PHP728"/>
    <mergeCell ref="PGC728:PGF728"/>
    <mergeCell ref="PGG728:PGJ728"/>
    <mergeCell ref="PGK728:PGN728"/>
    <mergeCell ref="PGO728:PGR728"/>
    <mergeCell ref="PGS728:PGV728"/>
    <mergeCell ref="PQC728:PQF728"/>
    <mergeCell ref="PQG728:PQJ728"/>
    <mergeCell ref="PQK728:PQN728"/>
    <mergeCell ref="PQO728:PQR728"/>
    <mergeCell ref="PQS728:PQV728"/>
    <mergeCell ref="PPI728:PPL728"/>
    <mergeCell ref="PPM728:PPP728"/>
    <mergeCell ref="PPQ728:PPT728"/>
    <mergeCell ref="PPU728:PPX728"/>
    <mergeCell ref="PPY728:PQB728"/>
    <mergeCell ref="POO728:POR728"/>
    <mergeCell ref="POS728:POV728"/>
    <mergeCell ref="POW728:POZ728"/>
    <mergeCell ref="PPA728:PPD728"/>
    <mergeCell ref="PPE728:PPH728"/>
    <mergeCell ref="PNU728:PNX728"/>
    <mergeCell ref="PNY728:POB728"/>
    <mergeCell ref="POC728:POF728"/>
    <mergeCell ref="POG728:POJ728"/>
    <mergeCell ref="POK728:PON728"/>
    <mergeCell ref="PNA728:PND728"/>
    <mergeCell ref="PNE728:PNH728"/>
    <mergeCell ref="PNI728:PNL728"/>
    <mergeCell ref="PNM728:PNP728"/>
    <mergeCell ref="PNQ728:PNT728"/>
    <mergeCell ref="PMG728:PMJ728"/>
    <mergeCell ref="PMK728:PMN728"/>
    <mergeCell ref="PMO728:PMR728"/>
    <mergeCell ref="PMS728:PMV728"/>
    <mergeCell ref="PMW728:PMZ728"/>
    <mergeCell ref="PLM728:PLP728"/>
    <mergeCell ref="PLQ728:PLT728"/>
    <mergeCell ref="PLU728:PLX728"/>
    <mergeCell ref="PLY728:PMB728"/>
    <mergeCell ref="PMC728:PMF728"/>
    <mergeCell ref="PVM728:PVP728"/>
    <mergeCell ref="PVQ728:PVT728"/>
    <mergeCell ref="PVU728:PVX728"/>
    <mergeCell ref="PVY728:PWB728"/>
    <mergeCell ref="PWC728:PWF728"/>
    <mergeCell ref="PUS728:PUV728"/>
    <mergeCell ref="PUW728:PUZ728"/>
    <mergeCell ref="PVA728:PVD728"/>
    <mergeCell ref="PVE728:PVH728"/>
    <mergeCell ref="PVI728:PVL728"/>
    <mergeCell ref="PTY728:PUB728"/>
    <mergeCell ref="PUC728:PUF728"/>
    <mergeCell ref="PUG728:PUJ728"/>
    <mergeCell ref="PUK728:PUN728"/>
    <mergeCell ref="PUO728:PUR728"/>
    <mergeCell ref="PTE728:PTH728"/>
    <mergeCell ref="PTI728:PTL728"/>
    <mergeCell ref="PTM728:PTP728"/>
    <mergeCell ref="PTQ728:PTT728"/>
    <mergeCell ref="PTU728:PTX728"/>
    <mergeCell ref="PSK728:PSN728"/>
    <mergeCell ref="PSO728:PSR728"/>
    <mergeCell ref="PSS728:PSV728"/>
    <mergeCell ref="PSW728:PSZ728"/>
    <mergeCell ref="PTA728:PTD728"/>
    <mergeCell ref="PRQ728:PRT728"/>
    <mergeCell ref="PRU728:PRX728"/>
    <mergeCell ref="PRY728:PSB728"/>
    <mergeCell ref="PSC728:PSF728"/>
    <mergeCell ref="PSG728:PSJ728"/>
    <mergeCell ref="PQW728:PQZ728"/>
    <mergeCell ref="PRA728:PRD728"/>
    <mergeCell ref="PRE728:PRH728"/>
    <mergeCell ref="PRI728:PRL728"/>
    <mergeCell ref="PRM728:PRP728"/>
    <mergeCell ref="QAW728:QAZ728"/>
    <mergeCell ref="QBA728:QBD728"/>
    <mergeCell ref="QBE728:QBH728"/>
    <mergeCell ref="QBI728:QBL728"/>
    <mergeCell ref="QBM728:QBP728"/>
    <mergeCell ref="QAC728:QAF728"/>
    <mergeCell ref="QAG728:QAJ728"/>
    <mergeCell ref="QAK728:QAN728"/>
    <mergeCell ref="QAO728:QAR728"/>
    <mergeCell ref="QAS728:QAV728"/>
    <mergeCell ref="PZI728:PZL728"/>
    <mergeCell ref="PZM728:PZP728"/>
    <mergeCell ref="PZQ728:PZT728"/>
    <mergeCell ref="PZU728:PZX728"/>
    <mergeCell ref="PZY728:QAB728"/>
    <mergeCell ref="PYO728:PYR728"/>
    <mergeCell ref="PYS728:PYV728"/>
    <mergeCell ref="PYW728:PYZ728"/>
    <mergeCell ref="PZA728:PZD728"/>
    <mergeCell ref="PZE728:PZH728"/>
    <mergeCell ref="PXU728:PXX728"/>
    <mergeCell ref="PXY728:PYB728"/>
    <mergeCell ref="PYC728:PYF728"/>
    <mergeCell ref="PYG728:PYJ728"/>
    <mergeCell ref="PYK728:PYN728"/>
    <mergeCell ref="PXA728:PXD728"/>
    <mergeCell ref="PXE728:PXH728"/>
    <mergeCell ref="PXI728:PXL728"/>
    <mergeCell ref="PXM728:PXP728"/>
    <mergeCell ref="PXQ728:PXT728"/>
    <mergeCell ref="PWG728:PWJ728"/>
    <mergeCell ref="PWK728:PWN728"/>
    <mergeCell ref="PWO728:PWR728"/>
    <mergeCell ref="PWS728:PWV728"/>
    <mergeCell ref="PWW728:PWZ728"/>
    <mergeCell ref="QGG728:QGJ728"/>
    <mergeCell ref="QGK728:QGN728"/>
    <mergeCell ref="QGO728:QGR728"/>
    <mergeCell ref="QGS728:QGV728"/>
    <mergeCell ref="QGW728:QGZ728"/>
    <mergeCell ref="QFM728:QFP728"/>
    <mergeCell ref="QFQ728:QFT728"/>
    <mergeCell ref="QFU728:QFX728"/>
    <mergeCell ref="QFY728:QGB728"/>
    <mergeCell ref="QGC728:QGF728"/>
    <mergeCell ref="QES728:QEV728"/>
    <mergeCell ref="QEW728:QEZ728"/>
    <mergeCell ref="QFA728:QFD728"/>
    <mergeCell ref="QFE728:QFH728"/>
    <mergeCell ref="QFI728:QFL728"/>
    <mergeCell ref="QDY728:QEB728"/>
    <mergeCell ref="QEC728:QEF728"/>
    <mergeCell ref="QEG728:QEJ728"/>
    <mergeCell ref="QEK728:QEN728"/>
    <mergeCell ref="QEO728:QER728"/>
    <mergeCell ref="QDE728:QDH728"/>
    <mergeCell ref="QDI728:QDL728"/>
    <mergeCell ref="QDM728:QDP728"/>
    <mergeCell ref="QDQ728:QDT728"/>
    <mergeCell ref="QDU728:QDX728"/>
    <mergeCell ref="QCK728:QCN728"/>
    <mergeCell ref="QCO728:QCR728"/>
    <mergeCell ref="QCS728:QCV728"/>
    <mergeCell ref="QCW728:QCZ728"/>
    <mergeCell ref="QDA728:QDD728"/>
    <mergeCell ref="QBQ728:QBT728"/>
    <mergeCell ref="QBU728:QBX728"/>
    <mergeCell ref="QBY728:QCB728"/>
    <mergeCell ref="QCC728:QCF728"/>
    <mergeCell ref="QCG728:QCJ728"/>
    <mergeCell ref="QLQ728:QLT728"/>
    <mergeCell ref="QLU728:QLX728"/>
    <mergeCell ref="QLY728:QMB728"/>
    <mergeCell ref="QMC728:QMF728"/>
    <mergeCell ref="QMG728:QMJ728"/>
    <mergeCell ref="QKW728:QKZ728"/>
    <mergeCell ref="QLA728:QLD728"/>
    <mergeCell ref="QLE728:QLH728"/>
    <mergeCell ref="QLI728:QLL728"/>
    <mergeCell ref="QLM728:QLP728"/>
    <mergeCell ref="QKC728:QKF728"/>
    <mergeCell ref="QKG728:QKJ728"/>
    <mergeCell ref="QKK728:QKN728"/>
    <mergeCell ref="QKO728:QKR728"/>
    <mergeCell ref="QKS728:QKV728"/>
    <mergeCell ref="QJI728:QJL728"/>
    <mergeCell ref="QJM728:QJP728"/>
    <mergeCell ref="QJQ728:QJT728"/>
    <mergeCell ref="QJU728:QJX728"/>
    <mergeCell ref="QJY728:QKB728"/>
    <mergeCell ref="QIO728:QIR728"/>
    <mergeCell ref="QIS728:QIV728"/>
    <mergeCell ref="QIW728:QIZ728"/>
    <mergeCell ref="QJA728:QJD728"/>
    <mergeCell ref="QJE728:QJH728"/>
    <mergeCell ref="QHU728:QHX728"/>
    <mergeCell ref="QHY728:QIB728"/>
    <mergeCell ref="QIC728:QIF728"/>
    <mergeCell ref="QIG728:QIJ728"/>
    <mergeCell ref="QIK728:QIN728"/>
    <mergeCell ref="QHA728:QHD728"/>
    <mergeCell ref="QHE728:QHH728"/>
    <mergeCell ref="QHI728:QHL728"/>
    <mergeCell ref="QHM728:QHP728"/>
    <mergeCell ref="QHQ728:QHT728"/>
    <mergeCell ref="QRA728:QRD728"/>
    <mergeCell ref="QRE728:QRH728"/>
    <mergeCell ref="QRI728:QRL728"/>
    <mergeCell ref="QRM728:QRP728"/>
    <mergeCell ref="QRQ728:QRT728"/>
    <mergeCell ref="QQG728:QQJ728"/>
    <mergeCell ref="QQK728:QQN728"/>
    <mergeCell ref="QQO728:QQR728"/>
    <mergeCell ref="QQS728:QQV728"/>
    <mergeCell ref="QQW728:QQZ728"/>
    <mergeCell ref="QPM728:QPP728"/>
    <mergeCell ref="QPQ728:QPT728"/>
    <mergeCell ref="QPU728:QPX728"/>
    <mergeCell ref="QPY728:QQB728"/>
    <mergeCell ref="QQC728:QQF728"/>
    <mergeCell ref="QOS728:QOV728"/>
    <mergeCell ref="QOW728:QOZ728"/>
    <mergeCell ref="QPA728:QPD728"/>
    <mergeCell ref="QPE728:QPH728"/>
    <mergeCell ref="QPI728:QPL728"/>
    <mergeCell ref="QNY728:QOB728"/>
    <mergeCell ref="QOC728:QOF728"/>
    <mergeCell ref="QOG728:QOJ728"/>
    <mergeCell ref="QOK728:QON728"/>
    <mergeCell ref="QOO728:QOR728"/>
    <mergeCell ref="QNE728:QNH728"/>
    <mergeCell ref="QNI728:QNL728"/>
    <mergeCell ref="QNM728:QNP728"/>
    <mergeCell ref="QNQ728:QNT728"/>
    <mergeCell ref="QNU728:QNX728"/>
    <mergeCell ref="QMK728:QMN728"/>
    <mergeCell ref="QMO728:QMR728"/>
    <mergeCell ref="QMS728:QMV728"/>
    <mergeCell ref="QMW728:QMZ728"/>
    <mergeCell ref="QNA728:QND728"/>
    <mergeCell ref="QWK728:QWN728"/>
    <mergeCell ref="QWO728:QWR728"/>
    <mergeCell ref="QWS728:QWV728"/>
    <mergeCell ref="QWW728:QWZ728"/>
    <mergeCell ref="QXA728:QXD728"/>
    <mergeCell ref="QVQ728:QVT728"/>
    <mergeCell ref="QVU728:QVX728"/>
    <mergeCell ref="QVY728:QWB728"/>
    <mergeCell ref="QWC728:QWF728"/>
    <mergeCell ref="QWG728:QWJ728"/>
    <mergeCell ref="QUW728:QUZ728"/>
    <mergeCell ref="QVA728:QVD728"/>
    <mergeCell ref="QVE728:QVH728"/>
    <mergeCell ref="QVI728:QVL728"/>
    <mergeCell ref="QVM728:QVP728"/>
    <mergeCell ref="QUC728:QUF728"/>
    <mergeCell ref="QUG728:QUJ728"/>
    <mergeCell ref="QUK728:QUN728"/>
    <mergeCell ref="QUO728:QUR728"/>
    <mergeCell ref="QUS728:QUV728"/>
    <mergeCell ref="QTI728:QTL728"/>
    <mergeCell ref="QTM728:QTP728"/>
    <mergeCell ref="QTQ728:QTT728"/>
    <mergeCell ref="QTU728:QTX728"/>
    <mergeCell ref="QTY728:QUB728"/>
    <mergeCell ref="QSO728:QSR728"/>
    <mergeCell ref="QSS728:QSV728"/>
    <mergeCell ref="QSW728:QSZ728"/>
    <mergeCell ref="QTA728:QTD728"/>
    <mergeCell ref="QTE728:QTH728"/>
    <mergeCell ref="QRU728:QRX728"/>
    <mergeCell ref="QRY728:QSB728"/>
    <mergeCell ref="QSC728:QSF728"/>
    <mergeCell ref="QSG728:QSJ728"/>
    <mergeCell ref="QSK728:QSN728"/>
    <mergeCell ref="RBU728:RBX728"/>
    <mergeCell ref="RBY728:RCB728"/>
    <mergeCell ref="RCC728:RCF728"/>
    <mergeCell ref="RCG728:RCJ728"/>
    <mergeCell ref="RCK728:RCN728"/>
    <mergeCell ref="RBA728:RBD728"/>
    <mergeCell ref="RBE728:RBH728"/>
    <mergeCell ref="RBI728:RBL728"/>
    <mergeCell ref="RBM728:RBP728"/>
    <mergeCell ref="RBQ728:RBT728"/>
    <mergeCell ref="RAG728:RAJ728"/>
    <mergeCell ref="RAK728:RAN728"/>
    <mergeCell ref="RAO728:RAR728"/>
    <mergeCell ref="RAS728:RAV728"/>
    <mergeCell ref="RAW728:RAZ728"/>
    <mergeCell ref="QZM728:QZP728"/>
    <mergeCell ref="QZQ728:QZT728"/>
    <mergeCell ref="QZU728:QZX728"/>
    <mergeCell ref="QZY728:RAB728"/>
    <mergeCell ref="RAC728:RAF728"/>
    <mergeCell ref="QYS728:QYV728"/>
    <mergeCell ref="QYW728:QYZ728"/>
    <mergeCell ref="QZA728:QZD728"/>
    <mergeCell ref="QZE728:QZH728"/>
    <mergeCell ref="QZI728:QZL728"/>
    <mergeCell ref="QXY728:QYB728"/>
    <mergeCell ref="QYC728:QYF728"/>
    <mergeCell ref="QYG728:QYJ728"/>
    <mergeCell ref="QYK728:QYN728"/>
    <mergeCell ref="QYO728:QYR728"/>
    <mergeCell ref="QXE728:QXH728"/>
    <mergeCell ref="QXI728:QXL728"/>
    <mergeCell ref="QXM728:QXP728"/>
    <mergeCell ref="QXQ728:QXT728"/>
    <mergeCell ref="QXU728:QXX728"/>
    <mergeCell ref="RHE728:RHH728"/>
    <mergeCell ref="RHI728:RHL728"/>
    <mergeCell ref="RHM728:RHP728"/>
    <mergeCell ref="RHQ728:RHT728"/>
    <mergeCell ref="RHU728:RHX728"/>
    <mergeCell ref="RGK728:RGN728"/>
    <mergeCell ref="RGO728:RGR728"/>
    <mergeCell ref="RGS728:RGV728"/>
    <mergeCell ref="RGW728:RGZ728"/>
    <mergeCell ref="RHA728:RHD728"/>
    <mergeCell ref="RFQ728:RFT728"/>
    <mergeCell ref="RFU728:RFX728"/>
    <mergeCell ref="RFY728:RGB728"/>
    <mergeCell ref="RGC728:RGF728"/>
    <mergeCell ref="RGG728:RGJ728"/>
    <mergeCell ref="REW728:REZ728"/>
    <mergeCell ref="RFA728:RFD728"/>
    <mergeCell ref="RFE728:RFH728"/>
    <mergeCell ref="RFI728:RFL728"/>
    <mergeCell ref="RFM728:RFP728"/>
    <mergeCell ref="REC728:REF728"/>
    <mergeCell ref="REG728:REJ728"/>
    <mergeCell ref="REK728:REN728"/>
    <mergeCell ref="REO728:RER728"/>
    <mergeCell ref="RES728:REV728"/>
    <mergeCell ref="RDI728:RDL728"/>
    <mergeCell ref="RDM728:RDP728"/>
    <mergeCell ref="RDQ728:RDT728"/>
    <mergeCell ref="RDU728:RDX728"/>
    <mergeCell ref="RDY728:REB728"/>
    <mergeCell ref="RCO728:RCR728"/>
    <mergeCell ref="RCS728:RCV728"/>
    <mergeCell ref="RCW728:RCZ728"/>
    <mergeCell ref="RDA728:RDD728"/>
    <mergeCell ref="RDE728:RDH728"/>
    <mergeCell ref="RMO728:RMR728"/>
    <mergeCell ref="RMS728:RMV728"/>
    <mergeCell ref="RMW728:RMZ728"/>
    <mergeCell ref="RNA728:RND728"/>
    <mergeCell ref="RNE728:RNH728"/>
    <mergeCell ref="RLU728:RLX728"/>
    <mergeCell ref="RLY728:RMB728"/>
    <mergeCell ref="RMC728:RMF728"/>
    <mergeCell ref="RMG728:RMJ728"/>
    <mergeCell ref="RMK728:RMN728"/>
    <mergeCell ref="RLA728:RLD728"/>
    <mergeCell ref="RLE728:RLH728"/>
    <mergeCell ref="RLI728:RLL728"/>
    <mergeCell ref="RLM728:RLP728"/>
    <mergeCell ref="RLQ728:RLT728"/>
    <mergeCell ref="RKG728:RKJ728"/>
    <mergeCell ref="RKK728:RKN728"/>
    <mergeCell ref="RKO728:RKR728"/>
    <mergeCell ref="RKS728:RKV728"/>
    <mergeCell ref="RKW728:RKZ728"/>
    <mergeCell ref="RJM728:RJP728"/>
    <mergeCell ref="RJQ728:RJT728"/>
    <mergeCell ref="RJU728:RJX728"/>
    <mergeCell ref="RJY728:RKB728"/>
    <mergeCell ref="RKC728:RKF728"/>
    <mergeCell ref="RIS728:RIV728"/>
    <mergeCell ref="RIW728:RIZ728"/>
    <mergeCell ref="RJA728:RJD728"/>
    <mergeCell ref="RJE728:RJH728"/>
    <mergeCell ref="RJI728:RJL728"/>
    <mergeCell ref="RHY728:RIB728"/>
    <mergeCell ref="RIC728:RIF728"/>
    <mergeCell ref="RIG728:RIJ728"/>
    <mergeCell ref="RIK728:RIN728"/>
    <mergeCell ref="RIO728:RIR728"/>
    <mergeCell ref="RRY728:RSB728"/>
    <mergeCell ref="RSC728:RSF728"/>
    <mergeCell ref="RSG728:RSJ728"/>
    <mergeCell ref="RSK728:RSN728"/>
    <mergeCell ref="RSO728:RSR728"/>
    <mergeCell ref="RRE728:RRH728"/>
    <mergeCell ref="RRI728:RRL728"/>
    <mergeCell ref="RRM728:RRP728"/>
    <mergeCell ref="RRQ728:RRT728"/>
    <mergeCell ref="RRU728:RRX728"/>
    <mergeCell ref="RQK728:RQN728"/>
    <mergeCell ref="RQO728:RQR728"/>
    <mergeCell ref="RQS728:RQV728"/>
    <mergeCell ref="RQW728:RQZ728"/>
    <mergeCell ref="RRA728:RRD728"/>
    <mergeCell ref="RPQ728:RPT728"/>
    <mergeCell ref="RPU728:RPX728"/>
    <mergeCell ref="RPY728:RQB728"/>
    <mergeCell ref="RQC728:RQF728"/>
    <mergeCell ref="RQG728:RQJ728"/>
    <mergeCell ref="ROW728:ROZ728"/>
    <mergeCell ref="RPA728:RPD728"/>
    <mergeCell ref="RPE728:RPH728"/>
    <mergeCell ref="RPI728:RPL728"/>
    <mergeCell ref="RPM728:RPP728"/>
    <mergeCell ref="ROC728:ROF728"/>
    <mergeCell ref="ROG728:ROJ728"/>
    <mergeCell ref="ROK728:RON728"/>
    <mergeCell ref="ROO728:ROR728"/>
    <mergeCell ref="ROS728:ROV728"/>
    <mergeCell ref="RNI728:RNL728"/>
    <mergeCell ref="RNM728:RNP728"/>
    <mergeCell ref="RNQ728:RNT728"/>
    <mergeCell ref="RNU728:RNX728"/>
    <mergeCell ref="RNY728:ROB728"/>
    <mergeCell ref="RXI728:RXL728"/>
    <mergeCell ref="RXM728:RXP728"/>
    <mergeCell ref="RXQ728:RXT728"/>
    <mergeCell ref="RXU728:RXX728"/>
    <mergeCell ref="RXY728:RYB728"/>
    <mergeCell ref="RWO728:RWR728"/>
    <mergeCell ref="RWS728:RWV728"/>
    <mergeCell ref="RWW728:RWZ728"/>
    <mergeCell ref="RXA728:RXD728"/>
    <mergeCell ref="RXE728:RXH728"/>
    <mergeCell ref="RVU728:RVX728"/>
    <mergeCell ref="RVY728:RWB728"/>
    <mergeCell ref="RWC728:RWF728"/>
    <mergeCell ref="RWG728:RWJ728"/>
    <mergeCell ref="RWK728:RWN728"/>
    <mergeCell ref="RVA728:RVD728"/>
    <mergeCell ref="RVE728:RVH728"/>
    <mergeCell ref="RVI728:RVL728"/>
    <mergeCell ref="RVM728:RVP728"/>
    <mergeCell ref="RVQ728:RVT728"/>
    <mergeCell ref="RUG728:RUJ728"/>
    <mergeCell ref="RUK728:RUN728"/>
    <mergeCell ref="RUO728:RUR728"/>
    <mergeCell ref="RUS728:RUV728"/>
    <mergeCell ref="RUW728:RUZ728"/>
    <mergeCell ref="RTM728:RTP728"/>
    <mergeCell ref="RTQ728:RTT728"/>
    <mergeCell ref="RTU728:RTX728"/>
    <mergeCell ref="RTY728:RUB728"/>
    <mergeCell ref="RUC728:RUF728"/>
    <mergeCell ref="RSS728:RSV728"/>
    <mergeCell ref="RSW728:RSZ728"/>
    <mergeCell ref="RTA728:RTD728"/>
    <mergeCell ref="RTE728:RTH728"/>
    <mergeCell ref="RTI728:RTL728"/>
    <mergeCell ref="SCS728:SCV728"/>
    <mergeCell ref="SCW728:SCZ728"/>
    <mergeCell ref="SDA728:SDD728"/>
    <mergeCell ref="SDE728:SDH728"/>
    <mergeCell ref="SDI728:SDL728"/>
    <mergeCell ref="SBY728:SCB728"/>
    <mergeCell ref="SCC728:SCF728"/>
    <mergeCell ref="SCG728:SCJ728"/>
    <mergeCell ref="SCK728:SCN728"/>
    <mergeCell ref="SCO728:SCR728"/>
    <mergeCell ref="SBE728:SBH728"/>
    <mergeCell ref="SBI728:SBL728"/>
    <mergeCell ref="SBM728:SBP728"/>
    <mergeCell ref="SBQ728:SBT728"/>
    <mergeCell ref="SBU728:SBX728"/>
    <mergeCell ref="SAK728:SAN728"/>
    <mergeCell ref="SAO728:SAR728"/>
    <mergeCell ref="SAS728:SAV728"/>
    <mergeCell ref="SAW728:SAZ728"/>
    <mergeCell ref="SBA728:SBD728"/>
    <mergeCell ref="RZQ728:RZT728"/>
    <mergeCell ref="RZU728:RZX728"/>
    <mergeCell ref="RZY728:SAB728"/>
    <mergeCell ref="SAC728:SAF728"/>
    <mergeCell ref="SAG728:SAJ728"/>
    <mergeCell ref="RYW728:RYZ728"/>
    <mergeCell ref="RZA728:RZD728"/>
    <mergeCell ref="RZE728:RZH728"/>
    <mergeCell ref="RZI728:RZL728"/>
    <mergeCell ref="RZM728:RZP728"/>
    <mergeCell ref="RYC728:RYF728"/>
    <mergeCell ref="RYG728:RYJ728"/>
    <mergeCell ref="RYK728:RYN728"/>
    <mergeCell ref="RYO728:RYR728"/>
    <mergeCell ref="RYS728:RYV728"/>
    <mergeCell ref="SIC728:SIF728"/>
    <mergeCell ref="SIG728:SIJ728"/>
    <mergeCell ref="SIK728:SIN728"/>
    <mergeCell ref="SIO728:SIR728"/>
    <mergeCell ref="SIS728:SIV728"/>
    <mergeCell ref="SHI728:SHL728"/>
    <mergeCell ref="SHM728:SHP728"/>
    <mergeCell ref="SHQ728:SHT728"/>
    <mergeCell ref="SHU728:SHX728"/>
    <mergeCell ref="SHY728:SIB728"/>
    <mergeCell ref="SGO728:SGR728"/>
    <mergeCell ref="SGS728:SGV728"/>
    <mergeCell ref="SGW728:SGZ728"/>
    <mergeCell ref="SHA728:SHD728"/>
    <mergeCell ref="SHE728:SHH728"/>
    <mergeCell ref="SFU728:SFX728"/>
    <mergeCell ref="SFY728:SGB728"/>
    <mergeCell ref="SGC728:SGF728"/>
    <mergeCell ref="SGG728:SGJ728"/>
    <mergeCell ref="SGK728:SGN728"/>
    <mergeCell ref="SFA728:SFD728"/>
    <mergeCell ref="SFE728:SFH728"/>
    <mergeCell ref="SFI728:SFL728"/>
    <mergeCell ref="SFM728:SFP728"/>
    <mergeCell ref="SFQ728:SFT728"/>
    <mergeCell ref="SEG728:SEJ728"/>
    <mergeCell ref="SEK728:SEN728"/>
    <mergeCell ref="SEO728:SER728"/>
    <mergeCell ref="SES728:SEV728"/>
    <mergeCell ref="SEW728:SEZ728"/>
    <mergeCell ref="SDM728:SDP728"/>
    <mergeCell ref="SDQ728:SDT728"/>
    <mergeCell ref="SDU728:SDX728"/>
    <mergeCell ref="SDY728:SEB728"/>
    <mergeCell ref="SEC728:SEF728"/>
    <mergeCell ref="SNM728:SNP728"/>
    <mergeCell ref="SNQ728:SNT728"/>
    <mergeCell ref="SNU728:SNX728"/>
    <mergeCell ref="SNY728:SOB728"/>
    <mergeCell ref="SOC728:SOF728"/>
    <mergeCell ref="SMS728:SMV728"/>
    <mergeCell ref="SMW728:SMZ728"/>
    <mergeCell ref="SNA728:SND728"/>
    <mergeCell ref="SNE728:SNH728"/>
    <mergeCell ref="SNI728:SNL728"/>
    <mergeCell ref="SLY728:SMB728"/>
    <mergeCell ref="SMC728:SMF728"/>
    <mergeCell ref="SMG728:SMJ728"/>
    <mergeCell ref="SMK728:SMN728"/>
    <mergeCell ref="SMO728:SMR728"/>
    <mergeCell ref="SLE728:SLH728"/>
    <mergeCell ref="SLI728:SLL728"/>
    <mergeCell ref="SLM728:SLP728"/>
    <mergeCell ref="SLQ728:SLT728"/>
    <mergeCell ref="SLU728:SLX728"/>
    <mergeCell ref="SKK728:SKN728"/>
    <mergeCell ref="SKO728:SKR728"/>
    <mergeCell ref="SKS728:SKV728"/>
    <mergeCell ref="SKW728:SKZ728"/>
    <mergeCell ref="SLA728:SLD728"/>
    <mergeCell ref="SJQ728:SJT728"/>
    <mergeCell ref="SJU728:SJX728"/>
    <mergeCell ref="SJY728:SKB728"/>
    <mergeCell ref="SKC728:SKF728"/>
    <mergeCell ref="SKG728:SKJ728"/>
    <mergeCell ref="SIW728:SIZ728"/>
    <mergeCell ref="SJA728:SJD728"/>
    <mergeCell ref="SJE728:SJH728"/>
    <mergeCell ref="SJI728:SJL728"/>
    <mergeCell ref="SJM728:SJP728"/>
    <mergeCell ref="SSW728:SSZ728"/>
    <mergeCell ref="STA728:STD728"/>
    <mergeCell ref="STE728:STH728"/>
    <mergeCell ref="STI728:STL728"/>
    <mergeCell ref="STM728:STP728"/>
    <mergeCell ref="SSC728:SSF728"/>
    <mergeCell ref="SSG728:SSJ728"/>
    <mergeCell ref="SSK728:SSN728"/>
    <mergeCell ref="SSO728:SSR728"/>
    <mergeCell ref="SSS728:SSV728"/>
    <mergeCell ref="SRI728:SRL728"/>
    <mergeCell ref="SRM728:SRP728"/>
    <mergeCell ref="SRQ728:SRT728"/>
    <mergeCell ref="SRU728:SRX728"/>
    <mergeCell ref="SRY728:SSB728"/>
    <mergeCell ref="SQO728:SQR728"/>
    <mergeCell ref="SQS728:SQV728"/>
    <mergeCell ref="SQW728:SQZ728"/>
    <mergeCell ref="SRA728:SRD728"/>
    <mergeCell ref="SRE728:SRH728"/>
    <mergeCell ref="SPU728:SPX728"/>
    <mergeCell ref="SPY728:SQB728"/>
    <mergeCell ref="SQC728:SQF728"/>
    <mergeCell ref="SQG728:SQJ728"/>
    <mergeCell ref="SQK728:SQN728"/>
    <mergeCell ref="SPA728:SPD728"/>
    <mergeCell ref="SPE728:SPH728"/>
    <mergeCell ref="SPI728:SPL728"/>
    <mergeCell ref="SPM728:SPP728"/>
    <mergeCell ref="SPQ728:SPT728"/>
    <mergeCell ref="SOG728:SOJ728"/>
    <mergeCell ref="SOK728:SON728"/>
    <mergeCell ref="SOO728:SOR728"/>
    <mergeCell ref="SOS728:SOV728"/>
    <mergeCell ref="SOW728:SOZ728"/>
    <mergeCell ref="SYG728:SYJ728"/>
    <mergeCell ref="SYK728:SYN728"/>
    <mergeCell ref="SYO728:SYR728"/>
    <mergeCell ref="SYS728:SYV728"/>
    <mergeCell ref="SYW728:SYZ728"/>
    <mergeCell ref="SXM728:SXP728"/>
    <mergeCell ref="SXQ728:SXT728"/>
    <mergeCell ref="SXU728:SXX728"/>
    <mergeCell ref="SXY728:SYB728"/>
    <mergeCell ref="SYC728:SYF728"/>
    <mergeCell ref="SWS728:SWV728"/>
    <mergeCell ref="SWW728:SWZ728"/>
    <mergeCell ref="SXA728:SXD728"/>
    <mergeCell ref="SXE728:SXH728"/>
    <mergeCell ref="SXI728:SXL728"/>
    <mergeCell ref="SVY728:SWB728"/>
    <mergeCell ref="SWC728:SWF728"/>
    <mergeCell ref="SWG728:SWJ728"/>
    <mergeCell ref="SWK728:SWN728"/>
    <mergeCell ref="SWO728:SWR728"/>
    <mergeCell ref="SVE728:SVH728"/>
    <mergeCell ref="SVI728:SVL728"/>
    <mergeCell ref="SVM728:SVP728"/>
    <mergeCell ref="SVQ728:SVT728"/>
    <mergeCell ref="SVU728:SVX728"/>
    <mergeCell ref="SUK728:SUN728"/>
    <mergeCell ref="SUO728:SUR728"/>
    <mergeCell ref="SUS728:SUV728"/>
    <mergeCell ref="SUW728:SUZ728"/>
    <mergeCell ref="SVA728:SVD728"/>
    <mergeCell ref="STQ728:STT728"/>
    <mergeCell ref="STU728:STX728"/>
    <mergeCell ref="STY728:SUB728"/>
    <mergeCell ref="SUC728:SUF728"/>
    <mergeCell ref="SUG728:SUJ728"/>
    <mergeCell ref="TDQ728:TDT728"/>
    <mergeCell ref="TDU728:TDX728"/>
    <mergeCell ref="TDY728:TEB728"/>
    <mergeCell ref="TEC728:TEF728"/>
    <mergeCell ref="TEG728:TEJ728"/>
    <mergeCell ref="TCW728:TCZ728"/>
    <mergeCell ref="TDA728:TDD728"/>
    <mergeCell ref="TDE728:TDH728"/>
    <mergeCell ref="TDI728:TDL728"/>
    <mergeCell ref="TDM728:TDP728"/>
    <mergeCell ref="TCC728:TCF728"/>
    <mergeCell ref="TCG728:TCJ728"/>
    <mergeCell ref="TCK728:TCN728"/>
    <mergeCell ref="TCO728:TCR728"/>
    <mergeCell ref="TCS728:TCV728"/>
    <mergeCell ref="TBI728:TBL728"/>
    <mergeCell ref="TBM728:TBP728"/>
    <mergeCell ref="TBQ728:TBT728"/>
    <mergeCell ref="TBU728:TBX728"/>
    <mergeCell ref="TBY728:TCB728"/>
    <mergeCell ref="TAO728:TAR728"/>
    <mergeCell ref="TAS728:TAV728"/>
    <mergeCell ref="TAW728:TAZ728"/>
    <mergeCell ref="TBA728:TBD728"/>
    <mergeCell ref="TBE728:TBH728"/>
    <mergeCell ref="SZU728:SZX728"/>
    <mergeCell ref="SZY728:TAB728"/>
    <mergeCell ref="TAC728:TAF728"/>
    <mergeCell ref="TAG728:TAJ728"/>
    <mergeCell ref="TAK728:TAN728"/>
    <mergeCell ref="SZA728:SZD728"/>
    <mergeCell ref="SZE728:SZH728"/>
    <mergeCell ref="SZI728:SZL728"/>
    <mergeCell ref="SZM728:SZP728"/>
    <mergeCell ref="SZQ728:SZT728"/>
    <mergeCell ref="TJA728:TJD728"/>
    <mergeCell ref="TJE728:TJH728"/>
    <mergeCell ref="TJI728:TJL728"/>
    <mergeCell ref="TJM728:TJP728"/>
    <mergeCell ref="TJQ728:TJT728"/>
    <mergeCell ref="TIG728:TIJ728"/>
    <mergeCell ref="TIK728:TIN728"/>
    <mergeCell ref="TIO728:TIR728"/>
    <mergeCell ref="TIS728:TIV728"/>
    <mergeCell ref="TIW728:TIZ728"/>
    <mergeCell ref="THM728:THP728"/>
    <mergeCell ref="THQ728:THT728"/>
    <mergeCell ref="THU728:THX728"/>
    <mergeCell ref="THY728:TIB728"/>
    <mergeCell ref="TIC728:TIF728"/>
    <mergeCell ref="TGS728:TGV728"/>
    <mergeCell ref="TGW728:TGZ728"/>
    <mergeCell ref="THA728:THD728"/>
    <mergeCell ref="THE728:THH728"/>
    <mergeCell ref="THI728:THL728"/>
    <mergeCell ref="TFY728:TGB728"/>
    <mergeCell ref="TGC728:TGF728"/>
    <mergeCell ref="TGG728:TGJ728"/>
    <mergeCell ref="TGK728:TGN728"/>
    <mergeCell ref="TGO728:TGR728"/>
    <mergeCell ref="TFE728:TFH728"/>
    <mergeCell ref="TFI728:TFL728"/>
    <mergeCell ref="TFM728:TFP728"/>
    <mergeCell ref="TFQ728:TFT728"/>
    <mergeCell ref="TFU728:TFX728"/>
    <mergeCell ref="TEK728:TEN728"/>
    <mergeCell ref="TEO728:TER728"/>
    <mergeCell ref="TES728:TEV728"/>
    <mergeCell ref="TEW728:TEZ728"/>
    <mergeCell ref="TFA728:TFD728"/>
    <mergeCell ref="TOK728:TON728"/>
    <mergeCell ref="TOO728:TOR728"/>
    <mergeCell ref="TOS728:TOV728"/>
    <mergeCell ref="TOW728:TOZ728"/>
    <mergeCell ref="TPA728:TPD728"/>
    <mergeCell ref="TNQ728:TNT728"/>
    <mergeCell ref="TNU728:TNX728"/>
    <mergeCell ref="TNY728:TOB728"/>
    <mergeCell ref="TOC728:TOF728"/>
    <mergeCell ref="TOG728:TOJ728"/>
    <mergeCell ref="TMW728:TMZ728"/>
    <mergeCell ref="TNA728:TND728"/>
    <mergeCell ref="TNE728:TNH728"/>
    <mergeCell ref="TNI728:TNL728"/>
    <mergeCell ref="TNM728:TNP728"/>
    <mergeCell ref="TMC728:TMF728"/>
    <mergeCell ref="TMG728:TMJ728"/>
    <mergeCell ref="TMK728:TMN728"/>
    <mergeCell ref="TMO728:TMR728"/>
    <mergeCell ref="TMS728:TMV728"/>
    <mergeCell ref="TLI728:TLL728"/>
    <mergeCell ref="TLM728:TLP728"/>
    <mergeCell ref="TLQ728:TLT728"/>
    <mergeCell ref="TLU728:TLX728"/>
    <mergeCell ref="TLY728:TMB728"/>
    <mergeCell ref="TKO728:TKR728"/>
    <mergeCell ref="TKS728:TKV728"/>
    <mergeCell ref="TKW728:TKZ728"/>
    <mergeCell ref="TLA728:TLD728"/>
    <mergeCell ref="TLE728:TLH728"/>
    <mergeCell ref="TJU728:TJX728"/>
    <mergeCell ref="TJY728:TKB728"/>
    <mergeCell ref="TKC728:TKF728"/>
    <mergeCell ref="TKG728:TKJ728"/>
    <mergeCell ref="TKK728:TKN728"/>
    <mergeCell ref="TTU728:TTX728"/>
    <mergeCell ref="TTY728:TUB728"/>
    <mergeCell ref="TUC728:TUF728"/>
    <mergeCell ref="TUG728:TUJ728"/>
    <mergeCell ref="TUK728:TUN728"/>
    <mergeCell ref="TTA728:TTD728"/>
    <mergeCell ref="TTE728:TTH728"/>
    <mergeCell ref="TTI728:TTL728"/>
    <mergeCell ref="TTM728:TTP728"/>
    <mergeCell ref="TTQ728:TTT728"/>
    <mergeCell ref="TSG728:TSJ728"/>
    <mergeCell ref="TSK728:TSN728"/>
    <mergeCell ref="TSO728:TSR728"/>
    <mergeCell ref="TSS728:TSV728"/>
    <mergeCell ref="TSW728:TSZ728"/>
    <mergeCell ref="TRM728:TRP728"/>
    <mergeCell ref="TRQ728:TRT728"/>
    <mergeCell ref="TRU728:TRX728"/>
    <mergeCell ref="TRY728:TSB728"/>
    <mergeCell ref="TSC728:TSF728"/>
    <mergeCell ref="TQS728:TQV728"/>
    <mergeCell ref="TQW728:TQZ728"/>
    <mergeCell ref="TRA728:TRD728"/>
    <mergeCell ref="TRE728:TRH728"/>
    <mergeCell ref="TRI728:TRL728"/>
    <mergeCell ref="TPY728:TQB728"/>
    <mergeCell ref="TQC728:TQF728"/>
    <mergeCell ref="TQG728:TQJ728"/>
    <mergeCell ref="TQK728:TQN728"/>
    <mergeCell ref="TQO728:TQR728"/>
    <mergeCell ref="TPE728:TPH728"/>
    <mergeCell ref="TPI728:TPL728"/>
    <mergeCell ref="TPM728:TPP728"/>
    <mergeCell ref="TPQ728:TPT728"/>
    <mergeCell ref="TPU728:TPX728"/>
    <mergeCell ref="TZE728:TZH728"/>
    <mergeCell ref="TZI728:TZL728"/>
    <mergeCell ref="TZM728:TZP728"/>
    <mergeCell ref="TZQ728:TZT728"/>
    <mergeCell ref="TZU728:TZX728"/>
    <mergeCell ref="TYK728:TYN728"/>
    <mergeCell ref="TYO728:TYR728"/>
    <mergeCell ref="TYS728:TYV728"/>
    <mergeCell ref="TYW728:TYZ728"/>
    <mergeCell ref="TZA728:TZD728"/>
    <mergeCell ref="TXQ728:TXT728"/>
    <mergeCell ref="TXU728:TXX728"/>
    <mergeCell ref="TXY728:TYB728"/>
    <mergeCell ref="TYC728:TYF728"/>
    <mergeCell ref="TYG728:TYJ728"/>
    <mergeCell ref="TWW728:TWZ728"/>
    <mergeCell ref="TXA728:TXD728"/>
    <mergeCell ref="TXE728:TXH728"/>
    <mergeCell ref="TXI728:TXL728"/>
    <mergeCell ref="TXM728:TXP728"/>
    <mergeCell ref="TWC728:TWF728"/>
    <mergeCell ref="TWG728:TWJ728"/>
    <mergeCell ref="TWK728:TWN728"/>
    <mergeCell ref="TWO728:TWR728"/>
    <mergeCell ref="TWS728:TWV728"/>
    <mergeCell ref="TVI728:TVL728"/>
    <mergeCell ref="TVM728:TVP728"/>
    <mergeCell ref="TVQ728:TVT728"/>
    <mergeCell ref="TVU728:TVX728"/>
    <mergeCell ref="TVY728:TWB728"/>
    <mergeCell ref="TUO728:TUR728"/>
    <mergeCell ref="TUS728:TUV728"/>
    <mergeCell ref="TUW728:TUZ728"/>
    <mergeCell ref="TVA728:TVD728"/>
    <mergeCell ref="TVE728:TVH728"/>
    <mergeCell ref="UEO728:UER728"/>
    <mergeCell ref="UES728:UEV728"/>
    <mergeCell ref="UEW728:UEZ728"/>
    <mergeCell ref="UFA728:UFD728"/>
    <mergeCell ref="UFE728:UFH728"/>
    <mergeCell ref="UDU728:UDX728"/>
    <mergeCell ref="UDY728:UEB728"/>
    <mergeCell ref="UEC728:UEF728"/>
    <mergeCell ref="UEG728:UEJ728"/>
    <mergeCell ref="UEK728:UEN728"/>
    <mergeCell ref="UDA728:UDD728"/>
    <mergeCell ref="UDE728:UDH728"/>
    <mergeCell ref="UDI728:UDL728"/>
    <mergeCell ref="UDM728:UDP728"/>
    <mergeCell ref="UDQ728:UDT728"/>
    <mergeCell ref="UCG728:UCJ728"/>
    <mergeCell ref="UCK728:UCN728"/>
    <mergeCell ref="UCO728:UCR728"/>
    <mergeCell ref="UCS728:UCV728"/>
    <mergeCell ref="UCW728:UCZ728"/>
    <mergeCell ref="UBM728:UBP728"/>
    <mergeCell ref="UBQ728:UBT728"/>
    <mergeCell ref="UBU728:UBX728"/>
    <mergeCell ref="UBY728:UCB728"/>
    <mergeCell ref="UCC728:UCF728"/>
    <mergeCell ref="UAS728:UAV728"/>
    <mergeCell ref="UAW728:UAZ728"/>
    <mergeCell ref="UBA728:UBD728"/>
    <mergeCell ref="UBE728:UBH728"/>
    <mergeCell ref="UBI728:UBL728"/>
    <mergeCell ref="TZY728:UAB728"/>
    <mergeCell ref="UAC728:UAF728"/>
    <mergeCell ref="UAG728:UAJ728"/>
    <mergeCell ref="UAK728:UAN728"/>
    <mergeCell ref="UAO728:UAR728"/>
    <mergeCell ref="UJY728:UKB728"/>
    <mergeCell ref="UKC728:UKF728"/>
    <mergeCell ref="UKG728:UKJ728"/>
    <mergeCell ref="UKK728:UKN728"/>
    <mergeCell ref="UKO728:UKR728"/>
    <mergeCell ref="UJE728:UJH728"/>
    <mergeCell ref="UJI728:UJL728"/>
    <mergeCell ref="UJM728:UJP728"/>
    <mergeCell ref="UJQ728:UJT728"/>
    <mergeCell ref="UJU728:UJX728"/>
    <mergeCell ref="UIK728:UIN728"/>
    <mergeCell ref="UIO728:UIR728"/>
    <mergeCell ref="UIS728:UIV728"/>
    <mergeCell ref="UIW728:UIZ728"/>
    <mergeCell ref="UJA728:UJD728"/>
    <mergeCell ref="UHQ728:UHT728"/>
    <mergeCell ref="UHU728:UHX728"/>
    <mergeCell ref="UHY728:UIB728"/>
    <mergeCell ref="UIC728:UIF728"/>
    <mergeCell ref="UIG728:UIJ728"/>
    <mergeCell ref="UGW728:UGZ728"/>
    <mergeCell ref="UHA728:UHD728"/>
    <mergeCell ref="UHE728:UHH728"/>
    <mergeCell ref="UHI728:UHL728"/>
    <mergeCell ref="UHM728:UHP728"/>
    <mergeCell ref="UGC728:UGF728"/>
    <mergeCell ref="UGG728:UGJ728"/>
    <mergeCell ref="UGK728:UGN728"/>
    <mergeCell ref="UGO728:UGR728"/>
    <mergeCell ref="UGS728:UGV728"/>
    <mergeCell ref="UFI728:UFL728"/>
    <mergeCell ref="UFM728:UFP728"/>
    <mergeCell ref="UFQ728:UFT728"/>
    <mergeCell ref="UFU728:UFX728"/>
    <mergeCell ref="UFY728:UGB728"/>
    <mergeCell ref="UPI728:UPL728"/>
    <mergeCell ref="UPM728:UPP728"/>
    <mergeCell ref="UPQ728:UPT728"/>
    <mergeCell ref="UPU728:UPX728"/>
    <mergeCell ref="UPY728:UQB728"/>
    <mergeCell ref="UOO728:UOR728"/>
    <mergeCell ref="UOS728:UOV728"/>
    <mergeCell ref="UOW728:UOZ728"/>
    <mergeCell ref="UPA728:UPD728"/>
    <mergeCell ref="UPE728:UPH728"/>
    <mergeCell ref="UNU728:UNX728"/>
    <mergeCell ref="UNY728:UOB728"/>
    <mergeCell ref="UOC728:UOF728"/>
    <mergeCell ref="UOG728:UOJ728"/>
    <mergeCell ref="UOK728:UON728"/>
    <mergeCell ref="UNA728:UND728"/>
    <mergeCell ref="UNE728:UNH728"/>
    <mergeCell ref="UNI728:UNL728"/>
    <mergeCell ref="UNM728:UNP728"/>
    <mergeCell ref="UNQ728:UNT728"/>
    <mergeCell ref="UMG728:UMJ728"/>
    <mergeCell ref="UMK728:UMN728"/>
    <mergeCell ref="UMO728:UMR728"/>
    <mergeCell ref="UMS728:UMV728"/>
    <mergeCell ref="UMW728:UMZ728"/>
    <mergeCell ref="ULM728:ULP728"/>
    <mergeCell ref="ULQ728:ULT728"/>
    <mergeCell ref="ULU728:ULX728"/>
    <mergeCell ref="ULY728:UMB728"/>
    <mergeCell ref="UMC728:UMF728"/>
    <mergeCell ref="UKS728:UKV728"/>
    <mergeCell ref="UKW728:UKZ728"/>
    <mergeCell ref="ULA728:ULD728"/>
    <mergeCell ref="ULE728:ULH728"/>
    <mergeCell ref="ULI728:ULL728"/>
    <mergeCell ref="UUS728:UUV728"/>
    <mergeCell ref="UUW728:UUZ728"/>
    <mergeCell ref="UVA728:UVD728"/>
    <mergeCell ref="UVE728:UVH728"/>
    <mergeCell ref="UVI728:UVL728"/>
    <mergeCell ref="UTY728:UUB728"/>
    <mergeCell ref="UUC728:UUF728"/>
    <mergeCell ref="UUG728:UUJ728"/>
    <mergeCell ref="UUK728:UUN728"/>
    <mergeCell ref="UUO728:UUR728"/>
    <mergeCell ref="UTE728:UTH728"/>
    <mergeCell ref="UTI728:UTL728"/>
    <mergeCell ref="UTM728:UTP728"/>
    <mergeCell ref="UTQ728:UTT728"/>
    <mergeCell ref="UTU728:UTX728"/>
    <mergeCell ref="USK728:USN728"/>
    <mergeCell ref="USO728:USR728"/>
    <mergeCell ref="USS728:USV728"/>
    <mergeCell ref="USW728:USZ728"/>
    <mergeCell ref="UTA728:UTD728"/>
    <mergeCell ref="URQ728:URT728"/>
    <mergeCell ref="URU728:URX728"/>
    <mergeCell ref="URY728:USB728"/>
    <mergeCell ref="USC728:USF728"/>
    <mergeCell ref="USG728:USJ728"/>
    <mergeCell ref="UQW728:UQZ728"/>
    <mergeCell ref="URA728:URD728"/>
    <mergeCell ref="URE728:URH728"/>
    <mergeCell ref="URI728:URL728"/>
    <mergeCell ref="URM728:URP728"/>
    <mergeCell ref="UQC728:UQF728"/>
    <mergeCell ref="UQG728:UQJ728"/>
    <mergeCell ref="UQK728:UQN728"/>
    <mergeCell ref="UQO728:UQR728"/>
    <mergeCell ref="UQS728:UQV728"/>
    <mergeCell ref="VAC728:VAF728"/>
    <mergeCell ref="VAG728:VAJ728"/>
    <mergeCell ref="VAK728:VAN728"/>
    <mergeCell ref="VAO728:VAR728"/>
    <mergeCell ref="VAS728:VAV728"/>
    <mergeCell ref="UZI728:UZL728"/>
    <mergeCell ref="UZM728:UZP728"/>
    <mergeCell ref="UZQ728:UZT728"/>
    <mergeCell ref="UZU728:UZX728"/>
    <mergeCell ref="UZY728:VAB728"/>
    <mergeCell ref="UYO728:UYR728"/>
    <mergeCell ref="UYS728:UYV728"/>
    <mergeCell ref="UYW728:UYZ728"/>
    <mergeCell ref="UZA728:UZD728"/>
    <mergeCell ref="UZE728:UZH728"/>
    <mergeCell ref="UXU728:UXX728"/>
    <mergeCell ref="UXY728:UYB728"/>
    <mergeCell ref="UYC728:UYF728"/>
    <mergeCell ref="UYG728:UYJ728"/>
    <mergeCell ref="UYK728:UYN728"/>
    <mergeCell ref="UXA728:UXD728"/>
    <mergeCell ref="UXE728:UXH728"/>
    <mergeCell ref="UXI728:UXL728"/>
    <mergeCell ref="UXM728:UXP728"/>
    <mergeCell ref="UXQ728:UXT728"/>
    <mergeCell ref="UWG728:UWJ728"/>
    <mergeCell ref="UWK728:UWN728"/>
    <mergeCell ref="UWO728:UWR728"/>
    <mergeCell ref="UWS728:UWV728"/>
    <mergeCell ref="UWW728:UWZ728"/>
    <mergeCell ref="UVM728:UVP728"/>
    <mergeCell ref="UVQ728:UVT728"/>
    <mergeCell ref="UVU728:UVX728"/>
    <mergeCell ref="UVY728:UWB728"/>
    <mergeCell ref="UWC728:UWF728"/>
    <mergeCell ref="VFM728:VFP728"/>
    <mergeCell ref="VFQ728:VFT728"/>
    <mergeCell ref="VFU728:VFX728"/>
    <mergeCell ref="VFY728:VGB728"/>
    <mergeCell ref="VGC728:VGF728"/>
    <mergeCell ref="VES728:VEV728"/>
    <mergeCell ref="VEW728:VEZ728"/>
    <mergeCell ref="VFA728:VFD728"/>
    <mergeCell ref="VFE728:VFH728"/>
    <mergeCell ref="VFI728:VFL728"/>
    <mergeCell ref="VDY728:VEB728"/>
    <mergeCell ref="VEC728:VEF728"/>
    <mergeCell ref="VEG728:VEJ728"/>
    <mergeCell ref="VEK728:VEN728"/>
    <mergeCell ref="VEO728:VER728"/>
    <mergeCell ref="VDE728:VDH728"/>
    <mergeCell ref="VDI728:VDL728"/>
    <mergeCell ref="VDM728:VDP728"/>
    <mergeCell ref="VDQ728:VDT728"/>
    <mergeCell ref="VDU728:VDX728"/>
    <mergeCell ref="VCK728:VCN728"/>
    <mergeCell ref="VCO728:VCR728"/>
    <mergeCell ref="VCS728:VCV728"/>
    <mergeCell ref="VCW728:VCZ728"/>
    <mergeCell ref="VDA728:VDD728"/>
    <mergeCell ref="VBQ728:VBT728"/>
    <mergeCell ref="VBU728:VBX728"/>
    <mergeCell ref="VBY728:VCB728"/>
    <mergeCell ref="VCC728:VCF728"/>
    <mergeCell ref="VCG728:VCJ728"/>
    <mergeCell ref="VAW728:VAZ728"/>
    <mergeCell ref="VBA728:VBD728"/>
    <mergeCell ref="VBE728:VBH728"/>
    <mergeCell ref="VBI728:VBL728"/>
    <mergeCell ref="VBM728:VBP728"/>
    <mergeCell ref="VKW728:VKZ728"/>
    <mergeCell ref="VLA728:VLD728"/>
    <mergeCell ref="VLE728:VLH728"/>
    <mergeCell ref="VLI728:VLL728"/>
    <mergeCell ref="VLM728:VLP728"/>
    <mergeCell ref="VKC728:VKF728"/>
    <mergeCell ref="VKG728:VKJ728"/>
    <mergeCell ref="VKK728:VKN728"/>
    <mergeCell ref="VKO728:VKR728"/>
    <mergeCell ref="VKS728:VKV728"/>
    <mergeCell ref="VJI728:VJL728"/>
    <mergeCell ref="VJM728:VJP728"/>
    <mergeCell ref="VJQ728:VJT728"/>
    <mergeCell ref="VJU728:VJX728"/>
    <mergeCell ref="VJY728:VKB728"/>
    <mergeCell ref="VIO728:VIR728"/>
    <mergeCell ref="VIS728:VIV728"/>
    <mergeCell ref="VIW728:VIZ728"/>
    <mergeCell ref="VJA728:VJD728"/>
    <mergeCell ref="VJE728:VJH728"/>
    <mergeCell ref="VHU728:VHX728"/>
    <mergeCell ref="VHY728:VIB728"/>
    <mergeCell ref="VIC728:VIF728"/>
    <mergeCell ref="VIG728:VIJ728"/>
    <mergeCell ref="VIK728:VIN728"/>
    <mergeCell ref="VHA728:VHD728"/>
    <mergeCell ref="VHE728:VHH728"/>
    <mergeCell ref="VHI728:VHL728"/>
    <mergeCell ref="VHM728:VHP728"/>
    <mergeCell ref="VHQ728:VHT728"/>
    <mergeCell ref="VGG728:VGJ728"/>
    <mergeCell ref="VGK728:VGN728"/>
    <mergeCell ref="VGO728:VGR728"/>
    <mergeCell ref="VGS728:VGV728"/>
    <mergeCell ref="VGW728:VGZ728"/>
    <mergeCell ref="VQG728:VQJ728"/>
    <mergeCell ref="VQK728:VQN728"/>
    <mergeCell ref="VQO728:VQR728"/>
    <mergeCell ref="VQS728:VQV728"/>
    <mergeCell ref="VQW728:VQZ728"/>
    <mergeCell ref="VPM728:VPP728"/>
    <mergeCell ref="VPQ728:VPT728"/>
    <mergeCell ref="VPU728:VPX728"/>
    <mergeCell ref="VPY728:VQB728"/>
    <mergeCell ref="VQC728:VQF728"/>
    <mergeCell ref="VOS728:VOV728"/>
    <mergeCell ref="VOW728:VOZ728"/>
    <mergeCell ref="VPA728:VPD728"/>
    <mergeCell ref="VPE728:VPH728"/>
    <mergeCell ref="VPI728:VPL728"/>
    <mergeCell ref="VNY728:VOB728"/>
    <mergeCell ref="VOC728:VOF728"/>
    <mergeCell ref="VOG728:VOJ728"/>
    <mergeCell ref="VOK728:VON728"/>
    <mergeCell ref="VOO728:VOR728"/>
    <mergeCell ref="VNE728:VNH728"/>
    <mergeCell ref="VNI728:VNL728"/>
    <mergeCell ref="VNM728:VNP728"/>
    <mergeCell ref="VNQ728:VNT728"/>
    <mergeCell ref="VNU728:VNX728"/>
    <mergeCell ref="VMK728:VMN728"/>
    <mergeCell ref="VMO728:VMR728"/>
    <mergeCell ref="VMS728:VMV728"/>
    <mergeCell ref="VMW728:VMZ728"/>
    <mergeCell ref="VNA728:VND728"/>
    <mergeCell ref="VLQ728:VLT728"/>
    <mergeCell ref="VLU728:VLX728"/>
    <mergeCell ref="VLY728:VMB728"/>
    <mergeCell ref="VMC728:VMF728"/>
    <mergeCell ref="VMG728:VMJ728"/>
    <mergeCell ref="VVQ728:VVT728"/>
    <mergeCell ref="VVU728:VVX728"/>
    <mergeCell ref="VVY728:VWB728"/>
    <mergeCell ref="VWC728:VWF728"/>
    <mergeCell ref="VWG728:VWJ728"/>
    <mergeCell ref="VUW728:VUZ728"/>
    <mergeCell ref="VVA728:VVD728"/>
    <mergeCell ref="VVE728:VVH728"/>
    <mergeCell ref="VVI728:VVL728"/>
    <mergeCell ref="VVM728:VVP728"/>
    <mergeCell ref="VUC728:VUF728"/>
    <mergeCell ref="VUG728:VUJ728"/>
    <mergeCell ref="VUK728:VUN728"/>
    <mergeCell ref="VUO728:VUR728"/>
    <mergeCell ref="VUS728:VUV728"/>
    <mergeCell ref="VTI728:VTL728"/>
    <mergeCell ref="VTM728:VTP728"/>
    <mergeCell ref="VTQ728:VTT728"/>
    <mergeCell ref="VTU728:VTX728"/>
    <mergeCell ref="VTY728:VUB728"/>
    <mergeCell ref="VSO728:VSR728"/>
    <mergeCell ref="VSS728:VSV728"/>
    <mergeCell ref="VSW728:VSZ728"/>
    <mergeCell ref="VTA728:VTD728"/>
    <mergeCell ref="VTE728:VTH728"/>
    <mergeCell ref="VRU728:VRX728"/>
    <mergeCell ref="VRY728:VSB728"/>
    <mergeCell ref="VSC728:VSF728"/>
    <mergeCell ref="VSG728:VSJ728"/>
    <mergeCell ref="VSK728:VSN728"/>
    <mergeCell ref="VRA728:VRD728"/>
    <mergeCell ref="VRE728:VRH728"/>
    <mergeCell ref="VRI728:VRL728"/>
    <mergeCell ref="VRM728:VRP728"/>
    <mergeCell ref="VRQ728:VRT728"/>
    <mergeCell ref="WBA728:WBD728"/>
    <mergeCell ref="WBE728:WBH728"/>
    <mergeCell ref="WBI728:WBL728"/>
    <mergeCell ref="WBM728:WBP728"/>
    <mergeCell ref="WBQ728:WBT728"/>
    <mergeCell ref="WAG728:WAJ728"/>
    <mergeCell ref="WAK728:WAN728"/>
    <mergeCell ref="WAO728:WAR728"/>
    <mergeCell ref="WAS728:WAV728"/>
    <mergeCell ref="WAW728:WAZ728"/>
    <mergeCell ref="VZM728:VZP728"/>
    <mergeCell ref="VZQ728:VZT728"/>
    <mergeCell ref="VZU728:VZX728"/>
    <mergeCell ref="VZY728:WAB728"/>
    <mergeCell ref="WAC728:WAF728"/>
    <mergeCell ref="VYS728:VYV728"/>
    <mergeCell ref="VYW728:VYZ728"/>
    <mergeCell ref="VZA728:VZD728"/>
    <mergeCell ref="VZE728:VZH728"/>
    <mergeCell ref="VZI728:VZL728"/>
    <mergeCell ref="VXY728:VYB728"/>
    <mergeCell ref="VYC728:VYF728"/>
    <mergeCell ref="VYG728:VYJ728"/>
    <mergeCell ref="VYK728:VYN728"/>
    <mergeCell ref="VYO728:VYR728"/>
    <mergeCell ref="VXE728:VXH728"/>
    <mergeCell ref="VXI728:VXL728"/>
    <mergeCell ref="VXM728:VXP728"/>
    <mergeCell ref="VXQ728:VXT728"/>
    <mergeCell ref="VXU728:VXX728"/>
    <mergeCell ref="VWK728:VWN728"/>
    <mergeCell ref="VWO728:VWR728"/>
    <mergeCell ref="VWS728:VWV728"/>
    <mergeCell ref="VWW728:VWZ728"/>
    <mergeCell ref="VXA728:VXD728"/>
    <mergeCell ref="WGK728:WGN728"/>
    <mergeCell ref="WGO728:WGR728"/>
    <mergeCell ref="WGS728:WGV728"/>
    <mergeCell ref="WGW728:WGZ728"/>
    <mergeCell ref="WHA728:WHD728"/>
    <mergeCell ref="WFQ728:WFT728"/>
    <mergeCell ref="WFU728:WFX728"/>
    <mergeCell ref="WFY728:WGB728"/>
    <mergeCell ref="WGC728:WGF728"/>
    <mergeCell ref="WGG728:WGJ728"/>
    <mergeCell ref="WEW728:WEZ728"/>
    <mergeCell ref="WFA728:WFD728"/>
    <mergeCell ref="WFE728:WFH728"/>
    <mergeCell ref="WFI728:WFL728"/>
    <mergeCell ref="WFM728:WFP728"/>
    <mergeCell ref="WEC728:WEF728"/>
    <mergeCell ref="WEG728:WEJ728"/>
    <mergeCell ref="WEK728:WEN728"/>
    <mergeCell ref="WEO728:WER728"/>
    <mergeCell ref="WES728:WEV728"/>
    <mergeCell ref="WDI728:WDL728"/>
    <mergeCell ref="WDM728:WDP728"/>
    <mergeCell ref="WDQ728:WDT728"/>
    <mergeCell ref="WDU728:WDX728"/>
    <mergeCell ref="WDY728:WEB728"/>
    <mergeCell ref="WCO728:WCR728"/>
    <mergeCell ref="WCS728:WCV728"/>
    <mergeCell ref="WCW728:WCZ728"/>
    <mergeCell ref="WDA728:WDD728"/>
    <mergeCell ref="WDE728:WDH728"/>
    <mergeCell ref="WBU728:WBX728"/>
    <mergeCell ref="WBY728:WCB728"/>
    <mergeCell ref="WCC728:WCF728"/>
    <mergeCell ref="WCG728:WCJ728"/>
    <mergeCell ref="WCK728:WCN728"/>
    <mergeCell ref="WLU728:WLX728"/>
    <mergeCell ref="WLY728:WMB728"/>
    <mergeCell ref="WMC728:WMF728"/>
    <mergeCell ref="WMG728:WMJ728"/>
    <mergeCell ref="WMK728:WMN728"/>
    <mergeCell ref="WLA728:WLD728"/>
    <mergeCell ref="WLE728:WLH728"/>
    <mergeCell ref="WLI728:WLL728"/>
    <mergeCell ref="WLM728:WLP728"/>
    <mergeCell ref="WLQ728:WLT728"/>
    <mergeCell ref="WKG728:WKJ728"/>
    <mergeCell ref="WKK728:WKN728"/>
    <mergeCell ref="WKO728:WKR728"/>
    <mergeCell ref="WKS728:WKV728"/>
    <mergeCell ref="WKW728:WKZ728"/>
    <mergeCell ref="WJM728:WJP728"/>
    <mergeCell ref="WJQ728:WJT728"/>
    <mergeCell ref="WJU728:WJX728"/>
    <mergeCell ref="WJY728:WKB728"/>
    <mergeCell ref="WKC728:WKF728"/>
    <mergeCell ref="WIS728:WIV728"/>
    <mergeCell ref="WIW728:WIZ728"/>
    <mergeCell ref="WJA728:WJD728"/>
    <mergeCell ref="WJE728:WJH728"/>
    <mergeCell ref="WJI728:WJL728"/>
    <mergeCell ref="WHY728:WIB728"/>
    <mergeCell ref="WIC728:WIF728"/>
    <mergeCell ref="WIG728:WIJ728"/>
    <mergeCell ref="WIK728:WIN728"/>
    <mergeCell ref="WIO728:WIR728"/>
    <mergeCell ref="WHE728:WHH728"/>
    <mergeCell ref="WHI728:WHL728"/>
    <mergeCell ref="WHM728:WHP728"/>
    <mergeCell ref="WHQ728:WHT728"/>
    <mergeCell ref="WHU728:WHX728"/>
    <mergeCell ref="WRE728:WRH728"/>
    <mergeCell ref="WRI728:WRL728"/>
    <mergeCell ref="WRM728:WRP728"/>
    <mergeCell ref="WRQ728:WRT728"/>
    <mergeCell ref="WRU728:WRX728"/>
    <mergeCell ref="WQK728:WQN728"/>
    <mergeCell ref="WQO728:WQR728"/>
    <mergeCell ref="WQS728:WQV728"/>
    <mergeCell ref="WQW728:WQZ728"/>
    <mergeCell ref="WRA728:WRD728"/>
    <mergeCell ref="WPQ728:WPT728"/>
    <mergeCell ref="WPU728:WPX728"/>
    <mergeCell ref="WPY728:WQB728"/>
    <mergeCell ref="WQC728:WQF728"/>
    <mergeCell ref="WQG728:WQJ728"/>
    <mergeCell ref="WOW728:WOZ728"/>
    <mergeCell ref="WPA728:WPD728"/>
    <mergeCell ref="WPE728:WPH728"/>
    <mergeCell ref="WPI728:WPL728"/>
    <mergeCell ref="WPM728:WPP728"/>
    <mergeCell ref="WOC728:WOF728"/>
    <mergeCell ref="WOG728:WOJ728"/>
    <mergeCell ref="WOK728:WON728"/>
    <mergeCell ref="WOO728:WOR728"/>
    <mergeCell ref="WOS728:WOV728"/>
    <mergeCell ref="WNI728:WNL728"/>
    <mergeCell ref="WNM728:WNP728"/>
    <mergeCell ref="WNQ728:WNT728"/>
    <mergeCell ref="WNU728:WNX728"/>
    <mergeCell ref="WNY728:WOB728"/>
    <mergeCell ref="WMO728:WMR728"/>
    <mergeCell ref="WMS728:WMV728"/>
    <mergeCell ref="WMW728:WMZ728"/>
    <mergeCell ref="WNA728:WND728"/>
    <mergeCell ref="WNE728:WNH728"/>
    <mergeCell ref="WXU728:WXX728"/>
    <mergeCell ref="WXY728:WYB728"/>
    <mergeCell ref="WWO728:WWR728"/>
    <mergeCell ref="WWS728:WWV728"/>
    <mergeCell ref="WWW728:WWZ728"/>
    <mergeCell ref="WXA728:WXD728"/>
    <mergeCell ref="WXE728:WXH728"/>
    <mergeCell ref="WVU728:WVX728"/>
    <mergeCell ref="WVY728:WWB728"/>
    <mergeCell ref="WWC728:WWF728"/>
    <mergeCell ref="WWG728:WWJ728"/>
    <mergeCell ref="WWK728:WWN728"/>
    <mergeCell ref="WVA728:WVD728"/>
    <mergeCell ref="WVE728:WVH728"/>
    <mergeCell ref="WVI728:WVL728"/>
    <mergeCell ref="WVM728:WVP728"/>
    <mergeCell ref="WVQ728:WVT728"/>
    <mergeCell ref="WUG728:WUJ728"/>
    <mergeCell ref="WUK728:WUN728"/>
    <mergeCell ref="WUO728:WUR728"/>
    <mergeCell ref="WUS728:WUV728"/>
    <mergeCell ref="WUW728:WUZ728"/>
    <mergeCell ref="WTM728:WTP728"/>
    <mergeCell ref="WTQ728:WTT728"/>
    <mergeCell ref="WTU728:WTX728"/>
    <mergeCell ref="WTY728:WUB728"/>
    <mergeCell ref="WUC728:WUF728"/>
    <mergeCell ref="WSS728:WSV728"/>
    <mergeCell ref="WSW728:WSZ728"/>
    <mergeCell ref="WTA728:WTD728"/>
    <mergeCell ref="WTE728:WTH728"/>
    <mergeCell ref="WTI728:WTL728"/>
    <mergeCell ref="WRY728:WSB728"/>
    <mergeCell ref="WSC728:WSF728"/>
    <mergeCell ref="WSG728:WSJ728"/>
    <mergeCell ref="WSK728:WSN728"/>
    <mergeCell ref="WSO728:WSR728"/>
    <mergeCell ref="XFA728:XFD728"/>
    <mergeCell ref="A729:D729"/>
    <mergeCell ref="E729:H729"/>
    <mergeCell ref="I729:L729"/>
    <mergeCell ref="M729:P729"/>
    <mergeCell ref="Q729:T729"/>
    <mergeCell ref="U729:X729"/>
    <mergeCell ref="Y729:AB729"/>
    <mergeCell ref="AC729:AF729"/>
    <mergeCell ref="AG729:AJ729"/>
    <mergeCell ref="AK729:AN729"/>
    <mergeCell ref="AO729:AR729"/>
    <mergeCell ref="AS729:AV729"/>
    <mergeCell ref="AW729:AZ729"/>
    <mergeCell ref="BA729:BD729"/>
    <mergeCell ref="BE729:BH729"/>
    <mergeCell ref="XEG728:XEJ728"/>
    <mergeCell ref="XEK728:XEN728"/>
    <mergeCell ref="XEO728:XER728"/>
    <mergeCell ref="XES728:XEV728"/>
    <mergeCell ref="XEW728:XEZ728"/>
    <mergeCell ref="XDM728:XDP728"/>
    <mergeCell ref="XDQ728:XDT728"/>
    <mergeCell ref="XDU728:XDX728"/>
    <mergeCell ref="XDY728:XEB728"/>
    <mergeCell ref="XEC728:XEF728"/>
    <mergeCell ref="XCS728:XCV728"/>
    <mergeCell ref="XCW728:XCZ728"/>
    <mergeCell ref="XDA728:XDD728"/>
    <mergeCell ref="XDE728:XDH728"/>
    <mergeCell ref="XDI728:XDL728"/>
    <mergeCell ref="XBY728:XCB728"/>
    <mergeCell ref="XCC728:XCF728"/>
    <mergeCell ref="XCG728:XCJ728"/>
    <mergeCell ref="XCK728:XCN728"/>
    <mergeCell ref="XCO728:XCR728"/>
    <mergeCell ref="XBE728:XBH728"/>
    <mergeCell ref="XBI728:XBL728"/>
    <mergeCell ref="XBM728:XBP728"/>
    <mergeCell ref="XBQ728:XBT728"/>
    <mergeCell ref="XBU728:XBX728"/>
    <mergeCell ref="XAK728:XAN728"/>
    <mergeCell ref="XAO728:XAR728"/>
    <mergeCell ref="XAS728:XAV728"/>
    <mergeCell ref="XAW728:XAZ728"/>
    <mergeCell ref="XBA728:XBD728"/>
    <mergeCell ref="WZQ728:WZT728"/>
    <mergeCell ref="WZU728:WZX728"/>
    <mergeCell ref="WZY728:XAB728"/>
    <mergeCell ref="XAC728:XAF728"/>
    <mergeCell ref="XAG728:XAJ728"/>
    <mergeCell ref="WYW728:WYZ728"/>
    <mergeCell ref="WZA728:WZD728"/>
    <mergeCell ref="WZE728:WZH728"/>
    <mergeCell ref="WZI728:WZL728"/>
    <mergeCell ref="WZM728:WZP728"/>
    <mergeCell ref="WYC728:WYF728"/>
    <mergeCell ref="WYG728:WYJ728"/>
    <mergeCell ref="WYK728:WYN728"/>
    <mergeCell ref="WYO728:WYR728"/>
    <mergeCell ref="WYS728:WYV728"/>
    <mergeCell ref="WXI728:WXL728"/>
    <mergeCell ref="WXM728:WXP728"/>
    <mergeCell ref="WXQ728:WXT728"/>
    <mergeCell ref="FY729:GB729"/>
    <mergeCell ref="GC729:GF729"/>
    <mergeCell ref="GG729:GJ729"/>
    <mergeCell ref="GK729:GN729"/>
    <mergeCell ref="GO729:GR729"/>
    <mergeCell ref="FE729:FH729"/>
    <mergeCell ref="FI729:FL729"/>
    <mergeCell ref="FM729:FP729"/>
    <mergeCell ref="FQ729:FT729"/>
    <mergeCell ref="FU729:FX729"/>
    <mergeCell ref="EK729:EN729"/>
    <mergeCell ref="EO729:ER729"/>
    <mergeCell ref="ES729:EV729"/>
    <mergeCell ref="EW729:EZ729"/>
    <mergeCell ref="FA729:FD729"/>
    <mergeCell ref="DQ729:DT729"/>
    <mergeCell ref="DU729:DX729"/>
    <mergeCell ref="DY729:EB729"/>
    <mergeCell ref="EC729:EF729"/>
    <mergeCell ref="EG729:EJ729"/>
    <mergeCell ref="CW729:CZ729"/>
    <mergeCell ref="DA729:DD729"/>
    <mergeCell ref="DE729:DH729"/>
    <mergeCell ref="DI729:DL729"/>
    <mergeCell ref="DM729:DP729"/>
    <mergeCell ref="CC729:CF729"/>
    <mergeCell ref="CG729:CJ729"/>
    <mergeCell ref="CK729:CN729"/>
    <mergeCell ref="CO729:CR729"/>
    <mergeCell ref="CS729:CV729"/>
    <mergeCell ref="BI729:BL729"/>
    <mergeCell ref="BM729:BP729"/>
    <mergeCell ref="BQ729:BT729"/>
    <mergeCell ref="BU729:BX729"/>
    <mergeCell ref="BY729:CB729"/>
    <mergeCell ref="LI729:LL729"/>
    <mergeCell ref="LM729:LP729"/>
    <mergeCell ref="LQ729:LT729"/>
    <mergeCell ref="LU729:LX729"/>
    <mergeCell ref="LY729:MB729"/>
    <mergeCell ref="KO729:KR729"/>
    <mergeCell ref="KS729:KV729"/>
    <mergeCell ref="KW729:KZ729"/>
    <mergeCell ref="LA729:LD729"/>
    <mergeCell ref="LE729:LH729"/>
    <mergeCell ref="JU729:JX729"/>
    <mergeCell ref="JY729:KB729"/>
    <mergeCell ref="KC729:KF729"/>
    <mergeCell ref="KG729:KJ729"/>
    <mergeCell ref="KK729:KN729"/>
    <mergeCell ref="JA729:JD729"/>
    <mergeCell ref="JE729:JH729"/>
    <mergeCell ref="JI729:JL729"/>
    <mergeCell ref="JM729:JP729"/>
    <mergeCell ref="JQ729:JT729"/>
    <mergeCell ref="IG729:IJ729"/>
    <mergeCell ref="IK729:IN729"/>
    <mergeCell ref="IO729:IR729"/>
    <mergeCell ref="IS729:IV729"/>
    <mergeCell ref="IW729:IZ729"/>
    <mergeCell ref="HM729:HP729"/>
    <mergeCell ref="HQ729:HT729"/>
    <mergeCell ref="HU729:HX729"/>
    <mergeCell ref="HY729:IB729"/>
    <mergeCell ref="IC729:IF729"/>
    <mergeCell ref="GS729:GV729"/>
    <mergeCell ref="GW729:GZ729"/>
    <mergeCell ref="HA729:HD729"/>
    <mergeCell ref="HE729:HH729"/>
    <mergeCell ref="HI729:HL729"/>
    <mergeCell ref="QS729:QV729"/>
    <mergeCell ref="QW729:QZ729"/>
    <mergeCell ref="RA729:RD729"/>
    <mergeCell ref="RE729:RH729"/>
    <mergeCell ref="RI729:RL729"/>
    <mergeCell ref="PY729:QB729"/>
    <mergeCell ref="QC729:QF729"/>
    <mergeCell ref="QG729:QJ729"/>
    <mergeCell ref="QK729:QN729"/>
    <mergeCell ref="QO729:QR729"/>
    <mergeCell ref="PE729:PH729"/>
    <mergeCell ref="PI729:PL729"/>
    <mergeCell ref="PM729:PP729"/>
    <mergeCell ref="PQ729:PT729"/>
    <mergeCell ref="PU729:PX729"/>
    <mergeCell ref="OK729:ON729"/>
    <mergeCell ref="OO729:OR729"/>
    <mergeCell ref="OS729:OV729"/>
    <mergeCell ref="OW729:OZ729"/>
    <mergeCell ref="PA729:PD729"/>
    <mergeCell ref="NQ729:NT729"/>
    <mergeCell ref="NU729:NX729"/>
    <mergeCell ref="NY729:OB729"/>
    <mergeCell ref="OC729:OF729"/>
    <mergeCell ref="OG729:OJ729"/>
    <mergeCell ref="MW729:MZ729"/>
    <mergeCell ref="NA729:ND729"/>
    <mergeCell ref="NE729:NH729"/>
    <mergeCell ref="NI729:NL729"/>
    <mergeCell ref="NM729:NP729"/>
    <mergeCell ref="MC729:MF729"/>
    <mergeCell ref="MG729:MJ729"/>
    <mergeCell ref="MK729:MN729"/>
    <mergeCell ref="MO729:MR729"/>
    <mergeCell ref="MS729:MV729"/>
    <mergeCell ref="WC729:WF729"/>
    <mergeCell ref="WG729:WJ729"/>
    <mergeCell ref="WK729:WN729"/>
    <mergeCell ref="WO729:WR729"/>
    <mergeCell ref="WS729:WV729"/>
    <mergeCell ref="VI729:VL729"/>
    <mergeCell ref="VM729:VP729"/>
    <mergeCell ref="VQ729:VT729"/>
    <mergeCell ref="VU729:VX729"/>
    <mergeCell ref="VY729:WB729"/>
    <mergeCell ref="UO729:UR729"/>
    <mergeCell ref="US729:UV729"/>
    <mergeCell ref="UW729:UZ729"/>
    <mergeCell ref="VA729:VD729"/>
    <mergeCell ref="VE729:VH729"/>
    <mergeCell ref="TU729:TX729"/>
    <mergeCell ref="TY729:UB729"/>
    <mergeCell ref="UC729:UF729"/>
    <mergeCell ref="UG729:UJ729"/>
    <mergeCell ref="UK729:UN729"/>
    <mergeCell ref="TA729:TD729"/>
    <mergeCell ref="TE729:TH729"/>
    <mergeCell ref="TI729:TL729"/>
    <mergeCell ref="TM729:TP729"/>
    <mergeCell ref="TQ729:TT729"/>
    <mergeCell ref="SG729:SJ729"/>
    <mergeCell ref="SK729:SN729"/>
    <mergeCell ref="SO729:SR729"/>
    <mergeCell ref="SS729:SV729"/>
    <mergeCell ref="SW729:SZ729"/>
    <mergeCell ref="RM729:RP729"/>
    <mergeCell ref="RQ729:RT729"/>
    <mergeCell ref="RU729:RX729"/>
    <mergeCell ref="RY729:SB729"/>
    <mergeCell ref="SC729:SF729"/>
    <mergeCell ref="ABM729:ABP729"/>
    <mergeCell ref="ABQ729:ABT729"/>
    <mergeCell ref="ABU729:ABX729"/>
    <mergeCell ref="ABY729:ACB729"/>
    <mergeCell ref="ACC729:ACF729"/>
    <mergeCell ref="AAS729:AAV729"/>
    <mergeCell ref="AAW729:AAZ729"/>
    <mergeCell ref="ABA729:ABD729"/>
    <mergeCell ref="ABE729:ABH729"/>
    <mergeCell ref="ABI729:ABL729"/>
    <mergeCell ref="ZY729:AAB729"/>
    <mergeCell ref="AAC729:AAF729"/>
    <mergeCell ref="AAG729:AAJ729"/>
    <mergeCell ref="AAK729:AAN729"/>
    <mergeCell ref="AAO729:AAR729"/>
    <mergeCell ref="ZE729:ZH729"/>
    <mergeCell ref="ZI729:ZL729"/>
    <mergeCell ref="ZM729:ZP729"/>
    <mergeCell ref="ZQ729:ZT729"/>
    <mergeCell ref="ZU729:ZX729"/>
    <mergeCell ref="YK729:YN729"/>
    <mergeCell ref="YO729:YR729"/>
    <mergeCell ref="YS729:YV729"/>
    <mergeCell ref="YW729:YZ729"/>
    <mergeCell ref="ZA729:ZD729"/>
    <mergeCell ref="XQ729:XT729"/>
    <mergeCell ref="XU729:XX729"/>
    <mergeCell ref="XY729:YB729"/>
    <mergeCell ref="YC729:YF729"/>
    <mergeCell ref="YG729:YJ729"/>
    <mergeCell ref="WW729:WZ729"/>
    <mergeCell ref="XA729:XD729"/>
    <mergeCell ref="XE729:XH729"/>
    <mergeCell ref="XI729:XL729"/>
    <mergeCell ref="XM729:XP729"/>
    <mergeCell ref="AGW729:AGZ729"/>
    <mergeCell ref="AHA729:AHD729"/>
    <mergeCell ref="AHE729:AHH729"/>
    <mergeCell ref="AHI729:AHL729"/>
    <mergeCell ref="AHM729:AHP729"/>
    <mergeCell ref="AGC729:AGF729"/>
    <mergeCell ref="AGG729:AGJ729"/>
    <mergeCell ref="AGK729:AGN729"/>
    <mergeCell ref="AGO729:AGR729"/>
    <mergeCell ref="AGS729:AGV729"/>
    <mergeCell ref="AFI729:AFL729"/>
    <mergeCell ref="AFM729:AFP729"/>
    <mergeCell ref="AFQ729:AFT729"/>
    <mergeCell ref="AFU729:AFX729"/>
    <mergeCell ref="AFY729:AGB729"/>
    <mergeCell ref="AEO729:AER729"/>
    <mergeCell ref="AES729:AEV729"/>
    <mergeCell ref="AEW729:AEZ729"/>
    <mergeCell ref="AFA729:AFD729"/>
    <mergeCell ref="AFE729:AFH729"/>
    <mergeCell ref="ADU729:ADX729"/>
    <mergeCell ref="ADY729:AEB729"/>
    <mergeCell ref="AEC729:AEF729"/>
    <mergeCell ref="AEG729:AEJ729"/>
    <mergeCell ref="AEK729:AEN729"/>
    <mergeCell ref="ADA729:ADD729"/>
    <mergeCell ref="ADE729:ADH729"/>
    <mergeCell ref="ADI729:ADL729"/>
    <mergeCell ref="ADM729:ADP729"/>
    <mergeCell ref="ADQ729:ADT729"/>
    <mergeCell ref="ACG729:ACJ729"/>
    <mergeCell ref="ACK729:ACN729"/>
    <mergeCell ref="ACO729:ACR729"/>
    <mergeCell ref="ACS729:ACV729"/>
    <mergeCell ref="ACW729:ACZ729"/>
    <mergeCell ref="AMG729:AMJ729"/>
    <mergeCell ref="AMK729:AMN729"/>
    <mergeCell ref="AMO729:AMR729"/>
    <mergeCell ref="AMS729:AMV729"/>
    <mergeCell ref="AMW729:AMZ729"/>
    <mergeCell ref="ALM729:ALP729"/>
    <mergeCell ref="ALQ729:ALT729"/>
    <mergeCell ref="ALU729:ALX729"/>
    <mergeCell ref="ALY729:AMB729"/>
    <mergeCell ref="AMC729:AMF729"/>
    <mergeCell ref="AKS729:AKV729"/>
    <mergeCell ref="AKW729:AKZ729"/>
    <mergeCell ref="ALA729:ALD729"/>
    <mergeCell ref="ALE729:ALH729"/>
    <mergeCell ref="ALI729:ALL729"/>
    <mergeCell ref="AJY729:AKB729"/>
    <mergeCell ref="AKC729:AKF729"/>
    <mergeCell ref="AKG729:AKJ729"/>
    <mergeCell ref="AKK729:AKN729"/>
    <mergeCell ref="AKO729:AKR729"/>
    <mergeCell ref="AJE729:AJH729"/>
    <mergeCell ref="AJI729:AJL729"/>
    <mergeCell ref="AJM729:AJP729"/>
    <mergeCell ref="AJQ729:AJT729"/>
    <mergeCell ref="AJU729:AJX729"/>
    <mergeCell ref="AIK729:AIN729"/>
    <mergeCell ref="AIO729:AIR729"/>
    <mergeCell ref="AIS729:AIV729"/>
    <mergeCell ref="AIW729:AIZ729"/>
    <mergeCell ref="AJA729:AJD729"/>
    <mergeCell ref="AHQ729:AHT729"/>
    <mergeCell ref="AHU729:AHX729"/>
    <mergeCell ref="AHY729:AIB729"/>
    <mergeCell ref="AIC729:AIF729"/>
    <mergeCell ref="AIG729:AIJ729"/>
    <mergeCell ref="ARQ729:ART729"/>
    <mergeCell ref="ARU729:ARX729"/>
    <mergeCell ref="ARY729:ASB729"/>
    <mergeCell ref="ASC729:ASF729"/>
    <mergeCell ref="ASG729:ASJ729"/>
    <mergeCell ref="AQW729:AQZ729"/>
    <mergeCell ref="ARA729:ARD729"/>
    <mergeCell ref="ARE729:ARH729"/>
    <mergeCell ref="ARI729:ARL729"/>
    <mergeCell ref="ARM729:ARP729"/>
    <mergeCell ref="AQC729:AQF729"/>
    <mergeCell ref="AQG729:AQJ729"/>
    <mergeCell ref="AQK729:AQN729"/>
    <mergeCell ref="AQO729:AQR729"/>
    <mergeCell ref="AQS729:AQV729"/>
    <mergeCell ref="API729:APL729"/>
    <mergeCell ref="APM729:APP729"/>
    <mergeCell ref="APQ729:APT729"/>
    <mergeCell ref="APU729:APX729"/>
    <mergeCell ref="APY729:AQB729"/>
    <mergeCell ref="AOO729:AOR729"/>
    <mergeCell ref="AOS729:AOV729"/>
    <mergeCell ref="AOW729:AOZ729"/>
    <mergeCell ref="APA729:APD729"/>
    <mergeCell ref="APE729:APH729"/>
    <mergeCell ref="ANU729:ANX729"/>
    <mergeCell ref="ANY729:AOB729"/>
    <mergeCell ref="AOC729:AOF729"/>
    <mergeCell ref="AOG729:AOJ729"/>
    <mergeCell ref="AOK729:AON729"/>
    <mergeCell ref="ANA729:AND729"/>
    <mergeCell ref="ANE729:ANH729"/>
    <mergeCell ref="ANI729:ANL729"/>
    <mergeCell ref="ANM729:ANP729"/>
    <mergeCell ref="ANQ729:ANT729"/>
    <mergeCell ref="AXA729:AXD729"/>
    <mergeCell ref="AXE729:AXH729"/>
    <mergeCell ref="AXI729:AXL729"/>
    <mergeCell ref="AXM729:AXP729"/>
    <mergeCell ref="AXQ729:AXT729"/>
    <mergeCell ref="AWG729:AWJ729"/>
    <mergeCell ref="AWK729:AWN729"/>
    <mergeCell ref="AWO729:AWR729"/>
    <mergeCell ref="AWS729:AWV729"/>
    <mergeCell ref="AWW729:AWZ729"/>
    <mergeCell ref="AVM729:AVP729"/>
    <mergeCell ref="AVQ729:AVT729"/>
    <mergeCell ref="AVU729:AVX729"/>
    <mergeCell ref="AVY729:AWB729"/>
    <mergeCell ref="AWC729:AWF729"/>
    <mergeCell ref="AUS729:AUV729"/>
    <mergeCell ref="AUW729:AUZ729"/>
    <mergeCell ref="AVA729:AVD729"/>
    <mergeCell ref="AVE729:AVH729"/>
    <mergeCell ref="AVI729:AVL729"/>
    <mergeCell ref="ATY729:AUB729"/>
    <mergeCell ref="AUC729:AUF729"/>
    <mergeCell ref="AUG729:AUJ729"/>
    <mergeCell ref="AUK729:AUN729"/>
    <mergeCell ref="AUO729:AUR729"/>
    <mergeCell ref="ATE729:ATH729"/>
    <mergeCell ref="ATI729:ATL729"/>
    <mergeCell ref="ATM729:ATP729"/>
    <mergeCell ref="ATQ729:ATT729"/>
    <mergeCell ref="ATU729:ATX729"/>
    <mergeCell ref="ASK729:ASN729"/>
    <mergeCell ref="ASO729:ASR729"/>
    <mergeCell ref="ASS729:ASV729"/>
    <mergeCell ref="ASW729:ASZ729"/>
    <mergeCell ref="ATA729:ATD729"/>
    <mergeCell ref="BCK729:BCN729"/>
    <mergeCell ref="BCO729:BCR729"/>
    <mergeCell ref="BCS729:BCV729"/>
    <mergeCell ref="BCW729:BCZ729"/>
    <mergeCell ref="BDA729:BDD729"/>
    <mergeCell ref="BBQ729:BBT729"/>
    <mergeCell ref="BBU729:BBX729"/>
    <mergeCell ref="BBY729:BCB729"/>
    <mergeCell ref="BCC729:BCF729"/>
    <mergeCell ref="BCG729:BCJ729"/>
    <mergeCell ref="BAW729:BAZ729"/>
    <mergeCell ref="BBA729:BBD729"/>
    <mergeCell ref="BBE729:BBH729"/>
    <mergeCell ref="BBI729:BBL729"/>
    <mergeCell ref="BBM729:BBP729"/>
    <mergeCell ref="BAC729:BAF729"/>
    <mergeCell ref="BAG729:BAJ729"/>
    <mergeCell ref="BAK729:BAN729"/>
    <mergeCell ref="BAO729:BAR729"/>
    <mergeCell ref="BAS729:BAV729"/>
    <mergeCell ref="AZI729:AZL729"/>
    <mergeCell ref="AZM729:AZP729"/>
    <mergeCell ref="AZQ729:AZT729"/>
    <mergeCell ref="AZU729:AZX729"/>
    <mergeCell ref="AZY729:BAB729"/>
    <mergeCell ref="AYO729:AYR729"/>
    <mergeCell ref="AYS729:AYV729"/>
    <mergeCell ref="AYW729:AYZ729"/>
    <mergeCell ref="AZA729:AZD729"/>
    <mergeCell ref="AZE729:AZH729"/>
    <mergeCell ref="AXU729:AXX729"/>
    <mergeCell ref="AXY729:AYB729"/>
    <mergeCell ref="AYC729:AYF729"/>
    <mergeCell ref="AYG729:AYJ729"/>
    <mergeCell ref="AYK729:AYN729"/>
    <mergeCell ref="BHU729:BHX729"/>
    <mergeCell ref="BHY729:BIB729"/>
    <mergeCell ref="BIC729:BIF729"/>
    <mergeCell ref="BIG729:BIJ729"/>
    <mergeCell ref="BIK729:BIN729"/>
    <mergeCell ref="BHA729:BHD729"/>
    <mergeCell ref="BHE729:BHH729"/>
    <mergeCell ref="BHI729:BHL729"/>
    <mergeCell ref="BHM729:BHP729"/>
    <mergeCell ref="BHQ729:BHT729"/>
    <mergeCell ref="BGG729:BGJ729"/>
    <mergeCell ref="BGK729:BGN729"/>
    <mergeCell ref="BGO729:BGR729"/>
    <mergeCell ref="BGS729:BGV729"/>
    <mergeCell ref="BGW729:BGZ729"/>
    <mergeCell ref="BFM729:BFP729"/>
    <mergeCell ref="BFQ729:BFT729"/>
    <mergeCell ref="BFU729:BFX729"/>
    <mergeCell ref="BFY729:BGB729"/>
    <mergeCell ref="BGC729:BGF729"/>
    <mergeCell ref="BES729:BEV729"/>
    <mergeCell ref="BEW729:BEZ729"/>
    <mergeCell ref="BFA729:BFD729"/>
    <mergeCell ref="BFE729:BFH729"/>
    <mergeCell ref="BFI729:BFL729"/>
    <mergeCell ref="BDY729:BEB729"/>
    <mergeCell ref="BEC729:BEF729"/>
    <mergeCell ref="BEG729:BEJ729"/>
    <mergeCell ref="BEK729:BEN729"/>
    <mergeCell ref="BEO729:BER729"/>
    <mergeCell ref="BDE729:BDH729"/>
    <mergeCell ref="BDI729:BDL729"/>
    <mergeCell ref="BDM729:BDP729"/>
    <mergeCell ref="BDQ729:BDT729"/>
    <mergeCell ref="BDU729:BDX729"/>
    <mergeCell ref="BNE729:BNH729"/>
    <mergeCell ref="BNI729:BNL729"/>
    <mergeCell ref="BNM729:BNP729"/>
    <mergeCell ref="BNQ729:BNT729"/>
    <mergeCell ref="BNU729:BNX729"/>
    <mergeCell ref="BMK729:BMN729"/>
    <mergeCell ref="BMO729:BMR729"/>
    <mergeCell ref="BMS729:BMV729"/>
    <mergeCell ref="BMW729:BMZ729"/>
    <mergeCell ref="BNA729:BND729"/>
    <mergeCell ref="BLQ729:BLT729"/>
    <mergeCell ref="BLU729:BLX729"/>
    <mergeCell ref="BLY729:BMB729"/>
    <mergeCell ref="BMC729:BMF729"/>
    <mergeCell ref="BMG729:BMJ729"/>
    <mergeCell ref="BKW729:BKZ729"/>
    <mergeCell ref="BLA729:BLD729"/>
    <mergeCell ref="BLE729:BLH729"/>
    <mergeCell ref="BLI729:BLL729"/>
    <mergeCell ref="BLM729:BLP729"/>
    <mergeCell ref="BKC729:BKF729"/>
    <mergeCell ref="BKG729:BKJ729"/>
    <mergeCell ref="BKK729:BKN729"/>
    <mergeCell ref="BKO729:BKR729"/>
    <mergeCell ref="BKS729:BKV729"/>
    <mergeCell ref="BJI729:BJL729"/>
    <mergeCell ref="BJM729:BJP729"/>
    <mergeCell ref="BJQ729:BJT729"/>
    <mergeCell ref="BJU729:BJX729"/>
    <mergeCell ref="BJY729:BKB729"/>
    <mergeCell ref="BIO729:BIR729"/>
    <mergeCell ref="BIS729:BIV729"/>
    <mergeCell ref="BIW729:BIZ729"/>
    <mergeCell ref="BJA729:BJD729"/>
    <mergeCell ref="BJE729:BJH729"/>
    <mergeCell ref="BSO729:BSR729"/>
    <mergeCell ref="BSS729:BSV729"/>
    <mergeCell ref="BSW729:BSZ729"/>
    <mergeCell ref="BTA729:BTD729"/>
    <mergeCell ref="BTE729:BTH729"/>
    <mergeCell ref="BRU729:BRX729"/>
    <mergeCell ref="BRY729:BSB729"/>
    <mergeCell ref="BSC729:BSF729"/>
    <mergeCell ref="BSG729:BSJ729"/>
    <mergeCell ref="BSK729:BSN729"/>
    <mergeCell ref="BRA729:BRD729"/>
    <mergeCell ref="BRE729:BRH729"/>
    <mergeCell ref="BRI729:BRL729"/>
    <mergeCell ref="BRM729:BRP729"/>
    <mergeCell ref="BRQ729:BRT729"/>
    <mergeCell ref="BQG729:BQJ729"/>
    <mergeCell ref="BQK729:BQN729"/>
    <mergeCell ref="BQO729:BQR729"/>
    <mergeCell ref="BQS729:BQV729"/>
    <mergeCell ref="BQW729:BQZ729"/>
    <mergeCell ref="BPM729:BPP729"/>
    <mergeCell ref="BPQ729:BPT729"/>
    <mergeCell ref="BPU729:BPX729"/>
    <mergeCell ref="BPY729:BQB729"/>
    <mergeCell ref="BQC729:BQF729"/>
    <mergeCell ref="BOS729:BOV729"/>
    <mergeCell ref="BOW729:BOZ729"/>
    <mergeCell ref="BPA729:BPD729"/>
    <mergeCell ref="BPE729:BPH729"/>
    <mergeCell ref="BPI729:BPL729"/>
    <mergeCell ref="BNY729:BOB729"/>
    <mergeCell ref="BOC729:BOF729"/>
    <mergeCell ref="BOG729:BOJ729"/>
    <mergeCell ref="BOK729:BON729"/>
    <mergeCell ref="BOO729:BOR729"/>
    <mergeCell ref="BXY729:BYB729"/>
    <mergeCell ref="BYC729:BYF729"/>
    <mergeCell ref="BYG729:BYJ729"/>
    <mergeCell ref="BYK729:BYN729"/>
    <mergeCell ref="BYO729:BYR729"/>
    <mergeCell ref="BXE729:BXH729"/>
    <mergeCell ref="BXI729:BXL729"/>
    <mergeCell ref="BXM729:BXP729"/>
    <mergeCell ref="BXQ729:BXT729"/>
    <mergeCell ref="BXU729:BXX729"/>
    <mergeCell ref="BWK729:BWN729"/>
    <mergeCell ref="BWO729:BWR729"/>
    <mergeCell ref="BWS729:BWV729"/>
    <mergeCell ref="BWW729:BWZ729"/>
    <mergeCell ref="BXA729:BXD729"/>
    <mergeCell ref="BVQ729:BVT729"/>
    <mergeCell ref="BVU729:BVX729"/>
    <mergeCell ref="BVY729:BWB729"/>
    <mergeCell ref="BWC729:BWF729"/>
    <mergeCell ref="BWG729:BWJ729"/>
    <mergeCell ref="BUW729:BUZ729"/>
    <mergeCell ref="BVA729:BVD729"/>
    <mergeCell ref="BVE729:BVH729"/>
    <mergeCell ref="BVI729:BVL729"/>
    <mergeCell ref="BVM729:BVP729"/>
    <mergeCell ref="BUC729:BUF729"/>
    <mergeCell ref="BUG729:BUJ729"/>
    <mergeCell ref="BUK729:BUN729"/>
    <mergeCell ref="BUO729:BUR729"/>
    <mergeCell ref="BUS729:BUV729"/>
    <mergeCell ref="BTI729:BTL729"/>
    <mergeCell ref="BTM729:BTP729"/>
    <mergeCell ref="BTQ729:BTT729"/>
    <mergeCell ref="BTU729:BTX729"/>
    <mergeCell ref="BTY729:BUB729"/>
    <mergeCell ref="CDI729:CDL729"/>
    <mergeCell ref="CDM729:CDP729"/>
    <mergeCell ref="CDQ729:CDT729"/>
    <mergeCell ref="CDU729:CDX729"/>
    <mergeCell ref="CDY729:CEB729"/>
    <mergeCell ref="CCO729:CCR729"/>
    <mergeCell ref="CCS729:CCV729"/>
    <mergeCell ref="CCW729:CCZ729"/>
    <mergeCell ref="CDA729:CDD729"/>
    <mergeCell ref="CDE729:CDH729"/>
    <mergeCell ref="CBU729:CBX729"/>
    <mergeCell ref="CBY729:CCB729"/>
    <mergeCell ref="CCC729:CCF729"/>
    <mergeCell ref="CCG729:CCJ729"/>
    <mergeCell ref="CCK729:CCN729"/>
    <mergeCell ref="CBA729:CBD729"/>
    <mergeCell ref="CBE729:CBH729"/>
    <mergeCell ref="CBI729:CBL729"/>
    <mergeCell ref="CBM729:CBP729"/>
    <mergeCell ref="CBQ729:CBT729"/>
    <mergeCell ref="CAG729:CAJ729"/>
    <mergeCell ref="CAK729:CAN729"/>
    <mergeCell ref="CAO729:CAR729"/>
    <mergeCell ref="CAS729:CAV729"/>
    <mergeCell ref="CAW729:CAZ729"/>
    <mergeCell ref="BZM729:BZP729"/>
    <mergeCell ref="BZQ729:BZT729"/>
    <mergeCell ref="BZU729:BZX729"/>
    <mergeCell ref="BZY729:CAB729"/>
    <mergeCell ref="CAC729:CAF729"/>
    <mergeCell ref="BYS729:BYV729"/>
    <mergeCell ref="BYW729:BYZ729"/>
    <mergeCell ref="BZA729:BZD729"/>
    <mergeCell ref="BZE729:BZH729"/>
    <mergeCell ref="BZI729:BZL729"/>
    <mergeCell ref="CIS729:CIV729"/>
    <mergeCell ref="CIW729:CIZ729"/>
    <mergeCell ref="CJA729:CJD729"/>
    <mergeCell ref="CJE729:CJH729"/>
    <mergeCell ref="CJI729:CJL729"/>
    <mergeCell ref="CHY729:CIB729"/>
    <mergeCell ref="CIC729:CIF729"/>
    <mergeCell ref="CIG729:CIJ729"/>
    <mergeCell ref="CIK729:CIN729"/>
    <mergeCell ref="CIO729:CIR729"/>
    <mergeCell ref="CHE729:CHH729"/>
    <mergeCell ref="CHI729:CHL729"/>
    <mergeCell ref="CHM729:CHP729"/>
    <mergeCell ref="CHQ729:CHT729"/>
    <mergeCell ref="CHU729:CHX729"/>
    <mergeCell ref="CGK729:CGN729"/>
    <mergeCell ref="CGO729:CGR729"/>
    <mergeCell ref="CGS729:CGV729"/>
    <mergeCell ref="CGW729:CGZ729"/>
    <mergeCell ref="CHA729:CHD729"/>
    <mergeCell ref="CFQ729:CFT729"/>
    <mergeCell ref="CFU729:CFX729"/>
    <mergeCell ref="CFY729:CGB729"/>
    <mergeCell ref="CGC729:CGF729"/>
    <mergeCell ref="CGG729:CGJ729"/>
    <mergeCell ref="CEW729:CEZ729"/>
    <mergeCell ref="CFA729:CFD729"/>
    <mergeCell ref="CFE729:CFH729"/>
    <mergeCell ref="CFI729:CFL729"/>
    <mergeCell ref="CFM729:CFP729"/>
    <mergeCell ref="CEC729:CEF729"/>
    <mergeCell ref="CEG729:CEJ729"/>
    <mergeCell ref="CEK729:CEN729"/>
    <mergeCell ref="CEO729:CER729"/>
    <mergeCell ref="CES729:CEV729"/>
    <mergeCell ref="COC729:COF729"/>
    <mergeCell ref="COG729:COJ729"/>
    <mergeCell ref="COK729:CON729"/>
    <mergeCell ref="COO729:COR729"/>
    <mergeCell ref="COS729:COV729"/>
    <mergeCell ref="CNI729:CNL729"/>
    <mergeCell ref="CNM729:CNP729"/>
    <mergeCell ref="CNQ729:CNT729"/>
    <mergeCell ref="CNU729:CNX729"/>
    <mergeCell ref="CNY729:COB729"/>
    <mergeCell ref="CMO729:CMR729"/>
    <mergeCell ref="CMS729:CMV729"/>
    <mergeCell ref="CMW729:CMZ729"/>
    <mergeCell ref="CNA729:CND729"/>
    <mergeCell ref="CNE729:CNH729"/>
    <mergeCell ref="CLU729:CLX729"/>
    <mergeCell ref="CLY729:CMB729"/>
    <mergeCell ref="CMC729:CMF729"/>
    <mergeCell ref="CMG729:CMJ729"/>
    <mergeCell ref="CMK729:CMN729"/>
    <mergeCell ref="CLA729:CLD729"/>
    <mergeCell ref="CLE729:CLH729"/>
    <mergeCell ref="CLI729:CLL729"/>
    <mergeCell ref="CLM729:CLP729"/>
    <mergeCell ref="CLQ729:CLT729"/>
    <mergeCell ref="CKG729:CKJ729"/>
    <mergeCell ref="CKK729:CKN729"/>
    <mergeCell ref="CKO729:CKR729"/>
    <mergeCell ref="CKS729:CKV729"/>
    <mergeCell ref="CKW729:CKZ729"/>
    <mergeCell ref="CJM729:CJP729"/>
    <mergeCell ref="CJQ729:CJT729"/>
    <mergeCell ref="CJU729:CJX729"/>
    <mergeCell ref="CJY729:CKB729"/>
    <mergeCell ref="CKC729:CKF729"/>
    <mergeCell ref="CTM729:CTP729"/>
    <mergeCell ref="CTQ729:CTT729"/>
    <mergeCell ref="CTU729:CTX729"/>
    <mergeCell ref="CTY729:CUB729"/>
    <mergeCell ref="CUC729:CUF729"/>
    <mergeCell ref="CSS729:CSV729"/>
    <mergeCell ref="CSW729:CSZ729"/>
    <mergeCell ref="CTA729:CTD729"/>
    <mergeCell ref="CTE729:CTH729"/>
    <mergeCell ref="CTI729:CTL729"/>
    <mergeCell ref="CRY729:CSB729"/>
    <mergeCell ref="CSC729:CSF729"/>
    <mergeCell ref="CSG729:CSJ729"/>
    <mergeCell ref="CSK729:CSN729"/>
    <mergeCell ref="CSO729:CSR729"/>
    <mergeCell ref="CRE729:CRH729"/>
    <mergeCell ref="CRI729:CRL729"/>
    <mergeCell ref="CRM729:CRP729"/>
    <mergeCell ref="CRQ729:CRT729"/>
    <mergeCell ref="CRU729:CRX729"/>
    <mergeCell ref="CQK729:CQN729"/>
    <mergeCell ref="CQO729:CQR729"/>
    <mergeCell ref="CQS729:CQV729"/>
    <mergeCell ref="CQW729:CQZ729"/>
    <mergeCell ref="CRA729:CRD729"/>
    <mergeCell ref="CPQ729:CPT729"/>
    <mergeCell ref="CPU729:CPX729"/>
    <mergeCell ref="CPY729:CQB729"/>
    <mergeCell ref="CQC729:CQF729"/>
    <mergeCell ref="CQG729:CQJ729"/>
    <mergeCell ref="COW729:COZ729"/>
    <mergeCell ref="CPA729:CPD729"/>
    <mergeCell ref="CPE729:CPH729"/>
    <mergeCell ref="CPI729:CPL729"/>
    <mergeCell ref="CPM729:CPP729"/>
    <mergeCell ref="CYW729:CYZ729"/>
    <mergeCell ref="CZA729:CZD729"/>
    <mergeCell ref="CZE729:CZH729"/>
    <mergeCell ref="CZI729:CZL729"/>
    <mergeCell ref="CZM729:CZP729"/>
    <mergeCell ref="CYC729:CYF729"/>
    <mergeCell ref="CYG729:CYJ729"/>
    <mergeCell ref="CYK729:CYN729"/>
    <mergeCell ref="CYO729:CYR729"/>
    <mergeCell ref="CYS729:CYV729"/>
    <mergeCell ref="CXI729:CXL729"/>
    <mergeCell ref="CXM729:CXP729"/>
    <mergeCell ref="CXQ729:CXT729"/>
    <mergeCell ref="CXU729:CXX729"/>
    <mergeCell ref="CXY729:CYB729"/>
    <mergeCell ref="CWO729:CWR729"/>
    <mergeCell ref="CWS729:CWV729"/>
    <mergeCell ref="CWW729:CWZ729"/>
    <mergeCell ref="CXA729:CXD729"/>
    <mergeCell ref="CXE729:CXH729"/>
    <mergeCell ref="CVU729:CVX729"/>
    <mergeCell ref="CVY729:CWB729"/>
    <mergeCell ref="CWC729:CWF729"/>
    <mergeCell ref="CWG729:CWJ729"/>
    <mergeCell ref="CWK729:CWN729"/>
    <mergeCell ref="CVA729:CVD729"/>
    <mergeCell ref="CVE729:CVH729"/>
    <mergeCell ref="CVI729:CVL729"/>
    <mergeCell ref="CVM729:CVP729"/>
    <mergeCell ref="CVQ729:CVT729"/>
    <mergeCell ref="CUG729:CUJ729"/>
    <mergeCell ref="CUK729:CUN729"/>
    <mergeCell ref="CUO729:CUR729"/>
    <mergeCell ref="CUS729:CUV729"/>
    <mergeCell ref="CUW729:CUZ729"/>
    <mergeCell ref="DEG729:DEJ729"/>
    <mergeCell ref="DEK729:DEN729"/>
    <mergeCell ref="DEO729:DER729"/>
    <mergeCell ref="DES729:DEV729"/>
    <mergeCell ref="DEW729:DEZ729"/>
    <mergeCell ref="DDM729:DDP729"/>
    <mergeCell ref="DDQ729:DDT729"/>
    <mergeCell ref="DDU729:DDX729"/>
    <mergeCell ref="DDY729:DEB729"/>
    <mergeCell ref="DEC729:DEF729"/>
    <mergeCell ref="DCS729:DCV729"/>
    <mergeCell ref="DCW729:DCZ729"/>
    <mergeCell ref="DDA729:DDD729"/>
    <mergeCell ref="DDE729:DDH729"/>
    <mergeCell ref="DDI729:DDL729"/>
    <mergeCell ref="DBY729:DCB729"/>
    <mergeCell ref="DCC729:DCF729"/>
    <mergeCell ref="DCG729:DCJ729"/>
    <mergeCell ref="DCK729:DCN729"/>
    <mergeCell ref="DCO729:DCR729"/>
    <mergeCell ref="DBE729:DBH729"/>
    <mergeCell ref="DBI729:DBL729"/>
    <mergeCell ref="DBM729:DBP729"/>
    <mergeCell ref="DBQ729:DBT729"/>
    <mergeCell ref="DBU729:DBX729"/>
    <mergeCell ref="DAK729:DAN729"/>
    <mergeCell ref="DAO729:DAR729"/>
    <mergeCell ref="DAS729:DAV729"/>
    <mergeCell ref="DAW729:DAZ729"/>
    <mergeCell ref="DBA729:DBD729"/>
    <mergeCell ref="CZQ729:CZT729"/>
    <mergeCell ref="CZU729:CZX729"/>
    <mergeCell ref="CZY729:DAB729"/>
    <mergeCell ref="DAC729:DAF729"/>
    <mergeCell ref="DAG729:DAJ729"/>
    <mergeCell ref="DJQ729:DJT729"/>
    <mergeCell ref="DJU729:DJX729"/>
    <mergeCell ref="DJY729:DKB729"/>
    <mergeCell ref="DKC729:DKF729"/>
    <mergeCell ref="DKG729:DKJ729"/>
    <mergeCell ref="DIW729:DIZ729"/>
    <mergeCell ref="DJA729:DJD729"/>
    <mergeCell ref="DJE729:DJH729"/>
    <mergeCell ref="DJI729:DJL729"/>
    <mergeCell ref="DJM729:DJP729"/>
    <mergeCell ref="DIC729:DIF729"/>
    <mergeCell ref="DIG729:DIJ729"/>
    <mergeCell ref="DIK729:DIN729"/>
    <mergeCell ref="DIO729:DIR729"/>
    <mergeCell ref="DIS729:DIV729"/>
    <mergeCell ref="DHI729:DHL729"/>
    <mergeCell ref="DHM729:DHP729"/>
    <mergeCell ref="DHQ729:DHT729"/>
    <mergeCell ref="DHU729:DHX729"/>
    <mergeCell ref="DHY729:DIB729"/>
    <mergeCell ref="DGO729:DGR729"/>
    <mergeCell ref="DGS729:DGV729"/>
    <mergeCell ref="DGW729:DGZ729"/>
    <mergeCell ref="DHA729:DHD729"/>
    <mergeCell ref="DHE729:DHH729"/>
    <mergeCell ref="DFU729:DFX729"/>
    <mergeCell ref="DFY729:DGB729"/>
    <mergeCell ref="DGC729:DGF729"/>
    <mergeCell ref="DGG729:DGJ729"/>
    <mergeCell ref="DGK729:DGN729"/>
    <mergeCell ref="DFA729:DFD729"/>
    <mergeCell ref="DFE729:DFH729"/>
    <mergeCell ref="DFI729:DFL729"/>
    <mergeCell ref="DFM729:DFP729"/>
    <mergeCell ref="DFQ729:DFT729"/>
    <mergeCell ref="DPA729:DPD729"/>
    <mergeCell ref="DPE729:DPH729"/>
    <mergeCell ref="DPI729:DPL729"/>
    <mergeCell ref="DPM729:DPP729"/>
    <mergeCell ref="DPQ729:DPT729"/>
    <mergeCell ref="DOG729:DOJ729"/>
    <mergeCell ref="DOK729:DON729"/>
    <mergeCell ref="DOO729:DOR729"/>
    <mergeCell ref="DOS729:DOV729"/>
    <mergeCell ref="DOW729:DOZ729"/>
    <mergeCell ref="DNM729:DNP729"/>
    <mergeCell ref="DNQ729:DNT729"/>
    <mergeCell ref="DNU729:DNX729"/>
    <mergeCell ref="DNY729:DOB729"/>
    <mergeCell ref="DOC729:DOF729"/>
    <mergeCell ref="DMS729:DMV729"/>
    <mergeCell ref="DMW729:DMZ729"/>
    <mergeCell ref="DNA729:DND729"/>
    <mergeCell ref="DNE729:DNH729"/>
    <mergeCell ref="DNI729:DNL729"/>
    <mergeCell ref="DLY729:DMB729"/>
    <mergeCell ref="DMC729:DMF729"/>
    <mergeCell ref="DMG729:DMJ729"/>
    <mergeCell ref="DMK729:DMN729"/>
    <mergeCell ref="DMO729:DMR729"/>
    <mergeCell ref="DLE729:DLH729"/>
    <mergeCell ref="DLI729:DLL729"/>
    <mergeCell ref="DLM729:DLP729"/>
    <mergeCell ref="DLQ729:DLT729"/>
    <mergeCell ref="DLU729:DLX729"/>
    <mergeCell ref="DKK729:DKN729"/>
    <mergeCell ref="DKO729:DKR729"/>
    <mergeCell ref="DKS729:DKV729"/>
    <mergeCell ref="DKW729:DKZ729"/>
    <mergeCell ref="DLA729:DLD729"/>
    <mergeCell ref="DUK729:DUN729"/>
    <mergeCell ref="DUO729:DUR729"/>
    <mergeCell ref="DUS729:DUV729"/>
    <mergeCell ref="DUW729:DUZ729"/>
    <mergeCell ref="DVA729:DVD729"/>
    <mergeCell ref="DTQ729:DTT729"/>
    <mergeCell ref="DTU729:DTX729"/>
    <mergeCell ref="DTY729:DUB729"/>
    <mergeCell ref="DUC729:DUF729"/>
    <mergeCell ref="DUG729:DUJ729"/>
    <mergeCell ref="DSW729:DSZ729"/>
    <mergeCell ref="DTA729:DTD729"/>
    <mergeCell ref="DTE729:DTH729"/>
    <mergeCell ref="DTI729:DTL729"/>
    <mergeCell ref="DTM729:DTP729"/>
    <mergeCell ref="DSC729:DSF729"/>
    <mergeCell ref="DSG729:DSJ729"/>
    <mergeCell ref="DSK729:DSN729"/>
    <mergeCell ref="DSO729:DSR729"/>
    <mergeCell ref="DSS729:DSV729"/>
    <mergeCell ref="DRI729:DRL729"/>
    <mergeCell ref="DRM729:DRP729"/>
    <mergeCell ref="DRQ729:DRT729"/>
    <mergeCell ref="DRU729:DRX729"/>
    <mergeCell ref="DRY729:DSB729"/>
    <mergeCell ref="DQO729:DQR729"/>
    <mergeCell ref="DQS729:DQV729"/>
    <mergeCell ref="DQW729:DQZ729"/>
    <mergeCell ref="DRA729:DRD729"/>
    <mergeCell ref="DRE729:DRH729"/>
    <mergeCell ref="DPU729:DPX729"/>
    <mergeCell ref="DPY729:DQB729"/>
    <mergeCell ref="DQC729:DQF729"/>
    <mergeCell ref="DQG729:DQJ729"/>
    <mergeCell ref="DQK729:DQN729"/>
    <mergeCell ref="DZU729:DZX729"/>
    <mergeCell ref="DZY729:EAB729"/>
    <mergeCell ref="EAC729:EAF729"/>
    <mergeCell ref="EAG729:EAJ729"/>
    <mergeCell ref="EAK729:EAN729"/>
    <mergeCell ref="DZA729:DZD729"/>
    <mergeCell ref="DZE729:DZH729"/>
    <mergeCell ref="DZI729:DZL729"/>
    <mergeCell ref="DZM729:DZP729"/>
    <mergeCell ref="DZQ729:DZT729"/>
    <mergeCell ref="DYG729:DYJ729"/>
    <mergeCell ref="DYK729:DYN729"/>
    <mergeCell ref="DYO729:DYR729"/>
    <mergeCell ref="DYS729:DYV729"/>
    <mergeCell ref="DYW729:DYZ729"/>
    <mergeCell ref="DXM729:DXP729"/>
    <mergeCell ref="DXQ729:DXT729"/>
    <mergeCell ref="DXU729:DXX729"/>
    <mergeCell ref="DXY729:DYB729"/>
    <mergeCell ref="DYC729:DYF729"/>
    <mergeCell ref="DWS729:DWV729"/>
    <mergeCell ref="DWW729:DWZ729"/>
    <mergeCell ref="DXA729:DXD729"/>
    <mergeCell ref="DXE729:DXH729"/>
    <mergeCell ref="DXI729:DXL729"/>
    <mergeCell ref="DVY729:DWB729"/>
    <mergeCell ref="DWC729:DWF729"/>
    <mergeCell ref="DWG729:DWJ729"/>
    <mergeCell ref="DWK729:DWN729"/>
    <mergeCell ref="DWO729:DWR729"/>
    <mergeCell ref="DVE729:DVH729"/>
    <mergeCell ref="DVI729:DVL729"/>
    <mergeCell ref="DVM729:DVP729"/>
    <mergeCell ref="DVQ729:DVT729"/>
    <mergeCell ref="DVU729:DVX729"/>
    <mergeCell ref="EFE729:EFH729"/>
    <mergeCell ref="EFI729:EFL729"/>
    <mergeCell ref="EFM729:EFP729"/>
    <mergeCell ref="EFQ729:EFT729"/>
    <mergeCell ref="EFU729:EFX729"/>
    <mergeCell ref="EEK729:EEN729"/>
    <mergeCell ref="EEO729:EER729"/>
    <mergeCell ref="EES729:EEV729"/>
    <mergeCell ref="EEW729:EEZ729"/>
    <mergeCell ref="EFA729:EFD729"/>
    <mergeCell ref="EDQ729:EDT729"/>
    <mergeCell ref="EDU729:EDX729"/>
    <mergeCell ref="EDY729:EEB729"/>
    <mergeCell ref="EEC729:EEF729"/>
    <mergeCell ref="EEG729:EEJ729"/>
    <mergeCell ref="ECW729:ECZ729"/>
    <mergeCell ref="EDA729:EDD729"/>
    <mergeCell ref="EDE729:EDH729"/>
    <mergeCell ref="EDI729:EDL729"/>
    <mergeCell ref="EDM729:EDP729"/>
    <mergeCell ref="ECC729:ECF729"/>
    <mergeCell ref="ECG729:ECJ729"/>
    <mergeCell ref="ECK729:ECN729"/>
    <mergeCell ref="ECO729:ECR729"/>
    <mergeCell ref="ECS729:ECV729"/>
    <mergeCell ref="EBI729:EBL729"/>
    <mergeCell ref="EBM729:EBP729"/>
    <mergeCell ref="EBQ729:EBT729"/>
    <mergeCell ref="EBU729:EBX729"/>
    <mergeCell ref="EBY729:ECB729"/>
    <mergeCell ref="EAO729:EAR729"/>
    <mergeCell ref="EAS729:EAV729"/>
    <mergeCell ref="EAW729:EAZ729"/>
    <mergeCell ref="EBA729:EBD729"/>
    <mergeCell ref="EBE729:EBH729"/>
    <mergeCell ref="EKO729:EKR729"/>
    <mergeCell ref="EKS729:EKV729"/>
    <mergeCell ref="EKW729:EKZ729"/>
    <mergeCell ref="ELA729:ELD729"/>
    <mergeCell ref="ELE729:ELH729"/>
    <mergeCell ref="EJU729:EJX729"/>
    <mergeCell ref="EJY729:EKB729"/>
    <mergeCell ref="EKC729:EKF729"/>
    <mergeCell ref="EKG729:EKJ729"/>
    <mergeCell ref="EKK729:EKN729"/>
    <mergeCell ref="EJA729:EJD729"/>
    <mergeCell ref="EJE729:EJH729"/>
    <mergeCell ref="EJI729:EJL729"/>
    <mergeCell ref="EJM729:EJP729"/>
    <mergeCell ref="EJQ729:EJT729"/>
    <mergeCell ref="EIG729:EIJ729"/>
    <mergeCell ref="EIK729:EIN729"/>
    <mergeCell ref="EIO729:EIR729"/>
    <mergeCell ref="EIS729:EIV729"/>
    <mergeCell ref="EIW729:EIZ729"/>
    <mergeCell ref="EHM729:EHP729"/>
    <mergeCell ref="EHQ729:EHT729"/>
    <mergeCell ref="EHU729:EHX729"/>
    <mergeCell ref="EHY729:EIB729"/>
    <mergeCell ref="EIC729:EIF729"/>
    <mergeCell ref="EGS729:EGV729"/>
    <mergeCell ref="EGW729:EGZ729"/>
    <mergeCell ref="EHA729:EHD729"/>
    <mergeCell ref="EHE729:EHH729"/>
    <mergeCell ref="EHI729:EHL729"/>
    <mergeCell ref="EFY729:EGB729"/>
    <mergeCell ref="EGC729:EGF729"/>
    <mergeCell ref="EGG729:EGJ729"/>
    <mergeCell ref="EGK729:EGN729"/>
    <mergeCell ref="EGO729:EGR729"/>
    <mergeCell ref="EPY729:EQB729"/>
    <mergeCell ref="EQC729:EQF729"/>
    <mergeCell ref="EQG729:EQJ729"/>
    <mergeCell ref="EQK729:EQN729"/>
    <mergeCell ref="EQO729:EQR729"/>
    <mergeCell ref="EPE729:EPH729"/>
    <mergeCell ref="EPI729:EPL729"/>
    <mergeCell ref="EPM729:EPP729"/>
    <mergeCell ref="EPQ729:EPT729"/>
    <mergeCell ref="EPU729:EPX729"/>
    <mergeCell ref="EOK729:EON729"/>
    <mergeCell ref="EOO729:EOR729"/>
    <mergeCell ref="EOS729:EOV729"/>
    <mergeCell ref="EOW729:EOZ729"/>
    <mergeCell ref="EPA729:EPD729"/>
    <mergeCell ref="ENQ729:ENT729"/>
    <mergeCell ref="ENU729:ENX729"/>
    <mergeCell ref="ENY729:EOB729"/>
    <mergeCell ref="EOC729:EOF729"/>
    <mergeCell ref="EOG729:EOJ729"/>
    <mergeCell ref="EMW729:EMZ729"/>
    <mergeCell ref="ENA729:END729"/>
    <mergeCell ref="ENE729:ENH729"/>
    <mergeCell ref="ENI729:ENL729"/>
    <mergeCell ref="ENM729:ENP729"/>
    <mergeCell ref="EMC729:EMF729"/>
    <mergeCell ref="EMG729:EMJ729"/>
    <mergeCell ref="EMK729:EMN729"/>
    <mergeCell ref="EMO729:EMR729"/>
    <mergeCell ref="EMS729:EMV729"/>
    <mergeCell ref="ELI729:ELL729"/>
    <mergeCell ref="ELM729:ELP729"/>
    <mergeCell ref="ELQ729:ELT729"/>
    <mergeCell ref="ELU729:ELX729"/>
    <mergeCell ref="ELY729:EMB729"/>
    <mergeCell ref="EVI729:EVL729"/>
    <mergeCell ref="EVM729:EVP729"/>
    <mergeCell ref="EVQ729:EVT729"/>
    <mergeCell ref="EVU729:EVX729"/>
    <mergeCell ref="EVY729:EWB729"/>
    <mergeCell ref="EUO729:EUR729"/>
    <mergeCell ref="EUS729:EUV729"/>
    <mergeCell ref="EUW729:EUZ729"/>
    <mergeCell ref="EVA729:EVD729"/>
    <mergeCell ref="EVE729:EVH729"/>
    <mergeCell ref="ETU729:ETX729"/>
    <mergeCell ref="ETY729:EUB729"/>
    <mergeCell ref="EUC729:EUF729"/>
    <mergeCell ref="EUG729:EUJ729"/>
    <mergeCell ref="EUK729:EUN729"/>
    <mergeCell ref="ETA729:ETD729"/>
    <mergeCell ref="ETE729:ETH729"/>
    <mergeCell ref="ETI729:ETL729"/>
    <mergeCell ref="ETM729:ETP729"/>
    <mergeCell ref="ETQ729:ETT729"/>
    <mergeCell ref="ESG729:ESJ729"/>
    <mergeCell ref="ESK729:ESN729"/>
    <mergeCell ref="ESO729:ESR729"/>
    <mergeCell ref="ESS729:ESV729"/>
    <mergeCell ref="ESW729:ESZ729"/>
    <mergeCell ref="ERM729:ERP729"/>
    <mergeCell ref="ERQ729:ERT729"/>
    <mergeCell ref="ERU729:ERX729"/>
    <mergeCell ref="ERY729:ESB729"/>
    <mergeCell ref="ESC729:ESF729"/>
    <mergeCell ref="EQS729:EQV729"/>
    <mergeCell ref="EQW729:EQZ729"/>
    <mergeCell ref="ERA729:ERD729"/>
    <mergeCell ref="ERE729:ERH729"/>
    <mergeCell ref="ERI729:ERL729"/>
    <mergeCell ref="FAS729:FAV729"/>
    <mergeCell ref="FAW729:FAZ729"/>
    <mergeCell ref="FBA729:FBD729"/>
    <mergeCell ref="FBE729:FBH729"/>
    <mergeCell ref="FBI729:FBL729"/>
    <mergeCell ref="EZY729:FAB729"/>
    <mergeCell ref="FAC729:FAF729"/>
    <mergeCell ref="FAG729:FAJ729"/>
    <mergeCell ref="FAK729:FAN729"/>
    <mergeCell ref="FAO729:FAR729"/>
    <mergeCell ref="EZE729:EZH729"/>
    <mergeCell ref="EZI729:EZL729"/>
    <mergeCell ref="EZM729:EZP729"/>
    <mergeCell ref="EZQ729:EZT729"/>
    <mergeCell ref="EZU729:EZX729"/>
    <mergeCell ref="EYK729:EYN729"/>
    <mergeCell ref="EYO729:EYR729"/>
    <mergeCell ref="EYS729:EYV729"/>
    <mergeCell ref="EYW729:EYZ729"/>
    <mergeCell ref="EZA729:EZD729"/>
    <mergeCell ref="EXQ729:EXT729"/>
    <mergeCell ref="EXU729:EXX729"/>
    <mergeCell ref="EXY729:EYB729"/>
    <mergeCell ref="EYC729:EYF729"/>
    <mergeCell ref="EYG729:EYJ729"/>
    <mergeCell ref="EWW729:EWZ729"/>
    <mergeCell ref="EXA729:EXD729"/>
    <mergeCell ref="EXE729:EXH729"/>
    <mergeCell ref="EXI729:EXL729"/>
    <mergeCell ref="EXM729:EXP729"/>
    <mergeCell ref="EWC729:EWF729"/>
    <mergeCell ref="EWG729:EWJ729"/>
    <mergeCell ref="EWK729:EWN729"/>
    <mergeCell ref="EWO729:EWR729"/>
    <mergeCell ref="EWS729:EWV729"/>
    <mergeCell ref="FGC729:FGF729"/>
    <mergeCell ref="FGG729:FGJ729"/>
    <mergeCell ref="FGK729:FGN729"/>
    <mergeCell ref="FGO729:FGR729"/>
    <mergeCell ref="FGS729:FGV729"/>
    <mergeCell ref="FFI729:FFL729"/>
    <mergeCell ref="FFM729:FFP729"/>
    <mergeCell ref="FFQ729:FFT729"/>
    <mergeCell ref="FFU729:FFX729"/>
    <mergeCell ref="FFY729:FGB729"/>
    <mergeCell ref="FEO729:FER729"/>
    <mergeCell ref="FES729:FEV729"/>
    <mergeCell ref="FEW729:FEZ729"/>
    <mergeCell ref="FFA729:FFD729"/>
    <mergeCell ref="FFE729:FFH729"/>
    <mergeCell ref="FDU729:FDX729"/>
    <mergeCell ref="FDY729:FEB729"/>
    <mergeCell ref="FEC729:FEF729"/>
    <mergeCell ref="FEG729:FEJ729"/>
    <mergeCell ref="FEK729:FEN729"/>
    <mergeCell ref="FDA729:FDD729"/>
    <mergeCell ref="FDE729:FDH729"/>
    <mergeCell ref="FDI729:FDL729"/>
    <mergeCell ref="FDM729:FDP729"/>
    <mergeCell ref="FDQ729:FDT729"/>
    <mergeCell ref="FCG729:FCJ729"/>
    <mergeCell ref="FCK729:FCN729"/>
    <mergeCell ref="FCO729:FCR729"/>
    <mergeCell ref="FCS729:FCV729"/>
    <mergeCell ref="FCW729:FCZ729"/>
    <mergeCell ref="FBM729:FBP729"/>
    <mergeCell ref="FBQ729:FBT729"/>
    <mergeCell ref="FBU729:FBX729"/>
    <mergeCell ref="FBY729:FCB729"/>
    <mergeCell ref="FCC729:FCF729"/>
    <mergeCell ref="FLM729:FLP729"/>
    <mergeCell ref="FLQ729:FLT729"/>
    <mergeCell ref="FLU729:FLX729"/>
    <mergeCell ref="FLY729:FMB729"/>
    <mergeCell ref="FMC729:FMF729"/>
    <mergeCell ref="FKS729:FKV729"/>
    <mergeCell ref="FKW729:FKZ729"/>
    <mergeCell ref="FLA729:FLD729"/>
    <mergeCell ref="FLE729:FLH729"/>
    <mergeCell ref="FLI729:FLL729"/>
    <mergeCell ref="FJY729:FKB729"/>
    <mergeCell ref="FKC729:FKF729"/>
    <mergeCell ref="FKG729:FKJ729"/>
    <mergeCell ref="FKK729:FKN729"/>
    <mergeCell ref="FKO729:FKR729"/>
    <mergeCell ref="FJE729:FJH729"/>
    <mergeCell ref="FJI729:FJL729"/>
    <mergeCell ref="FJM729:FJP729"/>
    <mergeCell ref="FJQ729:FJT729"/>
    <mergeCell ref="FJU729:FJX729"/>
    <mergeCell ref="FIK729:FIN729"/>
    <mergeCell ref="FIO729:FIR729"/>
    <mergeCell ref="FIS729:FIV729"/>
    <mergeCell ref="FIW729:FIZ729"/>
    <mergeCell ref="FJA729:FJD729"/>
    <mergeCell ref="FHQ729:FHT729"/>
    <mergeCell ref="FHU729:FHX729"/>
    <mergeCell ref="FHY729:FIB729"/>
    <mergeCell ref="FIC729:FIF729"/>
    <mergeCell ref="FIG729:FIJ729"/>
    <mergeCell ref="FGW729:FGZ729"/>
    <mergeCell ref="FHA729:FHD729"/>
    <mergeCell ref="FHE729:FHH729"/>
    <mergeCell ref="FHI729:FHL729"/>
    <mergeCell ref="FHM729:FHP729"/>
    <mergeCell ref="FQW729:FQZ729"/>
    <mergeCell ref="FRA729:FRD729"/>
    <mergeCell ref="FRE729:FRH729"/>
    <mergeCell ref="FRI729:FRL729"/>
    <mergeCell ref="FRM729:FRP729"/>
    <mergeCell ref="FQC729:FQF729"/>
    <mergeCell ref="FQG729:FQJ729"/>
    <mergeCell ref="FQK729:FQN729"/>
    <mergeCell ref="FQO729:FQR729"/>
    <mergeCell ref="FQS729:FQV729"/>
    <mergeCell ref="FPI729:FPL729"/>
    <mergeCell ref="FPM729:FPP729"/>
    <mergeCell ref="FPQ729:FPT729"/>
    <mergeCell ref="FPU729:FPX729"/>
    <mergeCell ref="FPY729:FQB729"/>
    <mergeCell ref="FOO729:FOR729"/>
    <mergeCell ref="FOS729:FOV729"/>
    <mergeCell ref="FOW729:FOZ729"/>
    <mergeCell ref="FPA729:FPD729"/>
    <mergeCell ref="FPE729:FPH729"/>
    <mergeCell ref="FNU729:FNX729"/>
    <mergeCell ref="FNY729:FOB729"/>
    <mergeCell ref="FOC729:FOF729"/>
    <mergeCell ref="FOG729:FOJ729"/>
    <mergeCell ref="FOK729:FON729"/>
    <mergeCell ref="FNA729:FND729"/>
    <mergeCell ref="FNE729:FNH729"/>
    <mergeCell ref="FNI729:FNL729"/>
    <mergeCell ref="FNM729:FNP729"/>
    <mergeCell ref="FNQ729:FNT729"/>
    <mergeCell ref="FMG729:FMJ729"/>
    <mergeCell ref="FMK729:FMN729"/>
    <mergeCell ref="FMO729:FMR729"/>
    <mergeCell ref="FMS729:FMV729"/>
    <mergeCell ref="FMW729:FMZ729"/>
    <mergeCell ref="FWG729:FWJ729"/>
    <mergeCell ref="FWK729:FWN729"/>
    <mergeCell ref="FWO729:FWR729"/>
    <mergeCell ref="FWS729:FWV729"/>
    <mergeCell ref="FWW729:FWZ729"/>
    <mergeCell ref="FVM729:FVP729"/>
    <mergeCell ref="FVQ729:FVT729"/>
    <mergeCell ref="FVU729:FVX729"/>
    <mergeCell ref="FVY729:FWB729"/>
    <mergeCell ref="FWC729:FWF729"/>
    <mergeCell ref="FUS729:FUV729"/>
    <mergeCell ref="FUW729:FUZ729"/>
    <mergeCell ref="FVA729:FVD729"/>
    <mergeCell ref="FVE729:FVH729"/>
    <mergeCell ref="FVI729:FVL729"/>
    <mergeCell ref="FTY729:FUB729"/>
    <mergeCell ref="FUC729:FUF729"/>
    <mergeCell ref="FUG729:FUJ729"/>
    <mergeCell ref="FUK729:FUN729"/>
    <mergeCell ref="FUO729:FUR729"/>
    <mergeCell ref="FTE729:FTH729"/>
    <mergeCell ref="FTI729:FTL729"/>
    <mergeCell ref="FTM729:FTP729"/>
    <mergeCell ref="FTQ729:FTT729"/>
    <mergeCell ref="FTU729:FTX729"/>
    <mergeCell ref="FSK729:FSN729"/>
    <mergeCell ref="FSO729:FSR729"/>
    <mergeCell ref="FSS729:FSV729"/>
    <mergeCell ref="FSW729:FSZ729"/>
    <mergeCell ref="FTA729:FTD729"/>
    <mergeCell ref="FRQ729:FRT729"/>
    <mergeCell ref="FRU729:FRX729"/>
    <mergeCell ref="FRY729:FSB729"/>
    <mergeCell ref="FSC729:FSF729"/>
    <mergeCell ref="FSG729:FSJ729"/>
    <mergeCell ref="GBQ729:GBT729"/>
    <mergeCell ref="GBU729:GBX729"/>
    <mergeCell ref="GBY729:GCB729"/>
    <mergeCell ref="GCC729:GCF729"/>
    <mergeCell ref="GCG729:GCJ729"/>
    <mergeCell ref="GAW729:GAZ729"/>
    <mergeCell ref="GBA729:GBD729"/>
    <mergeCell ref="GBE729:GBH729"/>
    <mergeCell ref="GBI729:GBL729"/>
    <mergeCell ref="GBM729:GBP729"/>
    <mergeCell ref="GAC729:GAF729"/>
    <mergeCell ref="GAG729:GAJ729"/>
    <mergeCell ref="GAK729:GAN729"/>
    <mergeCell ref="GAO729:GAR729"/>
    <mergeCell ref="GAS729:GAV729"/>
    <mergeCell ref="FZI729:FZL729"/>
    <mergeCell ref="FZM729:FZP729"/>
    <mergeCell ref="FZQ729:FZT729"/>
    <mergeCell ref="FZU729:FZX729"/>
    <mergeCell ref="FZY729:GAB729"/>
    <mergeCell ref="FYO729:FYR729"/>
    <mergeCell ref="FYS729:FYV729"/>
    <mergeCell ref="FYW729:FYZ729"/>
    <mergeCell ref="FZA729:FZD729"/>
    <mergeCell ref="FZE729:FZH729"/>
    <mergeCell ref="FXU729:FXX729"/>
    <mergeCell ref="FXY729:FYB729"/>
    <mergeCell ref="FYC729:FYF729"/>
    <mergeCell ref="FYG729:FYJ729"/>
    <mergeCell ref="FYK729:FYN729"/>
    <mergeCell ref="FXA729:FXD729"/>
    <mergeCell ref="FXE729:FXH729"/>
    <mergeCell ref="FXI729:FXL729"/>
    <mergeCell ref="FXM729:FXP729"/>
    <mergeCell ref="FXQ729:FXT729"/>
    <mergeCell ref="GHA729:GHD729"/>
    <mergeCell ref="GHE729:GHH729"/>
    <mergeCell ref="GHI729:GHL729"/>
    <mergeCell ref="GHM729:GHP729"/>
    <mergeCell ref="GHQ729:GHT729"/>
    <mergeCell ref="GGG729:GGJ729"/>
    <mergeCell ref="GGK729:GGN729"/>
    <mergeCell ref="GGO729:GGR729"/>
    <mergeCell ref="GGS729:GGV729"/>
    <mergeCell ref="GGW729:GGZ729"/>
    <mergeCell ref="GFM729:GFP729"/>
    <mergeCell ref="GFQ729:GFT729"/>
    <mergeCell ref="GFU729:GFX729"/>
    <mergeCell ref="GFY729:GGB729"/>
    <mergeCell ref="GGC729:GGF729"/>
    <mergeCell ref="GES729:GEV729"/>
    <mergeCell ref="GEW729:GEZ729"/>
    <mergeCell ref="GFA729:GFD729"/>
    <mergeCell ref="GFE729:GFH729"/>
    <mergeCell ref="GFI729:GFL729"/>
    <mergeCell ref="GDY729:GEB729"/>
    <mergeCell ref="GEC729:GEF729"/>
    <mergeCell ref="GEG729:GEJ729"/>
    <mergeCell ref="GEK729:GEN729"/>
    <mergeCell ref="GEO729:GER729"/>
    <mergeCell ref="GDE729:GDH729"/>
    <mergeCell ref="GDI729:GDL729"/>
    <mergeCell ref="GDM729:GDP729"/>
    <mergeCell ref="GDQ729:GDT729"/>
    <mergeCell ref="GDU729:GDX729"/>
    <mergeCell ref="GCK729:GCN729"/>
    <mergeCell ref="GCO729:GCR729"/>
    <mergeCell ref="GCS729:GCV729"/>
    <mergeCell ref="GCW729:GCZ729"/>
    <mergeCell ref="GDA729:GDD729"/>
    <mergeCell ref="GMK729:GMN729"/>
    <mergeCell ref="GMO729:GMR729"/>
    <mergeCell ref="GMS729:GMV729"/>
    <mergeCell ref="GMW729:GMZ729"/>
    <mergeCell ref="GNA729:GND729"/>
    <mergeCell ref="GLQ729:GLT729"/>
    <mergeCell ref="GLU729:GLX729"/>
    <mergeCell ref="GLY729:GMB729"/>
    <mergeCell ref="GMC729:GMF729"/>
    <mergeCell ref="GMG729:GMJ729"/>
    <mergeCell ref="GKW729:GKZ729"/>
    <mergeCell ref="GLA729:GLD729"/>
    <mergeCell ref="GLE729:GLH729"/>
    <mergeCell ref="GLI729:GLL729"/>
    <mergeCell ref="GLM729:GLP729"/>
    <mergeCell ref="GKC729:GKF729"/>
    <mergeCell ref="GKG729:GKJ729"/>
    <mergeCell ref="GKK729:GKN729"/>
    <mergeCell ref="GKO729:GKR729"/>
    <mergeCell ref="GKS729:GKV729"/>
    <mergeCell ref="GJI729:GJL729"/>
    <mergeCell ref="GJM729:GJP729"/>
    <mergeCell ref="GJQ729:GJT729"/>
    <mergeCell ref="GJU729:GJX729"/>
    <mergeCell ref="GJY729:GKB729"/>
    <mergeCell ref="GIO729:GIR729"/>
    <mergeCell ref="GIS729:GIV729"/>
    <mergeCell ref="GIW729:GIZ729"/>
    <mergeCell ref="GJA729:GJD729"/>
    <mergeCell ref="GJE729:GJH729"/>
    <mergeCell ref="GHU729:GHX729"/>
    <mergeCell ref="GHY729:GIB729"/>
    <mergeCell ref="GIC729:GIF729"/>
    <mergeCell ref="GIG729:GIJ729"/>
    <mergeCell ref="GIK729:GIN729"/>
    <mergeCell ref="GRU729:GRX729"/>
    <mergeCell ref="GRY729:GSB729"/>
    <mergeCell ref="GSC729:GSF729"/>
    <mergeCell ref="GSG729:GSJ729"/>
    <mergeCell ref="GSK729:GSN729"/>
    <mergeCell ref="GRA729:GRD729"/>
    <mergeCell ref="GRE729:GRH729"/>
    <mergeCell ref="GRI729:GRL729"/>
    <mergeCell ref="GRM729:GRP729"/>
    <mergeCell ref="GRQ729:GRT729"/>
    <mergeCell ref="GQG729:GQJ729"/>
    <mergeCell ref="GQK729:GQN729"/>
    <mergeCell ref="GQO729:GQR729"/>
    <mergeCell ref="GQS729:GQV729"/>
    <mergeCell ref="GQW729:GQZ729"/>
    <mergeCell ref="GPM729:GPP729"/>
    <mergeCell ref="GPQ729:GPT729"/>
    <mergeCell ref="GPU729:GPX729"/>
    <mergeCell ref="GPY729:GQB729"/>
    <mergeCell ref="GQC729:GQF729"/>
    <mergeCell ref="GOS729:GOV729"/>
    <mergeCell ref="GOW729:GOZ729"/>
    <mergeCell ref="GPA729:GPD729"/>
    <mergeCell ref="GPE729:GPH729"/>
    <mergeCell ref="GPI729:GPL729"/>
    <mergeCell ref="GNY729:GOB729"/>
    <mergeCell ref="GOC729:GOF729"/>
    <mergeCell ref="GOG729:GOJ729"/>
    <mergeCell ref="GOK729:GON729"/>
    <mergeCell ref="GOO729:GOR729"/>
    <mergeCell ref="GNE729:GNH729"/>
    <mergeCell ref="GNI729:GNL729"/>
    <mergeCell ref="GNM729:GNP729"/>
    <mergeCell ref="GNQ729:GNT729"/>
    <mergeCell ref="GNU729:GNX729"/>
    <mergeCell ref="GXE729:GXH729"/>
    <mergeCell ref="GXI729:GXL729"/>
    <mergeCell ref="GXM729:GXP729"/>
    <mergeCell ref="GXQ729:GXT729"/>
    <mergeCell ref="GXU729:GXX729"/>
    <mergeCell ref="GWK729:GWN729"/>
    <mergeCell ref="GWO729:GWR729"/>
    <mergeCell ref="GWS729:GWV729"/>
    <mergeCell ref="GWW729:GWZ729"/>
    <mergeCell ref="GXA729:GXD729"/>
    <mergeCell ref="GVQ729:GVT729"/>
    <mergeCell ref="GVU729:GVX729"/>
    <mergeCell ref="GVY729:GWB729"/>
    <mergeCell ref="GWC729:GWF729"/>
    <mergeCell ref="GWG729:GWJ729"/>
    <mergeCell ref="GUW729:GUZ729"/>
    <mergeCell ref="GVA729:GVD729"/>
    <mergeCell ref="GVE729:GVH729"/>
    <mergeCell ref="GVI729:GVL729"/>
    <mergeCell ref="GVM729:GVP729"/>
    <mergeCell ref="GUC729:GUF729"/>
    <mergeCell ref="GUG729:GUJ729"/>
    <mergeCell ref="GUK729:GUN729"/>
    <mergeCell ref="GUO729:GUR729"/>
    <mergeCell ref="GUS729:GUV729"/>
    <mergeCell ref="GTI729:GTL729"/>
    <mergeCell ref="GTM729:GTP729"/>
    <mergeCell ref="GTQ729:GTT729"/>
    <mergeCell ref="GTU729:GTX729"/>
    <mergeCell ref="GTY729:GUB729"/>
    <mergeCell ref="GSO729:GSR729"/>
    <mergeCell ref="GSS729:GSV729"/>
    <mergeCell ref="GSW729:GSZ729"/>
    <mergeCell ref="GTA729:GTD729"/>
    <mergeCell ref="GTE729:GTH729"/>
    <mergeCell ref="HCO729:HCR729"/>
    <mergeCell ref="HCS729:HCV729"/>
    <mergeCell ref="HCW729:HCZ729"/>
    <mergeCell ref="HDA729:HDD729"/>
    <mergeCell ref="HDE729:HDH729"/>
    <mergeCell ref="HBU729:HBX729"/>
    <mergeCell ref="HBY729:HCB729"/>
    <mergeCell ref="HCC729:HCF729"/>
    <mergeCell ref="HCG729:HCJ729"/>
    <mergeCell ref="HCK729:HCN729"/>
    <mergeCell ref="HBA729:HBD729"/>
    <mergeCell ref="HBE729:HBH729"/>
    <mergeCell ref="HBI729:HBL729"/>
    <mergeCell ref="HBM729:HBP729"/>
    <mergeCell ref="HBQ729:HBT729"/>
    <mergeCell ref="HAG729:HAJ729"/>
    <mergeCell ref="HAK729:HAN729"/>
    <mergeCell ref="HAO729:HAR729"/>
    <mergeCell ref="HAS729:HAV729"/>
    <mergeCell ref="HAW729:HAZ729"/>
    <mergeCell ref="GZM729:GZP729"/>
    <mergeCell ref="GZQ729:GZT729"/>
    <mergeCell ref="GZU729:GZX729"/>
    <mergeCell ref="GZY729:HAB729"/>
    <mergeCell ref="HAC729:HAF729"/>
    <mergeCell ref="GYS729:GYV729"/>
    <mergeCell ref="GYW729:GYZ729"/>
    <mergeCell ref="GZA729:GZD729"/>
    <mergeCell ref="GZE729:GZH729"/>
    <mergeCell ref="GZI729:GZL729"/>
    <mergeCell ref="GXY729:GYB729"/>
    <mergeCell ref="GYC729:GYF729"/>
    <mergeCell ref="GYG729:GYJ729"/>
    <mergeCell ref="GYK729:GYN729"/>
    <mergeCell ref="GYO729:GYR729"/>
    <mergeCell ref="HHY729:HIB729"/>
    <mergeCell ref="HIC729:HIF729"/>
    <mergeCell ref="HIG729:HIJ729"/>
    <mergeCell ref="HIK729:HIN729"/>
    <mergeCell ref="HIO729:HIR729"/>
    <mergeCell ref="HHE729:HHH729"/>
    <mergeCell ref="HHI729:HHL729"/>
    <mergeCell ref="HHM729:HHP729"/>
    <mergeCell ref="HHQ729:HHT729"/>
    <mergeCell ref="HHU729:HHX729"/>
    <mergeCell ref="HGK729:HGN729"/>
    <mergeCell ref="HGO729:HGR729"/>
    <mergeCell ref="HGS729:HGV729"/>
    <mergeCell ref="HGW729:HGZ729"/>
    <mergeCell ref="HHA729:HHD729"/>
    <mergeCell ref="HFQ729:HFT729"/>
    <mergeCell ref="HFU729:HFX729"/>
    <mergeCell ref="HFY729:HGB729"/>
    <mergeCell ref="HGC729:HGF729"/>
    <mergeCell ref="HGG729:HGJ729"/>
    <mergeCell ref="HEW729:HEZ729"/>
    <mergeCell ref="HFA729:HFD729"/>
    <mergeCell ref="HFE729:HFH729"/>
    <mergeCell ref="HFI729:HFL729"/>
    <mergeCell ref="HFM729:HFP729"/>
    <mergeCell ref="HEC729:HEF729"/>
    <mergeCell ref="HEG729:HEJ729"/>
    <mergeCell ref="HEK729:HEN729"/>
    <mergeCell ref="HEO729:HER729"/>
    <mergeCell ref="HES729:HEV729"/>
    <mergeCell ref="HDI729:HDL729"/>
    <mergeCell ref="HDM729:HDP729"/>
    <mergeCell ref="HDQ729:HDT729"/>
    <mergeCell ref="HDU729:HDX729"/>
    <mergeCell ref="HDY729:HEB729"/>
    <mergeCell ref="HNI729:HNL729"/>
    <mergeCell ref="HNM729:HNP729"/>
    <mergeCell ref="HNQ729:HNT729"/>
    <mergeCell ref="HNU729:HNX729"/>
    <mergeCell ref="HNY729:HOB729"/>
    <mergeCell ref="HMO729:HMR729"/>
    <mergeCell ref="HMS729:HMV729"/>
    <mergeCell ref="HMW729:HMZ729"/>
    <mergeCell ref="HNA729:HND729"/>
    <mergeCell ref="HNE729:HNH729"/>
    <mergeCell ref="HLU729:HLX729"/>
    <mergeCell ref="HLY729:HMB729"/>
    <mergeCell ref="HMC729:HMF729"/>
    <mergeCell ref="HMG729:HMJ729"/>
    <mergeCell ref="HMK729:HMN729"/>
    <mergeCell ref="HLA729:HLD729"/>
    <mergeCell ref="HLE729:HLH729"/>
    <mergeCell ref="HLI729:HLL729"/>
    <mergeCell ref="HLM729:HLP729"/>
    <mergeCell ref="HLQ729:HLT729"/>
    <mergeCell ref="HKG729:HKJ729"/>
    <mergeCell ref="HKK729:HKN729"/>
    <mergeCell ref="HKO729:HKR729"/>
    <mergeCell ref="HKS729:HKV729"/>
    <mergeCell ref="HKW729:HKZ729"/>
    <mergeCell ref="HJM729:HJP729"/>
    <mergeCell ref="HJQ729:HJT729"/>
    <mergeCell ref="HJU729:HJX729"/>
    <mergeCell ref="HJY729:HKB729"/>
    <mergeCell ref="HKC729:HKF729"/>
    <mergeCell ref="HIS729:HIV729"/>
    <mergeCell ref="HIW729:HIZ729"/>
    <mergeCell ref="HJA729:HJD729"/>
    <mergeCell ref="HJE729:HJH729"/>
    <mergeCell ref="HJI729:HJL729"/>
    <mergeCell ref="HSS729:HSV729"/>
    <mergeCell ref="HSW729:HSZ729"/>
    <mergeCell ref="HTA729:HTD729"/>
    <mergeCell ref="HTE729:HTH729"/>
    <mergeCell ref="HTI729:HTL729"/>
    <mergeCell ref="HRY729:HSB729"/>
    <mergeCell ref="HSC729:HSF729"/>
    <mergeCell ref="HSG729:HSJ729"/>
    <mergeCell ref="HSK729:HSN729"/>
    <mergeCell ref="HSO729:HSR729"/>
    <mergeCell ref="HRE729:HRH729"/>
    <mergeCell ref="HRI729:HRL729"/>
    <mergeCell ref="HRM729:HRP729"/>
    <mergeCell ref="HRQ729:HRT729"/>
    <mergeCell ref="HRU729:HRX729"/>
    <mergeCell ref="HQK729:HQN729"/>
    <mergeCell ref="HQO729:HQR729"/>
    <mergeCell ref="HQS729:HQV729"/>
    <mergeCell ref="HQW729:HQZ729"/>
    <mergeCell ref="HRA729:HRD729"/>
    <mergeCell ref="HPQ729:HPT729"/>
    <mergeCell ref="HPU729:HPX729"/>
    <mergeCell ref="HPY729:HQB729"/>
    <mergeCell ref="HQC729:HQF729"/>
    <mergeCell ref="HQG729:HQJ729"/>
    <mergeCell ref="HOW729:HOZ729"/>
    <mergeCell ref="HPA729:HPD729"/>
    <mergeCell ref="HPE729:HPH729"/>
    <mergeCell ref="HPI729:HPL729"/>
    <mergeCell ref="HPM729:HPP729"/>
    <mergeCell ref="HOC729:HOF729"/>
    <mergeCell ref="HOG729:HOJ729"/>
    <mergeCell ref="HOK729:HON729"/>
    <mergeCell ref="HOO729:HOR729"/>
    <mergeCell ref="HOS729:HOV729"/>
    <mergeCell ref="HYC729:HYF729"/>
    <mergeCell ref="HYG729:HYJ729"/>
    <mergeCell ref="HYK729:HYN729"/>
    <mergeCell ref="HYO729:HYR729"/>
    <mergeCell ref="HYS729:HYV729"/>
    <mergeCell ref="HXI729:HXL729"/>
    <mergeCell ref="HXM729:HXP729"/>
    <mergeCell ref="HXQ729:HXT729"/>
    <mergeCell ref="HXU729:HXX729"/>
    <mergeCell ref="HXY729:HYB729"/>
    <mergeCell ref="HWO729:HWR729"/>
    <mergeCell ref="HWS729:HWV729"/>
    <mergeCell ref="HWW729:HWZ729"/>
    <mergeCell ref="HXA729:HXD729"/>
    <mergeCell ref="HXE729:HXH729"/>
    <mergeCell ref="HVU729:HVX729"/>
    <mergeCell ref="HVY729:HWB729"/>
    <mergeCell ref="HWC729:HWF729"/>
    <mergeCell ref="HWG729:HWJ729"/>
    <mergeCell ref="HWK729:HWN729"/>
    <mergeCell ref="HVA729:HVD729"/>
    <mergeCell ref="HVE729:HVH729"/>
    <mergeCell ref="HVI729:HVL729"/>
    <mergeCell ref="HVM729:HVP729"/>
    <mergeCell ref="HVQ729:HVT729"/>
    <mergeCell ref="HUG729:HUJ729"/>
    <mergeCell ref="HUK729:HUN729"/>
    <mergeCell ref="HUO729:HUR729"/>
    <mergeCell ref="HUS729:HUV729"/>
    <mergeCell ref="HUW729:HUZ729"/>
    <mergeCell ref="HTM729:HTP729"/>
    <mergeCell ref="HTQ729:HTT729"/>
    <mergeCell ref="HTU729:HTX729"/>
    <mergeCell ref="HTY729:HUB729"/>
    <mergeCell ref="HUC729:HUF729"/>
    <mergeCell ref="IDM729:IDP729"/>
    <mergeCell ref="IDQ729:IDT729"/>
    <mergeCell ref="IDU729:IDX729"/>
    <mergeCell ref="IDY729:IEB729"/>
    <mergeCell ref="IEC729:IEF729"/>
    <mergeCell ref="ICS729:ICV729"/>
    <mergeCell ref="ICW729:ICZ729"/>
    <mergeCell ref="IDA729:IDD729"/>
    <mergeCell ref="IDE729:IDH729"/>
    <mergeCell ref="IDI729:IDL729"/>
    <mergeCell ref="IBY729:ICB729"/>
    <mergeCell ref="ICC729:ICF729"/>
    <mergeCell ref="ICG729:ICJ729"/>
    <mergeCell ref="ICK729:ICN729"/>
    <mergeCell ref="ICO729:ICR729"/>
    <mergeCell ref="IBE729:IBH729"/>
    <mergeCell ref="IBI729:IBL729"/>
    <mergeCell ref="IBM729:IBP729"/>
    <mergeCell ref="IBQ729:IBT729"/>
    <mergeCell ref="IBU729:IBX729"/>
    <mergeCell ref="IAK729:IAN729"/>
    <mergeCell ref="IAO729:IAR729"/>
    <mergeCell ref="IAS729:IAV729"/>
    <mergeCell ref="IAW729:IAZ729"/>
    <mergeCell ref="IBA729:IBD729"/>
    <mergeCell ref="HZQ729:HZT729"/>
    <mergeCell ref="HZU729:HZX729"/>
    <mergeCell ref="HZY729:IAB729"/>
    <mergeCell ref="IAC729:IAF729"/>
    <mergeCell ref="IAG729:IAJ729"/>
    <mergeCell ref="HYW729:HYZ729"/>
    <mergeCell ref="HZA729:HZD729"/>
    <mergeCell ref="HZE729:HZH729"/>
    <mergeCell ref="HZI729:HZL729"/>
    <mergeCell ref="HZM729:HZP729"/>
    <mergeCell ref="IIW729:IIZ729"/>
    <mergeCell ref="IJA729:IJD729"/>
    <mergeCell ref="IJE729:IJH729"/>
    <mergeCell ref="IJI729:IJL729"/>
    <mergeCell ref="IJM729:IJP729"/>
    <mergeCell ref="IIC729:IIF729"/>
    <mergeCell ref="IIG729:IIJ729"/>
    <mergeCell ref="IIK729:IIN729"/>
    <mergeCell ref="IIO729:IIR729"/>
    <mergeCell ref="IIS729:IIV729"/>
    <mergeCell ref="IHI729:IHL729"/>
    <mergeCell ref="IHM729:IHP729"/>
    <mergeCell ref="IHQ729:IHT729"/>
    <mergeCell ref="IHU729:IHX729"/>
    <mergeCell ref="IHY729:IIB729"/>
    <mergeCell ref="IGO729:IGR729"/>
    <mergeCell ref="IGS729:IGV729"/>
    <mergeCell ref="IGW729:IGZ729"/>
    <mergeCell ref="IHA729:IHD729"/>
    <mergeCell ref="IHE729:IHH729"/>
    <mergeCell ref="IFU729:IFX729"/>
    <mergeCell ref="IFY729:IGB729"/>
    <mergeCell ref="IGC729:IGF729"/>
    <mergeCell ref="IGG729:IGJ729"/>
    <mergeCell ref="IGK729:IGN729"/>
    <mergeCell ref="IFA729:IFD729"/>
    <mergeCell ref="IFE729:IFH729"/>
    <mergeCell ref="IFI729:IFL729"/>
    <mergeCell ref="IFM729:IFP729"/>
    <mergeCell ref="IFQ729:IFT729"/>
    <mergeCell ref="IEG729:IEJ729"/>
    <mergeCell ref="IEK729:IEN729"/>
    <mergeCell ref="IEO729:IER729"/>
    <mergeCell ref="IES729:IEV729"/>
    <mergeCell ref="IEW729:IEZ729"/>
    <mergeCell ref="IOG729:IOJ729"/>
    <mergeCell ref="IOK729:ION729"/>
    <mergeCell ref="IOO729:IOR729"/>
    <mergeCell ref="IOS729:IOV729"/>
    <mergeCell ref="IOW729:IOZ729"/>
    <mergeCell ref="INM729:INP729"/>
    <mergeCell ref="INQ729:INT729"/>
    <mergeCell ref="INU729:INX729"/>
    <mergeCell ref="INY729:IOB729"/>
    <mergeCell ref="IOC729:IOF729"/>
    <mergeCell ref="IMS729:IMV729"/>
    <mergeCell ref="IMW729:IMZ729"/>
    <mergeCell ref="INA729:IND729"/>
    <mergeCell ref="INE729:INH729"/>
    <mergeCell ref="INI729:INL729"/>
    <mergeCell ref="ILY729:IMB729"/>
    <mergeCell ref="IMC729:IMF729"/>
    <mergeCell ref="IMG729:IMJ729"/>
    <mergeCell ref="IMK729:IMN729"/>
    <mergeCell ref="IMO729:IMR729"/>
    <mergeCell ref="ILE729:ILH729"/>
    <mergeCell ref="ILI729:ILL729"/>
    <mergeCell ref="ILM729:ILP729"/>
    <mergeCell ref="ILQ729:ILT729"/>
    <mergeCell ref="ILU729:ILX729"/>
    <mergeCell ref="IKK729:IKN729"/>
    <mergeCell ref="IKO729:IKR729"/>
    <mergeCell ref="IKS729:IKV729"/>
    <mergeCell ref="IKW729:IKZ729"/>
    <mergeCell ref="ILA729:ILD729"/>
    <mergeCell ref="IJQ729:IJT729"/>
    <mergeCell ref="IJU729:IJX729"/>
    <mergeCell ref="IJY729:IKB729"/>
    <mergeCell ref="IKC729:IKF729"/>
    <mergeCell ref="IKG729:IKJ729"/>
    <mergeCell ref="ITQ729:ITT729"/>
    <mergeCell ref="ITU729:ITX729"/>
    <mergeCell ref="ITY729:IUB729"/>
    <mergeCell ref="IUC729:IUF729"/>
    <mergeCell ref="IUG729:IUJ729"/>
    <mergeCell ref="ISW729:ISZ729"/>
    <mergeCell ref="ITA729:ITD729"/>
    <mergeCell ref="ITE729:ITH729"/>
    <mergeCell ref="ITI729:ITL729"/>
    <mergeCell ref="ITM729:ITP729"/>
    <mergeCell ref="ISC729:ISF729"/>
    <mergeCell ref="ISG729:ISJ729"/>
    <mergeCell ref="ISK729:ISN729"/>
    <mergeCell ref="ISO729:ISR729"/>
    <mergeCell ref="ISS729:ISV729"/>
    <mergeCell ref="IRI729:IRL729"/>
    <mergeCell ref="IRM729:IRP729"/>
    <mergeCell ref="IRQ729:IRT729"/>
    <mergeCell ref="IRU729:IRX729"/>
    <mergeCell ref="IRY729:ISB729"/>
    <mergeCell ref="IQO729:IQR729"/>
    <mergeCell ref="IQS729:IQV729"/>
    <mergeCell ref="IQW729:IQZ729"/>
    <mergeCell ref="IRA729:IRD729"/>
    <mergeCell ref="IRE729:IRH729"/>
    <mergeCell ref="IPU729:IPX729"/>
    <mergeCell ref="IPY729:IQB729"/>
    <mergeCell ref="IQC729:IQF729"/>
    <mergeCell ref="IQG729:IQJ729"/>
    <mergeCell ref="IQK729:IQN729"/>
    <mergeCell ref="IPA729:IPD729"/>
    <mergeCell ref="IPE729:IPH729"/>
    <mergeCell ref="IPI729:IPL729"/>
    <mergeCell ref="IPM729:IPP729"/>
    <mergeCell ref="IPQ729:IPT729"/>
    <mergeCell ref="IZA729:IZD729"/>
    <mergeCell ref="IZE729:IZH729"/>
    <mergeCell ref="IZI729:IZL729"/>
    <mergeCell ref="IZM729:IZP729"/>
    <mergeCell ref="IZQ729:IZT729"/>
    <mergeCell ref="IYG729:IYJ729"/>
    <mergeCell ref="IYK729:IYN729"/>
    <mergeCell ref="IYO729:IYR729"/>
    <mergeCell ref="IYS729:IYV729"/>
    <mergeCell ref="IYW729:IYZ729"/>
    <mergeCell ref="IXM729:IXP729"/>
    <mergeCell ref="IXQ729:IXT729"/>
    <mergeCell ref="IXU729:IXX729"/>
    <mergeCell ref="IXY729:IYB729"/>
    <mergeCell ref="IYC729:IYF729"/>
    <mergeCell ref="IWS729:IWV729"/>
    <mergeCell ref="IWW729:IWZ729"/>
    <mergeCell ref="IXA729:IXD729"/>
    <mergeCell ref="IXE729:IXH729"/>
    <mergeCell ref="IXI729:IXL729"/>
    <mergeCell ref="IVY729:IWB729"/>
    <mergeCell ref="IWC729:IWF729"/>
    <mergeCell ref="IWG729:IWJ729"/>
    <mergeCell ref="IWK729:IWN729"/>
    <mergeCell ref="IWO729:IWR729"/>
    <mergeCell ref="IVE729:IVH729"/>
    <mergeCell ref="IVI729:IVL729"/>
    <mergeCell ref="IVM729:IVP729"/>
    <mergeCell ref="IVQ729:IVT729"/>
    <mergeCell ref="IVU729:IVX729"/>
    <mergeCell ref="IUK729:IUN729"/>
    <mergeCell ref="IUO729:IUR729"/>
    <mergeCell ref="IUS729:IUV729"/>
    <mergeCell ref="IUW729:IUZ729"/>
    <mergeCell ref="IVA729:IVD729"/>
    <mergeCell ref="JEK729:JEN729"/>
    <mergeCell ref="JEO729:JER729"/>
    <mergeCell ref="JES729:JEV729"/>
    <mergeCell ref="JEW729:JEZ729"/>
    <mergeCell ref="JFA729:JFD729"/>
    <mergeCell ref="JDQ729:JDT729"/>
    <mergeCell ref="JDU729:JDX729"/>
    <mergeCell ref="JDY729:JEB729"/>
    <mergeCell ref="JEC729:JEF729"/>
    <mergeCell ref="JEG729:JEJ729"/>
    <mergeCell ref="JCW729:JCZ729"/>
    <mergeCell ref="JDA729:JDD729"/>
    <mergeCell ref="JDE729:JDH729"/>
    <mergeCell ref="JDI729:JDL729"/>
    <mergeCell ref="JDM729:JDP729"/>
    <mergeCell ref="JCC729:JCF729"/>
    <mergeCell ref="JCG729:JCJ729"/>
    <mergeCell ref="JCK729:JCN729"/>
    <mergeCell ref="JCO729:JCR729"/>
    <mergeCell ref="JCS729:JCV729"/>
    <mergeCell ref="JBI729:JBL729"/>
    <mergeCell ref="JBM729:JBP729"/>
    <mergeCell ref="JBQ729:JBT729"/>
    <mergeCell ref="JBU729:JBX729"/>
    <mergeCell ref="JBY729:JCB729"/>
    <mergeCell ref="JAO729:JAR729"/>
    <mergeCell ref="JAS729:JAV729"/>
    <mergeCell ref="JAW729:JAZ729"/>
    <mergeCell ref="JBA729:JBD729"/>
    <mergeCell ref="JBE729:JBH729"/>
    <mergeCell ref="IZU729:IZX729"/>
    <mergeCell ref="IZY729:JAB729"/>
    <mergeCell ref="JAC729:JAF729"/>
    <mergeCell ref="JAG729:JAJ729"/>
    <mergeCell ref="JAK729:JAN729"/>
    <mergeCell ref="JJU729:JJX729"/>
    <mergeCell ref="JJY729:JKB729"/>
    <mergeCell ref="JKC729:JKF729"/>
    <mergeCell ref="JKG729:JKJ729"/>
    <mergeCell ref="JKK729:JKN729"/>
    <mergeCell ref="JJA729:JJD729"/>
    <mergeCell ref="JJE729:JJH729"/>
    <mergeCell ref="JJI729:JJL729"/>
    <mergeCell ref="JJM729:JJP729"/>
    <mergeCell ref="JJQ729:JJT729"/>
    <mergeCell ref="JIG729:JIJ729"/>
    <mergeCell ref="JIK729:JIN729"/>
    <mergeCell ref="JIO729:JIR729"/>
    <mergeCell ref="JIS729:JIV729"/>
    <mergeCell ref="JIW729:JIZ729"/>
    <mergeCell ref="JHM729:JHP729"/>
    <mergeCell ref="JHQ729:JHT729"/>
    <mergeCell ref="JHU729:JHX729"/>
    <mergeCell ref="JHY729:JIB729"/>
    <mergeCell ref="JIC729:JIF729"/>
    <mergeCell ref="JGS729:JGV729"/>
    <mergeCell ref="JGW729:JGZ729"/>
    <mergeCell ref="JHA729:JHD729"/>
    <mergeCell ref="JHE729:JHH729"/>
    <mergeCell ref="JHI729:JHL729"/>
    <mergeCell ref="JFY729:JGB729"/>
    <mergeCell ref="JGC729:JGF729"/>
    <mergeCell ref="JGG729:JGJ729"/>
    <mergeCell ref="JGK729:JGN729"/>
    <mergeCell ref="JGO729:JGR729"/>
    <mergeCell ref="JFE729:JFH729"/>
    <mergeCell ref="JFI729:JFL729"/>
    <mergeCell ref="JFM729:JFP729"/>
    <mergeCell ref="JFQ729:JFT729"/>
    <mergeCell ref="JFU729:JFX729"/>
    <mergeCell ref="JPE729:JPH729"/>
    <mergeCell ref="JPI729:JPL729"/>
    <mergeCell ref="JPM729:JPP729"/>
    <mergeCell ref="JPQ729:JPT729"/>
    <mergeCell ref="JPU729:JPX729"/>
    <mergeCell ref="JOK729:JON729"/>
    <mergeCell ref="JOO729:JOR729"/>
    <mergeCell ref="JOS729:JOV729"/>
    <mergeCell ref="JOW729:JOZ729"/>
    <mergeCell ref="JPA729:JPD729"/>
    <mergeCell ref="JNQ729:JNT729"/>
    <mergeCell ref="JNU729:JNX729"/>
    <mergeCell ref="JNY729:JOB729"/>
    <mergeCell ref="JOC729:JOF729"/>
    <mergeCell ref="JOG729:JOJ729"/>
    <mergeCell ref="JMW729:JMZ729"/>
    <mergeCell ref="JNA729:JND729"/>
    <mergeCell ref="JNE729:JNH729"/>
    <mergeCell ref="JNI729:JNL729"/>
    <mergeCell ref="JNM729:JNP729"/>
    <mergeCell ref="JMC729:JMF729"/>
    <mergeCell ref="JMG729:JMJ729"/>
    <mergeCell ref="JMK729:JMN729"/>
    <mergeCell ref="JMO729:JMR729"/>
    <mergeCell ref="JMS729:JMV729"/>
    <mergeCell ref="JLI729:JLL729"/>
    <mergeCell ref="JLM729:JLP729"/>
    <mergeCell ref="JLQ729:JLT729"/>
    <mergeCell ref="JLU729:JLX729"/>
    <mergeCell ref="JLY729:JMB729"/>
    <mergeCell ref="JKO729:JKR729"/>
    <mergeCell ref="JKS729:JKV729"/>
    <mergeCell ref="JKW729:JKZ729"/>
    <mergeCell ref="JLA729:JLD729"/>
    <mergeCell ref="JLE729:JLH729"/>
    <mergeCell ref="JUO729:JUR729"/>
    <mergeCell ref="JUS729:JUV729"/>
    <mergeCell ref="JUW729:JUZ729"/>
    <mergeCell ref="JVA729:JVD729"/>
    <mergeCell ref="JVE729:JVH729"/>
    <mergeCell ref="JTU729:JTX729"/>
    <mergeCell ref="JTY729:JUB729"/>
    <mergeCell ref="JUC729:JUF729"/>
    <mergeCell ref="JUG729:JUJ729"/>
    <mergeCell ref="JUK729:JUN729"/>
    <mergeCell ref="JTA729:JTD729"/>
    <mergeCell ref="JTE729:JTH729"/>
    <mergeCell ref="JTI729:JTL729"/>
    <mergeCell ref="JTM729:JTP729"/>
    <mergeCell ref="JTQ729:JTT729"/>
    <mergeCell ref="JSG729:JSJ729"/>
    <mergeCell ref="JSK729:JSN729"/>
    <mergeCell ref="JSO729:JSR729"/>
    <mergeCell ref="JSS729:JSV729"/>
    <mergeCell ref="JSW729:JSZ729"/>
    <mergeCell ref="JRM729:JRP729"/>
    <mergeCell ref="JRQ729:JRT729"/>
    <mergeCell ref="JRU729:JRX729"/>
    <mergeCell ref="JRY729:JSB729"/>
    <mergeCell ref="JSC729:JSF729"/>
    <mergeCell ref="JQS729:JQV729"/>
    <mergeCell ref="JQW729:JQZ729"/>
    <mergeCell ref="JRA729:JRD729"/>
    <mergeCell ref="JRE729:JRH729"/>
    <mergeCell ref="JRI729:JRL729"/>
    <mergeCell ref="JPY729:JQB729"/>
    <mergeCell ref="JQC729:JQF729"/>
    <mergeCell ref="JQG729:JQJ729"/>
    <mergeCell ref="JQK729:JQN729"/>
    <mergeCell ref="JQO729:JQR729"/>
    <mergeCell ref="JZY729:KAB729"/>
    <mergeCell ref="KAC729:KAF729"/>
    <mergeCell ref="KAG729:KAJ729"/>
    <mergeCell ref="KAK729:KAN729"/>
    <mergeCell ref="KAO729:KAR729"/>
    <mergeCell ref="JZE729:JZH729"/>
    <mergeCell ref="JZI729:JZL729"/>
    <mergeCell ref="JZM729:JZP729"/>
    <mergeCell ref="JZQ729:JZT729"/>
    <mergeCell ref="JZU729:JZX729"/>
    <mergeCell ref="JYK729:JYN729"/>
    <mergeCell ref="JYO729:JYR729"/>
    <mergeCell ref="JYS729:JYV729"/>
    <mergeCell ref="JYW729:JYZ729"/>
    <mergeCell ref="JZA729:JZD729"/>
    <mergeCell ref="JXQ729:JXT729"/>
    <mergeCell ref="JXU729:JXX729"/>
    <mergeCell ref="JXY729:JYB729"/>
    <mergeCell ref="JYC729:JYF729"/>
    <mergeCell ref="JYG729:JYJ729"/>
    <mergeCell ref="JWW729:JWZ729"/>
    <mergeCell ref="JXA729:JXD729"/>
    <mergeCell ref="JXE729:JXH729"/>
    <mergeCell ref="JXI729:JXL729"/>
    <mergeCell ref="JXM729:JXP729"/>
    <mergeCell ref="JWC729:JWF729"/>
    <mergeCell ref="JWG729:JWJ729"/>
    <mergeCell ref="JWK729:JWN729"/>
    <mergeCell ref="JWO729:JWR729"/>
    <mergeCell ref="JWS729:JWV729"/>
    <mergeCell ref="JVI729:JVL729"/>
    <mergeCell ref="JVM729:JVP729"/>
    <mergeCell ref="JVQ729:JVT729"/>
    <mergeCell ref="JVU729:JVX729"/>
    <mergeCell ref="JVY729:JWB729"/>
    <mergeCell ref="KFI729:KFL729"/>
    <mergeCell ref="KFM729:KFP729"/>
    <mergeCell ref="KFQ729:KFT729"/>
    <mergeCell ref="KFU729:KFX729"/>
    <mergeCell ref="KFY729:KGB729"/>
    <mergeCell ref="KEO729:KER729"/>
    <mergeCell ref="KES729:KEV729"/>
    <mergeCell ref="KEW729:KEZ729"/>
    <mergeCell ref="KFA729:KFD729"/>
    <mergeCell ref="KFE729:KFH729"/>
    <mergeCell ref="KDU729:KDX729"/>
    <mergeCell ref="KDY729:KEB729"/>
    <mergeCell ref="KEC729:KEF729"/>
    <mergeCell ref="KEG729:KEJ729"/>
    <mergeCell ref="KEK729:KEN729"/>
    <mergeCell ref="KDA729:KDD729"/>
    <mergeCell ref="KDE729:KDH729"/>
    <mergeCell ref="KDI729:KDL729"/>
    <mergeCell ref="KDM729:KDP729"/>
    <mergeCell ref="KDQ729:KDT729"/>
    <mergeCell ref="KCG729:KCJ729"/>
    <mergeCell ref="KCK729:KCN729"/>
    <mergeCell ref="KCO729:KCR729"/>
    <mergeCell ref="KCS729:KCV729"/>
    <mergeCell ref="KCW729:KCZ729"/>
    <mergeCell ref="KBM729:KBP729"/>
    <mergeCell ref="KBQ729:KBT729"/>
    <mergeCell ref="KBU729:KBX729"/>
    <mergeCell ref="KBY729:KCB729"/>
    <mergeCell ref="KCC729:KCF729"/>
    <mergeCell ref="KAS729:KAV729"/>
    <mergeCell ref="KAW729:KAZ729"/>
    <mergeCell ref="KBA729:KBD729"/>
    <mergeCell ref="KBE729:KBH729"/>
    <mergeCell ref="KBI729:KBL729"/>
    <mergeCell ref="KKS729:KKV729"/>
    <mergeCell ref="KKW729:KKZ729"/>
    <mergeCell ref="KLA729:KLD729"/>
    <mergeCell ref="KLE729:KLH729"/>
    <mergeCell ref="KLI729:KLL729"/>
    <mergeCell ref="KJY729:KKB729"/>
    <mergeCell ref="KKC729:KKF729"/>
    <mergeCell ref="KKG729:KKJ729"/>
    <mergeCell ref="KKK729:KKN729"/>
    <mergeCell ref="KKO729:KKR729"/>
    <mergeCell ref="KJE729:KJH729"/>
    <mergeCell ref="KJI729:KJL729"/>
    <mergeCell ref="KJM729:KJP729"/>
    <mergeCell ref="KJQ729:KJT729"/>
    <mergeCell ref="KJU729:KJX729"/>
    <mergeCell ref="KIK729:KIN729"/>
    <mergeCell ref="KIO729:KIR729"/>
    <mergeCell ref="KIS729:KIV729"/>
    <mergeCell ref="KIW729:KIZ729"/>
    <mergeCell ref="KJA729:KJD729"/>
    <mergeCell ref="KHQ729:KHT729"/>
    <mergeCell ref="KHU729:KHX729"/>
    <mergeCell ref="KHY729:KIB729"/>
    <mergeCell ref="KIC729:KIF729"/>
    <mergeCell ref="KIG729:KIJ729"/>
    <mergeCell ref="KGW729:KGZ729"/>
    <mergeCell ref="KHA729:KHD729"/>
    <mergeCell ref="KHE729:KHH729"/>
    <mergeCell ref="KHI729:KHL729"/>
    <mergeCell ref="KHM729:KHP729"/>
    <mergeCell ref="KGC729:KGF729"/>
    <mergeCell ref="KGG729:KGJ729"/>
    <mergeCell ref="KGK729:KGN729"/>
    <mergeCell ref="KGO729:KGR729"/>
    <mergeCell ref="KGS729:KGV729"/>
    <mergeCell ref="KQC729:KQF729"/>
    <mergeCell ref="KQG729:KQJ729"/>
    <mergeCell ref="KQK729:KQN729"/>
    <mergeCell ref="KQO729:KQR729"/>
    <mergeCell ref="KQS729:KQV729"/>
    <mergeCell ref="KPI729:KPL729"/>
    <mergeCell ref="KPM729:KPP729"/>
    <mergeCell ref="KPQ729:KPT729"/>
    <mergeCell ref="KPU729:KPX729"/>
    <mergeCell ref="KPY729:KQB729"/>
    <mergeCell ref="KOO729:KOR729"/>
    <mergeCell ref="KOS729:KOV729"/>
    <mergeCell ref="KOW729:KOZ729"/>
    <mergeCell ref="KPA729:KPD729"/>
    <mergeCell ref="KPE729:KPH729"/>
    <mergeCell ref="KNU729:KNX729"/>
    <mergeCell ref="KNY729:KOB729"/>
    <mergeCell ref="KOC729:KOF729"/>
    <mergeCell ref="KOG729:KOJ729"/>
    <mergeCell ref="KOK729:KON729"/>
    <mergeCell ref="KNA729:KND729"/>
    <mergeCell ref="KNE729:KNH729"/>
    <mergeCell ref="KNI729:KNL729"/>
    <mergeCell ref="KNM729:KNP729"/>
    <mergeCell ref="KNQ729:KNT729"/>
    <mergeCell ref="KMG729:KMJ729"/>
    <mergeCell ref="KMK729:KMN729"/>
    <mergeCell ref="KMO729:KMR729"/>
    <mergeCell ref="KMS729:KMV729"/>
    <mergeCell ref="KMW729:KMZ729"/>
    <mergeCell ref="KLM729:KLP729"/>
    <mergeCell ref="KLQ729:KLT729"/>
    <mergeCell ref="KLU729:KLX729"/>
    <mergeCell ref="KLY729:KMB729"/>
    <mergeCell ref="KMC729:KMF729"/>
    <mergeCell ref="KVM729:KVP729"/>
    <mergeCell ref="KVQ729:KVT729"/>
    <mergeCell ref="KVU729:KVX729"/>
    <mergeCell ref="KVY729:KWB729"/>
    <mergeCell ref="KWC729:KWF729"/>
    <mergeCell ref="KUS729:KUV729"/>
    <mergeCell ref="KUW729:KUZ729"/>
    <mergeCell ref="KVA729:KVD729"/>
    <mergeCell ref="KVE729:KVH729"/>
    <mergeCell ref="KVI729:KVL729"/>
    <mergeCell ref="KTY729:KUB729"/>
    <mergeCell ref="KUC729:KUF729"/>
    <mergeCell ref="KUG729:KUJ729"/>
    <mergeCell ref="KUK729:KUN729"/>
    <mergeCell ref="KUO729:KUR729"/>
    <mergeCell ref="KTE729:KTH729"/>
    <mergeCell ref="KTI729:KTL729"/>
    <mergeCell ref="KTM729:KTP729"/>
    <mergeCell ref="KTQ729:KTT729"/>
    <mergeCell ref="KTU729:KTX729"/>
    <mergeCell ref="KSK729:KSN729"/>
    <mergeCell ref="KSO729:KSR729"/>
    <mergeCell ref="KSS729:KSV729"/>
    <mergeCell ref="KSW729:KSZ729"/>
    <mergeCell ref="KTA729:KTD729"/>
    <mergeCell ref="KRQ729:KRT729"/>
    <mergeCell ref="KRU729:KRX729"/>
    <mergeCell ref="KRY729:KSB729"/>
    <mergeCell ref="KSC729:KSF729"/>
    <mergeCell ref="KSG729:KSJ729"/>
    <mergeCell ref="KQW729:KQZ729"/>
    <mergeCell ref="KRA729:KRD729"/>
    <mergeCell ref="KRE729:KRH729"/>
    <mergeCell ref="KRI729:KRL729"/>
    <mergeCell ref="KRM729:KRP729"/>
    <mergeCell ref="LAW729:LAZ729"/>
    <mergeCell ref="LBA729:LBD729"/>
    <mergeCell ref="LBE729:LBH729"/>
    <mergeCell ref="LBI729:LBL729"/>
    <mergeCell ref="LBM729:LBP729"/>
    <mergeCell ref="LAC729:LAF729"/>
    <mergeCell ref="LAG729:LAJ729"/>
    <mergeCell ref="LAK729:LAN729"/>
    <mergeCell ref="LAO729:LAR729"/>
    <mergeCell ref="LAS729:LAV729"/>
    <mergeCell ref="KZI729:KZL729"/>
    <mergeCell ref="KZM729:KZP729"/>
    <mergeCell ref="KZQ729:KZT729"/>
    <mergeCell ref="KZU729:KZX729"/>
    <mergeCell ref="KZY729:LAB729"/>
    <mergeCell ref="KYO729:KYR729"/>
    <mergeCell ref="KYS729:KYV729"/>
    <mergeCell ref="KYW729:KYZ729"/>
    <mergeCell ref="KZA729:KZD729"/>
    <mergeCell ref="KZE729:KZH729"/>
    <mergeCell ref="KXU729:KXX729"/>
    <mergeCell ref="KXY729:KYB729"/>
    <mergeCell ref="KYC729:KYF729"/>
    <mergeCell ref="KYG729:KYJ729"/>
    <mergeCell ref="KYK729:KYN729"/>
    <mergeCell ref="KXA729:KXD729"/>
    <mergeCell ref="KXE729:KXH729"/>
    <mergeCell ref="KXI729:KXL729"/>
    <mergeCell ref="KXM729:KXP729"/>
    <mergeCell ref="KXQ729:KXT729"/>
    <mergeCell ref="KWG729:KWJ729"/>
    <mergeCell ref="KWK729:KWN729"/>
    <mergeCell ref="KWO729:KWR729"/>
    <mergeCell ref="KWS729:KWV729"/>
    <mergeCell ref="KWW729:KWZ729"/>
    <mergeCell ref="LGG729:LGJ729"/>
    <mergeCell ref="LGK729:LGN729"/>
    <mergeCell ref="LGO729:LGR729"/>
    <mergeCell ref="LGS729:LGV729"/>
    <mergeCell ref="LGW729:LGZ729"/>
    <mergeCell ref="LFM729:LFP729"/>
    <mergeCell ref="LFQ729:LFT729"/>
    <mergeCell ref="LFU729:LFX729"/>
    <mergeCell ref="LFY729:LGB729"/>
    <mergeCell ref="LGC729:LGF729"/>
    <mergeCell ref="LES729:LEV729"/>
    <mergeCell ref="LEW729:LEZ729"/>
    <mergeCell ref="LFA729:LFD729"/>
    <mergeCell ref="LFE729:LFH729"/>
    <mergeCell ref="LFI729:LFL729"/>
    <mergeCell ref="LDY729:LEB729"/>
    <mergeCell ref="LEC729:LEF729"/>
    <mergeCell ref="LEG729:LEJ729"/>
    <mergeCell ref="LEK729:LEN729"/>
    <mergeCell ref="LEO729:LER729"/>
    <mergeCell ref="LDE729:LDH729"/>
    <mergeCell ref="LDI729:LDL729"/>
    <mergeCell ref="LDM729:LDP729"/>
    <mergeCell ref="LDQ729:LDT729"/>
    <mergeCell ref="LDU729:LDX729"/>
    <mergeCell ref="LCK729:LCN729"/>
    <mergeCell ref="LCO729:LCR729"/>
    <mergeCell ref="LCS729:LCV729"/>
    <mergeCell ref="LCW729:LCZ729"/>
    <mergeCell ref="LDA729:LDD729"/>
    <mergeCell ref="LBQ729:LBT729"/>
    <mergeCell ref="LBU729:LBX729"/>
    <mergeCell ref="LBY729:LCB729"/>
    <mergeCell ref="LCC729:LCF729"/>
    <mergeCell ref="LCG729:LCJ729"/>
    <mergeCell ref="LLQ729:LLT729"/>
    <mergeCell ref="LLU729:LLX729"/>
    <mergeCell ref="LLY729:LMB729"/>
    <mergeCell ref="LMC729:LMF729"/>
    <mergeCell ref="LMG729:LMJ729"/>
    <mergeCell ref="LKW729:LKZ729"/>
    <mergeCell ref="LLA729:LLD729"/>
    <mergeCell ref="LLE729:LLH729"/>
    <mergeCell ref="LLI729:LLL729"/>
    <mergeCell ref="LLM729:LLP729"/>
    <mergeCell ref="LKC729:LKF729"/>
    <mergeCell ref="LKG729:LKJ729"/>
    <mergeCell ref="LKK729:LKN729"/>
    <mergeCell ref="LKO729:LKR729"/>
    <mergeCell ref="LKS729:LKV729"/>
    <mergeCell ref="LJI729:LJL729"/>
    <mergeCell ref="LJM729:LJP729"/>
    <mergeCell ref="LJQ729:LJT729"/>
    <mergeCell ref="LJU729:LJX729"/>
    <mergeCell ref="LJY729:LKB729"/>
    <mergeCell ref="LIO729:LIR729"/>
    <mergeCell ref="LIS729:LIV729"/>
    <mergeCell ref="LIW729:LIZ729"/>
    <mergeCell ref="LJA729:LJD729"/>
    <mergeCell ref="LJE729:LJH729"/>
    <mergeCell ref="LHU729:LHX729"/>
    <mergeCell ref="LHY729:LIB729"/>
    <mergeCell ref="LIC729:LIF729"/>
    <mergeCell ref="LIG729:LIJ729"/>
    <mergeCell ref="LIK729:LIN729"/>
    <mergeCell ref="LHA729:LHD729"/>
    <mergeCell ref="LHE729:LHH729"/>
    <mergeCell ref="LHI729:LHL729"/>
    <mergeCell ref="LHM729:LHP729"/>
    <mergeCell ref="LHQ729:LHT729"/>
    <mergeCell ref="LRA729:LRD729"/>
    <mergeCell ref="LRE729:LRH729"/>
    <mergeCell ref="LRI729:LRL729"/>
    <mergeCell ref="LRM729:LRP729"/>
    <mergeCell ref="LRQ729:LRT729"/>
    <mergeCell ref="LQG729:LQJ729"/>
    <mergeCell ref="LQK729:LQN729"/>
    <mergeCell ref="LQO729:LQR729"/>
    <mergeCell ref="LQS729:LQV729"/>
    <mergeCell ref="LQW729:LQZ729"/>
    <mergeCell ref="LPM729:LPP729"/>
    <mergeCell ref="LPQ729:LPT729"/>
    <mergeCell ref="LPU729:LPX729"/>
    <mergeCell ref="LPY729:LQB729"/>
    <mergeCell ref="LQC729:LQF729"/>
    <mergeCell ref="LOS729:LOV729"/>
    <mergeCell ref="LOW729:LOZ729"/>
    <mergeCell ref="LPA729:LPD729"/>
    <mergeCell ref="LPE729:LPH729"/>
    <mergeCell ref="LPI729:LPL729"/>
    <mergeCell ref="LNY729:LOB729"/>
    <mergeCell ref="LOC729:LOF729"/>
    <mergeCell ref="LOG729:LOJ729"/>
    <mergeCell ref="LOK729:LON729"/>
    <mergeCell ref="LOO729:LOR729"/>
    <mergeCell ref="LNE729:LNH729"/>
    <mergeCell ref="LNI729:LNL729"/>
    <mergeCell ref="LNM729:LNP729"/>
    <mergeCell ref="LNQ729:LNT729"/>
    <mergeCell ref="LNU729:LNX729"/>
    <mergeCell ref="LMK729:LMN729"/>
    <mergeCell ref="LMO729:LMR729"/>
    <mergeCell ref="LMS729:LMV729"/>
    <mergeCell ref="LMW729:LMZ729"/>
    <mergeCell ref="LNA729:LND729"/>
    <mergeCell ref="LWK729:LWN729"/>
    <mergeCell ref="LWO729:LWR729"/>
    <mergeCell ref="LWS729:LWV729"/>
    <mergeCell ref="LWW729:LWZ729"/>
    <mergeCell ref="LXA729:LXD729"/>
    <mergeCell ref="LVQ729:LVT729"/>
    <mergeCell ref="LVU729:LVX729"/>
    <mergeCell ref="LVY729:LWB729"/>
    <mergeCell ref="LWC729:LWF729"/>
    <mergeCell ref="LWG729:LWJ729"/>
    <mergeCell ref="LUW729:LUZ729"/>
    <mergeCell ref="LVA729:LVD729"/>
    <mergeCell ref="LVE729:LVH729"/>
    <mergeCell ref="LVI729:LVL729"/>
    <mergeCell ref="LVM729:LVP729"/>
    <mergeCell ref="LUC729:LUF729"/>
    <mergeCell ref="LUG729:LUJ729"/>
    <mergeCell ref="LUK729:LUN729"/>
    <mergeCell ref="LUO729:LUR729"/>
    <mergeCell ref="LUS729:LUV729"/>
    <mergeCell ref="LTI729:LTL729"/>
    <mergeCell ref="LTM729:LTP729"/>
    <mergeCell ref="LTQ729:LTT729"/>
    <mergeCell ref="LTU729:LTX729"/>
    <mergeCell ref="LTY729:LUB729"/>
    <mergeCell ref="LSO729:LSR729"/>
    <mergeCell ref="LSS729:LSV729"/>
    <mergeCell ref="LSW729:LSZ729"/>
    <mergeCell ref="LTA729:LTD729"/>
    <mergeCell ref="LTE729:LTH729"/>
    <mergeCell ref="LRU729:LRX729"/>
    <mergeCell ref="LRY729:LSB729"/>
    <mergeCell ref="LSC729:LSF729"/>
    <mergeCell ref="LSG729:LSJ729"/>
    <mergeCell ref="LSK729:LSN729"/>
    <mergeCell ref="MBU729:MBX729"/>
    <mergeCell ref="MBY729:MCB729"/>
    <mergeCell ref="MCC729:MCF729"/>
    <mergeCell ref="MCG729:MCJ729"/>
    <mergeCell ref="MCK729:MCN729"/>
    <mergeCell ref="MBA729:MBD729"/>
    <mergeCell ref="MBE729:MBH729"/>
    <mergeCell ref="MBI729:MBL729"/>
    <mergeCell ref="MBM729:MBP729"/>
    <mergeCell ref="MBQ729:MBT729"/>
    <mergeCell ref="MAG729:MAJ729"/>
    <mergeCell ref="MAK729:MAN729"/>
    <mergeCell ref="MAO729:MAR729"/>
    <mergeCell ref="MAS729:MAV729"/>
    <mergeCell ref="MAW729:MAZ729"/>
    <mergeCell ref="LZM729:LZP729"/>
    <mergeCell ref="LZQ729:LZT729"/>
    <mergeCell ref="LZU729:LZX729"/>
    <mergeCell ref="LZY729:MAB729"/>
    <mergeCell ref="MAC729:MAF729"/>
    <mergeCell ref="LYS729:LYV729"/>
    <mergeCell ref="LYW729:LYZ729"/>
    <mergeCell ref="LZA729:LZD729"/>
    <mergeCell ref="LZE729:LZH729"/>
    <mergeCell ref="LZI729:LZL729"/>
    <mergeCell ref="LXY729:LYB729"/>
    <mergeCell ref="LYC729:LYF729"/>
    <mergeCell ref="LYG729:LYJ729"/>
    <mergeCell ref="LYK729:LYN729"/>
    <mergeCell ref="LYO729:LYR729"/>
    <mergeCell ref="LXE729:LXH729"/>
    <mergeCell ref="LXI729:LXL729"/>
    <mergeCell ref="LXM729:LXP729"/>
    <mergeCell ref="LXQ729:LXT729"/>
    <mergeCell ref="LXU729:LXX729"/>
    <mergeCell ref="MHE729:MHH729"/>
    <mergeCell ref="MHI729:MHL729"/>
    <mergeCell ref="MHM729:MHP729"/>
    <mergeCell ref="MHQ729:MHT729"/>
    <mergeCell ref="MHU729:MHX729"/>
    <mergeCell ref="MGK729:MGN729"/>
    <mergeCell ref="MGO729:MGR729"/>
    <mergeCell ref="MGS729:MGV729"/>
    <mergeCell ref="MGW729:MGZ729"/>
    <mergeCell ref="MHA729:MHD729"/>
    <mergeCell ref="MFQ729:MFT729"/>
    <mergeCell ref="MFU729:MFX729"/>
    <mergeCell ref="MFY729:MGB729"/>
    <mergeCell ref="MGC729:MGF729"/>
    <mergeCell ref="MGG729:MGJ729"/>
    <mergeCell ref="MEW729:MEZ729"/>
    <mergeCell ref="MFA729:MFD729"/>
    <mergeCell ref="MFE729:MFH729"/>
    <mergeCell ref="MFI729:MFL729"/>
    <mergeCell ref="MFM729:MFP729"/>
    <mergeCell ref="MEC729:MEF729"/>
    <mergeCell ref="MEG729:MEJ729"/>
    <mergeCell ref="MEK729:MEN729"/>
    <mergeCell ref="MEO729:MER729"/>
    <mergeCell ref="MES729:MEV729"/>
    <mergeCell ref="MDI729:MDL729"/>
    <mergeCell ref="MDM729:MDP729"/>
    <mergeCell ref="MDQ729:MDT729"/>
    <mergeCell ref="MDU729:MDX729"/>
    <mergeCell ref="MDY729:MEB729"/>
    <mergeCell ref="MCO729:MCR729"/>
    <mergeCell ref="MCS729:MCV729"/>
    <mergeCell ref="MCW729:MCZ729"/>
    <mergeCell ref="MDA729:MDD729"/>
    <mergeCell ref="MDE729:MDH729"/>
    <mergeCell ref="MMO729:MMR729"/>
    <mergeCell ref="MMS729:MMV729"/>
    <mergeCell ref="MMW729:MMZ729"/>
    <mergeCell ref="MNA729:MND729"/>
    <mergeCell ref="MNE729:MNH729"/>
    <mergeCell ref="MLU729:MLX729"/>
    <mergeCell ref="MLY729:MMB729"/>
    <mergeCell ref="MMC729:MMF729"/>
    <mergeCell ref="MMG729:MMJ729"/>
    <mergeCell ref="MMK729:MMN729"/>
    <mergeCell ref="MLA729:MLD729"/>
    <mergeCell ref="MLE729:MLH729"/>
    <mergeCell ref="MLI729:MLL729"/>
    <mergeCell ref="MLM729:MLP729"/>
    <mergeCell ref="MLQ729:MLT729"/>
    <mergeCell ref="MKG729:MKJ729"/>
    <mergeCell ref="MKK729:MKN729"/>
    <mergeCell ref="MKO729:MKR729"/>
    <mergeCell ref="MKS729:MKV729"/>
    <mergeCell ref="MKW729:MKZ729"/>
    <mergeCell ref="MJM729:MJP729"/>
    <mergeCell ref="MJQ729:MJT729"/>
    <mergeCell ref="MJU729:MJX729"/>
    <mergeCell ref="MJY729:MKB729"/>
    <mergeCell ref="MKC729:MKF729"/>
    <mergeCell ref="MIS729:MIV729"/>
    <mergeCell ref="MIW729:MIZ729"/>
    <mergeCell ref="MJA729:MJD729"/>
    <mergeCell ref="MJE729:MJH729"/>
    <mergeCell ref="MJI729:MJL729"/>
    <mergeCell ref="MHY729:MIB729"/>
    <mergeCell ref="MIC729:MIF729"/>
    <mergeCell ref="MIG729:MIJ729"/>
    <mergeCell ref="MIK729:MIN729"/>
    <mergeCell ref="MIO729:MIR729"/>
    <mergeCell ref="MRY729:MSB729"/>
    <mergeCell ref="MSC729:MSF729"/>
    <mergeCell ref="MSG729:MSJ729"/>
    <mergeCell ref="MSK729:MSN729"/>
    <mergeCell ref="MSO729:MSR729"/>
    <mergeCell ref="MRE729:MRH729"/>
    <mergeCell ref="MRI729:MRL729"/>
    <mergeCell ref="MRM729:MRP729"/>
    <mergeCell ref="MRQ729:MRT729"/>
    <mergeCell ref="MRU729:MRX729"/>
    <mergeCell ref="MQK729:MQN729"/>
    <mergeCell ref="MQO729:MQR729"/>
    <mergeCell ref="MQS729:MQV729"/>
    <mergeCell ref="MQW729:MQZ729"/>
    <mergeCell ref="MRA729:MRD729"/>
    <mergeCell ref="MPQ729:MPT729"/>
    <mergeCell ref="MPU729:MPX729"/>
    <mergeCell ref="MPY729:MQB729"/>
    <mergeCell ref="MQC729:MQF729"/>
    <mergeCell ref="MQG729:MQJ729"/>
    <mergeCell ref="MOW729:MOZ729"/>
    <mergeCell ref="MPA729:MPD729"/>
    <mergeCell ref="MPE729:MPH729"/>
    <mergeCell ref="MPI729:MPL729"/>
    <mergeCell ref="MPM729:MPP729"/>
    <mergeCell ref="MOC729:MOF729"/>
    <mergeCell ref="MOG729:MOJ729"/>
    <mergeCell ref="MOK729:MON729"/>
    <mergeCell ref="MOO729:MOR729"/>
    <mergeCell ref="MOS729:MOV729"/>
    <mergeCell ref="MNI729:MNL729"/>
    <mergeCell ref="MNM729:MNP729"/>
    <mergeCell ref="MNQ729:MNT729"/>
    <mergeCell ref="MNU729:MNX729"/>
    <mergeCell ref="MNY729:MOB729"/>
    <mergeCell ref="MXI729:MXL729"/>
    <mergeCell ref="MXM729:MXP729"/>
    <mergeCell ref="MXQ729:MXT729"/>
    <mergeCell ref="MXU729:MXX729"/>
    <mergeCell ref="MXY729:MYB729"/>
    <mergeCell ref="MWO729:MWR729"/>
    <mergeCell ref="MWS729:MWV729"/>
    <mergeCell ref="MWW729:MWZ729"/>
    <mergeCell ref="MXA729:MXD729"/>
    <mergeCell ref="MXE729:MXH729"/>
    <mergeCell ref="MVU729:MVX729"/>
    <mergeCell ref="MVY729:MWB729"/>
    <mergeCell ref="MWC729:MWF729"/>
    <mergeCell ref="MWG729:MWJ729"/>
    <mergeCell ref="MWK729:MWN729"/>
    <mergeCell ref="MVA729:MVD729"/>
    <mergeCell ref="MVE729:MVH729"/>
    <mergeCell ref="MVI729:MVL729"/>
    <mergeCell ref="MVM729:MVP729"/>
    <mergeCell ref="MVQ729:MVT729"/>
    <mergeCell ref="MUG729:MUJ729"/>
    <mergeCell ref="MUK729:MUN729"/>
    <mergeCell ref="MUO729:MUR729"/>
    <mergeCell ref="MUS729:MUV729"/>
    <mergeCell ref="MUW729:MUZ729"/>
    <mergeCell ref="MTM729:MTP729"/>
    <mergeCell ref="MTQ729:MTT729"/>
    <mergeCell ref="MTU729:MTX729"/>
    <mergeCell ref="MTY729:MUB729"/>
    <mergeCell ref="MUC729:MUF729"/>
    <mergeCell ref="MSS729:MSV729"/>
    <mergeCell ref="MSW729:MSZ729"/>
    <mergeCell ref="MTA729:MTD729"/>
    <mergeCell ref="MTE729:MTH729"/>
    <mergeCell ref="MTI729:MTL729"/>
    <mergeCell ref="NCS729:NCV729"/>
    <mergeCell ref="NCW729:NCZ729"/>
    <mergeCell ref="NDA729:NDD729"/>
    <mergeCell ref="NDE729:NDH729"/>
    <mergeCell ref="NDI729:NDL729"/>
    <mergeCell ref="NBY729:NCB729"/>
    <mergeCell ref="NCC729:NCF729"/>
    <mergeCell ref="NCG729:NCJ729"/>
    <mergeCell ref="NCK729:NCN729"/>
    <mergeCell ref="NCO729:NCR729"/>
    <mergeCell ref="NBE729:NBH729"/>
    <mergeCell ref="NBI729:NBL729"/>
    <mergeCell ref="NBM729:NBP729"/>
    <mergeCell ref="NBQ729:NBT729"/>
    <mergeCell ref="NBU729:NBX729"/>
    <mergeCell ref="NAK729:NAN729"/>
    <mergeCell ref="NAO729:NAR729"/>
    <mergeCell ref="NAS729:NAV729"/>
    <mergeCell ref="NAW729:NAZ729"/>
    <mergeCell ref="NBA729:NBD729"/>
    <mergeCell ref="MZQ729:MZT729"/>
    <mergeCell ref="MZU729:MZX729"/>
    <mergeCell ref="MZY729:NAB729"/>
    <mergeCell ref="NAC729:NAF729"/>
    <mergeCell ref="NAG729:NAJ729"/>
    <mergeCell ref="MYW729:MYZ729"/>
    <mergeCell ref="MZA729:MZD729"/>
    <mergeCell ref="MZE729:MZH729"/>
    <mergeCell ref="MZI729:MZL729"/>
    <mergeCell ref="MZM729:MZP729"/>
    <mergeCell ref="MYC729:MYF729"/>
    <mergeCell ref="MYG729:MYJ729"/>
    <mergeCell ref="MYK729:MYN729"/>
    <mergeCell ref="MYO729:MYR729"/>
    <mergeCell ref="MYS729:MYV729"/>
    <mergeCell ref="NIC729:NIF729"/>
    <mergeCell ref="NIG729:NIJ729"/>
    <mergeCell ref="NIK729:NIN729"/>
    <mergeCell ref="NIO729:NIR729"/>
    <mergeCell ref="NIS729:NIV729"/>
    <mergeCell ref="NHI729:NHL729"/>
    <mergeCell ref="NHM729:NHP729"/>
    <mergeCell ref="NHQ729:NHT729"/>
    <mergeCell ref="NHU729:NHX729"/>
    <mergeCell ref="NHY729:NIB729"/>
    <mergeCell ref="NGO729:NGR729"/>
    <mergeCell ref="NGS729:NGV729"/>
    <mergeCell ref="NGW729:NGZ729"/>
    <mergeCell ref="NHA729:NHD729"/>
    <mergeCell ref="NHE729:NHH729"/>
    <mergeCell ref="NFU729:NFX729"/>
    <mergeCell ref="NFY729:NGB729"/>
    <mergeCell ref="NGC729:NGF729"/>
    <mergeCell ref="NGG729:NGJ729"/>
    <mergeCell ref="NGK729:NGN729"/>
    <mergeCell ref="NFA729:NFD729"/>
    <mergeCell ref="NFE729:NFH729"/>
    <mergeCell ref="NFI729:NFL729"/>
    <mergeCell ref="NFM729:NFP729"/>
    <mergeCell ref="NFQ729:NFT729"/>
    <mergeCell ref="NEG729:NEJ729"/>
    <mergeCell ref="NEK729:NEN729"/>
    <mergeCell ref="NEO729:NER729"/>
    <mergeCell ref="NES729:NEV729"/>
    <mergeCell ref="NEW729:NEZ729"/>
    <mergeCell ref="NDM729:NDP729"/>
    <mergeCell ref="NDQ729:NDT729"/>
    <mergeCell ref="NDU729:NDX729"/>
    <mergeCell ref="NDY729:NEB729"/>
    <mergeCell ref="NEC729:NEF729"/>
    <mergeCell ref="NNM729:NNP729"/>
    <mergeCell ref="NNQ729:NNT729"/>
    <mergeCell ref="NNU729:NNX729"/>
    <mergeCell ref="NNY729:NOB729"/>
    <mergeCell ref="NOC729:NOF729"/>
    <mergeCell ref="NMS729:NMV729"/>
    <mergeCell ref="NMW729:NMZ729"/>
    <mergeCell ref="NNA729:NND729"/>
    <mergeCell ref="NNE729:NNH729"/>
    <mergeCell ref="NNI729:NNL729"/>
    <mergeCell ref="NLY729:NMB729"/>
    <mergeCell ref="NMC729:NMF729"/>
    <mergeCell ref="NMG729:NMJ729"/>
    <mergeCell ref="NMK729:NMN729"/>
    <mergeCell ref="NMO729:NMR729"/>
    <mergeCell ref="NLE729:NLH729"/>
    <mergeCell ref="NLI729:NLL729"/>
    <mergeCell ref="NLM729:NLP729"/>
    <mergeCell ref="NLQ729:NLT729"/>
    <mergeCell ref="NLU729:NLX729"/>
    <mergeCell ref="NKK729:NKN729"/>
    <mergeCell ref="NKO729:NKR729"/>
    <mergeCell ref="NKS729:NKV729"/>
    <mergeCell ref="NKW729:NKZ729"/>
    <mergeCell ref="NLA729:NLD729"/>
    <mergeCell ref="NJQ729:NJT729"/>
    <mergeCell ref="NJU729:NJX729"/>
    <mergeCell ref="NJY729:NKB729"/>
    <mergeCell ref="NKC729:NKF729"/>
    <mergeCell ref="NKG729:NKJ729"/>
    <mergeCell ref="NIW729:NIZ729"/>
    <mergeCell ref="NJA729:NJD729"/>
    <mergeCell ref="NJE729:NJH729"/>
    <mergeCell ref="NJI729:NJL729"/>
    <mergeCell ref="NJM729:NJP729"/>
    <mergeCell ref="NSW729:NSZ729"/>
    <mergeCell ref="NTA729:NTD729"/>
    <mergeCell ref="NTE729:NTH729"/>
    <mergeCell ref="NTI729:NTL729"/>
    <mergeCell ref="NTM729:NTP729"/>
    <mergeCell ref="NSC729:NSF729"/>
    <mergeCell ref="NSG729:NSJ729"/>
    <mergeCell ref="NSK729:NSN729"/>
    <mergeCell ref="NSO729:NSR729"/>
    <mergeCell ref="NSS729:NSV729"/>
    <mergeCell ref="NRI729:NRL729"/>
    <mergeCell ref="NRM729:NRP729"/>
    <mergeCell ref="NRQ729:NRT729"/>
    <mergeCell ref="NRU729:NRX729"/>
    <mergeCell ref="NRY729:NSB729"/>
    <mergeCell ref="NQO729:NQR729"/>
    <mergeCell ref="NQS729:NQV729"/>
    <mergeCell ref="NQW729:NQZ729"/>
    <mergeCell ref="NRA729:NRD729"/>
    <mergeCell ref="NRE729:NRH729"/>
    <mergeCell ref="NPU729:NPX729"/>
    <mergeCell ref="NPY729:NQB729"/>
    <mergeCell ref="NQC729:NQF729"/>
    <mergeCell ref="NQG729:NQJ729"/>
    <mergeCell ref="NQK729:NQN729"/>
    <mergeCell ref="NPA729:NPD729"/>
    <mergeCell ref="NPE729:NPH729"/>
    <mergeCell ref="NPI729:NPL729"/>
    <mergeCell ref="NPM729:NPP729"/>
    <mergeCell ref="NPQ729:NPT729"/>
    <mergeCell ref="NOG729:NOJ729"/>
    <mergeCell ref="NOK729:NON729"/>
    <mergeCell ref="NOO729:NOR729"/>
    <mergeCell ref="NOS729:NOV729"/>
    <mergeCell ref="NOW729:NOZ729"/>
    <mergeCell ref="NYG729:NYJ729"/>
    <mergeCell ref="NYK729:NYN729"/>
    <mergeCell ref="NYO729:NYR729"/>
    <mergeCell ref="NYS729:NYV729"/>
    <mergeCell ref="NYW729:NYZ729"/>
    <mergeCell ref="NXM729:NXP729"/>
    <mergeCell ref="NXQ729:NXT729"/>
    <mergeCell ref="NXU729:NXX729"/>
    <mergeCell ref="NXY729:NYB729"/>
    <mergeCell ref="NYC729:NYF729"/>
    <mergeCell ref="NWS729:NWV729"/>
    <mergeCell ref="NWW729:NWZ729"/>
    <mergeCell ref="NXA729:NXD729"/>
    <mergeCell ref="NXE729:NXH729"/>
    <mergeCell ref="NXI729:NXL729"/>
    <mergeCell ref="NVY729:NWB729"/>
    <mergeCell ref="NWC729:NWF729"/>
    <mergeCell ref="NWG729:NWJ729"/>
    <mergeCell ref="NWK729:NWN729"/>
    <mergeCell ref="NWO729:NWR729"/>
    <mergeCell ref="NVE729:NVH729"/>
    <mergeCell ref="NVI729:NVL729"/>
    <mergeCell ref="NVM729:NVP729"/>
    <mergeCell ref="NVQ729:NVT729"/>
    <mergeCell ref="NVU729:NVX729"/>
    <mergeCell ref="NUK729:NUN729"/>
    <mergeCell ref="NUO729:NUR729"/>
    <mergeCell ref="NUS729:NUV729"/>
    <mergeCell ref="NUW729:NUZ729"/>
    <mergeCell ref="NVA729:NVD729"/>
    <mergeCell ref="NTQ729:NTT729"/>
    <mergeCell ref="NTU729:NTX729"/>
    <mergeCell ref="NTY729:NUB729"/>
    <mergeCell ref="NUC729:NUF729"/>
    <mergeCell ref="NUG729:NUJ729"/>
    <mergeCell ref="ODQ729:ODT729"/>
    <mergeCell ref="ODU729:ODX729"/>
    <mergeCell ref="ODY729:OEB729"/>
    <mergeCell ref="OEC729:OEF729"/>
    <mergeCell ref="OEG729:OEJ729"/>
    <mergeCell ref="OCW729:OCZ729"/>
    <mergeCell ref="ODA729:ODD729"/>
    <mergeCell ref="ODE729:ODH729"/>
    <mergeCell ref="ODI729:ODL729"/>
    <mergeCell ref="ODM729:ODP729"/>
    <mergeCell ref="OCC729:OCF729"/>
    <mergeCell ref="OCG729:OCJ729"/>
    <mergeCell ref="OCK729:OCN729"/>
    <mergeCell ref="OCO729:OCR729"/>
    <mergeCell ref="OCS729:OCV729"/>
    <mergeCell ref="OBI729:OBL729"/>
    <mergeCell ref="OBM729:OBP729"/>
    <mergeCell ref="OBQ729:OBT729"/>
    <mergeCell ref="OBU729:OBX729"/>
    <mergeCell ref="OBY729:OCB729"/>
    <mergeCell ref="OAO729:OAR729"/>
    <mergeCell ref="OAS729:OAV729"/>
    <mergeCell ref="OAW729:OAZ729"/>
    <mergeCell ref="OBA729:OBD729"/>
    <mergeCell ref="OBE729:OBH729"/>
    <mergeCell ref="NZU729:NZX729"/>
    <mergeCell ref="NZY729:OAB729"/>
    <mergeCell ref="OAC729:OAF729"/>
    <mergeCell ref="OAG729:OAJ729"/>
    <mergeCell ref="OAK729:OAN729"/>
    <mergeCell ref="NZA729:NZD729"/>
    <mergeCell ref="NZE729:NZH729"/>
    <mergeCell ref="NZI729:NZL729"/>
    <mergeCell ref="NZM729:NZP729"/>
    <mergeCell ref="NZQ729:NZT729"/>
    <mergeCell ref="OJA729:OJD729"/>
    <mergeCell ref="OJE729:OJH729"/>
    <mergeCell ref="OJI729:OJL729"/>
    <mergeCell ref="OJM729:OJP729"/>
    <mergeCell ref="OJQ729:OJT729"/>
    <mergeCell ref="OIG729:OIJ729"/>
    <mergeCell ref="OIK729:OIN729"/>
    <mergeCell ref="OIO729:OIR729"/>
    <mergeCell ref="OIS729:OIV729"/>
    <mergeCell ref="OIW729:OIZ729"/>
    <mergeCell ref="OHM729:OHP729"/>
    <mergeCell ref="OHQ729:OHT729"/>
    <mergeCell ref="OHU729:OHX729"/>
    <mergeCell ref="OHY729:OIB729"/>
    <mergeCell ref="OIC729:OIF729"/>
    <mergeCell ref="OGS729:OGV729"/>
    <mergeCell ref="OGW729:OGZ729"/>
    <mergeCell ref="OHA729:OHD729"/>
    <mergeCell ref="OHE729:OHH729"/>
    <mergeCell ref="OHI729:OHL729"/>
    <mergeCell ref="OFY729:OGB729"/>
    <mergeCell ref="OGC729:OGF729"/>
    <mergeCell ref="OGG729:OGJ729"/>
    <mergeCell ref="OGK729:OGN729"/>
    <mergeCell ref="OGO729:OGR729"/>
    <mergeCell ref="OFE729:OFH729"/>
    <mergeCell ref="OFI729:OFL729"/>
    <mergeCell ref="OFM729:OFP729"/>
    <mergeCell ref="OFQ729:OFT729"/>
    <mergeCell ref="OFU729:OFX729"/>
    <mergeCell ref="OEK729:OEN729"/>
    <mergeCell ref="OEO729:OER729"/>
    <mergeCell ref="OES729:OEV729"/>
    <mergeCell ref="OEW729:OEZ729"/>
    <mergeCell ref="OFA729:OFD729"/>
    <mergeCell ref="OOK729:OON729"/>
    <mergeCell ref="OOO729:OOR729"/>
    <mergeCell ref="OOS729:OOV729"/>
    <mergeCell ref="OOW729:OOZ729"/>
    <mergeCell ref="OPA729:OPD729"/>
    <mergeCell ref="ONQ729:ONT729"/>
    <mergeCell ref="ONU729:ONX729"/>
    <mergeCell ref="ONY729:OOB729"/>
    <mergeCell ref="OOC729:OOF729"/>
    <mergeCell ref="OOG729:OOJ729"/>
    <mergeCell ref="OMW729:OMZ729"/>
    <mergeCell ref="ONA729:OND729"/>
    <mergeCell ref="ONE729:ONH729"/>
    <mergeCell ref="ONI729:ONL729"/>
    <mergeCell ref="ONM729:ONP729"/>
    <mergeCell ref="OMC729:OMF729"/>
    <mergeCell ref="OMG729:OMJ729"/>
    <mergeCell ref="OMK729:OMN729"/>
    <mergeCell ref="OMO729:OMR729"/>
    <mergeCell ref="OMS729:OMV729"/>
    <mergeCell ref="OLI729:OLL729"/>
    <mergeCell ref="OLM729:OLP729"/>
    <mergeCell ref="OLQ729:OLT729"/>
    <mergeCell ref="OLU729:OLX729"/>
    <mergeCell ref="OLY729:OMB729"/>
    <mergeCell ref="OKO729:OKR729"/>
    <mergeCell ref="OKS729:OKV729"/>
    <mergeCell ref="OKW729:OKZ729"/>
    <mergeCell ref="OLA729:OLD729"/>
    <mergeCell ref="OLE729:OLH729"/>
    <mergeCell ref="OJU729:OJX729"/>
    <mergeCell ref="OJY729:OKB729"/>
    <mergeCell ref="OKC729:OKF729"/>
    <mergeCell ref="OKG729:OKJ729"/>
    <mergeCell ref="OKK729:OKN729"/>
    <mergeCell ref="OTU729:OTX729"/>
    <mergeCell ref="OTY729:OUB729"/>
    <mergeCell ref="OUC729:OUF729"/>
    <mergeCell ref="OUG729:OUJ729"/>
    <mergeCell ref="OUK729:OUN729"/>
    <mergeCell ref="OTA729:OTD729"/>
    <mergeCell ref="OTE729:OTH729"/>
    <mergeCell ref="OTI729:OTL729"/>
    <mergeCell ref="OTM729:OTP729"/>
    <mergeCell ref="OTQ729:OTT729"/>
    <mergeCell ref="OSG729:OSJ729"/>
    <mergeCell ref="OSK729:OSN729"/>
    <mergeCell ref="OSO729:OSR729"/>
    <mergeCell ref="OSS729:OSV729"/>
    <mergeCell ref="OSW729:OSZ729"/>
    <mergeCell ref="ORM729:ORP729"/>
    <mergeCell ref="ORQ729:ORT729"/>
    <mergeCell ref="ORU729:ORX729"/>
    <mergeCell ref="ORY729:OSB729"/>
    <mergeCell ref="OSC729:OSF729"/>
    <mergeCell ref="OQS729:OQV729"/>
    <mergeCell ref="OQW729:OQZ729"/>
    <mergeCell ref="ORA729:ORD729"/>
    <mergeCell ref="ORE729:ORH729"/>
    <mergeCell ref="ORI729:ORL729"/>
    <mergeCell ref="OPY729:OQB729"/>
    <mergeCell ref="OQC729:OQF729"/>
    <mergeCell ref="OQG729:OQJ729"/>
    <mergeCell ref="OQK729:OQN729"/>
    <mergeCell ref="OQO729:OQR729"/>
    <mergeCell ref="OPE729:OPH729"/>
    <mergeCell ref="OPI729:OPL729"/>
    <mergeCell ref="OPM729:OPP729"/>
    <mergeCell ref="OPQ729:OPT729"/>
    <mergeCell ref="OPU729:OPX729"/>
    <mergeCell ref="OZE729:OZH729"/>
    <mergeCell ref="OZI729:OZL729"/>
    <mergeCell ref="OZM729:OZP729"/>
    <mergeCell ref="OZQ729:OZT729"/>
    <mergeCell ref="OZU729:OZX729"/>
    <mergeCell ref="OYK729:OYN729"/>
    <mergeCell ref="OYO729:OYR729"/>
    <mergeCell ref="OYS729:OYV729"/>
    <mergeCell ref="OYW729:OYZ729"/>
    <mergeCell ref="OZA729:OZD729"/>
    <mergeCell ref="OXQ729:OXT729"/>
    <mergeCell ref="OXU729:OXX729"/>
    <mergeCell ref="OXY729:OYB729"/>
    <mergeCell ref="OYC729:OYF729"/>
    <mergeCell ref="OYG729:OYJ729"/>
    <mergeCell ref="OWW729:OWZ729"/>
    <mergeCell ref="OXA729:OXD729"/>
    <mergeCell ref="OXE729:OXH729"/>
    <mergeCell ref="OXI729:OXL729"/>
    <mergeCell ref="OXM729:OXP729"/>
    <mergeCell ref="OWC729:OWF729"/>
    <mergeCell ref="OWG729:OWJ729"/>
    <mergeCell ref="OWK729:OWN729"/>
    <mergeCell ref="OWO729:OWR729"/>
    <mergeCell ref="OWS729:OWV729"/>
    <mergeCell ref="OVI729:OVL729"/>
    <mergeCell ref="OVM729:OVP729"/>
    <mergeCell ref="OVQ729:OVT729"/>
    <mergeCell ref="OVU729:OVX729"/>
    <mergeCell ref="OVY729:OWB729"/>
    <mergeCell ref="OUO729:OUR729"/>
    <mergeCell ref="OUS729:OUV729"/>
    <mergeCell ref="OUW729:OUZ729"/>
    <mergeCell ref="OVA729:OVD729"/>
    <mergeCell ref="OVE729:OVH729"/>
    <mergeCell ref="PEO729:PER729"/>
    <mergeCell ref="PES729:PEV729"/>
    <mergeCell ref="PEW729:PEZ729"/>
    <mergeCell ref="PFA729:PFD729"/>
    <mergeCell ref="PFE729:PFH729"/>
    <mergeCell ref="PDU729:PDX729"/>
    <mergeCell ref="PDY729:PEB729"/>
    <mergeCell ref="PEC729:PEF729"/>
    <mergeCell ref="PEG729:PEJ729"/>
    <mergeCell ref="PEK729:PEN729"/>
    <mergeCell ref="PDA729:PDD729"/>
    <mergeCell ref="PDE729:PDH729"/>
    <mergeCell ref="PDI729:PDL729"/>
    <mergeCell ref="PDM729:PDP729"/>
    <mergeCell ref="PDQ729:PDT729"/>
    <mergeCell ref="PCG729:PCJ729"/>
    <mergeCell ref="PCK729:PCN729"/>
    <mergeCell ref="PCO729:PCR729"/>
    <mergeCell ref="PCS729:PCV729"/>
    <mergeCell ref="PCW729:PCZ729"/>
    <mergeCell ref="PBM729:PBP729"/>
    <mergeCell ref="PBQ729:PBT729"/>
    <mergeCell ref="PBU729:PBX729"/>
    <mergeCell ref="PBY729:PCB729"/>
    <mergeCell ref="PCC729:PCF729"/>
    <mergeCell ref="PAS729:PAV729"/>
    <mergeCell ref="PAW729:PAZ729"/>
    <mergeCell ref="PBA729:PBD729"/>
    <mergeCell ref="PBE729:PBH729"/>
    <mergeCell ref="PBI729:PBL729"/>
    <mergeCell ref="OZY729:PAB729"/>
    <mergeCell ref="PAC729:PAF729"/>
    <mergeCell ref="PAG729:PAJ729"/>
    <mergeCell ref="PAK729:PAN729"/>
    <mergeCell ref="PAO729:PAR729"/>
    <mergeCell ref="PJY729:PKB729"/>
    <mergeCell ref="PKC729:PKF729"/>
    <mergeCell ref="PKG729:PKJ729"/>
    <mergeCell ref="PKK729:PKN729"/>
    <mergeCell ref="PKO729:PKR729"/>
    <mergeCell ref="PJE729:PJH729"/>
    <mergeCell ref="PJI729:PJL729"/>
    <mergeCell ref="PJM729:PJP729"/>
    <mergeCell ref="PJQ729:PJT729"/>
    <mergeCell ref="PJU729:PJX729"/>
    <mergeCell ref="PIK729:PIN729"/>
    <mergeCell ref="PIO729:PIR729"/>
    <mergeCell ref="PIS729:PIV729"/>
    <mergeCell ref="PIW729:PIZ729"/>
    <mergeCell ref="PJA729:PJD729"/>
    <mergeCell ref="PHQ729:PHT729"/>
    <mergeCell ref="PHU729:PHX729"/>
    <mergeCell ref="PHY729:PIB729"/>
    <mergeCell ref="PIC729:PIF729"/>
    <mergeCell ref="PIG729:PIJ729"/>
    <mergeCell ref="PGW729:PGZ729"/>
    <mergeCell ref="PHA729:PHD729"/>
    <mergeCell ref="PHE729:PHH729"/>
    <mergeCell ref="PHI729:PHL729"/>
    <mergeCell ref="PHM729:PHP729"/>
    <mergeCell ref="PGC729:PGF729"/>
    <mergeCell ref="PGG729:PGJ729"/>
    <mergeCell ref="PGK729:PGN729"/>
    <mergeCell ref="PGO729:PGR729"/>
    <mergeCell ref="PGS729:PGV729"/>
    <mergeCell ref="PFI729:PFL729"/>
    <mergeCell ref="PFM729:PFP729"/>
    <mergeCell ref="PFQ729:PFT729"/>
    <mergeCell ref="PFU729:PFX729"/>
    <mergeCell ref="PFY729:PGB729"/>
    <mergeCell ref="PPI729:PPL729"/>
    <mergeCell ref="PPM729:PPP729"/>
    <mergeCell ref="PPQ729:PPT729"/>
    <mergeCell ref="PPU729:PPX729"/>
    <mergeCell ref="PPY729:PQB729"/>
    <mergeCell ref="POO729:POR729"/>
    <mergeCell ref="POS729:POV729"/>
    <mergeCell ref="POW729:POZ729"/>
    <mergeCell ref="PPA729:PPD729"/>
    <mergeCell ref="PPE729:PPH729"/>
    <mergeCell ref="PNU729:PNX729"/>
    <mergeCell ref="PNY729:POB729"/>
    <mergeCell ref="POC729:POF729"/>
    <mergeCell ref="POG729:POJ729"/>
    <mergeCell ref="POK729:PON729"/>
    <mergeCell ref="PNA729:PND729"/>
    <mergeCell ref="PNE729:PNH729"/>
    <mergeCell ref="PNI729:PNL729"/>
    <mergeCell ref="PNM729:PNP729"/>
    <mergeCell ref="PNQ729:PNT729"/>
    <mergeCell ref="PMG729:PMJ729"/>
    <mergeCell ref="PMK729:PMN729"/>
    <mergeCell ref="PMO729:PMR729"/>
    <mergeCell ref="PMS729:PMV729"/>
    <mergeCell ref="PMW729:PMZ729"/>
    <mergeCell ref="PLM729:PLP729"/>
    <mergeCell ref="PLQ729:PLT729"/>
    <mergeCell ref="PLU729:PLX729"/>
    <mergeCell ref="PLY729:PMB729"/>
    <mergeCell ref="PMC729:PMF729"/>
    <mergeCell ref="PKS729:PKV729"/>
    <mergeCell ref="PKW729:PKZ729"/>
    <mergeCell ref="PLA729:PLD729"/>
    <mergeCell ref="PLE729:PLH729"/>
    <mergeCell ref="PLI729:PLL729"/>
    <mergeCell ref="PUS729:PUV729"/>
    <mergeCell ref="PUW729:PUZ729"/>
    <mergeCell ref="PVA729:PVD729"/>
    <mergeCell ref="PVE729:PVH729"/>
    <mergeCell ref="PVI729:PVL729"/>
    <mergeCell ref="PTY729:PUB729"/>
    <mergeCell ref="PUC729:PUF729"/>
    <mergeCell ref="PUG729:PUJ729"/>
    <mergeCell ref="PUK729:PUN729"/>
    <mergeCell ref="PUO729:PUR729"/>
    <mergeCell ref="PTE729:PTH729"/>
    <mergeCell ref="PTI729:PTL729"/>
    <mergeCell ref="PTM729:PTP729"/>
    <mergeCell ref="PTQ729:PTT729"/>
    <mergeCell ref="PTU729:PTX729"/>
    <mergeCell ref="PSK729:PSN729"/>
    <mergeCell ref="PSO729:PSR729"/>
    <mergeCell ref="PSS729:PSV729"/>
    <mergeCell ref="PSW729:PSZ729"/>
    <mergeCell ref="PTA729:PTD729"/>
    <mergeCell ref="PRQ729:PRT729"/>
    <mergeCell ref="PRU729:PRX729"/>
    <mergeCell ref="PRY729:PSB729"/>
    <mergeCell ref="PSC729:PSF729"/>
    <mergeCell ref="PSG729:PSJ729"/>
    <mergeCell ref="PQW729:PQZ729"/>
    <mergeCell ref="PRA729:PRD729"/>
    <mergeCell ref="PRE729:PRH729"/>
    <mergeCell ref="PRI729:PRL729"/>
    <mergeCell ref="PRM729:PRP729"/>
    <mergeCell ref="PQC729:PQF729"/>
    <mergeCell ref="PQG729:PQJ729"/>
    <mergeCell ref="PQK729:PQN729"/>
    <mergeCell ref="PQO729:PQR729"/>
    <mergeCell ref="PQS729:PQV729"/>
    <mergeCell ref="QAC729:QAF729"/>
    <mergeCell ref="QAG729:QAJ729"/>
    <mergeCell ref="QAK729:QAN729"/>
    <mergeCell ref="QAO729:QAR729"/>
    <mergeCell ref="QAS729:QAV729"/>
    <mergeCell ref="PZI729:PZL729"/>
    <mergeCell ref="PZM729:PZP729"/>
    <mergeCell ref="PZQ729:PZT729"/>
    <mergeCell ref="PZU729:PZX729"/>
    <mergeCell ref="PZY729:QAB729"/>
    <mergeCell ref="PYO729:PYR729"/>
    <mergeCell ref="PYS729:PYV729"/>
    <mergeCell ref="PYW729:PYZ729"/>
    <mergeCell ref="PZA729:PZD729"/>
    <mergeCell ref="PZE729:PZH729"/>
    <mergeCell ref="PXU729:PXX729"/>
    <mergeCell ref="PXY729:PYB729"/>
    <mergeCell ref="PYC729:PYF729"/>
    <mergeCell ref="PYG729:PYJ729"/>
    <mergeCell ref="PYK729:PYN729"/>
    <mergeCell ref="PXA729:PXD729"/>
    <mergeCell ref="PXE729:PXH729"/>
    <mergeCell ref="PXI729:PXL729"/>
    <mergeCell ref="PXM729:PXP729"/>
    <mergeCell ref="PXQ729:PXT729"/>
    <mergeCell ref="PWG729:PWJ729"/>
    <mergeCell ref="PWK729:PWN729"/>
    <mergeCell ref="PWO729:PWR729"/>
    <mergeCell ref="PWS729:PWV729"/>
    <mergeCell ref="PWW729:PWZ729"/>
    <mergeCell ref="PVM729:PVP729"/>
    <mergeCell ref="PVQ729:PVT729"/>
    <mergeCell ref="PVU729:PVX729"/>
    <mergeCell ref="PVY729:PWB729"/>
    <mergeCell ref="PWC729:PWF729"/>
    <mergeCell ref="QFM729:QFP729"/>
    <mergeCell ref="QFQ729:QFT729"/>
    <mergeCell ref="QFU729:QFX729"/>
    <mergeCell ref="QFY729:QGB729"/>
    <mergeCell ref="QGC729:QGF729"/>
    <mergeCell ref="QES729:QEV729"/>
    <mergeCell ref="QEW729:QEZ729"/>
    <mergeCell ref="QFA729:QFD729"/>
    <mergeCell ref="QFE729:QFH729"/>
    <mergeCell ref="QFI729:QFL729"/>
    <mergeCell ref="QDY729:QEB729"/>
    <mergeCell ref="QEC729:QEF729"/>
    <mergeCell ref="QEG729:QEJ729"/>
    <mergeCell ref="QEK729:QEN729"/>
    <mergeCell ref="QEO729:QER729"/>
    <mergeCell ref="QDE729:QDH729"/>
    <mergeCell ref="QDI729:QDL729"/>
    <mergeCell ref="QDM729:QDP729"/>
    <mergeCell ref="QDQ729:QDT729"/>
    <mergeCell ref="QDU729:QDX729"/>
    <mergeCell ref="QCK729:QCN729"/>
    <mergeCell ref="QCO729:QCR729"/>
    <mergeCell ref="QCS729:QCV729"/>
    <mergeCell ref="QCW729:QCZ729"/>
    <mergeCell ref="QDA729:QDD729"/>
    <mergeCell ref="QBQ729:QBT729"/>
    <mergeCell ref="QBU729:QBX729"/>
    <mergeCell ref="QBY729:QCB729"/>
    <mergeCell ref="QCC729:QCF729"/>
    <mergeCell ref="QCG729:QCJ729"/>
    <mergeCell ref="QAW729:QAZ729"/>
    <mergeCell ref="QBA729:QBD729"/>
    <mergeCell ref="QBE729:QBH729"/>
    <mergeCell ref="QBI729:QBL729"/>
    <mergeCell ref="QBM729:QBP729"/>
    <mergeCell ref="QKW729:QKZ729"/>
    <mergeCell ref="QLA729:QLD729"/>
    <mergeCell ref="QLE729:QLH729"/>
    <mergeCell ref="QLI729:QLL729"/>
    <mergeCell ref="QLM729:QLP729"/>
    <mergeCell ref="QKC729:QKF729"/>
    <mergeCell ref="QKG729:QKJ729"/>
    <mergeCell ref="QKK729:QKN729"/>
    <mergeCell ref="QKO729:QKR729"/>
    <mergeCell ref="QKS729:QKV729"/>
    <mergeCell ref="QJI729:QJL729"/>
    <mergeCell ref="QJM729:QJP729"/>
    <mergeCell ref="QJQ729:QJT729"/>
    <mergeCell ref="QJU729:QJX729"/>
    <mergeCell ref="QJY729:QKB729"/>
    <mergeCell ref="QIO729:QIR729"/>
    <mergeCell ref="QIS729:QIV729"/>
    <mergeCell ref="QIW729:QIZ729"/>
    <mergeCell ref="QJA729:QJD729"/>
    <mergeCell ref="QJE729:QJH729"/>
    <mergeCell ref="QHU729:QHX729"/>
    <mergeCell ref="QHY729:QIB729"/>
    <mergeCell ref="QIC729:QIF729"/>
    <mergeCell ref="QIG729:QIJ729"/>
    <mergeCell ref="QIK729:QIN729"/>
    <mergeCell ref="QHA729:QHD729"/>
    <mergeCell ref="QHE729:QHH729"/>
    <mergeCell ref="QHI729:QHL729"/>
    <mergeCell ref="QHM729:QHP729"/>
    <mergeCell ref="QHQ729:QHT729"/>
    <mergeCell ref="QGG729:QGJ729"/>
    <mergeCell ref="QGK729:QGN729"/>
    <mergeCell ref="QGO729:QGR729"/>
    <mergeCell ref="QGS729:QGV729"/>
    <mergeCell ref="QGW729:QGZ729"/>
    <mergeCell ref="QQG729:QQJ729"/>
    <mergeCell ref="QQK729:QQN729"/>
    <mergeCell ref="QQO729:QQR729"/>
    <mergeCell ref="QQS729:QQV729"/>
    <mergeCell ref="QQW729:QQZ729"/>
    <mergeCell ref="QPM729:QPP729"/>
    <mergeCell ref="QPQ729:QPT729"/>
    <mergeCell ref="QPU729:QPX729"/>
    <mergeCell ref="QPY729:QQB729"/>
    <mergeCell ref="QQC729:QQF729"/>
    <mergeCell ref="QOS729:QOV729"/>
    <mergeCell ref="QOW729:QOZ729"/>
    <mergeCell ref="QPA729:QPD729"/>
    <mergeCell ref="QPE729:QPH729"/>
    <mergeCell ref="QPI729:QPL729"/>
    <mergeCell ref="QNY729:QOB729"/>
    <mergeCell ref="QOC729:QOF729"/>
    <mergeCell ref="QOG729:QOJ729"/>
    <mergeCell ref="QOK729:QON729"/>
    <mergeCell ref="QOO729:QOR729"/>
    <mergeCell ref="QNE729:QNH729"/>
    <mergeCell ref="QNI729:QNL729"/>
    <mergeCell ref="QNM729:QNP729"/>
    <mergeCell ref="QNQ729:QNT729"/>
    <mergeCell ref="QNU729:QNX729"/>
    <mergeCell ref="QMK729:QMN729"/>
    <mergeCell ref="QMO729:QMR729"/>
    <mergeCell ref="QMS729:QMV729"/>
    <mergeCell ref="QMW729:QMZ729"/>
    <mergeCell ref="QNA729:QND729"/>
    <mergeCell ref="QLQ729:QLT729"/>
    <mergeCell ref="QLU729:QLX729"/>
    <mergeCell ref="QLY729:QMB729"/>
    <mergeCell ref="QMC729:QMF729"/>
    <mergeCell ref="QMG729:QMJ729"/>
    <mergeCell ref="QVQ729:QVT729"/>
    <mergeCell ref="QVU729:QVX729"/>
    <mergeCell ref="QVY729:QWB729"/>
    <mergeCell ref="QWC729:QWF729"/>
    <mergeCell ref="QWG729:QWJ729"/>
    <mergeCell ref="QUW729:QUZ729"/>
    <mergeCell ref="QVA729:QVD729"/>
    <mergeCell ref="QVE729:QVH729"/>
    <mergeCell ref="QVI729:QVL729"/>
    <mergeCell ref="QVM729:QVP729"/>
    <mergeCell ref="QUC729:QUF729"/>
    <mergeCell ref="QUG729:QUJ729"/>
    <mergeCell ref="QUK729:QUN729"/>
    <mergeCell ref="QUO729:QUR729"/>
    <mergeCell ref="QUS729:QUV729"/>
    <mergeCell ref="QTI729:QTL729"/>
    <mergeCell ref="QTM729:QTP729"/>
    <mergeCell ref="QTQ729:QTT729"/>
    <mergeCell ref="QTU729:QTX729"/>
    <mergeCell ref="QTY729:QUB729"/>
    <mergeCell ref="QSO729:QSR729"/>
    <mergeCell ref="QSS729:QSV729"/>
    <mergeCell ref="QSW729:QSZ729"/>
    <mergeCell ref="QTA729:QTD729"/>
    <mergeCell ref="QTE729:QTH729"/>
    <mergeCell ref="QRU729:QRX729"/>
    <mergeCell ref="QRY729:QSB729"/>
    <mergeCell ref="QSC729:QSF729"/>
    <mergeCell ref="QSG729:QSJ729"/>
    <mergeCell ref="QSK729:QSN729"/>
    <mergeCell ref="QRA729:QRD729"/>
    <mergeCell ref="QRE729:QRH729"/>
    <mergeCell ref="QRI729:QRL729"/>
    <mergeCell ref="QRM729:QRP729"/>
    <mergeCell ref="QRQ729:QRT729"/>
    <mergeCell ref="RBA729:RBD729"/>
    <mergeCell ref="RBE729:RBH729"/>
    <mergeCell ref="RBI729:RBL729"/>
    <mergeCell ref="RBM729:RBP729"/>
    <mergeCell ref="RBQ729:RBT729"/>
    <mergeCell ref="RAG729:RAJ729"/>
    <mergeCell ref="RAK729:RAN729"/>
    <mergeCell ref="RAO729:RAR729"/>
    <mergeCell ref="RAS729:RAV729"/>
    <mergeCell ref="RAW729:RAZ729"/>
    <mergeCell ref="QZM729:QZP729"/>
    <mergeCell ref="QZQ729:QZT729"/>
    <mergeCell ref="QZU729:QZX729"/>
    <mergeCell ref="QZY729:RAB729"/>
    <mergeCell ref="RAC729:RAF729"/>
    <mergeCell ref="QYS729:QYV729"/>
    <mergeCell ref="QYW729:QYZ729"/>
    <mergeCell ref="QZA729:QZD729"/>
    <mergeCell ref="QZE729:QZH729"/>
    <mergeCell ref="QZI729:QZL729"/>
    <mergeCell ref="QXY729:QYB729"/>
    <mergeCell ref="QYC729:QYF729"/>
    <mergeCell ref="QYG729:QYJ729"/>
    <mergeCell ref="QYK729:QYN729"/>
    <mergeCell ref="QYO729:QYR729"/>
    <mergeCell ref="QXE729:QXH729"/>
    <mergeCell ref="QXI729:QXL729"/>
    <mergeCell ref="QXM729:QXP729"/>
    <mergeCell ref="QXQ729:QXT729"/>
    <mergeCell ref="QXU729:QXX729"/>
    <mergeCell ref="QWK729:QWN729"/>
    <mergeCell ref="QWO729:QWR729"/>
    <mergeCell ref="QWS729:QWV729"/>
    <mergeCell ref="QWW729:QWZ729"/>
    <mergeCell ref="QXA729:QXD729"/>
    <mergeCell ref="RGK729:RGN729"/>
    <mergeCell ref="RGO729:RGR729"/>
    <mergeCell ref="RGS729:RGV729"/>
    <mergeCell ref="RGW729:RGZ729"/>
    <mergeCell ref="RHA729:RHD729"/>
    <mergeCell ref="RFQ729:RFT729"/>
    <mergeCell ref="RFU729:RFX729"/>
    <mergeCell ref="RFY729:RGB729"/>
    <mergeCell ref="RGC729:RGF729"/>
    <mergeCell ref="RGG729:RGJ729"/>
    <mergeCell ref="REW729:REZ729"/>
    <mergeCell ref="RFA729:RFD729"/>
    <mergeCell ref="RFE729:RFH729"/>
    <mergeCell ref="RFI729:RFL729"/>
    <mergeCell ref="RFM729:RFP729"/>
    <mergeCell ref="REC729:REF729"/>
    <mergeCell ref="REG729:REJ729"/>
    <mergeCell ref="REK729:REN729"/>
    <mergeCell ref="REO729:RER729"/>
    <mergeCell ref="RES729:REV729"/>
    <mergeCell ref="RDI729:RDL729"/>
    <mergeCell ref="RDM729:RDP729"/>
    <mergeCell ref="RDQ729:RDT729"/>
    <mergeCell ref="RDU729:RDX729"/>
    <mergeCell ref="RDY729:REB729"/>
    <mergeCell ref="RCO729:RCR729"/>
    <mergeCell ref="RCS729:RCV729"/>
    <mergeCell ref="RCW729:RCZ729"/>
    <mergeCell ref="RDA729:RDD729"/>
    <mergeCell ref="RDE729:RDH729"/>
    <mergeCell ref="RBU729:RBX729"/>
    <mergeCell ref="RBY729:RCB729"/>
    <mergeCell ref="RCC729:RCF729"/>
    <mergeCell ref="RCG729:RCJ729"/>
    <mergeCell ref="RCK729:RCN729"/>
    <mergeCell ref="RLU729:RLX729"/>
    <mergeCell ref="RLY729:RMB729"/>
    <mergeCell ref="RMC729:RMF729"/>
    <mergeCell ref="RMG729:RMJ729"/>
    <mergeCell ref="RMK729:RMN729"/>
    <mergeCell ref="RLA729:RLD729"/>
    <mergeCell ref="RLE729:RLH729"/>
    <mergeCell ref="RLI729:RLL729"/>
    <mergeCell ref="RLM729:RLP729"/>
    <mergeCell ref="RLQ729:RLT729"/>
    <mergeCell ref="RKG729:RKJ729"/>
    <mergeCell ref="RKK729:RKN729"/>
    <mergeCell ref="RKO729:RKR729"/>
    <mergeCell ref="RKS729:RKV729"/>
    <mergeCell ref="RKW729:RKZ729"/>
    <mergeCell ref="RJM729:RJP729"/>
    <mergeCell ref="RJQ729:RJT729"/>
    <mergeCell ref="RJU729:RJX729"/>
    <mergeCell ref="RJY729:RKB729"/>
    <mergeCell ref="RKC729:RKF729"/>
    <mergeCell ref="RIS729:RIV729"/>
    <mergeCell ref="RIW729:RIZ729"/>
    <mergeCell ref="RJA729:RJD729"/>
    <mergeCell ref="RJE729:RJH729"/>
    <mergeCell ref="RJI729:RJL729"/>
    <mergeCell ref="RHY729:RIB729"/>
    <mergeCell ref="RIC729:RIF729"/>
    <mergeCell ref="RIG729:RIJ729"/>
    <mergeCell ref="RIK729:RIN729"/>
    <mergeCell ref="RIO729:RIR729"/>
    <mergeCell ref="RHE729:RHH729"/>
    <mergeCell ref="RHI729:RHL729"/>
    <mergeCell ref="RHM729:RHP729"/>
    <mergeCell ref="RHQ729:RHT729"/>
    <mergeCell ref="RHU729:RHX729"/>
    <mergeCell ref="RRE729:RRH729"/>
    <mergeCell ref="RRI729:RRL729"/>
    <mergeCell ref="RRM729:RRP729"/>
    <mergeCell ref="RRQ729:RRT729"/>
    <mergeCell ref="RRU729:RRX729"/>
    <mergeCell ref="RQK729:RQN729"/>
    <mergeCell ref="RQO729:RQR729"/>
    <mergeCell ref="RQS729:RQV729"/>
    <mergeCell ref="RQW729:RQZ729"/>
    <mergeCell ref="RRA729:RRD729"/>
    <mergeCell ref="RPQ729:RPT729"/>
    <mergeCell ref="RPU729:RPX729"/>
    <mergeCell ref="RPY729:RQB729"/>
    <mergeCell ref="RQC729:RQF729"/>
    <mergeCell ref="RQG729:RQJ729"/>
    <mergeCell ref="ROW729:ROZ729"/>
    <mergeCell ref="RPA729:RPD729"/>
    <mergeCell ref="RPE729:RPH729"/>
    <mergeCell ref="RPI729:RPL729"/>
    <mergeCell ref="RPM729:RPP729"/>
    <mergeCell ref="ROC729:ROF729"/>
    <mergeCell ref="ROG729:ROJ729"/>
    <mergeCell ref="ROK729:RON729"/>
    <mergeCell ref="ROO729:ROR729"/>
    <mergeCell ref="ROS729:ROV729"/>
    <mergeCell ref="RNI729:RNL729"/>
    <mergeCell ref="RNM729:RNP729"/>
    <mergeCell ref="RNQ729:RNT729"/>
    <mergeCell ref="RNU729:RNX729"/>
    <mergeCell ref="RNY729:ROB729"/>
    <mergeCell ref="RMO729:RMR729"/>
    <mergeCell ref="RMS729:RMV729"/>
    <mergeCell ref="RMW729:RMZ729"/>
    <mergeCell ref="RNA729:RND729"/>
    <mergeCell ref="RNE729:RNH729"/>
    <mergeCell ref="RWO729:RWR729"/>
    <mergeCell ref="RWS729:RWV729"/>
    <mergeCell ref="RWW729:RWZ729"/>
    <mergeCell ref="RXA729:RXD729"/>
    <mergeCell ref="RXE729:RXH729"/>
    <mergeCell ref="RVU729:RVX729"/>
    <mergeCell ref="RVY729:RWB729"/>
    <mergeCell ref="RWC729:RWF729"/>
    <mergeCell ref="RWG729:RWJ729"/>
    <mergeCell ref="RWK729:RWN729"/>
    <mergeCell ref="RVA729:RVD729"/>
    <mergeCell ref="RVE729:RVH729"/>
    <mergeCell ref="RVI729:RVL729"/>
    <mergeCell ref="RVM729:RVP729"/>
    <mergeCell ref="RVQ729:RVT729"/>
    <mergeCell ref="RUG729:RUJ729"/>
    <mergeCell ref="RUK729:RUN729"/>
    <mergeCell ref="RUO729:RUR729"/>
    <mergeCell ref="RUS729:RUV729"/>
    <mergeCell ref="RUW729:RUZ729"/>
    <mergeCell ref="RTM729:RTP729"/>
    <mergeCell ref="RTQ729:RTT729"/>
    <mergeCell ref="RTU729:RTX729"/>
    <mergeCell ref="RTY729:RUB729"/>
    <mergeCell ref="RUC729:RUF729"/>
    <mergeCell ref="RSS729:RSV729"/>
    <mergeCell ref="RSW729:RSZ729"/>
    <mergeCell ref="RTA729:RTD729"/>
    <mergeCell ref="RTE729:RTH729"/>
    <mergeCell ref="RTI729:RTL729"/>
    <mergeCell ref="RRY729:RSB729"/>
    <mergeCell ref="RSC729:RSF729"/>
    <mergeCell ref="RSG729:RSJ729"/>
    <mergeCell ref="RSK729:RSN729"/>
    <mergeCell ref="RSO729:RSR729"/>
    <mergeCell ref="SBY729:SCB729"/>
    <mergeCell ref="SCC729:SCF729"/>
    <mergeCell ref="SCG729:SCJ729"/>
    <mergeCell ref="SCK729:SCN729"/>
    <mergeCell ref="SCO729:SCR729"/>
    <mergeCell ref="SBE729:SBH729"/>
    <mergeCell ref="SBI729:SBL729"/>
    <mergeCell ref="SBM729:SBP729"/>
    <mergeCell ref="SBQ729:SBT729"/>
    <mergeCell ref="SBU729:SBX729"/>
    <mergeCell ref="SAK729:SAN729"/>
    <mergeCell ref="SAO729:SAR729"/>
    <mergeCell ref="SAS729:SAV729"/>
    <mergeCell ref="SAW729:SAZ729"/>
    <mergeCell ref="SBA729:SBD729"/>
    <mergeCell ref="RZQ729:RZT729"/>
    <mergeCell ref="RZU729:RZX729"/>
    <mergeCell ref="RZY729:SAB729"/>
    <mergeCell ref="SAC729:SAF729"/>
    <mergeCell ref="SAG729:SAJ729"/>
    <mergeCell ref="RYW729:RYZ729"/>
    <mergeCell ref="RZA729:RZD729"/>
    <mergeCell ref="RZE729:RZH729"/>
    <mergeCell ref="RZI729:RZL729"/>
    <mergeCell ref="RZM729:RZP729"/>
    <mergeCell ref="RYC729:RYF729"/>
    <mergeCell ref="RYG729:RYJ729"/>
    <mergeCell ref="RYK729:RYN729"/>
    <mergeCell ref="RYO729:RYR729"/>
    <mergeCell ref="RYS729:RYV729"/>
    <mergeCell ref="RXI729:RXL729"/>
    <mergeCell ref="RXM729:RXP729"/>
    <mergeCell ref="RXQ729:RXT729"/>
    <mergeCell ref="RXU729:RXX729"/>
    <mergeCell ref="RXY729:RYB729"/>
    <mergeCell ref="SHI729:SHL729"/>
    <mergeCell ref="SHM729:SHP729"/>
    <mergeCell ref="SHQ729:SHT729"/>
    <mergeCell ref="SHU729:SHX729"/>
    <mergeCell ref="SHY729:SIB729"/>
    <mergeCell ref="SGO729:SGR729"/>
    <mergeCell ref="SGS729:SGV729"/>
    <mergeCell ref="SGW729:SGZ729"/>
    <mergeCell ref="SHA729:SHD729"/>
    <mergeCell ref="SHE729:SHH729"/>
    <mergeCell ref="SFU729:SFX729"/>
    <mergeCell ref="SFY729:SGB729"/>
    <mergeCell ref="SGC729:SGF729"/>
    <mergeCell ref="SGG729:SGJ729"/>
    <mergeCell ref="SGK729:SGN729"/>
    <mergeCell ref="SFA729:SFD729"/>
    <mergeCell ref="SFE729:SFH729"/>
    <mergeCell ref="SFI729:SFL729"/>
    <mergeCell ref="SFM729:SFP729"/>
    <mergeCell ref="SFQ729:SFT729"/>
    <mergeCell ref="SEG729:SEJ729"/>
    <mergeCell ref="SEK729:SEN729"/>
    <mergeCell ref="SEO729:SER729"/>
    <mergeCell ref="SES729:SEV729"/>
    <mergeCell ref="SEW729:SEZ729"/>
    <mergeCell ref="SDM729:SDP729"/>
    <mergeCell ref="SDQ729:SDT729"/>
    <mergeCell ref="SDU729:SDX729"/>
    <mergeCell ref="SDY729:SEB729"/>
    <mergeCell ref="SEC729:SEF729"/>
    <mergeCell ref="SCS729:SCV729"/>
    <mergeCell ref="SCW729:SCZ729"/>
    <mergeCell ref="SDA729:SDD729"/>
    <mergeCell ref="SDE729:SDH729"/>
    <mergeCell ref="SDI729:SDL729"/>
    <mergeCell ref="SMS729:SMV729"/>
    <mergeCell ref="SMW729:SMZ729"/>
    <mergeCell ref="SNA729:SND729"/>
    <mergeCell ref="SNE729:SNH729"/>
    <mergeCell ref="SNI729:SNL729"/>
    <mergeCell ref="SLY729:SMB729"/>
    <mergeCell ref="SMC729:SMF729"/>
    <mergeCell ref="SMG729:SMJ729"/>
    <mergeCell ref="SMK729:SMN729"/>
    <mergeCell ref="SMO729:SMR729"/>
    <mergeCell ref="SLE729:SLH729"/>
    <mergeCell ref="SLI729:SLL729"/>
    <mergeCell ref="SLM729:SLP729"/>
    <mergeCell ref="SLQ729:SLT729"/>
    <mergeCell ref="SLU729:SLX729"/>
    <mergeCell ref="SKK729:SKN729"/>
    <mergeCell ref="SKO729:SKR729"/>
    <mergeCell ref="SKS729:SKV729"/>
    <mergeCell ref="SKW729:SKZ729"/>
    <mergeCell ref="SLA729:SLD729"/>
    <mergeCell ref="SJQ729:SJT729"/>
    <mergeCell ref="SJU729:SJX729"/>
    <mergeCell ref="SJY729:SKB729"/>
    <mergeCell ref="SKC729:SKF729"/>
    <mergeCell ref="SKG729:SKJ729"/>
    <mergeCell ref="SIW729:SIZ729"/>
    <mergeCell ref="SJA729:SJD729"/>
    <mergeCell ref="SJE729:SJH729"/>
    <mergeCell ref="SJI729:SJL729"/>
    <mergeCell ref="SJM729:SJP729"/>
    <mergeCell ref="SIC729:SIF729"/>
    <mergeCell ref="SIG729:SIJ729"/>
    <mergeCell ref="SIK729:SIN729"/>
    <mergeCell ref="SIO729:SIR729"/>
    <mergeCell ref="SIS729:SIV729"/>
    <mergeCell ref="SSC729:SSF729"/>
    <mergeCell ref="SSG729:SSJ729"/>
    <mergeCell ref="SSK729:SSN729"/>
    <mergeCell ref="SSO729:SSR729"/>
    <mergeCell ref="SSS729:SSV729"/>
    <mergeCell ref="SRI729:SRL729"/>
    <mergeCell ref="SRM729:SRP729"/>
    <mergeCell ref="SRQ729:SRT729"/>
    <mergeCell ref="SRU729:SRX729"/>
    <mergeCell ref="SRY729:SSB729"/>
    <mergeCell ref="SQO729:SQR729"/>
    <mergeCell ref="SQS729:SQV729"/>
    <mergeCell ref="SQW729:SQZ729"/>
    <mergeCell ref="SRA729:SRD729"/>
    <mergeCell ref="SRE729:SRH729"/>
    <mergeCell ref="SPU729:SPX729"/>
    <mergeCell ref="SPY729:SQB729"/>
    <mergeCell ref="SQC729:SQF729"/>
    <mergeCell ref="SQG729:SQJ729"/>
    <mergeCell ref="SQK729:SQN729"/>
    <mergeCell ref="SPA729:SPD729"/>
    <mergeCell ref="SPE729:SPH729"/>
    <mergeCell ref="SPI729:SPL729"/>
    <mergeCell ref="SPM729:SPP729"/>
    <mergeCell ref="SPQ729:SPT729"/>
    <mergeCell ref="SOG729:SOJ729"/>
    <mergeCell ref="SOK729:SON729"/>
    <mergeCell ref="SOO729:SOR729"/>
    <mergeCell ref="SOS729:SOV729"/>
    <mergeCell ref="SOW729:SOZ729"/>
    <mergeCell ref="SNM729:SNP729"/>
    <mergeCell ref="SNQ729:SNT729"/>
    <mergeCell ref="SNU729:SNX729"/>
    <mergeCell ref="SNY729:SOB729"/>
    <mergeCell ref="SOC729:SOF729"/>
    <mergeCell ref="SXM729:SXP729"/>
    <mergeCell ref="SXQ729:SXT729"/>
    <mergeCell ref="SXU729:SXX729"/>
    <mergeCell ref="SXY729:SYB729"/>
    <mergeCell ref="SYC729:SYF729"/>
    <mergeCell ref="SWS729:SWV729"/>
    <mergeCell ref="SWW729:SWZ729"/>
    <mergeCell ref="SXA729:SXD729"/>
    <mergeCell ref="SXE729:SXH729"/>
    <mergeCell ref="SXI729:SXL729"/>
    <mergeCell ref="SVY729:SWB729"/>
    <mergeCell ref="SWC729:SWF729"/>
    <mergeCell ref="SWG729:SWJ729"/>
    <mergeCell ref="SWK729:SWN729"/>
    <mergeCell ref="SWO729:SWR729"/>
    <mergeCell ref="SVE729:SVH729"/>
    <mergeCell ref="SVI729:SVL729"/>
    <mergeCell ref="SVM729:SVP729"/>
    <mergeCell ref="SVQ729:SVT729"/>
    <mergeCell ref="SVU729:SVX729"/>
    <mergeCell ref="SUK729:SUN729"/>
    <mergeCell ref="SUO729:SUR729"/>
    <mergeCell ref="SUS729:SUV729"/>
    <mergeCell ref="SUW729:SUZ729"/>
    <mergeCell ref="SVA729:SVD729"/>
    <mergeCell ref="STQ729:STT729"/>
    <mergeCell ref="STU729:STX729"/>
    <mergeCell ref="STY729:SUB729"/>
    <mergeCell ref="SUC729:SUF729"/>
    <mergeCell ref="SUG729:SUJ729"/>
    <mergeCell ref="SSW729:SSZ729"/>
    <mergeCell ref="STA729:STD729"/>
    <mergeCell ref="STE729:STH729"/>
    <mergeCell ref="STI729:STL729"/>
    <mergeCell ref="STM729:STP729"/>
    <mergeCell ref="TCW729:TCZ729"/>
    <mergeCell ref="TDA729:TDD729"/>
    <mergeCell ref="TDE729:TDH729"/>
    <mergeCell ref="TDI729:TDL729"/>
    <mergeCell ref="TDM729:TDP729"/>
    <mergeCell ref="TCC729:TCF729"/>
    <mergeCell ref="TCG729:TCJ729"/>
    <mergeCell ref="TCK729:TCN729"/>
    <mergeCell ref="TCO729:TCR729"/>
    <mergeCell ref="TCS729:TCV729"/>
    <mergeCell ref="TBI729:TBL729"/>
    <mergeCell ref="TBM729:TBP729"/>
    <mergeCell ref="TBQ729:TBT729"/>
    <mergeCell ref="TBU729:TBX729"/>
    <mergeCell ref="TBY729:TCB729"/>
    <mergeCell ref="TAO729:TAR729"/>
    <mergeCell ref="TAS729:TAV729"/>
    <mergeCell ref="TAW729:TAZ729"/>
    <mergeCell ref="TBA729:TBD729"/>
    <mergeCell ref="TBE729:TBH729"/>
    <mergeCell ref="SZU729:SZX729"/>
    <mergeCell ref="SZY729:TAB729"/>
    <mergeCell ref="TAC729:TAF729"/>
    <mergeCell ref="TAG729:TAJ729"/>
    <mergeCell ref="TAK729:TAN729"/>
    <mergeCell ref="SZA729:SZD729"/>
    <mergeCell ref="SZE729:SZH729"/>
    <mergeCell ref="SZI729:SZL729"/>
    <mergeCell ref="SZM729:SZP729"/>
    <mergeCell ref="SZQ729:SZT729"/>
    <mergeCell ref="SYG729:SYJ729"/>
    <mergeCell ref="SYK729:SYN729"/>
    <mergeCell ref="SYO729:SYR729"/>
    <mergeCell ref="SYS729:SYV729"/>
    <mergeCell ref="SYW729:SYZ729"/>
    <mergeCell ref="TIG729:TIJ729"/>
    <mergeCell ref="TIK729:TIN729"/>
    <mergeCell ref="TIO729:TIR729"/>
    <mergeCell ref="TIS729:TIV729"/>
    <mergeCell ref="TIW729:TIZ729"/>
    <mergeCell ref="THM729:THP729"/>
    <mergeCell ref="THQ729:THT729"/>
    <mergeCell ref="THU729:THX729"/>
    <mergeCell ref="THY729:TIB729"/>
    <mergeCell ref="TIC729:TIF729"/>
    <mergeCell ref="TGS729:TGV729"/>
    <mergeCell ref="TGW729:TGZ729"/>
    <mergeCell ref="THA729:THD729"/>
    <mergeCell ref="THE729:THH729"/>
    <mergeCell ref="THI729:THL729"/>
    <mergeCell ref="TFY729:TGB729"/>
    <mergeCell ref="TGC729:TGF729"/>
    <mergeCell ref="TGG729:TGJ729"/>
    <mergeCell ref="TGK729:TGN729"/>
    <mergeCell ref="TGO729:TGR729"/>
    <mergeCell ref="TFE729:TFH729"/>
    <mergeCell ref="TFI729:TFL729"/>
    <mergeCell ref="TFM729:TFP729"/>
    <mergeCell ref="TFQ729:TFT729"/>
    <mergeCell ref="TFU729:TFX729"/>
    <mergeCell ref="TEK729:TEN729"/>
    <mergeCell ref="TEO729:TER729"/>
    <mergeCell ref="TES729:TEV729"/>
    <mergeCell ref="TEW729:TEZ729"/>
    <mergeCell ref="TFA729:TFD729"/>
    <mergeCell ref="TDQ729:TDT729"/>
    <mergeCell ref="TDU729:TDX729"/>
    <mergeCell ref="TDY729:TEB729"/>
    <mergeCell ref="TEC729:TEF729"/>
    <mergeCell ref="TEG729:TEJ729"/>
    <mergeCell ref="TNQ729:TNT729"/>
    <mergeCell ref="TNU729:TNX729"/>
    <mergeCell ref="TNY729:TOB729"/>
    <mergeCell ref="TOC729:TOF729"/>
    <mergeCell ref="TOG729:TOJ729"/>
    <mergeCell ref="TMW729:TMZ729"/>
    <mergeCell ref="TNA729:TND729"/>
    <mergeCell ref="TNE729:TNH729"/>
    <mergeCell ref="TNI729:TNL729"/>
    <mergeCell ref="TNM729:TNP729"/>
    <mergeCell ref="TMC729:TMF729"/>
    <mergeCell ref="TMG729:TMJ729"/>
    <mergeCell ref="TMK729:TMN729"/>
    <mergeCell ref="TMO729:TMR729"/>
    <mergeCell ref="TMS729:TMV729"/>
    <mergeCell ref="TLI729:TLL729"/>
    <mergeCell ref="TLM729:TLP729"/>
    <mergeCell ref="TLQ729:TLT729"/>
    <mergeCell ref="TLU729:TLX729"/>
    <mergeCell ref="TLY729:TMB729"/>
    <mergeCell ref="TKO729:TKR729"/>
    <mergeCell ref="TKS729:TKV729"/>
    <mergeCell ref="TKW729:TKZ729"/>
    <mergeCell ref="TLA729:TLD729"/>
    <mergeCell ref="TLE729:TLH729"/>
    <mergeCell ref="TJU729:TJX729"/>
    <mergeCell ref="TJY729:TKB729"/>
    <mergeCell ref="TKC729:TKF729"/>
    <mergeCell ref="TKG729:TKJ729"/>
    <mergeCell ref="TKK729:TKN729"/>
    <mergeCell ref="TJA729:TJD729"/>
    <mergeCell ref="TJE729:TJH729"/>
    <mergeCell ref="TJI729:TJL729"/>
    <mergeCell ref="TJM729:TJP729"/>
    <mergeCell ref="TJQ729:TJT729"/>
    <mergeCell ref="TTA729:TTD729"/>
    <mergeCell ref="TTE729:TTH729"/>
    <mergeCell ref="TTI729:TTL729"/>
    <mergeCell ref="TTM729:TTP729"/>
    <mergeCell ref="TTQ729:TTT729"/>
    <mergeCell ref="TSG729:TSJ729"/>
    <mergeCell ref="TSK729:TSN729"/>
    <mergeCell ref="TSO729:TSR729"/>
    <mergeCell ref="TSS729:TSV729"/>
    <mergeCell ref="TSW729:TSZ729"/>
    <mergeCell ref="TRM729:TRP729"/>
    <mergeCell ref="TRQ729:TRT729"/>
    <mergeCell ref="TRU729:TRX729"/>
    <mergeCell ref="TRY729:TSB729"/>
    <mergeCell ref="TSC729:TSF729"/>
    <mergeCell ref="TQS729:TQV729"/>
    <mergeCell ref="TQW729:TQZ729"/>
    <mergeCell ref="TRA729:TRD729"/>
    <mergeCell ref="TRE729:TRH729"/>
    <mergeCell ref="TRI729:TRL729"/>
    <mergeCell ref="TPY729:TQB729"/>
    <mergeCell ref="TQC729:TQF729"/>
    <mergeCell ref="TQG729:TQJ729"/>
    <mergeCell ref="TQK729:TQN729"/>
    <mergeCell ref="TQO729:TQR729"/>
    <mergeCell ref="TPE729:TPH729"/>
    <mergeCell ref="TPI729:TPL729"/>
    <mergeCell ref="TPM729:TPP729"/>
    <mergeCell ref="TPQ729:TPT729"/>
    <mergeCell ref="TPU729:TPX729"/>
    <mergeCell ref="TOK729:TON729"/>
    <mergeCell ref="TOO729:TOR729"/>
    <mergeCell ref="TOS729:TOV729"/>
    <mergeCell ref="TOW729:TOZ729"/>
    <mergeCell ref="TPA729:TPD729"/>
    <mergeCell ref="TYK729:TYN729"/>
    <mergeCell ref="TYO729:TYR729"/>
    <mergeCell ref="TYS729:TYV729"/>
    <mergeCell ref="TYW729:TYZ729"/>
    <mergeCell ref="TZA729:TZD729"/>
    <mergeCell ref="TXQ729:TXT729"/>
    <mergeCell ref="TXU729:TXX729"/>
    <mergeCell ref="TXY729:TYB729"/>
    <mergeCell ref="TYC729:TYF729"/>
    <mergeCell ref="TYG729:TYJ729"/>
    <mergeCell ref="TWW729:TWZ729"/>
    <mergeCell ref="TXA729:TXD729"/>
    <mergeCell ref="TXE729:TXH729"/>
    <mergeCell ref="TXI729:TXL729"/>
    <mergeCell ref="TXM729:TXP729"/>
    <mergeCell ref="TWC729:TWF729"/>
    <mergeCell ref="TWG729:TWJ729"/>
    <mergeCell ref="TWK729:TWN729"/>
    <mergeCell ref="TWO729:TWR729"/>
    <mergeCell ref="TWS729:TWV729"/>
    <mergeCell ref="TVI729:TVL729"/>
    <mergeCell ref="TVM729:TVP729"/>
    <mergeCell ref="TVQ729:TVT729"/>
    <mergeCell ref="TVU729:TVX729"/>
    <mergeCell ref="TVY729:TWB729"/>
    <mergeCell ref="TUO729:TUR729"/>
    <mergeCell ref="TUS729:TUV729"/>
    <mergeCell ref="TUW729:TUZ729"/>
    <mergeCell ref="TVA729:TVD729"/>
    <mergeCell ref="TVE729:TVH729"/>
    <mergeCell ref="TTU729:TTX729"/>
    <mergeCell ref="TTY729:TUB729"/>
    <mergeCell ref="TUC729:TUF729"/>
    <mergeCell ref="TUG729:TUJ729"/>
    <mergeCell ref="TUK729:TUN729"/>
    <mergeCell ref="UDU729:UDX729"/>
    <mergeCell ref="UDY729:UEB729"/>
    <mergeCell ref="UEC729:UEF729"/>
    <mergeCell ref="UEG729:UEJ729"/>
    <mergeCell ref="UEK729:UEN729"/>
    <mergeCell ref="UDA729:UDD729"/>
    <mergeCell ref="UDE729:UDH729"/>
    <mergeCell ref="UDI729:UDL729"/>
    <mergeCell ref="UDM729:UDP729"/>
    <mergeCell ref="UDQ729:UDT729"/>
    <mergeCell ref="UCG729:UCJ729"/>
    <mergeCell ref="UCK729:UCN729"/>
    <mergeCell ref="UCO729:UCR729"/>
    <mergeCell ref="UCS729:UCV729"/>
    <mergeCell ref="UCW729:UCZ729"/>
    <mergeCell ref="UBM729:UBP729"/>
    <mergeCell ref="UBQ729:UBT729"/>
    <mergeCell ref="UBU729:UBX729"/>
    <mergeCell ref="UBY729:UCB729"/>
    <mergeCell ref="UCC729:UCF729"/>
    <mergeCell ref="UAS729:UAV729"/>
    <mergeCell ref="UAW729:UAZ729"/>
    <mergeCell ref="UBA729:UBD729"/>
    <mergeCell ref="UBE729:UBH729"/>
    <mergeCell ref="UBI729:UBL729"/>
    <mergeCell ref="TZY729:UAB729"/>
    <mergeCell ref="UAC729:UAF729"/>
    <mergeCell ref="UAG729:UAJ729"/>
    <mergeCell ref="UAK729:UAN729"/>
    <mergeCell ref="UAO729:UAR729"/>
    <mergeCell ref="TZE729:TZH729"/>
    <mergeCell ref="TZI729:TZL729"/>
    <mergeCell ref="TZM729:TZP729"/>
    <mergeCell ref="TZQ729:TZT729"/>
    <mergeCell ref="TZU729:TZX729"/>
    <mergeCell ref="UJE729:UJH729"/>
    <mergeCell ref="UJI729:UJL729"/>
    <mergeCell ref="UJM729:UJP729"/>
    <mergeCell ref="UJQ729:UJT729"/>
    <mergeCell ref="UJU729:UJX729"/>
    <mergeCell ref="UIK729:UIN729"/>
    <mergeCell ref="UIO729:UIR729"/>
    <mergeCell ref="UIS729:UIV729"/>
    <mergeCell ref="UIW729:UIZ729"/>
    <mergeCell ref="UJA729:UJD729"/>
    <mergeCell ref="UHQ729:UHT729"/>
    <mergeCell ref="UHU729:UHX729"/>
    <mergeCell ref="UHY729:UIB729"/>
    <mergeCell ref="UIC729:UIF729"/>
    <mergeCell ref="UIG729:UIJ729"/>
    <mergeCell ref="UGW729:UGZ729"/>
    <mergeCell ref="UHA729:UHD729"/>
    <mergeCell ref="UHE729:UHH729"/>
    <mergeCell ref="UHI729:UHL729"/>
    <mergeCell ref="UHM729:UHP729"/>
    <mergeCell ref="UGC729:UGF729"/>
    <mergeCell ref="UGG729:UGJ729"/>
    <mergeCell ref="UGK729:UGN729"/>
    <mergeCell ref="UGO729:UGR729"/>
    <mergeCell ref="UGS729:UGV729"/>
    <mergeCell ref="UFI729:UFL729"/>
    <mergeCell ref="UFM729:UFP729"/>
    <mergeCell ref="UFQ729:UFT729"/>
    <mergeCell ref="UFU729:UFX729"/>
    <mergeCell ref="UFY729:UGB729"/>
    <mergeCell ref="UEO729:UER729"/>
    <mergeCell ref="UES729:UEV729"/>
    <mergeCell ref="UEW729:UEZ729"/>
    <mergeCell ref="UFA729:UFD729"/>
    <mergeCell ref="UFE729:UFH729"/>
    <mergeCell ref="UOO729:UOR729"/>
    <mergeCell ref="UOS729:UOV729"/>
    <mergeCell ref="UOW729:UOZ729"/>
    <mergeCell ref="UPA729:UPD729"/>
    <mergeCell ref="UPE729:UPH729"/>
    <mergeCell ref="UNU729:UNX729"/>
    <mergeCell ref="UNY729:UOB729"/>
    <mergeCell ref="UOC729:UOF729"/>
    <mergeCell ref="UOG729:UOJ729"/>
    <mergeCell ref="UOK729:UON729"/>
    <mergeCell ref="UNA729:UND729"/>
    <mergeCell ref="UNE729:UNH729"/>
    <mergeCell ref="UNI729:UNL729"/>
    <mergeCell ref="UNM729:UNP729"/>
    <mergeCell ref="UNQ729:UNT729"/>
    <mergeCell ref="UMG729:UMJ729"/>
    <mergeCell ref="UMK729:UMN729"/>
    <mergeCell ref="UMO729:UMR729"/>
    <mergeCell ref="UMS729:UMV729"/>
    <mergeCell ref="UMW729:UMZ729"/>
    <mergeCell ref="ULM729:ULP729"/>
    <mergeCell ref="ULQ729:ULT729"/>
    <mergeCell ref="ULU729:ULX729"/>
    <mergeCell ref="ULY729:UMB729"/>
    <mergeCell ref="UMC729:UMF729"/>
    <mergeCell ref="UKS729:UKV729"/>
    <mergeCell ref="UKW729:UKZ729"/>
    <mergeCell ref="ULA729:ULD729"/>
    <mergeCell ref="ULE729:ULH729"/>
    <mergeCell ref="ULI729:ULL729"/>
    <mergeCell ref="UJY729:UKB729"/>
    <mergeCell ref="UKC729:UKF729"/>
    <mergeCell ref="UKG729:UKJ729"/>
    <mergeCell ref="UKK729:UKN729"/>
    <mergeCell ref="UKO729:UKR729"/>
    <mergeCell ref="UTY729:UUB729"/>
    <mergeCell ref="UUC729:UUF729"/>
    <mergeCell ref="UUG729:UUJ729"/>
    <mergeCell ref="UUK729:UUN729"/>
    <mergeCell ref="UUO729:UUR729"/>
    <mergeCell ref="UTE729:UTH729"/>
    <mergeCell ref="UTI729:UTL729"/>
    <mergeCell ref="UTM729:UTP729"/>
    <mergeCell ref="UTQ729:UTT729"/>
    <mergeCell ref="UTU729:UTX729"/>
    <mergeCell ref="USK729:USN729"/>
    <mergeCell ref="USO729:USR729"/>
    <mergeCell ref="USS729:USV729"/>
    <mergeCell ref="USW729:USZ729"/>
    <mergeCell ref="UTA729:UTD729"/>
    <mergeCell ref="URQ729:URT729"/>
    <mergeCell ref="URU729:URX729"/>
    <mergeCell ref="URY729:USB729"/>
    <mergeCell ref="USC729:USF729"/>
    <mergeCell ref="USG729:USJ729"/>
    <mergeCell ref="UQW729:UQZ729"/>
    <mergeCell ref="URA729:URD729"/>
    <mergeCell ref="URE729:URH729"/>
    <mergeCell ref="URI729:URL729"/>
    <mergeCell ref="URM729:URP729"/>
    <mergeCell ref="UQC729:UQF729"/>
    <mergeCell ref="UQG729:UQJ729"/>
    <mergeCell ref="UQK729:UQN729"/>
    <mergeCell ref="UQO729:UQR729"/>
    <mergeCell ref="UQS729:UQV729"/>
    <mergeCell ref="UPI729:UPL729"/>
    <mergeCell ref="UPM729:UPP729"/>
    <mergeCell ref="UPQ729:UPT729"/>
    <mergeCell ref="UPU729:UPX729"/>
    <mergeCell ref="UPY729:UQB729"/>
    <mergeCell ref="UZI729:UZL729"/>
    <mergeCell ref="UZM729:UZP729"/>
    <mergeCell ref="UZQ729:UZT729"/>
    <mergeCell ref="UZU729:UZX729"/>
    <mergeCell ref="UZY729:VAB729"/>
    <mergeCell ref="UYO729:UYR729"/>
    <mergeCell ref="UYS729:UYV729"/>
    <mergeCell ref="UYW729:UYZ729"/>
    <mergeCell ref="UZA729:UZD729"/>
    <mergeCell ref="UZE729:UZH729"/>
    <mergeCell ref="UXU729:UXX729"/>
    <mergeCell ref="UXY729:UYB729"/>
    <mergeCell ref="UYC729:UYF729"/>
    <mergeCell ref="UYG729:UYJ729"/>
    <mergeCell ref="UYK729:UYN729"/>
    <mergeCell ref="UXA729:UXD729"/>
    <mergeCell ref="UXE729:UXH729"/>
    <mergeCell ref="UXI729:UXL729"/>
    <mergeCell ref="UXM729:UXP729"/>
    <mergeCell ref="UXQ729:UXT729"/>
    <mergeCell ref="UWG729:UWJ729"/>
    <mergeCell ref="UWK729:UWN729"/>
    <mergeCell ref="UWO729:UWR729"/>
    <mergeCell ref="UWS729:UWV729"/>
    <mergeCell ref="UWW729:UWZ729"/>
    <mergeCell ref="UVM729:UVP729"/>
    <mergeCell ref="UVQ729:UVT729"/>
    <mergeCell ref="UVU729:UVX729"/>
    <mergeCell ref="UVY729:UWB729"/>
    <mergeCell ref="UWC729:UWF729"/>
    <mergeCell ref="UUS729:UUV729"/>
    <mergeCell ref="UUW729:UUZ729"/>
    <mergeCell ref="UVA729:UVD729"/>
    <mergeCell ref="UVE729:UVH729"/>
    <mergeCell ref="UVI729:UVL729"/>
    <mergeCell ref="VES729:VEV729"/>
    <mergeCell ref="VEW729:VEZ729"/>
    <mergeCell ref="VFA729:VFD729"/>
    <mergeCell ref="VFE729:VFH729"/>
    <mergeCell ref="VFI729:VFL729"/>
    <mergeCell ref="VDY729:VEB729"/>
    <mergeCell ref="VEC729:VEF729"/>
    <mergeCell ref="VEG729:VEJ729"/>
    <mergeCell ref="VEK729:VEN729"/>
    <mergeCell ref="VEO729:VER729"/>
    <mergeCell ref="VDE729:VDH729"/>
    <mergeCell ref="VDI729:VDL729"/>
    <mergeCell ref="VDM729:VDP729"/>
    <mergeCell ref="VDQ729:VDT729"/>
    <mergeCell ref="VDU729:VDX729"/>
    <mergeCell ref="VCK729:VCN729"/>
    <mergeCell ref="VCO729:VCR729"/>
    <mergeCell ref="VCS729:VCV729"/>
    <mergeCell ref="VCW729:VCZ729"/>
    <mergeCell ref="VDA729:VDD729"/>
    <mergeCell ref="VBQ729:VBT729"/>
    <mergeCell ref="VBU729:VBX729"/>
    <mergeCell ref="VBY729:VCB729"/>
    <mergeCell ref="VCC729:VCF729"/>
    <mergeCell ref="VCG729:VCJ729"/>
    <mergeCell ref="VAW729:VAZ729"/>
    <mergeCell ref="VBA729:VBD729"/>
    <mergeCell ref="VBE729:VBH729"/>
    <mergeCell ref="VBI729:VBL729"/>
    <mergeCell ref="VBM729:VBP729"/>
    <mergeCell ref="VAC729:VAF729"/>
    <mergeCell ref="VAG729:VAJ729"/>
    <mergeCell ref="VAK729:VAN729"/>
    <mergeCell ref="VAO729:VAR729"/>
    <mergeCell ref="VAS729:VAV729"/>
    <mergeCell ref="VKC729:VKF729"/>
    <mergeCell ref="VKG729:VKJ729"/>
    <mergeCell ref="VKK729:VKN729"/>
    <mergeCell ref="VKO729:VKR729"/>
    <mergeCell ref="VKS729:VKV729"/>
    <mergeCell ref="VJI729:VJL729"/>
    <mergeCell ref="VJM729:VJP729"/>
    <mergeCell ref="VJQ729:VJT729"/>
    <mergeCell ref="VJU729:VJX729"/>
    <mergeCell ref="VJY729:VKB729"/>
    <mergeCell ref="VIO729:VIR729"/>
    <mergeCell ref="VIS729:VIV729"/>
    <mergeCell ref="VIW729:VIZ729"/>
    <mergeCell ref="VJA729:VJD729"/>
    <mergeCell ref="VJE729:VJH729"/>
    <mergeCell ref="VHU729:VHX729"/>
    <mergeCell ref="VHY729:VIB729"/>
    <mergeCell ref="VIC729:VIF729"/>
    <mergeCell ref="VIG729:VIJ729"/>
    <mergeCell ref="VIK729:VIN729"/>
    <mergeCell ref="VHA729:VHD729"/>
    <mergeCell ref="VHE729:VHH729"/>
    <mergeCell ref="VHI729:VHL729"/>
    <mergeCell ref="VHM729:VHP729"/>
    <mergeCell ref="VHQ729:VHT729"/>
    <mergeCell ref="VGG729:VGJ729"/>
    <mergeCell ref="VGK729:VGN729"/>
    <mergeCell ref="VGO729:VGR729"/>
    <mergeCell ref="VGS729:VGV729"/>
    <mergeCell ref="VGW729:VGZ729"/>
    <mergeCell ref="VFM729:VFP729"/>
    <mergeCell ref="VFQ729:VFT729"/>
    <mergeCell ref="VFU729:VFX729"/>
    <mergeCell ref="VFY729:VGB729"/>
    <mergeCell ref="VGC729:VGF729"/>
    <mergeCell ref="VPM729:VPP729"/>
    <mergeCell ref="VPQ729:VPT729"/>
    <mergeCell ref="VPU729:VPX729"/>
    <mergeCell ref="VPY729:VQB729"/>
    <mergeCell ref="VQC729:VQF729"/>
    <mergeCell ref="VOS729:VOV729"/>
    <mergeCell ref="VOW729:VOZ729"/>
    <mergeCell ref="VPA729:VPD729"/>
    <mergeCell ref="VPE729:VPH729"/>
    <mergeCell ref="VPI729:VPL729"/>
    <mergeCell ref="VNY729:VOB729"/>
    <mergeCell ref="VOC729:VOF729"/>
    <mergeCell ref="VOG729:VOJ729"/>
    <mergeCell ref="VOK729:VON729"/>
    <mergeCell ref="VOO729:VOR729"/>
    <mergeCell ref="VNE729:VNH729"/>
    <mergeCell ref="VNI729:VNL729"/>
    <mergeCell ref="VNM729:VNP729"/>
    <mergeCell ref="VNQ729:VNT729"/>
    <mergeCell ref="VNU729:VNX729"/>
    <mergeCell ref="VMK729:VMN729"/>
    <mergeCell ref="VMO729:VMR729"/>
    <mergeCell ref="VMS729:VMV729"/>
    <mergeCell ref="VMW729:VMZ729"/>
    <mergeCell ref="VNA729:VND729"/>
    <mergeCell ref="VLQ729:VLT729"/>
    <mergeCell ref="VLU729:VLX729"/>
    <mergeCell ref="VLY729:VMB729"/>
    <mergeCell ref="VMC729:VMF729"/>
    <mergeCell ref="VMG729:VMJ729"/>
    <mergeCell ref="VKW729:VKZ729"/>
    <mergeCell ref="VLA729:VLD729"/>
    <mergeCell ref="VLE729:VLH729"/>
    <mergeCell ref="VLI729:VLL729"/>
    <mergeCell ref="VLM729:VLP729"/>
    <mergeCell ref="VUW729:VUZ729"/>
    <mergeCell ref="VVA729:VVD729"/>
    <mergeCell ref="VVE729:VVH729"/>
    <mergeCell ref="VVI729:VVL729"/>
    <mergeCell ref="VVM729:VVP729"/>
    <mergeCell ref="VUC729:VUF729"/>
    <mergeCell ref="VUG729:VUJ729"/>
    <mergeCell ref="VUK729:VUN729"/>
    <mergeCell ref="VUO729:VUR729"/>
    <mergeCell ref="VUS729:VUV729"/>
    <mergeCell ref="VTI729:VTL729"/>
    <mergeCell ref="VTM729:VTP729"/>
    <mergeCell ref="VTQ729:VTT729"/>
    <mergeCell ref="VTU729:VTX729"/>
    <mergeCell ref="VTY729:VUB729"/>
    <mergeCell ref="VSO729:VSR729"/>
    <mergeCell ref="VSS729:VSV729"/>
    <mergeCell ref="VSW729:VSZ729"/>
    <mergeCell ref="VTA729:VTD729"/>
    <mergeCell ref="VTE729:VTH729"/>
    <mergeCell ref="VRU729:VRX729"/>
    <mergeCell ref="VRY729:VSB729"/>
    <mergeCell ref="VSC729:VSF729"/>
    <mergeCell ref="VSG729:VSJ729"/>
    <mergeCell ref="VSK729:VSN729"/>
    <mergeCell ref="VRA729:VRD729"/>
    <mergeCell ref="VRE729:VRH729"/>
    <mergeCell ref="VRI729:VRL729"/>
    <mergeCell ref="VRM729:VRP729"/>
    <mergeCell ref="VRQ729:VRT729"/>
    <mergeCell ref="VQG729:VQJ729"/>
    <mergeCell ref="VQK729:VQN729"/>
    <mergeCell ref="VQO729:VQR729"/>
    <mergeCell ref="VQS729:VQV729"/>
    <mergeCell ref="VQW729:VQZ729"/>
    <mergeCell ref="WAG729:WAJ729"/>
    <mergeCell ref="WAK729:WAN729"/>
    <mergeCell ref="WAO729:WAR729"/>
    <mergeCell ref="WAS729:WAV729"/>
    <mergeCell ref="WAW729:WAZ729"/>
    <mergeCell ref="VZM729:VZP729"/>
    <mergeCell ref="VZQ729:VZT729"/>
    <mergeCell ref="VZU729:VZX729"/>
    <mergeCell ref="VZY729:WAB729"/>
    <mergeCell ref="WAC729:WAF729"/>
    <mergeCell ref="VYS729:VYV729"/>
    <mergeCell ref="VYW729:VYZ729"/>
    <mergeCell ref="VZA729:VZD729"/>
    <mergeCell ref="VZE729:VZH729"/>
    <mergeCell ref="VZI729:VZL729"/>
    <mergeCell ref="VXY729:VYB729"/>
    <mergeCell ref="VYC729:VYF729"/>
    <mergeCell ref="VYG729:VYJ729"/>
    <mergeCell ref="VYK729:VYN729"/>
    <mergeCell ref="VYO729:VYR729"/>
    <mergeCell ref="VXE729:VXH729"/>
    <mergeCell ref="VXI729:VXL729"/>
    <mergeCell ref="VXM729:VXP729"/>
    <mergeCell ref="VXQ729:VXT729"/>
    <mergeCell ref="VXU729:VXX729"/>
    <mergeCell ref="VWK729:VWN729"/>
    <mergeCell ref="VWO729:VWR729"/>
    <mergeCell ref="VWS729:VWV729"/>
    <mergeCell ref="VWW729:VWZ729"/>
    <mergeCell ref="VXA729:VXD729"/>
    <mergeCell ref="VVQ729:VVT729"/>
    <mergeCell ref="VVU729:VVX729"/>
    <mergeCell ref="VVY729:VWB729"/>
    <mergeCell ref="VWC729:VWF729"/>
    <mergeCell ref="VWG729:VWJ729"/>
    <mergeCell ref="WFQ729:WFT729"/>
    <mergeCell ref="WFU729:WFX729"/>
    <mergeCell ref="WFY729:WGB729"/>
    <mergeCell ref="WGC729:WGF729"/>
    <mergeCell ref="WGG729:WGJ729"/>
    <mergeCell ref="WEW729:WEZ729"/>
    <mergeCell ref="WFA729:WFD729"/>
    <mergeCell ref="WFE729:WFH729"/>
    <mergeCell ref="WFI729:WFL729"/>
    <mergeCell ref="WFM729:WFP729"/>
    <mergeCell ref="WEC729:WEF729"/>
    <mergeCell ref="WEG729:WEJ729"/>
    <mergeCell ref="WEK729:WEN729"/>
    <mergeCell ref="WEO729:WER729"/>
    <mergeCell ref="WES729:WEV729"/>
    <mergeCell ref="WDI729:WDL729"/>
    <mergeCell ref="WDM729:WDP729"/>
    <mergeCell ref="WDQ729:WDT729"/>
    <mergeCell ref="WDU729:WDX729"/>
    <mergeCell ref="WDY729:WEB729"/>
    <mergeCell ref="WCO729:WCR729"/>
    <mergeCell ref="WCS729:WCV729"/>
    <mergeCell ref="WCW729:WCZ729"/>
    <mergeCell ref="WDA729:WDD729"/>
    <mergeCell ref="WDE729:WDH729"/>
    <mergeCell ref="WBU729:WBX729"/>
    <mergeCell ref="WBY729:WCB729"/>
    <mergeCell ref="WCC729:WCF729"/>
    <mergeCell ref="WCG729:WCJ729"/>
    <mergeCell ref="WCK729:WCN729"/>
    <mergeCell ref="WBA729:WBD729"/>
    <mergeCell ref="WBE729:WBH729"/>
    <mergeCell ref="WBI729:WBL729"/>
    <mergeCell ref="WBM729:WBP729"/>
    <mergeCell ref="WBQ729:WBT729"/>
    <mergeCell ref="WLA729:WLD729"/>
    <mergeCell ref="WLE729:WLH729"/>
    <mergeCell ref="WLI729:WLL729"/>
    <mergeCell ref="WLM729:WLP729"/>
    <mergeCell ref="WLQ729:WLT729"/>
    <mergeCell ref="WKG729:WKJ729"/>
    <mergeCell ref="WKK729:WKN729"/>
    <mergeCell ref="WKO729:WKR729"/>
    <mergeCell ref="WKS729:WKV729"/>
    <mergeCell ref="WKW729:WKZ729"/>
    <mergeCell ref="WJM729:WJP729"/>
    <mergeCell ref="WJQ729:WJT729"/>
    <mergeCell ref="WJU729:WJX729"/>
    <mergeCell ref="WJY729:WKB729"/>
    <mergeCell ref="WKC729:WKF729"/>
    <mergeCell ref="WIS729:WIV729"/>
    <mergeCell ref="WIW729:WIZ729"/>
    <mergeCell ref="WJA729:WJD729"/>
    <mergeCell ref="WJE729:WJH729"/>
    <mergeCell ref="WJI729:WJL729"/>
    <mergeCell ref="WHY729:WIB729"/>
    <mergeCell ref="WIC729:WIF729"/>
    <mergeCell ref="WIG729:WIJ729"/>
    <mergeCell ref="WIK729:WIN729"/>
    <mergeCell ref="WIO729:WIR729"/>
    <mergeCell ref="WHE729:WHH729"/>
    <mergeCell ref="WHI729:WHL729"/>
    <mergeCell ref="WHM729:WHP729"/>
    <mergeCell ref="WHQ729:WHT729"/>
    <mergeCell ref="WHU729:WHX729"/>
    <mergeCell ref="WGK729:WGN729"/>
    <mergeCell ref="WGO729:WGR729"/>
    <mergeCell ref="WGS729:WGV729"/>
    <mergeCell ref="WGW729:WGZ729"/>
    <mergeCell ref="WHA729:WHD729"/>
    <mergeCell ref="WQK729:WQN729"/>
    <mergeCell ref="WQO729:WQR729"/>
    <mergeCell ref="WQS729:WQV729"/>
    <mergeCell ref="WQW729:WQZ729"/>
    <mergeCell ref="WRA729:WRD729"/>
    <mergeCell ref="WPQ729:WPT729"/>
    <mergeCell ref="WPU729:WPX729"/>
    <mergeCell ref="WPY729:WQB729"/>
    <mergeCell ref="WQC729:WQF729"/>
    <mergeCell ref="WQG729:WQJ729"/>
    <mergeCell ref="WOW729:WOZ729"/>
    <mergeCell ref="WPA729:WPD729"/>
    <mergeCell ref="WPE729:WPH729"/>
    <mergeCell ref="WPI729:WPL729"/>
    <mergeCell ref="WPM729:WPP729"/>
    <mergeCell ref="WOC729:WOF729"/>
    <mergeCell ref="WOG729:WOJ729"/>
    <mergeCell ref="WOK729:WON729"/>
    <mergeCell ref="WOO729:WOR729"/>
    <mergeCell ref="WOS729:WOV729"/>
    <mergeCell ref="WNI729:WNL729"/>
    <mergeCell ref="WNM729:WNP729"/>
    <mergeCell ref="WNQ729:WNT729"/>
    <mergeCell ref="WNU729:WNX729"/>
    <mergeCell ref="WNY729:WOB729"/>
    <mergeCell ref="WMO729:WMR729"/>
    <mergeCell ref="WMS729:WMV729"/>
    <mergeCell ref="WMW729:WMZ729"/>
    <mergeCell ref="WNA729:WND729"/>
    <mergeCell ref="WNE729:WNH729"/>
    <mergeCell ref="WLU729:WLX729"/>
    <mergeCell ref="WLY729:WMB729"/>
    <mergeCell ref="WMC729:WMF729"/>
    <mergeCell ref="WMG729:WMJ729"/>
    <mergeCell ref="WMK729:WMN729"/>
    <mergeCell ref="WVU729:WVX729"/>
    <mergeCell ref="WVY729:WWB729"/>
    <mergeCell ref="WWC729:WWF729"/>
    <mergeCell ref="WWG729:WWJ729"/>
    <mergeCell ref="WWK729:WWN729"/>
    <mergeCell ref="WVA729:WVD729"/>
    <mergeCell ref="WVE729:WVH729"/>
    <mergeCell ref="WVI729:WVL729"/>
    <mergeCell ref="WVM729:WVP729"/>
    <mergeCell ref="WVQ729:WVT729"/>
    <mergeCell ref="WUG729:WUJ729"/>
    <mergeCell ref="WUK729:WUN729"/>
    <mergeCell ref="WUO729:WUR729"/>
    <mergeCell ref="WUS729:WUV729"/>
    <mergeCell ref="WUW729:WUZ729"/>
    <mergeCell ref="WTM729:WTP729"/>
    <mergeCell ref="WTQ729:WTT729"/>
    <mergeCell ref="WTU729:WTX729"/>
    <mergeCell ref="WTY729:WUB729"/>
    <mergeCell ref="WUC729:WUF729"/>
    <mergeCell ref="WSS729:WSV729"/>
    <mergeCell ref="WSW729:WSZ729"/>
    <mergeCell ref="WTA729:WTD729"/>
    <mergeCell ref="WTE729:WTH729"/>
    <mergeCell ref="WTI729:WTL729"/>
    <mergeCell ref="WRY729:WSB729"/>
    <mergeCell ref="WSC729:WSF729"/>
    <mergeCell ref="WSG729:WSJ729"/>
    <mergeCell ref="WSK729:WSN729"/>
    <mergeCell ref="WSO729:WSR729"/>
    <mergeCell ref="WRE729:WRH729"/>
    <mergeCell ref="WRI729:WRL729"/>
    <mergeCell ref="WRM729:WRP729"/>
    <mergeCell ref="WRQ729:WRT729"/>
    <mergeCell ref="WRU729:WRX729"/>
    <mergeCell ref="XCK729:XCN729"/>
    <mergeCell ref="XCO729:XCR729"/>
    <mergeCell ref="XBE729:XBH729"/>
    <mergeCell ref="XBI729:XBL729"/>
    <mergeCell ref="XBM729:XBP729"/>
    <mergeCell ref="XBQ729:XBT729"/>
    <mergeCell ref="XBU729:XBX729"/>
    <mergeCell ref="XAK729:XAN729"/>
    <mergeCell ref="XAO729:XAR729"/>
    <mergeCell ref="XAS729:XAV729"/>
    <mergeCell ref="XAW729:XAZ729"/>
    <mergeCell ref="XBA729:XBD729"/>
    <mergeCell ref="WZQ729:WZT729"/>
    <mergeCell ref="WZU729:WZX729"/>
    <mergeCell ref="WZY729:XAB729"/>
    <mergeCell ref="XAC729:XAF729"/>
    <mergeCell ref="XAG729:XAJ729"/>
    <mergeCell ref="WYW729:WYZ729"/>
    <mergeCell ref="WZA729:WZD729"/>
    <mergeCell ref="WZE729:WZH729"/>
    <mergeCell ref="WZI729:WZL729"/>
    <mergeCell ref="WZM729:WZP729"/>
    <mergeCell ref="WYC729:WYF729"/>
    <mergeCell ref="WYG729:WYJ729"/>
    <mergeCell ref="WYK729:WYN729"/>
    <mergeCell ref="WYO729:WYR729"/>
    <mergeCell ref="WYS729:WYV729"/>
    <mergeCell ref="WXI729:WXL729"/>
    <mergeCell ref="WXM729:WXP729"/>
    <mergeCell ref="WXQ729:WXT729"/>
    <mergeCell ref="WXU729:WXX729"/>
    <mergeCell ref="WXY729:WYB729"/>
    <mergeCell ref="WWO729:WWR729"/>
    <mergeCell ref="WWS729:WWV729"/>
    <mergeCell ref="WWW729:WWZ729"/>
    <mergeCell ref="WXA729:WXD729"/>
    <mergeCell ref="WXE729:WXH729"/>
    <mergeCell ref="FE730:FH730"/>
    <mergeCell ref="FI730:FL730"/>
    <mergeCell ref="FM730:FP730"/>
    <mergeCell ref="FQ730:FT730"/>
    <mergeCell ref="FU730:FX730"/>
    <mergeCell ref="EK730:EN730"/>
    <mergeCell ref="EO730:ER730"/>
    <mergeCell ref="ES730:EV730"/>
    <mergeCell ref="EW730:EZ730"/>
    <mergeCell ref="FA730:FD730"/>
    <mergeCell ref="DQ730:DT730"/>
    <mergeCell ref="DU730:DX730"/>
    <mergeCell ref="DY730:EB730"/>
    <mergeCell ref="EC730:EF730"/>
    <mergeCell ref="EG730:EJ730"/>
    <mergeCell ref="CW730:CZ730"/>
    <mergeCell ref="DA730:DD730"/>
    <mergeCell ref="DE730:DH730"/>
    <mergeCell ref="DI730:DL730"/>
    <mergeCell ref="DM730:DP730"/>
    <mergeCell ref="CC730:CF730"/>
    <mergeCell ref="CG730:CJ730"/>
    <mergeCell ref="CK730:CN730"/>
    <mergeCell ref="CO730:CR730"/>
    <mergeCell ref="CS730:CV730"/>
    <mergeCell ref="BI730:BL730"/>
    <mergeCell ref="BM730:BP730"/>
    <mergeCell ref="BQ730:BT730"/>
    <mergeCell ref="BU730:BX730"/>
    <mergeCell ref="BY730:CB730"/>
    <mergeCell ref="XFA729:XFD729"/>
    <mergeCell ref="A730:D730"/>
    <mergeCell ref="E730:H730"/>
    <mergeCell ref="I730:L730"/>
    <mergeCell ref="M730:P730"/>
    <mergeCell ref="Q730:T730"/>
    <mergeCell ref="U730:X730"/>
    <mergeCell ref="Y730:AB730"/>
    <mergeCell ref="AC730:AF730"/>
    <mergeCell ref="AG730:AJ730"/>
    <mergeCell ref="AK730:AN730"/>
    <mergeCell ref="AO730:AR730"/>
    <mergeCell ref="AS730:AV730"/>
    <mergeCell ref="AW730:AZ730"/>
    <mergeCell ref="BA730:BD730"/>
    <mergeCell ref="BE730:BH730"/>
    <mergeCell ref="XEG729:XEJ729"/>
    <mergeCell ref="XEK729:XEN729"/>
    <mergeCell ref="XEO729:XER729"/>
    <mergeCell ref="XES729:XEV729"/>
    <mergeCell ref="XEW729:XEZ729"/>
    <mergeCell ref="XDM729:XDP729"/>
    <mergeCell ref="XDQ729:XDT729"/>
    <mergeCell ref="XDU729:XDX729"/>
    <mergeCell ref="XDY729:XEB729"/>
    <mergeCell ref="XEC729:XEF729"/>
    <mergeCell ref="XCS729:XCV729"/>
    <mergeCell ref="XCW729:XCZ729"/>
    <mergeCell ref="XDA729:XDD729"/>
    <mergeCell ref="XDE729:XDH729"/>
    <mergeCell ref="XDI729:XDL729"/>
    <mergeCell ref="XBY729:XCB729"/>
    <mergeCell ref="XCC729:XCF729"/>
    <mergeCell ref="XCG729:XCJ729"/>
    <mergeCell ref="KO730:KR730"/>
    <mergeCell ref="KS730:KV730"/>
    <mergeCell ref="KW730:KZ730"/>
    <mergeCell ref="LA730:LD730"/>
    <mergeCell ref="LE730:LH730"/>
    <mergeCell ref="JU730:JX730"/>
    <mergeCell ref="JY730:KB730"/>
    <mergeCell ref="KC730:KF730"/>
    <mergeCell ref="KG730:KJ730"/>
    <mergeCell ref="KK730:KN730"/>
    <mergeCell ref="JA730:JD730"/>
    <mergeCell ref="JE730:JH730"/>
    <mergeCell ref="JI730:JL730"/>
    <mergeCell ref="JM730:JP730"/>
    <mergeCell ref="JQ730:JT730"/>
    <mergeCell ref="IG730:IJ730"/>
    <mergeCell ref="IK730:IN730"/>
    <mergeCell ref="IO730:IR730"/>
    <mergeCell ref="IS730:IV730"/>
    <mergeCell ref="IW730:IZ730"/>
    <mergeCell ref="HM730:HP730"/>
    <mergeCell ref="HQ730:HT730"/>
    <mergeCell ref="HU730:HX730"/>
    <mergeCell ref="HY730:IB730"/>
    <mergeCell ref="IC730:IF730"/>
    <mergeCell ref="GS730:GV730"/>
    <mergeCell ref="GW730:GZ730"/>
    <mergeCell ref="HA730:HD730"/>
    <mergeCell ref="HE730:HH730"/>
    <mergeCell ref="HI730:HL730"/>
    <mergeCell ref="FY730:GB730"/>
    <mergeCell ref="GC730:GF730"/>
    <mergeCell ref="GG730:GJ730"/>
    <mergeCell ref="GK730:GN730"/>
    <mergeCell ref="GO730:GR730"/>
    <mergeCell ref="PY730:QB730"/>
    <mergeCell ref="QC730:QF730"/>
    <mergeCell ref="QG730:QJ730"/>
    <mergeCell ref="QK730:QN730"/>
    <mergeCell ref="QO730:QR730"/>
    <mergeCell ref="PE730:PH730"/>
    <mergeCell ref="PI730:PL730"/>
    <mergeCell ref="PM730:PP730"/>
    <mergeCell ref="PQ730:PT730"/>
    <mergeCell ref="PU730:PX730"/>
    <mergeCell ref="OK730:ON730"/>
    <mergeCell ref="OO730:OR730"/>
    <mergeCell ref="OS730:OV730"/>
    <mergeCell ref="OW730:OZ730"/>
    <mergeCell ref="PA730:PD730"/>
    <mergeCell ref="NQ730:NT730"/>
    <mergeCell ref="NU730:NX730"/>
    <mergeCell ref="NY730:OB730"/>
    <mergeCell ref="OC730:OF730"/>
    <mergeCell ref="OG730:OJ730"/>
    <mergeCell ref="MW730:MZ730"/>
    <mergeCell ref="NA730:ND730"/>
    <mergeCell ref="NE730:NH730"/>
    <mergeCell ref="NI730:NL730"/>
    <mergeCell ref="NM730:NP730"/>
    <mergeCell ref="MC730:MF730"/>
    <mergeCell ref="MG730:MJ730"/>
    <mergeCell ref="MK730:MN730"/>
    <mergeCell ref="MO730:MR730"/>
    <mergeCell ref="MS730:MV730"/>
    <mergeCell ref="LI730:LL730"/>
    <mergeCell ref="LM730:LP730"/>
    <mergeCell ref="LQ730:LT730"/>
    <mergeCell ref="LU730:LX730"/>
    <mergeCell ref="LY730:MB730"/>
    <mergeCell ref="VI730:VL730"/>
    <mergeCell ref="VM730:VP730"/>
    <mergeCell ref="VQ730:VT730"/>
    <mergeCell ref="VU730:VX730"/>
    <mergeCell ref="VY730:WB730"/>
    <mergeCell ref="UO730:UR730"/>
    <mergeCell ref="US730:UV730"/>
    <mergeCell ref="UW730:UZ730"/>
    <mergeCell ref="VA730:VD730"/>
    <mergeCell ref="VE730:VH730"/>
    <mergeCell ref="TU730:TX730"/>
    <mergeCell ref="TY730:UB730"/>
    <mergeCell ref="UC730:UF730"/>
    <mergeCell ref="UG730:UJ730"/>
    <mergeCell ref="UK730:UN730"/>
    <mergeCell ref="TA730:TD730"/>
    <mergeCell ref="TE730:TH730"/>
    <mergeCell ref="TI730:TL730"/>
    <mergeCell ref="TM730:TP730"/>
    <mergeCell ref="TQ730:TT730"/>
    <mergeCell ref="SG730:SJ730"/>
    <mergeCell ref="SK730:SN730"/>
    <mergeCell ref="SO730:SR730"/>
    <mergeCell ref="SS730:SV730"/>
    <mergeCell ref="SW730:SZ730"/>
    <mergeCell ref="RM730:RP730"/>
    <mergeCell ref="RQ730:RT730"/>
    <mergeCell ref="RU730:RX730"/>
    <mergeCell ref="RY730:SB730"/>
    <mergeCell ref="SC730:SF730"/>
    <mergeCell ref="QS730:QV730"/>
    <mergeCell ref="QW730:QZ730"/>
    <mergeCell ref="RA730:RD730"/>
    <mergeCell ref="RE730:RH730"/>
    <mergeCell ref="RI730:RL730"/>
    <mergeCell ref="AAS730:AAV730"/>
    <mergeCell ref="AAW730:AAZ730"/>
    <mergeCell ref="ABA730:ABD730"/>
    <mergeCell ref="ABE730:ABH730"/>
    <mergeCell ref="ABI730:ABL730"/>
    <mergeCell ref="ZY730:AAB730"/>
    <mergeCell ref="AAC730:AAF730"/>
    <mergeCell ref="AAG730:AAJ730"/>
    <mergeCell ref="AAK730:AAN730"/>
    <mergeCell ref="AAO730:AAR730"/>
    <mergeCell ref="ZE730:ZH730"/>
    <mergeCell ref="ZI730:ZL730"/>
    <mergeCell ref="ZM730:ZP730"/>
    <mergeCell ref="ZQ730:ZT730"/>
    <mergeCell ref="ZU730:ZX730"/>
    <mergeCell ref="YK730:YN730"/>
    <mergeCell ref="YO730:YR730"/>
    <mergeCell ref="YS730:YV730"/>
    <mergeCell ref="YW730:YZ730"/>
    <mergeCell ref="ZA730:ZD730"/>
    <mergeCell ref="XQ730:XT730"/>
    <mergeCell ref="XU730:XX730"/>
    <mergeCell ref="XY730:YB730"/>
    <mergeCell ref="YC730:YF730"/>
    <mergeCell ref="YG730:YJ730"/>
    <mergeCell ref="WW730:WZ730"/>
    <mergeCell ref="XA730:XD730"/>
    <mergeCell ref="XE730:XH730"/>
    <mergeCell ref="XI730:XL730"/>
    <mergeCell ref="XM730:XP730"/>
    <mergeCell ref="WC730:WF730"/>
    <mergeCell ref="WG730:WJ730"/>
    <mergeCell ref="WK730:WN730"/>
    <mergeCell ref="WO730:WR730"/>
    <mergeCell ref="WS730:WV730"/>
    <mergeCell ref="AGC730:AGF730"/>
    <mergeCell ref="AGG730:AGJ730"/>
    <mergeCell ref="AGK730:AGN730"/>
    <mergeCell ref="AGO730:AGR730"/>
    <mergeCell ref="AGS730:AGV730"/>
    <mergeCell ref="AFI730:AFL730"/>
    <mergeCell ref="AFM730:AFP730"/>
    <mergeCell ref="AFQ730:AFT730"/>
    <mergeCell ref="AFU730:AFX730"/>
    <mergeCell ref="AFY730:AGB730"/>
    <mergeCell ref="AEO730:AER730"/>
    <mergeCell ref="AES730:AEV730"/>
    <mergeCell ref="AEW730:AEZ730"/>
    <mergeCell ref="AFA730:AFD730"/>
    <mergeCell ref="AFE730:AFH730"/>
    <mergeCell ref="ADU730:ADX730"/>
    <mergeCell ref="ADY730:AEB730"/>
    <mergeCell ref="AEC730:AEF730"/>
    <mergeCell ref="AEG730:AEJ730"/>
    <mergeCell ref="AEK730:AEN730"/>
    <mergeCell ref="ADA730:ADD730"/>
    <mergeCell ref="ADE730:ADH730"/>
    <mergeCell ref="ADI730:ADL730"/>
    <mergeCell ref="ADM730:ADP730"/>
    <mergeCell ref="ADQ730:ADT730"/>
    <mergeCell ref="ACG730:ACJ730"/>
    <mergeCell ref="ACK730:ACN730"/>
    <mergeCell ref="ACO730:ACR730"/>
    <mergeCell ref="ACS730:ACV730"/>
    <mergeCell ref="ACW730:ACZ730"/>
    <mergeCell ref="ABM730:ABP730"/>
    <mergeCell ref="ABQ730:ABT730"/>
    <mergeCell ref="ABU730:ABX730"/>
    <mergeCell ref="ABY730:ACB730"/>
    <mergeCell ref="ACC730:ACF730"/>
    <mergeCell ref="ALM730:ALP730"/>
    <mergeCell ref="ALQ730:ALT730"/>
    <mergeCell ref="ALU730:ALX730"/>
    <mergeCell ref="ALY730:AMB730"/>
    <mergeCell ref="AMC730:AMF730"/>
    <mergeCell ref="AKS730:AKV730"/>
    <mergeCell ref="AKW730:AKZ730"/>
    <mergeCell ref="ALA730:ALD730"/>
    <mergeCell ref="ALE730:ALH730"/>
    <mergeCell ref="ALI730:ALL730"/>
    <mergeCell ref="AJY730:AKB730"/>
    <mergeCell ref="AKC730:AKF730"/>
    <mergeCell ref="AKG730:AKJ730"/>
    <mergeCell ref="AKK730:AKN730"/>
    <mergeCell ref="AKO730:AKR730"/>
    <mergeCell ref="AJE730:AJH730"/>
    <mergeCell ref="AJI730:AJL730"/>
    <mergeCell ref="AJM730:AJP730"/>
    <mergeCell ref="AJQ730:AJT730"/>
    <mergeCell ref="AJU730:AJX730"/>
    <mergeCell ref="AIK730:AIN730"/>
    <mergeCell ref="AIO730:AIR730"/>
    <mergeCell ref="AIS730:AIV730"/>
    <mergeCell ref="AIW730:AIZ730"/>
    <mergeCell ref="AJA730:AJD730"/>
    <mergeCell ref="AHQ730:AHT730"/>
    <mergeCell ref="AHU730:AHX730"/>
    <mergeCell ref="AHY730:AIB730"/>
    <mergeCell ref="AIC730:AIF730"/>
    <mergeCell ref="AIG730:AIJ730"/>
    <mergeCell ref="AGW730:AGZ730"/>
    <mergeCell ref="AHA730:AHD730"/>
    <mergeCell ref="AHE730:AHH730"/>
    <mergeCell ref="AHI730:AHL730"/>
    <mergeCell ref="AHM730:AHP730"/>
    <mergeCell ref="AQW730:AQZ730"/>
    <mergeCell ref="ARA730:ARD730"/>
    <mergeCell ref="ARE730:ARH730"/>
    <mergeCell ref="ARI730:ARL730"/>
    <mergeCell ref="ARM730:ARP730"/>
    <mergeCell ref="AQC730:AQF730"/>
    <mergeCell ref="AQG730:AQJ730"/>
    <mergeCell ref="AQK730:AQN730"/>
    <mergeCell ref="AQO730:AQR730"/>
    <mergeCell ref="AQS730:AQV730"/>
    <mergeCell ref="API730:APL730"/>
    <mergeCell ref="APM730:APP730"/>
    <mergeCell ref="APQ730:APT730"/>
    <mergeCell ref="APU730:APX730"/>
    <mergeCell ref="APY730:AQB730"/>
    <mergeCell ref="AOO730:AOR730"/>
    <mergeCell ref="AOS730:AOV730"/>
    <mergeCell ref="AOW730:AOZ730"/>
    <mergeCell ref="APA730:APD730"/>
    <mergeCell ref="APE730:APH730"/>
    <mergeCell ref="ANU730:ANX730"/>
    <mergeCell ref="ANY730:AOB730"/>
    <mergeCell ref="AOC730:AOF730"/>
    <mergeCell ref="AOG730:AOJ730"/>
    <mergeCell ref="AOK730:AON730"/>
    <mergeCell ref="ANA730:AND730"/>
    <mergeCell ref="ANE730:ANH730"/>
    <mergeCell ref="ANI730:ANL730"/>
    <mergeCell ref="ANM730:ANP730"/>
    <mergeCell ref="ANQ730:ANT730"/>
    <mergeCell ref="AMG730:AMJ730"/>
    <mergeCell ref="AMK730:AMN730"/>
    <mergeCell ref="AMO730:AMR730"/>
    <mergeCell ref="AMS730:AMV730"/>
    <mergeCell ref="AMW730:AMZ730"/>
    <mergeCell ref="AWG730:AWJ730"/>
    <mergeCell ref="AWK730:AWN730"/>
    <mergeCell ref="AWO730:AWR730"/>
    <mergeCell ref="AWS730:AWV730"/>
    <mergeCell ref="AWW730:AWZ730"/>
    <mergeCell ref="AVM730:AVP730"/>
    <mergeCell ref="AVQ730:AVT730"/>
    <mergeCell ref="AVU730:AVX730"/>
    <mergeCell ref="AVY730:AWB730"/>
    <mergeCell ref="AWC730:AWF730"/>
    <mergeCell ref="AUS730:AUV730"/>
    <mergeCell ref="AUW730:AUZ730"/>
    <mergeCell ref="AVA730:AVD730"/>
    <mergeCell ref="AVE730:AVH730"/>
    <mergeCell ref="AVI730:AVL730"/>
    <mergeCell ref="ATY730:AUB730"/>
    <mergeCell ref="AUC730:AUF730"/>
    <mergeCell ref="AUG730:AUJ730"/>
    <mergeCell ref="AUK730:AUN730"/>
    <mergeCell ref="AUO730:AUR730"/>
    <mergeCell ref="ATE730:ATH730"/>
    <mergeCell ref="ATI730:ATL730"/>
    <mergeCell ref="ATM730:ATP730"/>
    <mergeCell ref="ATQ730:ATT730"/>
    <mergeCell ref="ATU730:ATX730"/>
    <mergeCell ref="ASK730:ASN730"/>
    <mergeCell ref="ASO730:ASR730"/>
    <mergeCell ref="ASS730:ASV730"/>
    <mergeCell ref="ASW730:ASZ730"/>
    <mergeCell ref="ATA730:ATD730"/>
    <mergeCell ref="ARQ730:ART730"/>
    <mergeCell ref="ARU730:ARX730"/>
    <mergeCell ref="ARY730:ASB730"/>
    <mergeCell ref="ASC730:ASF730"/>
    <mergeCell ref="ASG730:ASJ730"/>
    <mergeCell ref="BBQ730:BBT730"/>
    <mergeCell ref="BBU730:BBX730"/>
    <mergeCell ref="BBY730:BCB730"/>
    <mergeCell ref="BCC730:BCF730"/>
    <mergeCell ref="BCG730:BCJ730"/>
    <mergeCell ref="BAW730:BAZ730"/>
    <mergeCell ref="BBA730:BBD730"/>
    <mergeCell ref="BBE730:BBH730"/>
    <mergeCell ref="BBI730:BBL730"/>
    <mergeCell ref="BBM730:BBP730"/>
    <mergeCell ref="BAC730:BAF730"/>
    <mergeCell ref="BAG730:BAJ730"/>
    <mergeCell ref="BAK730:BAN730"/>
    <mergeCell ref="BAO730:BAR730"/>
    <mergeCell ref="BAS730:BAV730"/>
    <mergeCell ref="AZI730:AZL730"/>
    <mergeCell ref="AZM730:AZP730"/>
    <mergeCell ref="AZQ730:AZT730"/>
    <mergeCell ref="AZU730:AZX730"/>
    <mergeCell ref="AZY730:BAB730"/>
    <mergeCell ref="AYO730:AYR730"/>
    <mergeCell ref="AYS730:AYV730"/>
    <mergeCell ref="AYW730:AYZ730"/>
    <mergeCell ref="AZA730:AZD730"/>
    <mergeCell ref="AZE730:AZH730"/>
    <mergeCell ref="AXU730:AXX730"/>
    <mergeCell ref="AXY730:AYB730"/>
    <mergeCell ref="AYC730:AYF730"/>
    <mergeCell ref="AYG730:AYJ730"/>
    <mergeCell ref="AYK730:AYN730"/>
    <mergeCell ref="AXA730:AXD730"/>
    <mergeCell ref="AXE730:AXH730"/>
    <mergeCell ref="AXI730:AXL730"/>
    <mergeCell ref="AXM730:AXP730"/>
    <mergeCell ref="AXQ730:AXT730"/>
    <mergeCell ref="BHA730:BHD730"/>
    <mergeCell ref="BHE730:BHH730"/>
    <mergeCell ref="BHI730:BHL730"/>
    <mergeCell ref="BHM730:BHP730"/>
    <mergeCell ref="BHQ730:BHT730"/>
    <mergeCell ref="BGG730:BGJ730"/>
    <mergeCell ref="BGK730:BGN730"/>
    <mergeCell ref="BGO730:BGR730"/>
    <mergeCell ref="BGS730:BGV730"/>
    <mergeCell ref="BGW730:BGZ730"/>
    <mergeCell ref="BFM730:BFP730"/>
    <mergeCell ref="BFQ730:BFT730"/>
    <mergeCell ref="BFU730:BFX730"/>
    <mergeCell ref="BFY730:BGB730"/>
    <mergeCell ref="BGC730:BGF730"/>
    <mergeCell ref="BES730:BEV730"/>
    <mergeCell ref="BEW730:BEZ730"/>
    <mergeCell ref="BFA730:BFD730"/>
    <mergeCell ref="BFE730:BFH730"/>
    <mergeCell ref="BFI730:BFL730"/>
    <mergeCell ref="BDY730:BEB730"/>
    <mergeCell ref="BEC730:BEF730"/>
    <mergeCell ref="BEG730:BEJ730"/>
    <mergeCell ref="BEK730:BEN730"/>
    <mergeCell ref="BEO730:BER730"/>
    <mergeCell ref="BDE730:BDH730"/>
    <mergeCell ref="BDI730:BDL730"/>
    <mergeCell ref="BDM730:BDP730"/>
    <mergeCell ref="BDQ730:BDT730"/>
    <mergeCell ref="BDU730:BDX730"/>
    <mergeCell ref="BCK730:BCN730"/>
    <mergeCell ref="BCO730:BCR730"/>
    <mergeCell ref="BCS730:BCV730"/>
    <mergeCell ref="BCW730:BCZ730"/>
    <mergeCell ref="BDA730:BDD730"/>
    <mergeCell ref="BMK730:BMN730"/>
    <mergeCell ref="BMO730:BMR730"/>
    <mergeCell ref="BMS730:BMV730"/>
    <mergeCell ref="BMW730:BMZ730"/>
    <mergeCell ref="BNA730:BND730"/>
    <mergeCell ref="BLQ730:BLT730"/>
    <mergeCell ref="BLU730:BLX730"/>
    <mergeCell ref="BLY730:BMB730"/>
    <mergeCell ref="BMC730:BMF730"/>
    <mergeCell ref="BMG730:BMJ730"/>
    <mergeCell ref="BKW730:BKZ730"/>
    <mergeCell ref="BLA730:BLD730"/>
    <mergeCell ref="BLE730:BLH730"/>
    <mergeCell ref="BLI730:BLL730"/>
    <mergeCell ref="BLM730:BLP730"/>
    <mergeCell ref="BKC730:BKF730"/>
    <mergeCell ref="BKG730:BKJ730"/>
    <mergeCell ref="BKK730:BKN730"/>
    <mergeCell ref="BKO730:BKR730"/>
    <mergeCell ref="BKS730:BKV730"/>
    <mergeCell ref="BJI730:BJL730"/>
    <mergeCell ref="BJM730:BJP730"/>
    <mergeCell ref="BJQ730:BJT730"/>
    <mergeCell ref="BJU730:BJX730"/>
    <mergeCell ref="BJY730:BKB730"/>
    <mergeCell ref="BIO730:BIR730"/>
    <mergeCell ref="BIS730:BIV730"/>
    <mergeCell ref="BIW730:BIZ730"/>
    <mergeCell ref="BJA730:BJD730"/>
    <mergeCell ref="BJE730:BJH730"/>
    <mergeCell ref="BHU730:BHX730"/>
    <mergeCell ref="BHY730:BIB730"/>
    <mergeCell ref="BIC730:BIF730"/>
    <mergeCell ref="BIG730:BIJ730"/>
    <mergeCell ref="BIK730:BIN730"/>
    <mergeCell ref="BRU730:BRX730"/>
    <mergeCell ref="BRY730:BSB730"/>
    <mergeCell ref="BSC730:BSF730"/>
    <mergeCell ref="BSG730:BSJ730"/>
    <mergeCell ref="BSK730:BSN730"/>
    <mergeCell ref="BRA730:BRD730"/>
    <mergeCell ref="BRE730:BRH730"/>
    <mergeCell ref="BRI730:BRL730"/>
    <mergeCell ref="BRM730:BRP730"/>
    <mergeCell ref="BRQ730:BRT730"/>
    <mergeCell ref="BQG730:BQJ730"/>
    <mergeCell ref="BQK730:BQN730"/>
    <mergeCell ref="BQO730:BQR730"/>
    <mergeCell ref="BQS730:BQV730"/>
    <mergeCell ref="BQW730:BQZ730"/>
    <mergeCell ref="BPM730:BPP730"/>
    <mergeCell ref="BPQ730:BPT730"/>
    <mergeCell ref="BPU730:BPX730"/>
    <mergeCell ref="BPY730:BQB730"/>
    <mergeCell ref="BQC730:BQF730"/>
    <mergeCell ref="BOS730:BOV730"/>
    <mergeCell ref="BOW730:BOZ730"/>
    <mergeCell ref="BPA730:BPD730"/>
    <mergeCell ref="BPE730:BPH730"/>
    <mergeCell ref="BPI730:BPL730"/>
    <mergeCell ref="BNY730:BOB730"/>
    <mergeCell ref="BOC730:BOF730"/>
    <mergeCell ref="BOG730:BOJ730"/>
    <mergeCell ref="BOK730:BON730"/>
    <mergeCell ref="BOO730:BOR730"/>
    <mergeCell ref="BNE730:BNH730"/>
    <mergeCell ref="BNI730:BNL730"/>
    <mergeCell ref="BNM730:BNP730"/>
    <mergeCell ref="BNQ730:BNT730"/>
    <mergeCell ref="BNU730:BNX730"/>
    <mergeCell ref="BXE730:BXH730"/>
    <mergeCell ref="BXI730:BXL730"/>
    <mergeCell ref="BXM730:BXP730"/>
    <mergeCell ref="BXQ730:BXT730"/>
    <mergeCell ref="BXU730:BXX730"/>
    <mergeCell ref="BWK730:BWN730"/>
    <mergeCell ref="BWO730:BWR730"/>
    <mergeCell ref="BWS730:BWV730"/>
    <mergeCell ref="BWW730:BWZ730"/>
    <mergeCell ref="BXA730:BXD730"/>
    <mergeCell ref="BVQ730:BVT730"/>
    <mergeCell ref="BVU730:BVX730"/>
    <mergeCell ref="BVY730:BWB730"/>
    <mergeCell ref="BWC730:BWF730"/>
    <mergeCell ref="BWG730:BWJ730"/>
    <mergeCell ref="BUW730:BUZ730"/>
    <mergeCell ref="BVA730:BVD730"/>
    <mergeCell ref="BVE730:BVH730"/>
    <mergeCell ref="BVI730:BVL730"/>
    <mergeCell ref="BVM730:BVP730"/>
    <mergeCell ref="BUC730:BUF730"/>
    <mergeCell ref="BUG730:BUJ730"/>
    <mergeCell ref="BUK730:BUN730"/>
    <mergeCell ref="BUO730:BUR730"/>
    <mergeCell ref="BUS730:BUV730"/>
    <mergeCell ref="BTI730:BTL730"/>
    <mergeCell ref="BTM730:BTP730"/>
    <mergeCell ref="BTQ730:BTT730"/>
    <mergeCell ref="BTU730:BTX730"/>
    <mergeCell ref="BTY730:BUB730"/>
    <mergeCell ref="BSO730:BSR730"/>
    <mergeCell ref="BSS730:BSV730"/>
    <mergeCell ref="BSW730:BSZ730"/>
    <mergeCell ref="BTA730:BTD730"/>
    <mergeCell ref="BTE730:BTH730"/>
    <mergeCell ref="CCO730:CCR730"/>
    <mergeCell ref="CCS730:CCV730"/>
    <mergeCell ref="CCW730:CCZ730"/>
    <mergeCell ref="CDA730:CDD730"/>
    <mergeCell ref="CDE730:CDH730"/>
    <mergeCell ref="CBU730:CBX730"/>
    <mergeCell ref="CBY730:CCB730"/>
    <mergeCell ref="CCC730:CCF730"/>
    <mergeCell ref="CCG730:CCJ730"/>
    <mergeCell ref="CCK730:CCN730"/>
    <mergeCell ref="CBA730:CBD730"/>
    <mergeCell ref="CBE730:CBH730"/>
    <mergeCell ref="CBI730:CBL730"/>
    <mergeCell ref="CBM730:CBP730"/>
    <mergeCell ref="CBQ730:CBT730"/>
    <mergeCell ref="CAG730:CAJ730"/>
    <mergeCell ref="CAK730:CAN730"/>
    <mergeCell ref="CAO730:CAR730"/>
    <mergeCell ref="CAS730:CAV730"/>
    <mergeCell ref="CAW730:CAZ730"/>
    <mergeCell ref="BZM730:BZP730"/>
    <mergeCell ref="BZQ730:BZT730"/>
    <mergeCell ref="BZU730:BZX730"/>
    <mergeCell ref="BZY730:CAB730"/>
    <mergeCell ref="CAC730:CAF730"/>
    <mergeCell ref="BYS730:BYV730"/>
    <mergeCell ref="BYW730:BYZ730"/>
    <mergeCell ref="BZA730:BZD730"/>
    <mergeCell ref="BZE730:BZH730"/>
    <mergeCell ref="BZI730:BZL730"/>
    <mergeCell ref="BXY730:BYB730"/>
    <mergeCell ref="BYC730:BYF730"/>
    <mergeCell ref="BYG730:BYJ730"/>
    <mergeCell ref="BYK730:BYN730"/>
    <mergeCell ref="BYO730:BYR730"/>
    <mergeCell ref="CHY730:CIB730"/>
    <mergeCell ref="CIC730:CIF730"/>
    <mergeCell ref="CIG730:CIJ730"/>
    <mergeCell ref="CIK730:CIN730"/>
    <mergeCell ref="CIO730:CIR730"/>
    <mergeCell ref="CHE730:CHH730"/>
    <mergeCell ref="CHI730:CHL730"/>
    <mergeCell ref="CHM730:CHP730"/>
    <mergeCell ref="CHQ730:CHT730"/>
    <mergeCell ref="CHU730:CHX730"/>
    <mergeCell ref="CGK730:CGN730"/>
    <mergeCell ref="CGO730:CGR730"/>
    <mergeCell ref="CGS730:CGV730"/>
    <mergeCell ref="CGW730:CGZ730"/>
    <mergeCell ref="CHA730:CHD730"/>
    <mergeCell ref="CFQ730:CFT730"/>
    <mergeCell ref="CFU730:CFX730"/>
    <mergeCell ref="CFY730:CGB730"/>
    <mergeCell ref="CGC730:CGF730"/>
    <mergeCell ref="CGG730:CGJ730"/>
    <mergeCell ref="CEW730:CEZ730"/>
    <mergeCell ref="CFA730:CFD730"/>
    <mergeCell ref="CFE730:CFH730"/>
    <mergeCell ref="CFI730:CFL730"/>
    <mergeCell ref="CFM730:CFP730"/>
    <mergeCell ref="CEC730:CEF730"/>
    <mergeCell ref="CEG730:CEJ730"/>
    <mergeCell ref="CEK730:CEN730"/>
    <mergeCell ref="CEO730:CER730"/>
    <mergeCell ref="CES730:CEV730"/>
    <mergeCell ref="CDI730:CDL730"/>
    <mergeCell ref="CDM730:CDP730"/>
    <mergeCell ref="CDQ730:CDT730"/>
    <mergeCell ref="CDU730:CDX730"/>
    <mergeCell ref="CDY730:CEB730"/>
    <mergeCell ref="CNI730:CNL730"/>
    <mergeCell ref="CNM730:CNP730"/>
    <mergeCell ref="CNQ730:CNT730"/>
    <mergeCell ref="CNU730:CNX730"/>
    <mergeCell ref="CNY730:COB730"/>
    <mergeCell ref="CMO730:CMR730"/>
    <mergeCell ref="CMS730:CMV730"/>
    <mergeCell ref="CMW730:CMZ730"/>
    <mergeCell ref="CNA730:CND730"/>
    <mergeCell ref="CNE730:CNH730"/>
    <mergeCell ref="CLU730:CLX730"/>
    <mergeCell ref="CLY730:CMB730"/>
    <mergeCell ref="CMC730:CMF730"/>
    <mergeCell ref="CMG730:CMJ730"/>
    <mergeCell ref="CMK730:CMN730"/>
    <mergeCell ref="CLA730:CLD730"/>
    <mergeCell ref="CLE730:CLH730"/>
    <mergeCell ref="CLI730:CLL730"/>
    <mergeCell ref="CLM730:CLP730"/>
    <mergeCell ref="CLQ730:CLT730"/>
    <mergeCell ref="CKG730:CKJ730"/>
    <mergeCell ref="CKK730:CKN730"/>
    <mergeCell ref="CKO730:CKR730"/>
    <mergeCell ref="CKS730:CKV730"/>
    <mergeCell ref="CKW730:CKZ730"/>
    <mergeCell ref="CJM730:CJP730"/>
    <mergeCell ref="CJQ730:CJT730"/>
    <mergeCell ref="CJU730:CJX730"/>
    <mergeCell ref="CJY730:CKB730"/>
    <mergeCell ref="CKC730:CKF730"/>
    <mergeCell ref="CIS730:CIV730"/>
    <mergeCell ref="CIW730:CIZ730"/>
    <mergeCell ref="CJA730:CJD730"/>
    <mergeCell ref="CJE730:CJH730"/>
    <mergeCell ref="CJI730:CJL730"/>
    <mergeCell ref="CSS730:CSV730"/>
    <mergeCell ref="CSW730:CSZ730"/>
    <mergeCell ref="CTA730:CTD730"/>
    <mergeCell ref="CTE730:CTH730"/>
    <mergeCell ref="CTI730:CTL730"/>
    <mergeCell ref="CRY730:CSB730"/>
    <mergeCell ref="CSC730:CSF730"/>
    <mergeCell ref="CSG730:CSJ730"/>
    <mergeCell ref="CSK730:CSN730"/>
    <mergeCell ref="CSO730:CSR730"/>
    <mergeCell ref="CRE730:CRH730"/>
    <mergeCell ref="CRI730:CRL730"/>
    <mergeCell ref="CRM730:CRP730"/>
    <mergeCell ref="CRQ730:CRT730"/>
    <mergeCell ref="CRU730:CRX730"/>
    <mergeCell ref="CQK730:CQN730"/>
    <mergeCell ref="CQO730:CQR730"/>
    <mergeCell ref="CQS730:CQV730"/>
    <mergeCell ref="CQW730:CQZ730"/>
    <mergeCell ref="CRA730:CRD730"/>
    <mergeCell ref="CPQ730:CPT730"/>
    <mergeCell ref="CPU730:CPX730"/>
    <mergeCell ref="CPY730:CQB730"/>
    <mergeCell ref="CQC730:CQF730"/>
    <mergeCell ref="CQG730:CQJ730"/>
    <mergeCell ref="COW730:COZ730"/>
    <mergeCell ref="CPA730:CPD730"/>
    <mergeCell ref="CPE730:CPH730"/>
    <mergeCell ref="CPI730:CPL730"/>
    <mergeCell ref="CPM730:CPP730"/>
    <mergeCell ref="COC730:COF730"/>
    <mergeCell ref="COG730:COJ730"/>
    <mergeCell ref="COK730:CON730"/>
    <mergeCell ref="COO730:COR730"/>
    <mergeCell ref="COS730:COV730"/>
    <mergeCell ref="CYC730:CYF730"/>
    <mergeCell ref="CYG730:CYJ730"/>
    <mergeCell ref="CYK730:CYN730"/>
    <mergeCell ref="CYO730:CYR730"/>
    <mergeCell ref="CYS730:CYV730"/>
    <mergeCell ref="CXI730:CXL730"/>
    <mergeCell ref="CXM730:CXP730"/>
    <mergeCell ref="CXQ730:CXT730"/>
    <mergeCell ref="CXU730:CXX730"/>
    <mergeCell ref="CXY730:CYB730"/>
    <mergeCell ref="CWO730:CWR730"/>
    <mergeCell ref="CWS730:CWV730"/>
    <mergeCell ref="CWW730:CWZ730"/>
    <mergeCell ref="CXA730:CXD730"/>
    <mergeCell ref="CXE730:CXH730"/>
    <mergeCell ref="CVU730:CVX730"/>
    <mergeCell ref="CVY730:CWB730"/>
    <mergeCell ref="CWC730:CWF730"/>
    <mergeCell ref="CWG730:CWJ730"/>
    <mergeCell ref="CWK730:CWN730"/>
    <mergeCell ref="CVA730:CVD730"/>
    <mergeCell ref="CVE730:CVH730"/>
    <mergeCell ref="CVI730:CVL730"/>
    <mergeCell ref="CVM730:CVP730"/>
    <mergeCell ref="CVQ730:CVT730"/>
    <mergeCell ref="CUG730:CUJ730"/>
    <mergeCell ref="CUK730:CUN730"/>
    <mergeCell ref="CUO730:CUR730"/>
    <mergeCell ref="CUS730:CUV730"/>
    <mergeCell ref="CUW730:CUZ730"/>
    <mergeCell ref="CTM730:CTP730"/>
    <mergeCell ref="CTQ730:CTT730"/>
    <mergeCell ref="CTU730:CTX730"/>
    <mergeCell ref="CTY730:CUB730"/>
    <mergeCell ref="CUC730:CUF730"/>
    <mergeCell ref="DDM730:DDP730"/>
    <mergeCell ref="DDQ730:DDT730"/>
    <mergeCell ref="DDU730:DDX730"/>
    <mergeCell ref="DDY730:DEB730"/>
    <mergeCell ref="DEC730:DEF730"/>
    <mergeCell ref="DCS730:DCV730"/>
    <mergeCell ref="DCW730:DCZ730"/>
    <mergeCell ref="DDA730:DDD730"/>
    <mergeCell ref="DDE730:DDH730"/>
    <mergeCell ref="DDI730:DDL730"/>
    <mergeCell ref="DBY730:DCB730"/>
    <mergeCell ref="DCC730:DCF730"/>
    <mergeCell ref="DCG730:DCJ730"/>
    <mergeCell ref="DCK730:DCN730"/>
    <mergeCell ref="DCO730:DCR730"/>
    <mergeCell ref="DBE730:DBH730"/>
    <mergeCell ref="DBI730:DBL730"/>
    <mergeCell ref="DBM730:DBP730"/>
    <mergeCell ref="DBQ730:DBT730"/>
    <mergeCell ref="DBU730:DBX730"/>
    <mergeCell ref="DAK730:DAN730"/>
    <mergeCell ref="DAO730:DAR730"/>
    <mergeCell ref="DAS730:DAV730"/>
    <mergeCell ref="DAW730:DAZ730"/>
    <mergeCell ref="DBA730:DBD730"/>
    <mergeCell ref="CZQ730:CZT730"/>
    <mergeCell ref="CZU730:CZX730"/>
    <mergeCell ref="CZY730:DAB730"/>
    <mergeCell ref="DAC730:DAF730"/>
    <mergeCell ref="DAG730:DAJ730"/>
    <mergeCell ref="CYW730:CYZ730"/>
    <mergeCell ref="CZA730:CZD730"/>
    <mergeCell ref="CZE730:CZH730"/>
    <mergeCell ref="CZI730:CZL730"/>
    <mergeCell ref="CZM730:CZP730"/>
    <mergeCell ref="DIW730:DIZ730"/>
    <mergeCell ref="DJA730:DJD730"/>
    <mergeCell ref="DJE730:DJH730"/>
    <mergeCell ref="DJI730:DJL730"/>
    <mergeCell ref="DJM730:DJP730"/>
    <mergeCell ref="DIC730:DIF730"/>
    <mergeCell ref="DIG730:DIJ730"/>
    <mergeCell ref="DIK730:DIN730"/>
    <mergeCell ref="DIO730:DIR730"/>
    <mergeCell ref="DIS730:DIV730"/>
    <mergeCell ref="DHI730:DHL730"/>
    <mergeCell ref="DHM730:DHP730"/>
    <mergeCell ref="DHQ730:DHT730"/>
    <mergeCell ref="DHU730:DHX730"/>
    <mergeCell ref="DHY730:DIB730"/>
    <mergeCell ref="DGO730:DGR730"/>
    <mergeCell ref="DGS730:DGV730"/>
    <mergeCell ref="DGW730:DGZ730"/>
    <mergeCell ref="DHA730:DHD730"/>
    <mergeCell ref="DHE730:DHH730"/>
    <mergeCell ref="DFU730:DFX730"/>
    <mergeCell ref="DFY730:DGB730"/>
    <mergeCell ref="DGC730:DGF730"/>
    <mergeCell ref="DGG730:DGJ730"/>
    <mergeCell ref="DGK730:DGN730"/>
    <mergeCell ref="DFA730:DFD730"/>
    <mergeCell ref="DFE730:DFH730"/>
    <mergeCell ref="DFI730:DFL730"/>
    <mergeCell ref="DFM730:DFP730"/>
    <mergeCell ref="DFQ730:DFT730"/>
    <mergeCell ref="DEG730:DEJ730"/>
    <mergeCell ref="DEK730:DEN730"/>
    <mergeCell ref="DEO730:DER730"/>
    <mergeCell ref="DES730:DEV730"/>
    <mergeCell ref="DEW730:DEZ730"/>
    <mergeCell ref="DOG730:DOJ730"/>
    <mergeCell ref="DOK730:DON730"/>
    <mergeCell ref="DOO730:DOR730"/>
    <mergeCell ref="DOS730:DOV730"/>
    <mergeCell ref="DOW730:DOZ730"/>
    <mergeCell ref="DNM730:DNP730"/>
    <mergeCell ref="DNQ730:DNT730"/>
    <mergeCell ref="DNU730:DNX730"/>
    <mergeCell ref="DNY730:DOB730"/>
    <mergeCell ref="DOC730:DOF730"/>
    <mergeCell ref="DMS730:DMV730"/>
    <mergeCell ref="DMW730:DMZ730"/>
    <mergeCell ref="DNA730:DND730"/>
    <mergeCell ref="DNE730:DNH730"/>
    <mergeCell ref="DNI730:DNL730"/>
    <mergeCell ref="DLY730:DMB730"/>
    <mergeCell ref="DMC730:DMF730"/>
    <mergeCell ref="DMG730:DMJ730"/>
    <mergeCell ref="DMK730:DMN730"/>
    <mergeCell ref="DMO730:DMR730"/>
    <mergeCell ref="DLE730:DLH730"/>
    <mergeCell ref="DLI730:DLL730"/>
    <mergeCell ref="DLM730:DLP730"/>
    <mergeCell ref="DLQ730:DLT730"/>
    <mergeCell ref="DLU730:DLX730"/>
    <mergeCell ref="DKK730:DKN730"/>
    <mergeCell ref="DKO730:DKR730"/>
    <mergeCell ref="DKS730:DKV730"/>
    <mergeCell ref="DKW730:DKZ730"/>
    <mergeCell ref="DLA730:DLD730"/>
    <mergeCell ref="DJQ730:DJT730"/>
    <mergeCell ref="DJU730:DJX730"/>
    <mergeCell ref="DJY730:DKB730"/>
    <mergeCell ref="DKC730:DKF730"/>
    <mergeCell ref="DKG730:DKJ730"/>
    <mergeCell ref="DTQ730:DTT730"/>
    <mergeCell ref="DTU730:DTX730"/>
    <mergeCell ref="DTY730:DUB730"/>
    <mergeCell ref="DUC730:DUF730"/>
    <mergeCell ref="DUG730:DUJ730"/>
    <mergeCell ref="DSW730:DSZ730"/>
    <mergeCell ref="DTA730:DTD730"/>
    <mergeCell ref="DTE730:DTH730"/>
    <mergeCell ref="DTI730:DTL730"/>
    <mergeCell ref="DTM730:DTP730"/>
    <mergeCell ref="DSC730:DSF730"/>
    <mergeCell ref="DSG730:DSJ730"/>
    <mergeCell ref="DSK730:DSN730"/>
    <mergeCell ref="DSO730:DSR730"/>
    <mergeCell ref="DSS730:DSV730"/>
    <mergeCell ref="DRI730:DRL730"/>
    <mergeCell ref="DRM730:DRP730"/>
    <mergeCell ref="DRQ730:DRT730"/>
    <mergeCell ref="DRU730:DRX730"/>
    <mergeCell ref="DRY730:DSB730"/>
    <mergeCell ref="DQO730:DQR730"/>
    <mergeCell ref="DQS730:DQV730"/>
    <mergeCell ref="DQW730:DQZ730"/>
    <mergeCell ref="DRA730:DRD730"/>
    <mergeCell ref="DRE730:DRH730"/>
    <mergeCell ref="DPU730:DPX730"/>
    <mergeCell ref="DPY730:DQB730"/>
    <mergeCell ref="DQC730:DQF730"/>
    <mergeCell ref="DQG730:DQJ730"/>
    <mergeCell ref="DQK730:DQN730"/>
    <mergeCell ref="DPA730:DPD730"/>
    <mergeCell ref="DPE730:DPH730"/>
    <mergeCell ref="DPI730:DPL730"/>
    <mergeCell ref="DPM730:DPP730"/>
    <mergeCell ref="DPQ730:DPT730"/>
    <mergeCell ref="DZA730:DZD730"/>
    <mergeCell ref="DZE730:DZH730"/>
    <mergeCell ref="DZI730:DZL730"/>
    <mergeCell ref="DZM730:DZP730"/>
    <mergeCell ref="DZQ730:DZT730"/>
    <mergeCell ref="DYG730:DYJ730"/>
    <mergeCell ref="DYK730:DYN730"/>
    <mergeCell ref="DYO730:DYR730"/>
    <mergeCell ref="DYS730:DYV730"/>
    <mergeCell ref="DYW730:DYZ730"/>
    <mergeCell ref="DXM730:DXP730"/>
    <mergeCell ref="DXQ730:DXT730"/>
    <mergeCell ref="DXU730:DXX730"/>
    <mergeCell ref="DXY730:DYB730"/>
    <mergeCell ref="DYC730:DYF730"/>
    <mergeCell ref="DWS730:DWV730"/>
    <mergeCell ref="DWW730:DWZ730"/>
    <mergeCell ref="DXA730:DXD730"/>
    <mergeCell ref="DXE730:DXH730"/>
    <mergeCell ref="DXI730:DXL730"/>
    <mergeCell ref="DVY730:DWB730"/>
    <mergeCell ref="DWC730:DWF730"/>
    <mergeCell ref="DWG730:DWJ730"/>
    <mergeCell ref="DWK730:DWN730"/>
    <mergeCell ref="DWO730:DWR730"/>
    <mergeCell ref="DVE730:DVH730"/>
    <mergeCell ref="DVI730:DVL730"/>
    <mergeCell ref="DVM730:DVP730"/>
    <mergeCell ref="DVQ730:DVT730"/>
    <mergeCell ref="DVU730:DVX730"/>
    <mergeCell ref="DUK730:DUN730"/>
    <mergeCell ref="DUO730:DUR730"/>
    <mergeCell ref="DUS730:DUV730"/>
    <mergeCell ref="DUW730:DUZ730"/>
    <mergeCell ref="DVA730:DVD730"/>
    <mergeCell ref="EEK730:EEN730"/>
    <mergeCell ref="EEO730:EER730"/>
    <mergeCell ref="EES730:EEV730"/>
    <mergeCell ref="EEW730:EEZ730"/>
    <mergeCell ref="EFA730:EFD730"/>
    <mergeCell ref="EDQ730:EDT730"/>
    <mergeCell ref="EDU730:EDX730"/>
    <mergeCell ref="EDY730:EEB730"/>
    <mergeCell ref="EEC730:EEF730"/>
    <mergeCell ref="EEG730:EEJ730"/>
    <mergeCell ref="ECW730:ECZ730"/>
    <mergeCell ref="EDA730:EDD730"/>
    <mergeCell ref="EDE730:EDH730"/>
    <mergeCell ref="EDI730:EDL730"/>
    <mergeCell ref="EDM730:EDP730"/>
    <mergeCell ref="ECC730:ECF730"/>
    <mergeCell ref="ECG730:ECJ730"/>
    <mergeCell ref="ECK730:ECN730"/>
    <mergeCell ref="ECO730:ECR730"/>
    <mergeCell ref="ECS730:ECV730"/>
    <mergeCell ref="EBI730:EBL730"/>
    <mergeCell ref="EBM730:EBP730"/>
    <mergeCell ref="EBQ730:EBT730"/>
    <mergeCell ref="EBU730:EBX730"/>
    <mergeCell ref="EBY730:ECB730"/>
    <mergeCell ref="EAO730:EAR730"/>
    <mergeCell ref="EAS730:EAV730"/>
    <mergeCell ref="EAW730:EAZ730"/>
    <mergeCell ref="EBA730:EBD730"/>
    <mergeCell ref="EBE730:EBH730"/>
    <mergeCell ref="DZU730:DZX730"/>
    <mergeCell ref="DZY730:EAB730"/>
    <mergeCell ref="EAC730:EAF730"/>
    <mergeCell ref="EAG730:EAJ730"/>
    <mergeCell ref="EAK730:EAN730"/>
    <mergeCell ref="EJU730:EJX730"/>
    <mergeCell ref="EJY730:EKB730"/>
    <mergeCell ref="EKC730:EKF730"/>
    <mergeCell ref="EKG730:EKJ730"/>
    <mergeCell ref="EKK730:EKN730"/>
    <mergeCell ref="EJA730:EJD730"/>
    <mergeCell ref="EJE730:EJH730"/>
    <mergeCell ref="EJI730:EJL730"/>
    <mergeCell ref="EJM730:EJP730"/>
    <mergeCell ref="EJQ730:EJT730"/>
    <mergeCell ref="EIG730:EIJ730"/>
    <mergeCell ref="EIK730:EIN730"/>
    <mergeCell ref="EIO730:EIR730"/>
    <mergeCell ref="EIS730:EIV730"/>
    <mergeCell ref="EIW730:EIZ730"/>
    <mergeCell ref="EHM730:EHP730"/>
    <mergeCell ref="EHQ730:EHT730"/>
    <mergeCell ref="EHU730:EHX730"/>
    <mergeCell ref="EHY730:EIB730"/>
    <mergeCell ref="EIC730:EIF730"/>
    <mergeCell ref="EGS730:EGV730"/>
    <mergeCell ref="EGW730:EGZ730"/>
    <mergeCell ref="EHA730:EHD730"/>
    <mergeCell ref="EHE730:EHH730"/>
    <mergeCell ref="EHI730:EHL730"/>
    <mergeCell ref="EFY730:EGB730"/>
    <mergeCell ref="EGC730:EGF730"/>
    <mergeCell ref="EGG730:EGJ730"/>
    <mergeCell ref="EGK730:EGN730"/>
    <mergeCell ref="EGO730:EGR730"/>
    <mergeCell ref="EFE730:EFH730"/>
    <mergeCell ref="EFI730:EFL730"/>
    <mergeCell ref="EFM730:EFP730"/>
    <mergeCell ref="EFQ730:EFT730"/>
    <mergeCell ref="EFU730:EFX730"/>
    <mergeCell ref="EPE730:EPH730"/>
    <mergeCell ref="EPI730:EPL730"/>
    <mergeCell ref="EPM730:EPP730"/>
    <mergeCell ref="EPQ730:EPT730"/>
    <mergeCell ref="EPU730:EPX730"/>
    <mergeCell ref="EOK730:EON730"/>
    <mergeCell ref="EOO730:EOR730"/>
    <mergeCell ref="EOS730:EOV730"/>
    <mergeCell ref="EOW730:EOZ730"/>
    <mergeCell ref="EPA730:EPD730"/>
    <mergeCell ref="ENQ730:ENT730"/>
    <mergeCell ref="ENU730:ENX730"/>
    <mergeCell ref="ENY730:EOB730"/>
    <mergeCell ref="EOC730:EOF730"/>
    <mergeCell ref="EOG730:EOJ730"/>
    <mergeCell ref="EMW730:EMZ730"/>
    <mergeCell ref="ENA730:END730"/>
    <mergeCell ref="ENE730:ENH730"/>
    <mergeCell ref="ENI730:ENL730"/>
    <mergeCell ref="ENM730:ENP730"/>
    <mergeCell ref="EMC730:EMF730"/>
    <mergeCell ref="EMG730:EMJ730"/>
    <mergeCell ref="EMK730:EMN730"/>
    <mergeCell ref="EMO730:EMR730"/>
    <mergeCell ref="EMS730:EMV730"/>
    <mergeCell ref="ELI730:ELL730"/>
    <mergeCell ref="ELM730:ELP730"/>
    <mergeCell ref="ELQ730:ELT730"/>
    <mergeCell ref="ELU730:ELX730"/>
    <mergeCell ref="ELY730:EMB730"/>
    <mergeCell ref="EKO730:EKR730"/>
    <mergeCell ref="EKS730:EKV730"/>
    <mergeCell ref="EKW730:EKZ730"/>
    <mergeCell ref="ELA730:ELD730"/>
    <mergeCell ref="ELE730:ELH730"/>
    <mergeCell ref="EUO730:EUR730"/>
    <mergeCell ref="EUS730:EUV730"/>
    <mergeCell ref="EUW730:EUZ730"/>
    <mergeCell ref="EVA730:EVD730"/>
    <mergeCell ref="EVE730:EVH730"/>
    <mergeCell ref="ETU730:ETX730"/>
    <mergeCell ref="ETY730:EUB730"/>
    <mergeCell ref="EUC730:EUF730"/>
    <mergeCell ref="EUG730:EUJ730"/>
    <mergeCell ref="EUK730:EUN730"/>
    <mergeCell ref="ETA730:ETD730"/>
    <mergeCell ref="ETE730:ETH730"/>
    <mergeCell ref="ETI730:ETL730"/>
    <mergeCell ref="ETM730:ETP730"/>
    <mergeCell ref="ETQ730:ETT730"/>
    <mergeCell ref="ESG730:ESJ730"/>
    <mergeCell ref="ESK730:ESN730"/>
    <mergeCell ref="ESO730:ESR730"/>
    <mergeCell ref="ESS730:ESV730"/>
    <mergeCell ref="ESW730:ESZ730"/>
    <mergeCell ref="ERM730:ERP730"/>
    <mergeCell ref="ERQ730:ERT730"/>
    <mergeCell ref="ERU730:ERX730"/>
    <mergeCell ref="ERY730:ESB730"/>
    <mergeCell ref="ESC730:ESF730"/>
    <mergeCell ref="EQS730:EQV730"/>
    <mergeCell ref="EQW730:EQZ730"/>
    <mergeCell ref="ERA730:ERD730"/>
    <mergeCell ref="ERE730:ERH730"/>
    <mergeCell ref="ERI730:ERL730"/>
    <mergeCell ref="EPY730:EQB730"/>
    <mergeCell ref="EQC730:EQF730"/>
    <mergeCell ref="EQG730:EQJ730"/>
    <mergeCell ref="EQK730:EQN730"/>
    <mergeCell ref="EQO730:EQR730"/>
    <mergeCell ref="EZY730:FAB730"/>
    <mergeCell ref="FAC730:FAF730"/>
    <mergeCell ref="FAG730:FAJ730"/>
    <mergeCell ref="FAK730:FAN730"/>
    <mergeCell ref="FAO730:FAR730"/>
    <mergeCell ref="EZE730:EZH730"/>
    <mergeCell ref="EZI730:EZL730"/>
    <mergeCell ref="EZM730:EZP730"/>
    <mergeCell ref="EZQ730:EZT730"/>
    <mergeCell ref="EZU730:EZX730"/>
    <mergeCell ref="EYK730:EYN730"/>
    <mergeCell ref="EYO730:EYR730"/>
    <mergeCell ref="EYS730:EYV730"/>
    <mergeCell ref="EYW730:EYZ730"/>
    <mergeCell ref="EZA730:EZD730"/>
    <mergeCell ref="EXQ730:EXT730"/>
    <mergeCell ref="EXU730:EXX730"/>
    <mergeCell ref="EXY730:EYB730"/>
    <mergeCell ref="EYC730:EYF730"/>
    <mergeCell ref="EYG730:EYJ730"/>
    <mergeCell ref="EWW730:EWZ730"/>
    <mergeCell ref="EXA730:EXD730"/>
    <mergeCell ref="EXE730:EXH730"/>
    <mergeCell ref="EXI730:EXL730"/>
    <mergeCell ref="EXM730:EXP730"/>
    <mergeCell ref="EWC730:EWF730"/>
    <mergeCell ref="EWG730:EWJ730"/>
    <mergeCell ref="EWK730:EWN730"/>
    <mergeCell ref="EWO730:EWR730"/>
    <mergeCell ref="EWS730:EWV730"/>
    <mergeCell ref="EVI730:EVL730"/>
    <mergeCell ref="EVM730:EVP730"/>
    <mergeCell ref="EVQ730:EVT730"/>
    <mergeCell ref="EVU730:EVX730"/>
    <mergeCell ref="EVY730:EWB730"/>
    <mergeCell ref="FFI730:FFL730"/>
    <mergeCell ref="FFM730:FFP730"/>
    <mergeCell ref="FFQ730:FFT730"/>
    <mergeCell ref="FFU730:FFX730"/>
    <mergeCell ref="FFY730:FGB730"/>
    <mergeCell ref="FEO730:FER730"/>
    <mergeCell ref="FES730:FEV730"/>
    <mergeCell ref="FEW730:FEZ730"/>
    <mergeCell ref="FFA730:FFD730"/>
    <mergeCell ref="FFE730:FFH730"/>
    <mergeCell ref="FDU730:FDX730"/>
    <mergeCell ref="FDY730:FEB730"/>
    <mergeCell ref="FEC730:FEF730"/>
    <mergeCell ref="FEG730:FEJ730"/>
    <mergeCell ref="FEK730:FEN730"/>
    <mergeCell ref="FDA730:FDD730"/>
    <mergeCell ref="FDE730:FDH730"/>
    <mergeCell ref="FDI730:FDL730"/>
    <mergeCell ref="FDM730:FDP730"/>
    <mergeCell ref="FDQ730:FDT730"/>
    <mergeCell ref="FCG730:FCJ730"/>
    <mergeCell ref="FCK730:FCN730"/>
    <mergeCell ref="FCO730:FCR730"/>
    <mergeCell ref="FCS730:FCV730"/>
    <mergeCell ref="FCW730:FCZ730"/>
    <mergeCell ref="FBM730:FBP730"/>
    <mergeCell ref="FBQ730:FBT730"/>
    <mergeCell ref="FBU730:FBX730"/>
    <mergeCell ref="FBY730:FCB730"/>
    <mergeCell ref="FCC730:FCF730"/>
    <mergeCell ref="FAS730:FAV730"/>
    <mergeCell ref="FAW730:FAZ730"/>
    <mergeCell ref="FBA730:FBD730"/>
    <mergeCell ref="FBE730:FBH730"/>
    <mergeCell ref="FBI730:FBL730"/>
    <mergeCell ref="FKS730:FKV730"/>
    <mergeCell ref="FKW730:FKZ730"/>
    <mergeCell ref="FLA730:FLD730"/>
    <mergeCell ref="FLE730:FLH730"/>
    <mergeCell ref="FLI730:FLL730"/>
    <mergeCell ref="FJY730:FKB730"/>
    <mergeCell ref="FKC730:FKF730"/>
    <mergeCell ref="FKG730:FKJ730"/>
    <mergeCell ref="FKK730:FKN730"/>
    <mergeCell ref="FKO730:FKR730"/>
    <mergeCell ref="FJE730:FJH730"/>
    <mergeCell ref="FJI730:FJL730"/>
    <mergeCell ref="FJM730:FJP730"/>
    <mergeCell ref="FJQ730:FJT730"/>
    <mergeCell ref="FJU730:FJX730"/>
    <mergeCell ref="FIK730:FIN730"/>
    <mergeCell ref="FIO730:FIR730"/>
    <mergeCell ref="FIS730:FIV730"/>
    <mergeCell ref="FIW730:FIZ730"/>
    <mergeCell ref="FJA730:FJD730"/>
    <mergeCell ref="FHQ730:FHT730"/>
    <mergeCell ref="FHU730:FHX730"/>
    <mergeCell ref="FHY730:FIB730"/>
    <mergeCell ref="FIC730:FIF730"/>
    <mergeCell ref="FIG730:FIJ730"/>
    <mergeCell ref="FGW730:FGZ730"/>
    <mergeCell ref="FHA730:FHD730"/>
    <mergeCell ref="FHE730:FHH730"/>
    <mergeCell ref="FHI730:FHL730"/>
    <mergeCell ref="FHM730:FHP730"/>
    <mergeCell ref="FGC730:FGF730"/>
    <mergeCell ref="FGG730:FGJ730"/>
    <mergeCell ref="FGK730:FGN730"/>
    <mergeCell ref="FGO730:FGR730"/>
    <mergeCell ref="FGS730:FGV730"/>
    <mergeCell ref="FQC730:FQF730"/>
    <mergeCell ref="FQG730:FQJ730"/>
    <mergeCell ref="FQK730:FQN730"/>
    <mergeCell ref="FQO730:FQR730"/>
    <mergeCell ref="FQS730:FQV730"/>
    <mergeCell ref="FPI730:FPL730"/>
    <mergeCell ref="FPM730:FPP730"/>
    <mergeCell ref="FPQ730:FPT730"/>
    <mergeCell ref="FPU730:FPX730"/>
    <mergeCell ref="FPY730:FQB730"/>
    <mergeCell ref="FOO730:FOR730"/>
    <mergeCell ref="FOS730:FOV730"/>
    <mergeCell ref="FOW730:FOZ730"/>
    <mergeCell ref="FPA730:FPD730"/>
    <mergeCell ref="FPE730:FPH730"/>
    <mergeCell ref="FNU730:FNX730"/>
    <mergeCell ref="FNY730:FOB730"/>
    <mergeCell ref="FOC730:FOF730"/>
    <mergeCell ref="FOG730:FOJ730"/>
    <mergeCell ref="FOK730:FON730"/>
    <mergeCell ref="FNA730:FND730"/>
    <mergeCell ref="FNE730:FNH730"/>
    <mergeCell ref="FNI730:FNL730"/>
    <mergeCell ref="FNM730:FNP730"/>
    <mergeCell ref="FNQ730:FNT730"/>
    <mergeCell ref="FMG730:FMJ730"/>
    <mergeCell ref="FMK730:FMN730"/>
    <mergeCell ref="FMO730:FMR730"/>
    <mergeCell ref="FMS730:FMV730"/>
    <mergeCell ref="FMW730:FMZ730"/>
    <mergeCell ref="FLM730:FLP730"/>
    <mergeCell ref="FLQ730:FLT730"/>
    <mergeCell ref="FLU730:FLX730"/>
    <mergeCell ref="FLY730:FMB730"/>
    <mergeCell ref="FMC730:FMF730"/>
    <mergeCell ref="FVM730:FVP730"/>
    <mergeCell ref="FVQ730:FVT730"/>
    <mergeCell ref="FVU730:FVX730"/>
    <mergeCell ref="FVY730:FWB730"/>
    <mergeCell ref="FWC730:FWF730"/>
    <mergeCell ref="FUS730:FUV730"/>
    <mergeCell ref="FUW730:FUZ730"/>
    <mergeCell ref="FVA730:FVD730"/>
    <mergeCell ref="FVE730:FVH730"/>
    <mergeCell ref="FVI730:FVL730"/>
    <mergeCell ref="FTY730:FUB730"/>
    <mergeCell ref="FUC730:FUF730"/>
    <mergeCell ref="FUG730:FUJ730"/>
    <mergeCell ref="FUK730:FUN730"/>
    <mergeCell ref="FUO730:FUR730"/>
    <mergeCell ref="FTE730:FTH730"/>
    <mergeCell ref="FTI730:FTL730"/>
    <mergeCell ref="FTM730:FTP730"/>
    <mergeCell ref="FTQ730:FTT730"/>
    <mergeCell ref="FTU730:FTX730"/>
    <mergeCell ref="FSK730:FSN730"/>
    <mergeCell ref="FSO730:FSR730"/>
    <mergeCell ref="FSS730:FSV730"/>
    <mergeCell ref="FSW730:FSZ730"/>
    <mergeCell ref="FTA730:FTD730"/>
    <mergeCell ref="FRQ730:FRT730"/>
    <mergeCell ref="FRU730:FRX730"/>
    <mergeCell ref="FRY730:FSB730"/>
    <mergeCell ref="FSC730:FSF730"/>
    <mergeCell ref="FSG730:FSJ730"/>
    <mergeCell ref="FQW730:FQZ730"/>
    <mergeCell ref="FRA730:FRD730"/>
    <mergeCell ref="FRE730:FRH730"/>
    <mergeCell ref="FRI730:FRL730"/>
    <mergeCell ref="FRM730:FRP730"/>
    <mergeCell ref="GAW730:GAZ730"/>
    <mergeCell ref="GBA730:GBD730"/>
    <mergeCell ref="GBE730:GBH730"/>
    <mergeCell ref="GBI730:GBL730"/>
    <mergeCell ref="GBM730:GBP730"/>
    <mergeCell ref="GAC730:GAF730"/>
    <mergeCell ref="GAG730:GAJ730"/>
    <mergeCell ref="GAK730:GAN730"/>
    <mergeCell ref="GAO730:GAR730"/>
    <mergeCell ref="GAS730:GAV730"/>
    <mergeCell ref="FZI730:FZL730"/>
    <mergeCell ref="FZM730:FZP730"/>
    <mergeCell ref="FZQ730:FZT730"/>
    <mergeCell ref="FZU730:FZX730"/>
    <mergeCell ref="FZY730:GAB730"/>
    <mergeCell ref="FYO730:FYR730"/>
    <mergeCell ref="FYS730:FYV730"/>
    <mergeCell ref="FYW730:FYZ730"/>
    <mergeCell ref="FZA730:FZD730"/>
    <mergeCell ref="FZE730:FZH730"/>
    <mergeCell ref="FXU730:FXX730"/>
    <mergeCell ref="FXY730:FYB730"/>
    <mergeCell ref="FYC730:FYF730"/>
    <mergeCell ref="FYG730:FYJ730"/>
    <mergeCell ref="FYK730:FYN730"/>
    <mergeCell ref="FXA730:FXD730"/>
    <mergeCell ref="FXE730:FXH730"/>
    <mergeCell ref="FXI730:FXL730"/>
    <mergeCell ref="FXM730:FXP730"/>
    <mergeCell ref="FXQ730:FXT730"/>
    <mergeCell ref="FWG730:FWJ730"/>
    <mergeCell ref="FWK730:FWN730"/>
    <mergeCell ref="FWO730:FWR730"/>
    <mergeCell ref="FWS730:FWV730"/>
    <mergeCell ref="FWW730:FWZ730"/>
    <mergeCell ref="GGG730:GGJ730"/>
    <mergeCell ref="GGK730:GGN730"/>
    <mergeCell ref="GGO730:GGR730"/>
    <mergeCell ref="GGS730:GGV730"/>
    <mergeCell ref="GGW730:GGZ730"/>
    <mergeCell ref="GFM730:GFP730"/>
    <mergeCell ref="GFQ730:GFT730"/>
    <mergeCell ref="GFU730:GFX730"/>
    <mergeCell ref="GFY730:GGB730"/>
    <mergeCell ref="GGC730:GGF730"/>
    <mergeCell ref="GES730:GEV730"/>
    <mergeCell ref="GEW730:GEZ730"/>
    <mergeCell ref="GFA730:GFD730"/>
    <mergeCell ref="GFE730:GFH730"/>
    <mergeCell ref="GFI730:GFL730"/>
    <mergeCell ref="GDY730:GEB730"/>
    <mergeCell ref="GEC730:GEF730"/>
    <mergeCell ref="GEG730:GEJ730"/>
    <mergeCell ref="GEK730:GEN730"/>
    <mergeCell ref="GEO730:GER730"/>
    <mergeCell ref="GDE730:GDH730"/>
    <mergeCell ref="GDI730:GDL730"/>
    <mergeCell ref="GDM730:GDP730"/>
    <mergeCell ref="GDQ730:GDT730"/>
    <mergeCell ref="GDU730:GDX730"/>
    <mergeCell ref="GCK730:GCN730"/>
    <mergeCell ref="GCO730:GCR730"/>
    <mergeCell ref="GCS730:GCV730"/>
    <mergeCell ref="GCW730:GCZ730"/>
    <mergeCell ref="GDA730:GDD730"/>
    <mergeCell ref="GBQ730:GBT730"/>
    <mergeCell ref="GBU730:GBX730"/>
    <mergeCell ref="GBY730:GCB730"/>
    <mergeCell ref="GCC730:GCF730"/>
    <mergeCell ref="GCG730:GCJ730"/>
    <mergeCell ref="GLQ730:GLT730"/>
    <mergeCell ref="GLU730:GLX730"/>
    <mergeCell ref="GLY730:GMB730"/>
    <mergeCell ref="GMC730:GMF730"/>
    <mergeCell ref="GMG730:GMJ730"/>
    <mergeCell ref="GKW730:GKZ730"/>
    <mergeCell ref="GLA730:GLD730"/>
    <mergeCell ref="GLE730:GLH730"/>
    <mergeCell ref="GLI730:GLL730"/>
    <mergeCell ref="GLM730:GLP730"/>
    <mergeCell ref="GKC730:GKF730"/>
    <mergeCell ref="GKG730:GKJ730"/>
    <mergeCell ref="GKK730:GKN730"/>
    <mergeCell ref="GKO730:GKR730"/>
    <mergeCell ref="GKS730:GKV730"/>
    <mergeCell ref="GJI730:GJL730"/>
    <mergeCell ref="GJM730:GJP730"/>
    <mergeCell ref="GJQ730:GJT730"/>
    <mergeCell ref="GJU730:GJX730"/>
    <mergeCell ref="GJY730:GKB730"/>
    <mergeCell ref="GIO730:GIR730"/>
    <mergeCell ref="GIS730:GIV730"/>
    <mergeCell ref="GIW730:GIZ730"/>
    <mergeCell ref="GJA730:GJD730"/>
    <mergeCell ref="GJE730:GJH730"/>
    <mergeCell ref="GHU730:GHX730"/>
    <mergeCell ref="GHY730:GIB730"/>
    <mergeCell ref="GIC730:GIF730"/>
    <mergeCell ref="GIG730:GIJ730"/>
    <mergeCell ref="GIK730:GIN730"/>
    <mergeCell ref="GHA730:GHD730"/>
    <mergeCell ref="GHE730:GHH730"/>
    <mergeCell ref="GHI730:GHL730"/>
    <mergeCell ref="GHM730:GHP730"/>
    <mergeCell ref="GHQ730:GHT730"/>
    <mergeCell ref="GRA730:GRD730"/>
    <mergeCell ref="GRE730:GRH730"/>
    <mergeCell ref="GRI730:GRL730"/>
    <mergeCell ref="GRM730:GRP730"/>
    <mergeCell ref="GRQ730:GRT730"/>
    <mergeCell ref="GQG730:GQJ730"/>
    <mergeCell ref="GQK730:GQN730"/>
    <mergeCell ref="GQO730:GQR730"/>
    <mergeCell ref="GQS730:GQV730"/>
    <mergeCell ref="GQW730:GQZ730"/>
    <mergeCell ref="GPM730:GPP730"/>
    <mergeCell ref="GPQ730:GPT730"/>
    <mergeCell ref="GPU730:GPX730"/>
    <mergeCell ref="GPY730:GQB730"/>
    <mergeCell ref="GQC730:GQF730"/>
    <mergeCell ref="GOS730:GOV730"/>
    <mergeCell ref="GOW730:GOZ730"/>
    <mergeCell ref="GPA730:GPD730"/>
    <mergeCell ref="GPE730:GPH730"/>
    <mergeCell ref="GPI730:GPL730"/>
    <mergeCell ref="GNY730:GOB730"/>
    <mergeCell ref="GOC730:GOF730"/>
    <mergeCell ref="GOG730:GOJ730"/>
    <mergeCell ref="GOK730:GON730"/>
    <mergeCell ref="GOO730:GOR730"/>
    <mergeCell ref="GNE730:GNH730"/>
    <mergeCell ref="GNI730:GNL730"/>
    <mergeCell ref="GNM730:GNP730"/>
    <mergeCell ref="GNQ730:GNT730"/>
    <mergeCell ref="GNU730:GNX730"/>
    <mergeCell ref="GMK730:GMN730"/>
    <mergeCell ref="GMO730:GMR730"/>
    <mergeCell ref="GMS730:GMV730"/>
    <mergeCell ref="GMW730:GMZ730"/>
    <mergeCell ref="GNA730:GND730"/>
    <mergeCell ref="GWK730:GWN730"/>
    <mergeCell ref="GWO730:GWR730"/>
    <mergeCell ref="GWS730:GWV730"/>
    <mergeCell ref="GWW730:GWZ730"/>
    <mergeCell ref="GXA730:GXD730"/>
    <mergeCell ref="GVQ730:GVT730"/>
    <mergeCell ref="GVU730:GVX730"/>
    <mergeCell ref="GVY730:GWB730"/>
    <mergeCell ref="GWC730:GWF730"/>
    <mergeCell ref="GWG730:GWJ730"/>
    <mergeCell ref="GUW730:GUZ730"/>
    <mergeCell ref="GVA730:GVD730"/>
    <mergeCell ref="GVE730:GVH730"/>
    <mergeCell ref="GVI730:GVL730"/>
    <mergeCell ref="GVM730:GVP730"/>
    <mergeCell ref="GUC730:GUF730"/>
    <mergeCell ref="GUG730:GUJ730"/>
    <mergeCell ref="GUK730:GUN730"/>
    <mergeCell ref="GUO730:GUR730"/>
    <mergeCell ref="GUS730:GUV730"/>
    <mergeCell ref="GTI730:GTL730"/>
    <mergeCell ref="GTM730:GTP730"/>
    <mergeCell ref="GTQ730:GTT730"/>
    <mergeCell ref="GTU730:GTX730"/>
    <mergeCell ref="GTY730:GUB730"/>
    <mergeCell ref="GSO730:GSR730"/>
    <mergeCell ref="GSS730:GSV730"/>
    <mergeCell ref="GSW730:GSZ730"/>
    <mergeCell ref="GTA730:GTD730"/>
    <mergeCell ref="GTE730:GTH730"/>
    <mergeCell ref="GRU730:GRX730"/>
    <mergeCell ref="GRY730:GSB730"/>
    <mergeCell ref="GSC730:GSF730"/>
    <mergeCell ref="GSG730:GSJ730"/>
    <mergeCell ref="GSK730:GSN730"/>
    <mergeCell ref="HBU730:HBX730"/>
    <mergeCell ref="HBY730:HCB730"/>
    <mergeCell ref="HCC730:HCF730"/>
    <mergeCell ref="HCG730:HCJ730"/>
    <mergeCell ref="HCK730:HCN730"/>
    <mergeCell ref="HBA730:HBD730"/>
    <mergeCell ref="HBE730:HBH730"/>
    <mergeCell ref="HBI730:HBL730"/>
    <mergeCell ref="HBM730:HBP730"/>
    <mergeCell ref="HBQ730:HBT730"/>
    <mergeCell ref="HAG730:HAJ730"/>
    <mergeCell ref="HAK730:HAN730"/>
    <mergeCell ref="HAO730:HAR730"/>
    <mergeCell ref="HAS730:HAV730"/>
    <mergeCell ref="HAW730:HAZ730"/>
    <mergeCell ref="GZM730:GZP730"/>
    <mergeCell ref="GZQ730:GZT730"/>
    <mergeCell ref="GZU730:GZX730"/>
    <mergeCell ref="GZY730:HAB730"/>
    <mergeCell ref="HAC730:HAF730"/>
    <mergeCell ref="GYS730:GYV730"/>
    <mergeCell ref="GYW730:GYZ730"/>
    <mergeCell ref="GZA730:GZD730"/>
    <mergeCell ref="GZE730:GZH730"/>
    <mergeCell ref="GZI730:GZL730"/>
    <mergeCell ref="GXY730:GYB730"/>
    <mergeCell ref="GYC730:GYF730"/>
    <mergeCell ref="GYG730:GYJ730"/>
    <mergeCell ref="GYK730:GYN730"/>
    <mergeCell ref="GYO730:GYR730"/>
    <mergeCell ref="GXE730:GXH730"/>
    <mergeCell ref="GXI730:GXL730"/>
    <mergeCell ref="GXM730:GXP730"/>
    <mergeCell ref="GXQ730:GXT730"/>
    <mergeCell ref="GXU730:GXX730"/>
    <mergeCell ref="HHE730:HHH730"/>
    <mergeCell ref="HHI730:HHL730"/>
    <mergeCell ref="HHM730:HHP730"/>
    <mergeCell ref="HHQ730:HHT730"/>
    <mergeCell ref="HHU730:HHX730"/>
    <mergeCell ref="HGK730:HGN730"/>
    <mergeCell ref="HGO730:HGR730"/>
    <mergeCell ref="HGS730:HGV730"/>
    <mergeCell ref="HGW730:HGZ730"/>
    <mergeCell ref="HHA730:HHD730"/>
    <mergeCell ref="HFQ730:HFT730"/>
    <mergeCell ref="HFU730:HFX730"/>
    <mergeCell ref="HFY730:HGB730"/>
    <mergeCell ref="HGC730:HGF730"/>
    <mergeCell ref="HGG730:HGJ730"/>
    <mergeCell ref="HEW730:HEZ730"/>
    <mergeCell ref="HFA730:HFD730"/>
    <mergeCell ref="HFE730:HFH730"/>
    <mergeCell ref="HFI730:HFL730"/>
    <mergeCell ref="HFM730:HFP730"/>
    <mergeCell ref="HEC730:HEF730"/>
    <mergeCell ref="HEG730:HEJ730"/>
    <mergeCell ref="HEK730:HEN730"/>
    <mergeCell ref="HEO730:HER730"/>
    <mergeCell ref="HES730:HEV730"/>
    <mergeCell ref="HDI730:HDL730"/>
    <mergeCell ref="HDM730:HDP730"/>
    <mergeCell ref="HDQ730:HDT730"/>
    <mergeCell ref="HDU730:HDX730"/>
    <mergeCell ref="HDY730:HEB730"/>
    <mergeCell ref="HCO730:HCR730"/>
    <mergeCell ref="HCS730:HCV730"/>
    <mergeCell ref="HCW730:HCZ730"/>
    <mergeCell ref="HDA730:HDD730"/>
    <mergeCell ref="HDE730:HDH730"/>
    <mergeCell ref="HMO730:HMR730"/>
    <mergeCell ref="HMS730:HMV730"/>
    <mergeCell ref="HMW730:HMZ730"/>
    <mergeCell ref="HNA730:HND730"/>
    <mergeCell ref="HNE730:HNH730"/>
    <mergeCell ref="HLU730:HLX730"/>
    <mergeCell ref="HLY730:HMB730"/>
    <mergeCell ref="HMC730:HMF730"/>
    <mergeCell ref="HMG730:HMJ730"/>
    <mergeCell ref="HMK730:HMN730"/>
    <mergeCell ref="HLA730:HLD730"/>
    <mergeCell ref="HLE730:HLH730"/>
    <mergeCell ref="HLI730:HLL730"/>
    <mergeCell ref="HLM730:HLP730"/>
    <mergeCell ref="HLQ730:HLT730"/>
    <mergeCell ref="HKG730:HKJ730"/>
    <mergeCell ref="HKK730:HKN730"/>
    <mergeCell ref="HKO730:HKR730"/>
    <mergeCell ref="HKS730:HKV730"/>
    <mergeCell ref="HKW730:HKZ730"/>
    <mergeCell ref="HJM730:HJP730"/>
    <mergeCell ref="HJQ730:HJT730"/>
    <mergeCell ref="HJU730:HJX730"/>
    <mergeCell ref="HJY730:HKB730"/>
    <mergeCell ref="HKC730:HKF730"/>
    <mergeCell ref="HIS730:HIV730"/>
    <mergeCell ref="HIW730:HIZ730"/>
    <mergeCell ref="HJA730:HJD730"/>
    <mergeCell ref="HJE730:HJH730"/>
    <mergeCell ref="HJI730:HJL730"/>
    <mergeCell ref="HHY730:HIB730"/>
    <mergeCell ref="HIC730:HIF730"/>
    <mergeCell ref="HIG730:HIJ730"/>
    <mergeCell ref="HIK730:HIN730"/>
    <mergeCell ref="HIO730:HIR730"/>
    <mergeCell ref="HRY730:HSB730"/>
    <mergeCell ref="HSC730:HSF730"/>
    <mergeCell ref="HSG730:HSJ730"/>
    <mergeCell ref="HSK730:HSN730"/>
    <mergeCell ref="HSO730:HSR730"/>
    <mergeCell ref="HRE730:HRH730"/>
    <mergeCell ref="HRI730:HRL730"/>
    <mergeCell ref="HRM730:HRP730"/>
    <mergeCell ref="HRQ730:HRT730"/>
    <mergeCell ref="HRU730:HRX730"/>
    <mergeCell ref="HQK730:HQN730"/>
    <mergeCell ref="HQO730:HQR730"/>
    <mergeCell ref="HQS730:HQV730"/>
    <mergeCell ref="HQW730:HQZ730"/>
    <mergeCell ref="HRA730:HRD730"/>
    <mergeCell ref="HPQ730:HPT730"/>
    <mergeCell ref="HPU730:HPX730"/>
    <mergeCell ref="HPY730:HQB730"/>
    <mergeCell ref="HQC730:HQF730"/>
    <mergeCell ref="HQG730:HQJ730"/>
    <mergeCell ref="HOW730:HOZ730"/>
    <mergeCell ref="HPA730:HPD730"/>
    <mergeCell ref="HPE730:HPH730"/>
    <mergeCell ref="HPI730:HPL730"/>
    <mergeCell ref="HPM730:HPP730"/>
    <mergeCell ref="HOC730:HOF730"/>
    <mergeCell ref="HOG730:HOJ730"/>
    <mergeCell ref="HOK730:HON730"/>
    <mergeCell ref="HOO730:HOR730"/>
    <mergeCell ref="HOS730:HOV730"/>
    <mergeCell ref="HNI730:HNL730"/>
    <mergeCell ref="HNM730:HNP730"/>
    <mergeCell ref="HNQ730:HNT730"/>
    <mergeCell ref="HNU730:HNX730"/>
    <mergeCell ref="HNY730:HOB730"/>
    <mergeCell ref="HXI730:HXL730"/>
    <mergeCell ref="HXM730:HXP730"/>
    <mergeCell ref="HXQ730:HXT730"/>
    <mergeCell ref="HXU730:HXX730"/>
    <mergeCell ref="HXY730:HYB730"/>
    <mergeCell ref="HWO730:HWR730"/>
    <mergeCell ref="HWS730:HWV730"/>
    <mergeCell ref="HWW730:HWZ730"/>
    <mergeCell ref="HXA730:HXD730"/>
    <mergeCell ref="HXE730:HXH730"/>
    <mergeCell ref="HVU730:HVX730"/>
    <mergeCell ref="HVY730:HWB730"/>
    <mergeCell ref="HWC730:HWF730"/>
    <mergeCell ref="HWG730:HWJ730"/>
    <mergeCell ref="HWK730:HWN730"/>
    <mergeCell ref="HVA730:HVD730"/>
    <mergeCell ref="HVE730:HVH730"/>
    <mergeCell ref="HVI730:HVL730"/>
    <mergeCell ref="HVM730:HVP730"/>
    <mergeCell ref="HVQ730:HVT730"/>
    <mergeCell ref="HUG730:HUJ730"/>
    <mergeCell ref="HUK730:HUN730"/>
    <mergeCell ref="HUO730:HUR730"/>
    <mergeCell ref="HUS730:HUV730"/>
    <mergeCell ref="HUW730:HUZ730"/>
    <mergeCell ref="HTM730:HTP730"/>
    <mergeCell ref="HTQ730:HTT730"/>
    <mergeCell ref="HTU730:HTX730"/>
    <mergeCell ref="HTY730:HUB730"/>
    <mergeCell ref="HUC730:HUF730"/>
    <mergeCell ref="HSS730:HSV730"/>
    <mergeCell ref="HSW730:HSZ730"/>
    <mergeCell ref="HTA730:HTD730"/>
    <mergeCell ref="HTE730:HTH730"/>
    <mergeCell ref="HTI730:HTL730"/>
    <mergeCell ref="ICS730:ICV730"/>
    <mergeCell ref="ICW730:ICZ730"/>
    <mergeCell ref="IDA730:IDD730"/>
    <mergeCell ref="IDE730:IDH730"/>
    <mergeCell ref="IDI730:IDL730"/>
    <mergeCell ref="IBY730:ICB730"/>
    <mergeCell ref="ICC730:ICF730"/>
    <mergeCell ref="ICG730:ICJ730"/>
    <mergeCell ref="ICK730:ICN730"/>
    <mergeCell ref="ICO730:ICR730"/>
    <mergeCell ref="IBE730:IBH730"/>
    <mergeCell ref="IBI730:IBL730"/>
    <mergeCell ref="IBM730:IBP730"/>
    <mergeCell ref="IBQ730:IBT730"/>
    <mergeCell ref="IBU730:IBX730"/>
    <mergeCell ref="IAK730:IAN730"/>
    <mergeCell ref="IAO730:IAR730"/>
    <mergeCell ref="IAS730:IAV730"/>
    <mergeCell ref="IAW730:IAZ730"/>
    <mergeCell ref="IBA730:IBD730"/>
    <mergeCell ref="HZQ730:HZT730"/>
    <mergeCell ref="HZU730:HZX730"/>
    <mergeCell ref="HZY730:IAB730"/>
    <mergeCell ref="IAC730:IAF730"/>
    <mergeCell ref="IAG730:IAJ730"/>
    <mergeCell ref="HYW730:HYZ730"/>
    <mergeCell ref="HZA730:HZD730"/>
    <mergeCell ref="HZE730:HZH730"/>
    <mergeCell ref="HZI730:HZL730"/>
    <mergeCell ref="HZM730:HZP730"/>
    <mergeCell ref="HYC730:HYF730"/>
    <mergeCell ref="HYG730:HYJ730"/>
    <mergeCell ref="HYK730:HYN730"/>
    <mergeCell ref="HYO730:HYR730"/>
    <mergeCell ref="HYS730:HYV730"/>
    <mergeCell ref="IIC730:IIF730"/>
    <mergeCell ref="IIG730:IIJ730"/>
    <mergeCell ref="IIK730:IIN730"/>
    <mergeCell ref="IIO730:IIR730"/>
    <mergeCell ref="IIS730:IIV730"/>
    <mergeCell ref="IHI730:IHL730"/>
    <mergeCell ref="IHM730:IHP730"/>
    <mergeCell ref="IHQ730:IHT730"/>
    <mergeCell ref="IHU730:IHX730"/>
    <mergeCell ref="IHY730:IIB730"/>
    <mergeCell ref="IGO730:IGR730"/>
    <mergeCell ref="IGS730:IGV730"/>
    <mergeCell ref="IGW730:IGZ730"/>
    <mergeCell ref="IHA730:IHD730"/>
    <mergeCell ref="IHE730:IHH730"/>
    <mergeCell ref="IFU730:IFX730"/>
    <mergeCell ref="IFY730:IGB730"/>
    <mergeCell ref="IGC730:IGF730"/>
    <mergeCell ref="IGG730:IGJ730"/>
    <mergeCell ref="IGK730:IGN730"/>
    <mergeCell ref="IFA730:IFD730"/>
    <mergeCell ref="IFE730:IFH730"/>
    <mergeCell ref="IFI730:IFL730"/>
    <mergeCell ref="IFM730:IFP730"/>
    <mergeCell ref="IFQ730:IFT730"/>
    <mergeCell ref="IEG730:IEJ730"/>
    <mergeCell ref="IEK730:IEN730"/>
    <mergeCell ref="IEO730:IER730"/>
    <mergeCell ref="IES730:IEV730"/>
    <mergeCell ref="IEW730:IEZ730"/>
    <mergeCell ref="IDM730:IDP730"/>
    <mergeCell ref="IDQ730:IDT730"/>
    <mergeCell ref="IDU730:IDX730"/>
    <mergeCell ref="IDY730:IEB730"/>
    <mergeCell ref="IEC730:IEF730"/>
    <mergeCell ref="INM730:INP730"/>
    <mergeCell ref="INQ730:INT730"/>
    <mergeCell ref="INU730:INX730"/>
    <mergeCell ref="INY730:IOB730"/>
    <mergeCell ref="IOC730:IOF730"/>
    <mergeCell ref="IMS730:IMV730"/>
    <mergeCell ref="IMW730:IMZ730"/>
    <mergeCell ref="INA730:IND730"/>
    <mergeCell ref="INE730:INH730"/>
    <mergeCell ref="INI730:INL730"/>
    <mergeCell ref="ILY730:IMB730"/>
    <mergeCell ref="IMC730:IMF730"/>
    <mergeCell ref="IMG730:IMJ730"/>
    <mergeCell ref="IMK730:IMN730"/>
    <mergeCell ref="IMO730:IMR730"/>
    <mergeCell ref="ILE730:ILH730"/>
    <mergeCell ref="ILI730:ILL730"/>
    <mergeCell ref="ILM730:ILP730"/>
    <mergeCell ref="ILQ730:ILT730"/>
    <mergeCell ref="ILU730:ILX730"/>
    <mergeCell ref="IKK730:IKN730"/>
    <mergeCell ref="IKO730:IKR730"/>
    <mergeCell ref="IKS730:IKV730"/>
    <mergeCell ref="IKW730:IKZ730"/>
    <mergeCell ref="ILA730:ILD730"/>
    <mergeCell ref="IJQ730:IJT730"/>
    <mergeCell ref="IJU730:IJX730"/>
    <mergeCell ref="IJY730:IKB730"/>
    <mergeCell ref="IKC730:IKF730"/>
    <mergeCell ref="IKG730:IKJ730"/>
    <mergeCell ref="IIW730:IIZ730"/>
    <mergeCell ref="IJA730:IJD730"/>
    <mergeCell ref="IJE730:IJH730"/>
    <mergeCell ref="IJI730:IJL730"/>
    <mergeCell ref="IJM730:IJP730"/>
    <mergeCell ref="ISW730:ISZ730"/>
    <mergeCell ref="ITA730:ITD730"/>
    <mergeCell ref="ITE730:ITH730"/>
    <mergeCell ref="ITI730:ITL730"/>
    <mergeCell ref="ITM730:ITP730"/>
    <mergeCell ref="ISC730:ISF730"/>
    <mergeCell ref="ISG730:ISJ730"/>
    <mergeCell ref="ISK730:ISN730"/>
    <mergeCell ref="ISO730:ISR730"/>
    <mergeCell ref="ISS730:ISV730"/>
    <mergeCell ref="IRI730:IRL730"/>
    <mergeCell ref="IRM730:IRP730"/>
    <mergeCell ref="IRQ730:IRT730"/>
    <mergeCell ref="IRU730:IRX730"/>
    <mergeCell ref="IRY730:ISB730"/>
    <mergeCell ref="IQO730:IQR730"/>
    <mergeCell ref="IQS730:IQV730"/>
    <mergeCell ref="IQW730:IQZ730"/>
    <mergeCell ref="IRA730:IRD730"/>
    <mergeCell ref="IRE730:IRH730"/>
    <mergeCell ref="IPU730:IPX730"/>
    <mergeCell ref="IPY730:IQB730"/>
    <mergeCell ref="IQC730:IQF730"/>
    <mergeCell ref="IQG730:IQJ730"/>
    <mergeCell ref="IQK730:IQN730"/>
    <mergeCell ref="IPA730:IPD730"/>
    <mergeCell ref="IPE730:IPH730"/>
    <mergeCell ref="IPI730:IPL730"/>
    <mergeCell ref="IPM730:IPP730"/>
    <mergeCell ref="IPQ730:IPT730"/>
    <mergeCell ref="IOG730:IOJ730"/>
    <mergeCell ref="IOK730:ION730"/>
    <mergeCell ref="IOO730:IOR730"/>
    <mergeCell ref="IOS730:IOV730"/>
    <mergeCell ref="IOW730:IOZ730"/>
    <mergeCell ref="IYG730:IYJ730"/>
    <mergeCell ref="IYK730:IYN730"/>
    <mergeCell ref="IYO730:IYR730"/>
    <mergeCell ref="IYS730:IYV730"/>
    <mergeCell ref="IYW730:IYZ730"/>
    <mergeCell ref="IXM730:IXP730"/>
    <mergeCell ref="IXQ730:IXT730"/>
    <mergeCell ref="IXU730:IXX730"/>
    <mergeCell ref="IXY730:IYB730"/>
    <mergeCell ref="IYC730:IYF730"/>
    <mergeCell ref="IWS730:IWV730"/>
    <mergeCell ref="IWW730:IWZ730"/>
    <mergeCell ref="IXA730:IXD730"/>
    <mergeCell ref="IXE730:IXH730"/>
    <mergeCell ref="IXI730:IXL730"/>
    <mergeCell ref="IVY730:IWB730"/>
    <mergeCell ref="IWC730:IWF730"/>
    <mergeCell ref="IWG730:IWJ730"/>
    <mergeCell ref="IWK730:IWN730"/>
    <mergeCell ref="IWO730:IWR730"/>
    <mergeCell ref="IVE730:IVH730"/>
    <mergeCell ref="IVI730:IVL730"/>
    <mergeCell ref="IVM730:IVP730"/>
    <mergeCell ref="IVQ730:IVT730"/>
    <mergeCell ref="IVU730:IVX730"/>
    <mergeCell ref="IUK730:IUN730"/>
    <mergeCell ref="IUO730:IUR730"/>
    <mergeCell ref="IUS730:IUV730"/>
    <mergeCell ref="IUW730:IUZ730"/>
    <mergeCell ref="IVA730:IVD730"/>
    <mergeCell ref="ITQ730:ITT730"/>
    <mergeCell ref="ITU730:ITX730"/>
    <mergeCell ref="ITY730:IUB730"/>
    <mergeCell ref="IUC730:IUF730"/>
    <mergeCell ref="IUG730:IUJ730"/>
    <mergeCell ref="JDQ730:JDT730"/>
    <mergeCell ref="JDU730:JDX730"/>
    <mergeCell ref="JDY730:JEB730"/>
    <mergeCell ref="JEC730:JEF730"/>
    <mergeCell ref="JEG730:JEJ730"/>
    <mergeCell ref="JCW730:JCZ730"/>
    <mergeCell ref="JDA730:JDD730"/>
    <mergeCell ref="JDE730:JDH730"/>
    <mergeCell ref="JDI730:JDL730"/>
    <mergeCell ref="JDM730:JDP730"/>
    <mergeCell ref="JCC730:JCF730"/>
    <mergeCell ref="JCG730:JCJ730"/>
    <mergeCell ref="JCK730:JCN730"/>
    <mergeCell ref="JCO730:JCR730"/>
    <mergeCell ref="JCS730:JCV730"/>
    <mergeCell ref="JBI730:JBL730"/>
    <mergeCell ref="JBM730:JBP730"/>
    <mergeCell ref="JBQ730:JBT730"/>
    <mergeCell ref="JBU730:JBX730"/>
    <mergeCell ref="JBY730:JCB730"/>
    <mergeCell ref="JAO730:JAR730"/>
    <mergeCell ref="JAS730:JAV730"/>
    <mergeCell ref="JAW730:JAZ730"/>
    <mergeCell ref="JBA730:JBD730"/>
    <mergeCell ref="JBE730:JBH730"/>
    <mergeCell ref="IZU730:IZX730"/>
    <mergeCell ref="IZY730:JAB730"/>
    <mergeCell ref="JAC730:JAF730"/>
    <mergeCell ref="JAG730:JAJ730"/>
    <mergeCell ref="JAK730:JAN730"/>
    <mergeCell ref="IZA730:IZD730"/>
    <mergeCell ref="IZE730:IZH730"/>
    <mergeCell ref="IZI730:IZL730"/>
    <mergeCell ref="IZM730:IZP730"/>
    <mergeCell ref="IZQ730:IZT730"/>
    <mergeCell ref="JJA730:JJD730"/>
    <mergeCell ref="JJE730:JJH730"/>
    <mergeCell ref="JJI730:JJL730"/>
    <mergeCell ref="JJM730:JJP730"/>
    <mergeCell ref="JJQ730:JJT730"/>
    <mergeCell ref="JIG730:JIJ730"/>
    <mergeCell ref="JIK730:JIN730"/>
    <mergeCell ref="JIO730:JIR730"/>
    <mergeCell ref="JIS730:JIV730"/>
    <mergeCell ref="JIW730:JIZ730"/>
    <mergeCell ref="JHM730:JHP730"/>
    <mergeCell ref="JHQ730:JHT730"/>
    <mergeCell ref="JHU730:JHX730"/>
    <mergeCell ref="JHY730:JIB730"/>
    <mergeCell ref="JIC730:JIF730"/>
    <mergeCell ref="JGS730:JGV730"/>
    <mergeCell ref="JGW730:JGZ730"/>
    <mergeCell ref="JHA730:JHD730"/>
    <mergeCell ref="JHE730:JHH730"/>
    <mergeCell ref="JHI730:JHL730"/>
    <mergeCell ref="JFY730:JGB730"/>
    <mergeCell ref="JGC730:JGF730"/>
    <mergeCell ref="JGG730:JGJ730"/>
    <mergeCell ref="JGK730:JGN730"/>
    <mergeCell ref="JGO730:JGR730"/>
    <mergeCell ref="JFE730:JFH730"/>
    <mergeCell ref="JFI730:JFL730"/>
    <mergeCell ref="JFM730:JFP730"/>
    <mergeCell ref="JFQ730:JFT730"/>
    <mergeCell ref="JFU730:JFX730"/>
    <mergeCell ref="JEK730:JEN730"/>
    <mergeCell ref="JEO730:JER730"/>
    <mergeCell ref="JES730:JEV730"/>
    <mergeCell ref="JEW730:JEZ730"/>
    <mergeCell ref="JFA730:JFD730"/>
    <mergeCell ref="JOK730:JON730"/>
    <mergeCell ref="JOO730:JOR730"/>
    <mergeCell ref="JOS730:JOV730"/>
    <mergeCell ref="JOW730:JOZ730"/>
    <mergeCell ref="JPA730:JPD730"/>
    <mergeCell ref="JNQ730:JNT730"/>
    <mergeCell ref="JNU730:JNX730"/>
    <mergeCell ref="JNY730:JOB730"/>
    <mergeCell ref="JOC730:JOF730"/>
    <mergeCell ref="JOG730:JOJ730"/>
    <mergeCell ref="JMW730:JMZ730"/>
    <mergeCell ref="JNA730:JND730"/>
    <mergeCell ref="JNE730:JNH730"/>
    <mergeCell ref="JNI730:JNL730"/>
    <mergeCell ref="JNM730:JNP730"/>
    <mergeCell ref="JMC730:JMF730"/>
    <mergeCell ref="JMG730:JMJ730"/>
    <mergeCell ref="JMK730:JMN730"/>
    <mergeCell ref="JMO730:JMR730"/>
    <mergeCell ref="JMS730:JMV730"/>
    <mergeCell ref="JLI730:JLL730"/>
    <mergeCell ref="JLM730:JLP730"/>
    <mergeCell ref="JLQ730:JLT730"/>
    <mergeCell ref="JLU730:JLX730"/>
    <mergeCell ref="JLY730:JMB730"/>
    <mergeCell ref="JKO730:JKR730"/>
    <mergeCell ref="JKS730:JKV730"/>
    <mergeCell ref="JKW730:JKZ730"/>
    <mergeCell ref="JLA730:JLD730"/>
    <mergeCell ref="JLE730:JLH730"/>
    <mergeCell ref="JJU730:JJX730"/>
    <mergeCell ref="JJY730:JKB730"/>
    <mergeCell ref="JKC730:JKF730"/>
    <mergeCell ref="JKG730:JKJ730"/>
    <mergeCell ref="JKK730:JKN730"/>
    <mergeCell ref="JTU730:JTX730"/>
    <mergeCell ref="JTY730:JUB730"/>
    <mergeCell ref="JUC730:JUF730"/>
    <mergeCell ref="JUG730:JUJ730"/>
    <mergeCell ref="JUK730:JUN730"/>
    <mergeCell ref="JTA730:JTD730"/>
    <mergeCell ref="JTE730:JTH730"/>
    <mergeCell ref="JTI730:JTL730"/>
    <mergeCell ref="JTM730:JTP730"/>
    <mergeCell ref="JTQ730:JTT730"/>
    <mergeCell ref="JSG730:JSJ730"/>
    <mergeCell ref="JSK730:JSN730"/>
    <mergeCell ref="JSO730:JSR730"/>
    <mergeCell ref="JSS730:JSV730"/>
    <mergeCell ref="JSW730:JSZ730"/>
    <mergeCell ref="JRM730:JRP730"/>
    <mergeCell ref="JRQ730:JRT730"/>
    <mergeCell ref="JRU730:JRX730"/>
    <mergeCell ref="JRY730:JSB730"/>
    <mergeCell ref="JSC730:JSF730"/>
    <mergeCell ref="JQS730:JQV730"/>
    <mergeCell ref="JQW730:JQZ730"/>
    <mergeCell ref="JRA730:JRD730"/>
    <mergeCell ref="JRE730:JRH730"/>
    <mergeCell ref="JRI730:JRL730"/>
    <mergeCell ref="JPY730:JQB730"/>
    <mergeCell ref="JQC730:JQF730"/>
    <mergeCell ref="JQG730:JQJ730"/>
    <mergeCell ref="JQK730:JQN730"/>
    <mergeCell ref="JQO730:JQR730"/>
    <mergeCell ref="JPE730:JPH730"/>
    <mergeCell ref="JPI730:JPL730"/>
    <mergeCell ref="JPM730:JPP730"/>
    <mergeCell ref="JPQ730:JPT730"/>
    <mergeCell ref="JPU730:JPX730"/>
    <mergeCell ref="JZE730:JZH730"/>
    <mergeCell ref="JZI730:JZL730"/>
    <mergeCell ref="JZM730:JZP730"/>
    <mergeCell ref="JZQ730:JZT730"/>
    <mergeCell ref="JZU730:JZX730"/>
    <mergeCell ref="JYK730:JYN730"/>
    <mergeCell ref="JYO730:JYR730"/>
    <mergeCell ref="JYS730:JYV730"/>
    <mergeCell ref="JYW730:JYZ730"/>
    <mergeCell ref="JZA730:JZD730"/>
    <mergeCell ref="JXQ730:JXT730"/>
    <mergeCell ref="JXU730:JXX730"/>
    <mergeCell ref="JXY730:JYB730"/>
    <mergeCell ref="JYC730:JYF730"/>
    <mergeCell ref="JYG730:JYJ730"/>
    <mergeCell ref="JWW730:JWZ730"/>
    <mergeCell ref="JXA730:JXD730"/>
    <mergeCell ref="JXE730:JXH730"/>
    <mergeCell ref="JXI730:JXL730"/>
    <mergeCell ref="JXM730:JXP730"/>
    <mergeCell ref="JWC730:JWF730"/>
    <mergeCell ref="JWG730:JWJ730"/>
    <mergeCell ref="JWK730:JWN730"/>
    <mergeCell ref="JWO730:JWR730"/>
    <mergeCell ref="JWS730:JWV730"/>
    <mergeCell ref="JVI730:JVL730"/>
    <mergeCell ref="JVM730:JVP730"/>
    <mergeCell ref="JVQ730:JVT730"/>
    <mergeCell ref="JVU730:JVX730"/>
    <mergeCell ref="JVY730:JWB730"/>
    <mergeCell ref="JUO730:JUR730"/>
    <mergeCell ref="JUS730:JUV730"/>
    <mergeCell ref="JUW730:JUZ730"/>
    <mergeCell ref="JVA730:JVD730"/>
    <mergeCell ref="JVE730:JVH730"/>
    <mergeCell ref="KEO730:KER730"/>
    <mergeCell ref="KES730:KEV730"/>
    <mergeCell ref="KEW730:KEZ730"/>
    <mergeCell ref="KFA730:KFD730"/>
    <mergeCell ref="KFE730:KFH730"/>
    <mergeCell ref="KDU730:KDX730"/>
    <mergeCell ref="KDY730:KEB730"/>
    <mergeCell ref="KEC730:KEF730"/>
    <mergeCell ref="KEG730:KEJ730"/>
    <mergeCell ref="KEK730:KEN730"/>
    <mergeCell ref="KDA730:KDD730"/>
    <mergeCell ref="KDE730:KDH730"/>
    <mergeCell ref="KDI730:KDL730"/>
    <mergeCell ref="KDM730:KDP730"/>
    <mergeCell ref="KDQ730:KDT730"/>
    <mergeCell ref="KCG730:KCJ730"/>
    <mergeCell ref="KCK730:KCN730"/>
    <mergeCell ref="KCO730:KCR730"/>
    <mergeCell ref="KCS730:KCV730"/>
    <mergeCell ref="KCW730:KCZ730"/>
    <mergeCell ref="KBM730:KBP730"/>
    <mergeCell ref="KBQ730:KBT730"/>
    <mergeCell ref="KBU730:KBX730"/>
    <mergeCell ref="KBY730:KCB730"/>
    <mergeCell ref="KCC730:KCF730"/>
    <mergeCell ref="KAS730:KAV730"/>
    <mergeCell ref="KAW730:KAZ730"/>
    <mergeCell ref="KBA730:KBD730"/>
    <mergeCell ref="KBE730:KBH730"/>
    <mergeCell ref="KBI730:KBL730"/>
    <mergeCell ref="JZY730:KAB730"/>
    <mergeCell ref="KAC730:KAF730"/>
    <mergeCell ref="KAG730:KAJ730"/>
    <mergeCell ref="KAK730:KAN730"/>
    <mergeCell ref="KAO730:KAR730"/>
    <mergeCell ref="KJY730:KKB730"/>
    <mergeCell ref="KKC730:KKF730"/>
    <mergeCell ref="KKG730:KKJ730"/>
    <mergeCell ref="KKK730:KKN730"/>
    <mergeCell ref="KKO730:KKR730"/>
    <mergeCell ref="KJE730:KJH730"/>
    <mergeCell ref="KJI730:KJL730"/>
    <mergeCell ref="KJM730:KJP730"/>
    <mergeCell ref="KJQ730:KJT730"/>
    <mergeCell ref="KJU730:KJX730"/>
    <mergeCell ref="KIK730:KIN730"/>
    <mergeCell ref="KIO730:KIR730"/>
    <mergeCell ref="KIS730:KIV730"/>
    <mergeCell ref="KIW730:KIZ730"/>
    <mergeCell ref="KJA730:KJD730"/>
    <mergeCell ref="KHQ730:KHT730"/>
    <mergeCell ref="KHU730:KHX730"/>
    <mergeCell ref="KHY730:KIB730"/>
    <mergeCell ref="KIC730:KIF730"/>
    <mergeCell ref="KIG730:KIJ730"/>
    <mergeCell ref="KGW730:KGZ730"/>
    <mergeCell ref="KHA730:KHD730"/>
    <mergeCell ref="KHE730:KHH730"/>
    <mergeCell ref="KHI730:KHL730"/>
    <mergeCell ref="KHM730:KHP730"/>
    <mergeCell ref="KGC730:KGF730"/>
    <mergeCell ref="KGG730:KGJ730"/>
    <mergeCell ref="KGK730:KGN730"/>
    <mergeCell ref="KGO730:KGR730"/>
    <mergeCell ref="KGS730:KGV730"/>
    <mergeCell ref="KFI730:KFL730"/>
    <mergeCell ref="KFM730:KFP730"/>
    <mergeCell ref="KFQ730:KFT730"/>
    <mergeCell ref="KFU730:KFX730"/>
    <mergeCell ref="KFY730:KGB730"/>
    <mergeCell ref="KPI730:KPL730"/>
    <mergeCell ref="KPM730:KPP730"/>
    <mergeCell ref="KPQ730:KPT730"/>
    <mergeCell ref="KPU730:KPX730"/>
    <mergeCell ref="KPY730:KQB730"/>
    <mergeCell ref="KOO730:KOR730"/>
    <mergeCell ref="KOS730:KOV730"/>
    <mergeCell ref="KOW730:KOZ730"/>
    <mergeCell ref="KPA730:KPD730"/>
    <mergeCell ref="KPE730:KPH730"/>
    <mergeCell ref="KNU730:KNX730"/>
    <mergeCell ref="KNY730:KOB730"/>
    <mergeCell ref="KOC730:KOF730"/>
    <mergeCell ref="KOG730:KOJ730"/>
    <mergeCell ref="KOK730:KON730"/>
    <mergeCell ref="KNA730:KND730"/>
    <mergeCell ref="KNE730:KNH730"/>
    <mergeCell ref="KNI730:KNL730"/>
    <mergeCell ref="KNM730:KNP730"/>
    <mergeCell ref="KNQ730:KNT730"/>
    <mergeCell ref="KMG730:KMJ730"/>
    <mergeCell ref="KMK730:KMN730"/>
    <mergeCell ref="KMO730:KMR730"/>
    <mergeCell ref="KMS730:KMV730"/>
    <mergeCell ref="KMW730:KMZ730"/>
    <mergeCell ref="KLM730:KLP730"/>
    <mergeCell ref="KLQ730:KLT730"/>
    <mergeCell ref="KLU730:KLX730"/>
    <mergeCell ref="KLY730:KMB730"/>
    <mergeCell ref="KMC730:KMF730"/>
    <mergeCell ref="KKS730:KKV730"/>
    <mergeCell ref="KKW730:KKZ730"/>
    <mergeCell ref="KLA730:KLD730"/>
    <mergeCell ref="KLE730:KLH730"/>
    <mergeCell ref="KLI730:KLL730"/>
    <mergeCell ref="KUS730:KUV730"/>
    <mergeCell ref="KUW730:KUZ730"/>
    <mergeCell ref="KVA730:KVD730"/>
    <mergeCell ref="KVE730:KVH730"/>
    <mergeCell ref="KVI730:KVL730"/>
    <mergeCell ref="KTY730:KUB730"/>
    <mergeCell ref="KUC730:KUF730"/>
    <mergeCell ref="KUG730:KUJ730"/>
    <mergeCell ref="KUK730:KUN730"/>
    <mergeCell ref="KUO730:KUR730"/>
    <mergeCell ref="KTE730:KTH730"/>
    <mergeCell ref="KTI730:KTL730"/>
    <mergeCell ref="KTM730:KTP730"/>
    <mergeCell ref="KTQ730:KTT730"/>
    <mergeCell ref="KTU730:KTX730"/>
    <mergeCell ref="KSK730:KSN730"/>
    <mergeCell ref="KSO730:KSR730"/>
    <mergeCell ref="KSS730:KSV730"/>
    <mergeCell ref="KSW730:KSZ730"/>
    <mergeCell ref="KTA730:KTD730"/>
    <mergeCell ref="KRQ730:KRT730"/>
    <mergeCell ref="KRU730:KRX730"/>
    <mergeCell ref="KRY730:KSB730"/>
    <mergeCell ref="KSC730:KSF730"/>
    <mergeCell ref="KSG730:KSJ730"/>
    <mergeCell ref="KQW730:KQZ730"/>
    <mergeCell ref="KRA730:KRD730"/>
    <mergeCell ref="KRE730:KRH730"/>
    <mergeCell ref="KRI730:KRL730"/>
    <mergeCell ref="KRM730:KRP730"/>
    <mergeCell ref="KQC730:KQF730"/>
    <mergeCell ref="KQG730:KQJ730"/>
    <mergeCell ref="KQK730:KQN730"/>
    <mergeCell ref="KQO730:KQR730"/>
    <mergeCell ref="KQS730:KQV730"/>
    <mergeCell ref="LAC730:LAF730"/>
    <mergeCell ref="LAG730:LAJ730"/>
    <mergeCell ref="LAK730:LAN730"/>
    <mergeCell ref="LAO730:LAR730"/>
    <mergeCell ref="LAS730:LAV730"/>
    <mergeCell ref="KZI730:KZL730"/>
    <mergeCell ref="KZM730:KZP730"/>
    <mergeCell ref="KZQ730:KZT730"/>
    <mergeCell ref="KZU730:KZX730"/>
    <mergeCell ref="KZY730:LAB730"/>
    <mergeCell ref="KYO730:KYR730"/>
    <mergeCell ref="KYS730:KYV730"/>
    <mergeCell ref="KYW730:KYZ730"/>
    <mergeCell ref="KZA730:KZD730"/>
    <mergeCell ref="KZE730:KZH730"/>
    <mergeCell ref="KXU730:KXX730"/>
    <mergeCell ref="KXY730:KYB730"/>
    <mergeCell ref="KYC730:KYF730"/>
    <mergeCell ref="KYG730:KYJ730"/>
    <mergeCell ref="KYK730:KYN730"/>
    <mergeCell ref="KXA730:KXD730"/>
    <mergeCell ref="KXE730:KXH730"/>
    <mergeCell ref="KXI730:KXL730"/>
    <mergeCell ref="KXM730:KXP730"/>
    <mergeCell ref="KXQ730:KXT730"/>
    <mergeCell ref="KWG730:KWJ730"/>
    <mergeCell ref="KWK730:KWN730"/>
    <mergeCell ref="KWO730:KWR730"/>
    <mergeCell ref="KWS730:KWV730"/>
    <mergeCell ref="KWW730:KWZ730"/>
    <mergeCell ref="KVM730:KVP730"/>
    <mergeCell ref="KVQ730:KVT730"/>
    <mergeCell ref="KVU730:KVX730"/>
    <mergeCell ref="KVY730:KWB730"/>
    <mergeCell ref="KWC730:KWF730"/>
    <mergeCell ref="LFM730:LFP730"/>
    <mergeCell ref="LFQ730:LFT730"/>
    <mergeCell ref="LFU730:LFX730"/>
    <mergeCell ref="LFY730:LGB730"/>
    <mergeCell ref="LGC730:LGF730"/>
    <mergeCell ref="LES730:LEV730"/>
    <mergeCell ref="LEW730:LEZ730"/>
    <mergeCell ref="LFA730:LFD730"/>
    <mergeCell ref="LFE730:LFH730"/>
    <mergeCell ref="LFI730:LFL730"/>
    <mergeCell ref="LDY730:LEB730"/>
    <mergeCell ref="LEC730:LEF730"/>
    <mergeCell ref="LEG730:LEJ730"/>
    <mergeCell ref="LEK730:LEN730"/>
    <mergeCell ref="LEO730:LER730"/>
    <mergeCell ref="LDE730:LDH730"/>
    <mergeCell ref="LDI730:LDL730"/>
    <mergeCell ref="LDM730:LDP730"/>
    <mergeCell ref="LDQ730:LDT730"/>
    <mergeCell ref="LDU730:LDX730"/>
    <mergeCell ref="LCK730:LCN730"/>
    <mergeCell ref="LCO730:LCR730"/>
    <mergeCell ref="LCS730:LCV730"/>
    <mergeCell ref="LCW730:LCZ730"/>
    <mergeCell ref="LDA730:LDD730"/>
    <mergeCell ref="LBQ730:LBT730"/>
    <mergeCell ref="LBU730:LBX730"/>
    <mergeCell ref="LBY730:LCB730"/>
    <mergeCell ref="LCC730:LCF730"/>
    <mergeCell ref="LCG730:LCJ730"/>
    <mergeCell ref="LAW730:LAZ730"/>
    <mergeCell ref="LBA730:LBD730"/>
    <mergeCell ref="LBE730:LBH730"/>
    <mergeCell ref="LBI730:LBL730"/>
    <mergeCell ref="LBM730:LBP730"/>
    <mergeCell ref="LKW730:LKZ730"/>
    <mergeCell ref="LLA730:LLD730"/>
    <mergeCell ref="LLE730:LLH730"/>
    <mergeCell ref="LLI730:LLL730"/>
    <mergeCell ref="LLM730:LLP730"/>
    <mergeCell ref="LKC730:LKF730"/>
    <mergeCell ref="LKG730:LKJ730"/>
    <mergeCell ref="LKK730:LKN730"/>
    <mergeCell ref="LKO730:LKR730"/>
    <mergeCell ref="LKS730:LKV730"/>
    <mergeCell ref="LJI730:LJL730"/>
    <mergeCell ref="LJM730:LJP730"/>
    <mergeCell ref="LJQ730:LJT730"/>
    <mergeCell ref="LJU730:LJX730"/>
    <mergeCell ref="LJY730:LKB730"/>
    <mergeCell ref="LIO730:LIR730"/>
    <mergeCell ref="LIS730:LIV730"/>
    <mergeCell ref="LIW730:LIZ730"/>
    <mergeCell ref="LJA730:LJD730"/>
    <mergeCell ref="LJE730:LJH730"/>
    <mergeCell ref="LHU730:LHX730"/>
    <mergeCell ref="LHY730:LIB730"/>
    <mergeCell ref="LIC730:LIF730"/>
    <mergeCell ref="LIG730:LIJ730"/>
    <mergeCell ref="LIK730:LIN730"/>
    <mergeCell ref="LHA730:LHD730"/>
    <mergeCell ref="LHE730:LHH730"/>
    <mergeCell ref="LHI730:LHL730"/>
    <mergeCell ref="LHM730:LHP730"/>
    <mergeCell ref="LHQ730:LHT730"/>
    <mergeCell ref="LGG730:LGJ730"/>
    <mergeCell ref="LGK730:LGN730"/>
    <mergeCell ref="LGO730:LGR730"/>
    <mergeCell ref="LGS730:LGV730"/>
    <mergeCell ref="LGW730:LGZ730"/>
    <mergeCell ref="LQG730:LQJ730"/>
    <mergeCell ref="LQK730:LQN730"/>
    <mergeCell ref="LQO730:LQR730"/>
    <mergeCell ref="LQS730:LQV730"/>
    <mergeCell ref="LQW730:LQZ730"/>
    <mergeCell ref="LPM730:LPP730"/>
    <mergeCell ref="LPQ730:LPT730"/>
    <mergeCell ref="LPU730:LPX730"/>
    <mergeCell ref="LPY730:LQB730"/>
    <mergeCell ref="LQC730:LQF730"/>
    <mergeCell ref="LOS730:LOV730"/>
    <mergeCell ref="LOW730:LOZ730"/>
    <mergeCell ref="LPA730:LPD730"/>
    <mergeCell ref="LPE730:LPH730"/>
    <mergeCell ref="LPI730:LPL730"/>
    <mergeCell ref="LNY730:LOB730"/>
    <mergeCell ref="LOC730:LOF730"/>
    <mergeCell ref="LOG730:LOJ730"/>
    <mergeCell ref="LOK730:LON730"/>
    <mergeCell ref="LOO730:LOR730"/>
    <mergeCell ref="LNE730:LNH730"/>
    <mergeCell ref="LNI730:LNL730"/>
    <mergeCell ref="LNM730:LNP730"/>
    <mergeCell ref="LNQ730:LNT730"/>
    <mergeCell ref="LNU730:LNX730"/>
    <mergeCell ref="LMK730:LMN730"/>
    <mergeCell ref="LMO730:LMR730"/>
    <mergeCell ref="LMS730:LMV730"/>
    <mergeCell ref="LMW730:LMZ730"/>
    <mergeCell ref="LNA730:LND730"/>
    <mergeCell ref="LLQ730:LLT730"/>
    <mergeCell ref="LLU730:LLX730"/>
    <mergeCell ref="LLY730:LMB730"/>
    <mergeCell ref="LMC730:LMF730"/>
    <mergeCell ref="LMG730:LMJ730"/>
    <mergeCell ref="LVQ730:LVT730"/>
    <mergeCell ref="LVU730:LVX730"/>
    <mergeCell ref="LVY730:LWB730"/>
    <mergeCell ref="LWC730:LWF730"/>
    <mergeCell ref="LWG730:LWJ730"/>
    <mergeCell ref="LUW730:LUZ730"/>
    <mergeCell ref="LVA730:LVD730"/>
    <mergeCell ref="LVE730:LVH730"/>
    <mergeCell ref="LVI730:LVL730"/>
    <mergeCell ref="LVM730:LVP730"/>
    <mergeCell ref="LUC730:LUF730"/>
    <mergeCell ref="LUG730:LUJ730"/>
    <mergeCell ref="LUK730:LUN730"/>
    <mergeCell ref="LUO730:LUR730"/>
    <mergeCell ref="LUS730:LUV730"/>
    <mergeCell ref="LTI730:LTL730"/>
    <mergeCell ref="LTM730:LTP730"/>
    <mergeCell ref="LTQ730:LTT730"/>
    <mergeCell ref="LTU730:LTX730"/>
    <mergeCell ref="LTY730:LUB730"/>
    <mergeCell ref="LSO730:LSR730"/>
    <mergeCell ref="LSS730:LSV730"/>
    <mergeCell ref="LSW730:LSZ730"/>
    <mergeCell ref="LTA730:LTD730"/>
    <mergeCell ref="LTE730:LTH730"/>
    <mergeCell ref="LRU730:LRX730"/>
    <mergeCell ref="LRY730:LSB730"/>
    <mergeCell ref="LSC730:LSF730"/>
    <mergeCell ref="LSG730:LSJ730"/>
    <mergeCell ref="LSK730:LSN730"/>
    <mergeCell ref="LRA730:LRD730"/>
    <mergeCell ref="LRE730:LRH730"/>
    <mergeCell ref="LRI730:LRL730"/>
    <mergeCell ref="LRM730:LRP730"/>
    <mergeCell ref="LRQ730:LRT730"/>
    <mergeCell ref="MBA730:MBD730"/>
    <mergeCell ref="MBE730:MBH730"/>
    <mergeCell ref="MBI730:MBL730"/>
    <mergeCell ref="MBM730:MBP730"/>
    <mergeCell ref="MBQ730:MBT730"/>
    <mergeCell ref="MAG730:MAJ730"/>
    <mergeCell ref="MAK730:MAN730"/>
    <mergeCell ref="MAO730:MAR730"/>
    <mergeCell ref="MAS730:MAV730"/>
    <mergeCell ref="MAW730:MAZ730"/>
    <mergeCell ref="LZM730:LZP730"/>
    <mergeCell ref="LZQ730:LZT730"/>
    <mergeCell ref="LZU730:LZX730"/>
    <mergeCell ref="LZY730:MAB730"/>
    <mergeCell ref="MAC730:MAF730"/>
    <mergeCell ref="LYS730:LYV730"/>
    <mergeCell ref="LYW730:LYZ730"/>
    <mergeCell ref="LZA730:LZD730"/>
    <mergeCell ref="LZE730:LZH730"/>
    <mergeCell ref="LZI730:LZL730"/>
    <mergeCell ref="LXY730:LYB730"/>
    <mergeCell ref="LYC730:LYF730"/>
    <mergeCell ref="LYG730:LYJ730"/>
    <mergeCell ref="LYK730:LYN730"/>
    <mergeCell ref="LYO730:LYR730"/>
    <mergeCell ref="LXE730:LXH730"/>
    <mergeCell ref="LXI730:LXL730"/>
    <mergeCell ref="LXM730:LXP730"/>
    <mergeCell ref="LXQ730:LXT730"/>
    <mergeCell ref="LXU730:LXX730"/>
    <mergeCell ref="LWK730:LWN730"/>
    <mergeCell ref="LWO730:LWR730"/>
    <mergeCell ref="LWS730:LWV730"/>
    <mergeCell ref="LWW730:LWZ730"/>
    <mergeCell ref="LXA730:LXD730"/>
    <mergeCell ref="MGK730:MGN730"/>
    <mergeCell ref="MGO730:MGR730"/>
    <mergeCell ref="MGS730:MGV730"/>
    <mergeCell ref="MGW730:MGZ730"/>
    <mergeCell ref="MHA730:MHD730"/>
    <mergeCell ref="MFQ730:MFT730"/>
    <mergeCell ref="MFU730:MFX730"/>
    <mergeCell ref="MFY730:MGB730"/>
    <mergeCell ref="MGC730:MGF730"/>
    <mergeCell ref="MGG730:MGJ730"/>
    <mergeCell ref="MEW730:MEZ730"/>
    <mergeCell ref="MFA730:MFD730"/>
    <mergeCell ref="MFE730:MFH730"/>
    <mergeCell ref="MFI730:MFL730"/>
    <mergeCell ref="MFM730:MFP730"/>
    <mergeCell ref="MEC730:MEF730"/>
    <mergeCell ref="MEG730:MEJ730"/>
    <mergeCell ref="MEK730:MEN730"/>
    <mergeCell ref="MEO730:MER730"/>
    <mergeCell ref="MES730:MEV730"/>
    <mergeCell ref="MDI730:MDL730"/>
    <mergeCell ref="MDM730:MDP730"/>
    <mergeCell ref="MDQ730:MDT730"/>
    <mergeCell ref="MDU730:MDX730"/>
    <mergeCell ref="MDY730:MEB730"/>
    <mergeCell ref="MCO730:MCR730"/>
    <mergeCell ref="MCS730:MCV730"/>
    <mergeCell ref="MCW730:MCZ730"/>
    <mergeCell ref="MDA730:MDD730"/>
    <mergeCell ref="MDE730:MDH730"/>
    <mergeCell ref="MBU730:MBX730"/>
    <mergeCell ref="MBY730:MCB730"/>
    <mergeCell ref="MCC730:MCF730"/>
    <mergeCell ref="MCG730:MCJ730"/>
    <mergeCell ref="MCK730:MCN730"/>
    <mergeCell ref="MLU730:MLX730"/>
    <mergeCell ref="MLY730:MMB730"/>
    <mergeCell ref="MMC730:MMF730"/>
    <mergeCell ref="MMG730:MMJ730"/>
    <mergeCell ref="MMK730:MMN730"/>
    <mergeCell ref="MLA730:MLD730"/>
    <mergeCell ref="MLE730:MLH730"/>
    <mergeCell ref="MLI730:MLL730"/>
    <mergeCell ref="MLM730:MLP730"/>
    <mergeCell ref="MLQ730:MLT730"/>
    <mergeCell ref="MKG730:MKJ730"/>
    <mergeCell ref="MKK730:MKN730"/>
    <mergeCell ref="MKO730:MKR730"/>
    <mergeCell ref="MKS730:MKV730"/>
    <mergeCell ref="MKW730:MKZ730"/>
    <mergeCell ref="MJM730:MJP730"/>
    <mergeCell ref="MJQ730:MJT730"/>
    <mergeCell ref="MJU730:MJX730"/>
    <mergeCell ref="MJY730:MKB730"/>
    <mergeCell ref="MKC730:MKF730"/>
    <mergeCell ref="MIS730:MIV730"/>
    <mergeCell ref="MIW730:MIZ730"/>
    <mergeCell ref="MJA730:MJD730"/>
    <mergeCell ref="MJE730:MJH730"/>
    <mergeCell ref="MJI730:MJL730"/>
    <mergeCell ref="MHY730:MIB730"/>
    <mergeCell ref="MIC730:MIF730"/>
    <mergeCell ref="MIG730:MIJ730"/>
    <mergeCell ref="MIK730:MIN730"/>
    <mergeCell ref="MIO730:MIR730"/>
    <mergeCell ref="MHE730:MHH730"/>
    <mergeCell ref="MHI730:MHL730"/>
    <mergeCell ref="MHM730:MHP730"/>
    <mergeCell ref="MHQ730:MHT730"/>
    <mergeCell ref="MHU730:MHX730"/>
    <mergeCell ref="MRE730:MRH730"/>
    <mergeCell ref="MRI730:MRL730"/>
    <mergeCell ref="MRM730:MRP730"/>
    <mergeCell ref="MRQ730:MRT730"/>
    <mergeCell ref="MRU730:MRX730"/>
    <mergeCell ref="MQK730:MQN730"/>
    <mergeCell ref="MQO730:MQR730"/>
    <mergeCell ref="MQS730:MQV730"/>
    <mergeCell ref="MQW730:MQZ730"/>
    <mergeCell ref="MRA730:MRD730"/>
    <mergeCell ref="MPQ730:MPT730"/>
    <mergeCell ref="MPU730:MPX730"/>
    <mergeCell ref="MPY730:MQB730"/>
    <mergeCell ref="MQC730:MQF730"/>
    <mergeCell ref="MQG730:MQJ730"/>
    <mergeCell ref="MOW730:MOZ730"/>
    <mergeCell ref="MPA730:MPD730"/>
    <mergeCell ref="MPE730:MPH730"/>
    <mergeCell ref="MPI730:MPL730"/>
    <mergeCell ref="MPM730:MPP730"/>
    <mergeCell ref="MOC730:MOF730"/>
    <mergeCell ref="MOG730:MOJ730"/>
    <mergeCell ref="MOK730:MON730"/>
    <mergeCell ref="MOO730:MOR730"/>
    <mergeCell ref="MOS730:MOV730"/>
    <mergeCell ref="MNI730:MNL730"/>
    <mergeCell ref="MNM730:MNP730"/>
    <mergeCell ref="MNQ730:MNT730"/>
    <mergeCell ref="MNU730:MNX730"/>
    <mergeCell ref="MNY730:MOB730"/>
    <mergeCell ref="MMO730:MMR730"/>
    <mergeCell ref="MMS730:MMV730"/>
    <mergeCell ref="MMW730:MMZ730"/>
    <mergeCell ref="MNA730:MND730"/>
    <mergeCell ref="MNE730:MNH730"/>
    <mergeCell ref="MWO730:MWR730"/>
    <mergeCell ref="MWS730:MWV730"/>
    <mergeCell ref="MWW730:MWZ730"/>
    <mergeCell ref="MXA730:MXD730"/>
    <mergeCell ref="MXE730:MXH730"/>
    <mergeCell ref="MVU730:MVX730"/>
    <mergeCell ref="MVY730:MWB730"/>
    <mergeCell ref="MWC730:MWF730"/>
    <mergeCell ref="MWG730:MWJ730"/>
    <mergeCell ref="MWK730:MWN730"/>
    <mergeCell ref="MVA730:MVD730"/>
    <mergeCell ref="MVE730:MVH730"/>
    <mergeCell ref="MVI730:MVL730"/>
    <mergeCell ref="MVM730:MVP730"/>
    <mergeCell ref="MVQ730:MVT730"/>
    <mergeCell ref="MUG730:MUJ730"/>
    <mergeCell ref="MUK730:MUN730"/>
    <mergeCell ref="MUO730:MUR730"/>
    <mergeCell ref="MUS730:MUV730"/>
    <mergeCell ref="MUW730:MUZ730"/>
    <mergeCell ref="MTM730:MTP730"/>
    <mergeCell ref="MTQ730:MTT730"/>
    <mergeCell ref="MTU730:MTX730"/>
    <mergeCell ref="MTY730:MUB730"/>
    <mergeCell ref="MUC730:MUF730"/>
    <mergeCell ref="MSS730:MSV730"/>
    <mergeCell ref="MSW730:MSZ730"/>
    <mergeCell ref="MTA730:MTD730"/>
    <mergeCell ref="MTE730:MTH730"/>
    <mergeCell ref="MTI730:MTL730"/>
    <mergeCell ref="MRY730:MSB730"/>
    <mergeCell ref="MSC730:MSF730"/>
    <mergeCell ref="MSG730:MSJ730"/>
    <mergeCell ref="MSK730:MSN730"/>
    <mergeCell ref="MSO730:MSR730"/>
    <mergeCell ref="NBY730:NCB730"/>
    <mergeCell ref="NCC730:NCF730"/>
    <mergeCell ref="NCG730:NCJ730"/>
    <mergeCell ref="NCK730:NCN730"/>
    <mergeCell ref="NCO730:NCR730"/>
    <mergeCell ref="NBE730:NBH730"/>
    <mergeCell ref="NBI730:NBL730"/>
    <mergeCell ref="NBM730:NBP730"/>
    <mergeCell ref="NBQ730:NBT730"/>
    <mergeCell ref="NBU730:NBX730"/>
    <mergeCell ref="NAK730:NAN730"/>
    <mergeCell ref="NAO730:NAR730"/>
    <mergeCell ref="NAS730:NAV730"/>
    <mergeCell ref="NAW730:NAZ730"/>
    <mergeCell ref="NBA730:NBD730"/>
    <mergeCell ref="MZQ730:MZT730"/>
    <mergeCell ref="MZU730:MZX730"/>
    <mergeCell ref="MZY730:NAB730"/>
    <mergeCell ref="NAC730:NAF730"/>
    <mergeCell ref="NAG730:NAJ730"/>
    <mergeCell ref="MYW730:MYZ730"/>
    <mergeCell ref="MZA730:MZD730"/>
    <mergeCell ref="MZE730:MZH730"/>
    <mergeCell ref="MZI730:MZL730"/>
    <mergeCell ref="MZM730:MZP730"/>
    <mergeCell ref="MYC730:MYF730"/>
    <mergeCell ref="MYG730:MYJ730"/>
    <mergeCell ref="MYK730:MYN730"/>
    <mergeCell ref="MYO730:MYR730"/>
    <mergeCell ref="MYS730:MYV730"/>
    <mergeCell ref="MXI730:MXL730"/>
    <mergeCell ref="MXM730:MXP730"/>
    <mergeCell ref="MXQ730:MXT730"/>
    <mergeCell ref="MXU730:MXX730"/>
    <mergeCell ref="MXY730:MYB730"/>
    <mergeCell ref="NHI730:NHL730"/>
    <mergeCell ref="NHM730:NHP730"/>
    <mergeCell ref="NHQ730:NHT730"/>
    <mergeCell ref="NHU730:NHX730"/>
    <mergeCell ref="NHY730:NIB730"/>
    <mergeCell ref="NGO730:NGR730"/>
    <mergeCell ref="NGS730:NGV730"/>
    <mergeCell ref="NGW730:NGZ730"/>
    <mergeCell ref="NHA730:NHD730"/>
    <mergeCell ref="NHE730:NHH730"/>
    <mergeCell ref="NFU730:NFX730"/>
    <mergeCell ref="NFY730:NGB730"/>
    <mergeCell ref="NGC730:NGF730"/>
    <mergeCell ref="NGG730:NGJ730"/>
    <mergeCell ref="NGK730:NGN730"/>
    <mergeCell ref="NFA730:NFD730"/>
    <mergeCell ref="NFE730:NFH730"/>
    <mergeCell ref="NFI730:NFL730"/>
    <mergeCell ref="NFM730:NFP730"/>
    <mergeCell ref="NFQ730:NFT730"/>
    <mergeCell ref="NEG730:NEJ730"/>
    <mergeCell ref="NEK730:NEN730"/>
    <mergeCell ref="NEO730:NER730"/>
    <mergeCell ref="NES730:NEV730"/>
    <mergeCell ref="NEW730:NEZ730"/>
    <mergeCell ref="NDM730:NDP730"/>
    <mergeCell ref="NDQ730:NDT730"/>
    <mergeCell ref="NDU730:NDX730"/>
    <mergeCell ref="NDY730:NEB730"/>
    <mergeCell ref="NEC730:NEF730"/>
    <mergeCell ref="NCS730:NCV730"/>
    <mergeCell ref="NCW730:NCZ730"/>
    <mergeCell ref="NDA730:NDD730"/>
    <mergeCell ref="NDE730:NDH730"/>
    <mergeCell ref="NDI730:NDL730"/>
    <mergeCell ref="NMS730:NMV730"/>
    <mergeCell ref="NMW730:NMZ730"/>
    <mergeCell ref="NNA730:NND730"/>
    <mergeCell ref="NNE730:NNH730"/>
    <mergeCell ref="NNI730:NNL730"/>
    <mergeCell ref="NLY730:NMB730"/>
    <mergeCell ref="NMC730:NMF730"/>
    <mergeCell ref="NMG730:NMJ730"/>
    <mergeCell ref="NMK730:NMN730"/>
    <mergeCell ref="NMO730:NMR730"/>
    <mergeCell ref="NLE730:NLH730"/>
    <mergeCell ref="NLI730:NLL730"/>
    <mergeCell ref="NLM730:NLP730"/>
    <mergeCell ref="NLQ730:NLT730"/>
    <mergeCell ref="NLU730:NLX730"/>
    <mergeCell ref="NKK730:NKN730"/>
    <mergeCell ref="NKO730:NKR730"/>
    <mergeCell ref="NKS730:NKV730"/>
    <mergeCell ref="NKW730:NKZ730"/>
    <mergeCell ref="NLA730:NLD730"/>
    <mergeCell ref="NJQ730:NJT730"/>
    <mergeCell ref="NJU730:NJX730"/>
    <mergeCell ref="NJY730:NKB730"/>
    <mergeCell ref="NKC730:NKF730"/>
    <mergeCell ref="NKG730:NKJ730"/>
    <mergeCell ref="NIW730:NIZ730"/>
    <mergeCell ref="NJA730:NJD730"/>
    <mergeCell ref="NJE730:NJH730"/>
    <mergeCell ref="NJI730:NJL730"/>
    <mergeCell ref="NJM730:NJP730"/>
    <mergeCell ref="NIC730:NIF730"/>
    <mergeCell ref="NIG730:NIJ730"/>
    <mergeCell ref="NIK730:NIN730"/>
    <mergeCell ref="NIO730:NIR730"/>
    <mergeCell ref="NIS730:NIV730"/>
    <mergeCell ref="NSC730:NSF730"/>
    <mergeCell ref="NSG730:NSJ730"/>
    <mergeCell ref="NSK730:NSN730"/>
    <mergeCell ref="NSO730:NSR730"/>
    <mergeCell ref="NSS730:NSV730"/>
    <mergeCell ref="NRI730:NRL730"/>
    <mergeCell ref="NRM730:NRP730"/>
    <mergeCell ref="NRQ730:NRT730"/>
    <mergeCell ref="NRU730:NRX730"/>
    <mergeCell ref="NRY730:NSB730"/>
    <mergeCell ref="NQO730:NQR730"/>
    <mergeCell ref="NQS730:NQV730"/>
    <mergeCell ref="NQW730:NQZ730"/>
    <mergeCell ref="NRA730:NRD730"/>
    <mergeCell ref="NRE730:NRH730"/>
    <mergeCell ref="NPU730:NPX730"/>
    <mergeCell ref="NPY730:NQB730"/>
    <mergeCell ref="NQC730:NQF730"/>
    <mergeCell ref="NQG730:NQJ730"/>
    <mergeCell ref="NQK730:NQN730"/>
    <mergeCell ref="NPA730:NPD730"/>
    <mergeCell ref="NPE730:NPH730"/>
    <mergeCell ref="NPI730:NPL730"/>
    <mergeCell ref="NPM730:NPP730"/>
    <mergeCell ref="NPQ730:NPT730"/>
    <mergeCell ref="NOG730:NOJ730"/>
    <mergeCell ref="NOK730:NON730"/>
    <mergeCell ref="NOO730:NOR730"/>
    <mergeCell ref="NOS730:NOV730"/>
    <mergeCell ref="NOW730:NOZ730"/>
    <mergeCell ref="NNM730:NNP730"/>
    <mergeCell ref="NNQ730:NNT730"/>
    <mergeCell ref="NNU730:NNX730"/>
    <mergeCell ref="NNY730:NOB730"/>
    <mergeCell ref="NOC730:NOF730"/>
    <mergeCell ref="NXM730:NXP730"/>
    <mergeCell ref="NXQ730:NXT730"/>
    <mergeCell ref="NXU730:NXX730"/>
    <mergeCell ref="NXY730:NYB730"/>
    <mergeCell ref="NYC730:NYF730"/>
    <mergeCell ref="NWS730:NWV730"/>
    <mergeCell ref="NWW730:NWZ730"/>
    <mergeCell ref="NXA730:NXD730"/>
    <mergeCell ref="NXE730:NXH730"/>
    <mergeCell ref="NXI730:NXL730"/>
    <mergeCell ref="NVY730:NWB730"/>
    <mergeCell ref="NWC730:NWF730"/>
    <mergeCell ref="NWG730:NWJ730"/>
    <mergeCell ref="NWK730:NWN730"/>
    <mergeCell ref="NWO730:NWR730"/>
    <mergeCell ref="NVE730:NVH730"/>
    <mergeCell ref="NVI730:NVL730"/>
    <mergeCell ref="NVM730:NVP730"/>
    <mergeCell ref="NVQ730:NVT730"/>
    <mergeCell ref="NVU730:NVX730"/>
    <mergeCell ref="NUK730:NUN730"/>
    <mergeCell ref="NUO730:NUR730"/>
    <mergeCell ref="NUS730:NUV730"/>
    <mergeCell ref="NUW730:NUZ730"/>
    <mergeCell ref="NVA730:NVD730"/>
    <mergeCell ref="NTQ730:NTT730"/>
    <mergeCell ref="NTU730:NTX730"/>
    <mergeCell ref="NTY730:NUB730"/>
    <mergeCell ref="NUC730:NUF730"/>
    <mergeCell ref="NUG730:NUJ730"/>
    <mergeCell ref="NSW730:NSZ730"/>
    <mergeCell ref="NTA730:NTD730"/>
    <mergeCell ref="NTE730:NTH730"/>
    <mergeCell ref="NTI730:NTL730"/>
    <mergeCell ref="NTM730:NTP730"/>
    <mergeCell ref="OCW730:OCZ730"/>
    <mergeCell ref="ODA730:ODD730"/>
    <mergeCell ref="ODE730:ODH730"/>
    <mergeCell ref="ODI730:ODL730"/>
    <mergeCell ref="ODM730:ODP730"/>
    <mergeCell ref="OCC730:OCF730"/>
    <mergeCell ref="OCG730:OCJ730"/>
    <mergeCell ref="OCK730:OCN730"/>
    <mergeCell ref="OCO730:OCR730"/>
    <mergeCell ref="OCS730:OCV730"/>
    <mergeCell ref="OBI730:OBL730"/>
    <mergeCell ref="OBM730:OBP730"/>
    <mergeCell ref="OBQ730:OBT730"/>
    <mergeCell ref="OBU730:OBX730"/>
    <mergeCell ref="OBY730:OCB730"/>
    <mergeCell ref="OAO730:OAR730"/>
    <mergeCell ref="OAS730:OAV730"/>
    <mergeCell ref="OAW730:OAZ730"/>
    <mergeCell ref="OBA730:OBD730"/>
    <mergeCell ref="OBE730:OBH730"/>
    <mergeCell ref="NZU730:NZX730"/>
    <mergeCell ref="NZY730:OAB730"/>
    <mergeCell ref="OAC730:OAF730"/>
    <mergeCell ref="OAG730:OAJ730"/>
    <mergeCell ref="OAK730:OAN730"/>
    <mergeCell ref="NZA730:NZD730"/>
    <mergeCell ref="NZE730:NZH730"/>
    <mergeCell ref="NZI730:NZL730"/>
    <mergeCell ref="NZM730:NZP730"/>
    <mergeCell ref="NZQ730:NZT730"/>
    <mergeCell ref="NYG730:NYJ730"/>
    <mergeCell ref="NYK730:NYN730"/>
    <mergeCell ref="NYO730:NYR730"/>
    <mergeCell ref="NYS730:NYV730"/>
    <mergeCell ref="NYW730:NYZ730"/>
    <mergeCell ref="OIG730:OIJ730"/>
    <mergeCell ref="OIK730:OIN730"/>
    <mergeCell ref="OIO730:OIR730"/>
    <mergeCell ref="OIS730:OIV730"/>
    <mergeCell ref="OIW730:OIZ730"/>
    <mergeCell ref="OHM730:OHP730"/>
    <mergeCell ref="OHQ730:OHT730"/>
    <mergeCell ref="OHU730:OHX730"/>
    <mergeCell ref="OHY730:OIB730"/>
    <mergeCell ref="OIC730:OIF730"/>
    <mergeCell ref="OGS730:OGV730"/>
    <mergeCell ref="OGW730:OGZ730"/>
    <mergeCell ref="OHA730:OHD730"/>
    <mergeCell ref="OHE730:OHH730"/>
    <mergeCell ref="OHI730:OHL730"/>
    <mergeCell ref="OFY730:OGB730"/>
    <mergeCell ref="OGC730:OGF730"/>
    <mergeCell ref="OGG730:OGJ730"/>
    <mergeCell ref="OGK730:OGN730"/>
    <mergeCell ref="OGO730:OGR730"/>
    <mergeCell ref="OFE730:OFH730"/>
    <mergeCell ref="OFI730:OFL730"/>
    <mergeCell ref="OFM730:OFP730"/>
    <mergeCell ref="OFQ730:OFT730"/>
    <mergeCell ref="OFU730:OFX730"/>
    <mergeCell ref="OEK730:OEN730"/>
    <mergeCell ref="OEO730:OER730"/>
    <mergeCell ref="OES730:OEV730"/>
    <mergeCell ref="OEW730:OEZ730"/>
    <mergeCell ref="OFA730:OFD730"/>
    <mergeCell ref="ODQ730:ODT730"/>
    <mergeCell ref="ODU730:ODX730"/>
    <mergeCell ref="ODY730:OEB730"/>
    <mergeCell ref="OEC730:OEF730"/>
    <mergeCell ref="OEG730:OEJ730"/>
    <mergeCell ref="ONQ730:ONT730"/>
    <mergeCell ref="ONU730:ONX730"/>
    <mergeCell ref="ONY730:OOB730"/>
    <mergeCell ref="OOC730:OOF730"/>
    <mergeCell ref="OOG730:OOJ730"/>
    <mergeCell ref="OMW730:OMZ730"/>
    <mergeCell ref="ONA730:OND730"/>
    <mergeCell ref="ONE730:ONH730"/>
    <mergeCell ref="ONI730:ONL730"/>
    <mergeCell ref="ONM730:ONP730"/>
    <mergeCell ref="OMC730:OMF730"/>
    <mergeCell ref="OMG730:OMJ730"/>
    <mergeCell ref="OMK730:OMN730"/>
    <mergeCell ref="OMO730:OMR730"/>
    <mergeCell ref="OMS730:OMV730"/>
    <mergeCell ref="OLI730:OLL730"/>
    <mergeCell ref="OLM730:OLP730"/>
    <mergeCell ref="OLQ730:OLT730"/>
    <mergeCell ref="OLU730:OLX730"/>
    <mergeCell ref="OLY730:OMB730"/>
    <mergeCell ref="OKO730:OKR730"/>
    <mergeCell ref="OKS730:OKV730"/>
    <mergeCell ref="OKW730:OKZ730"/>
    <mergeCell ref="OLA730:OLD730"/>
    <mergeCell ref="OLE730:OLH730"/>
    <mergeCell ref="OJU730:OJX730"/>
    <mergeCell ref="OJY730:OKB730"/>
    <mergeCell ref="OKC730:OKF730"/>
    <mergeCell ref="OKG730:OKJ730"/>
    <mergeCell ref="OKK730:OKN730"/>
    <mergeCell ref="OJA730:OJD730"/>
    <mergeCell ref="OJE730:OJH730"/>
    <mergeCell ref="OJI730:OJL730"/>
    <mergeCell ref="OJM730:OJP730"/>
    <mergeCell ref="OJQ730:OJT730"/>
    <mergeCell ref="OTA730:OTD730"/>
    <mergeCell ref="OTE730:OTH730"/>
    <mergeCell ref="OTI730:OTL730"/>
    <mergeCell ref="OTM730:OTP730"/>
    <mergeCell ref="OTQ730:OTT730"/>
    <mergeCell ref="OSG730:OSJ730"/>
    <mergeCell ref="OSK730:OSN730"/>
    <mergeCell ref="OSO730:OSR730"/>
    <mergeCell ref="OSS730:OSV730"/>
    <mergeCell ref="OSW730:OSZ730"/>
    <mergeCell ref="ORM730:ORP730"/>
    <mergeCell ref="ORQ730:ORT730"/>
    <mergeCell ref="ORU730:ORX730"/>
    <mergeCell ref="ORY730:OSB730"/>
    <mergeCell ref="OSC730:OSF730"/>
    <mergeCell ref="OQS730:OQV730"/>
    <mergeCell ref="OQW730:OQZ730"/>
    <mergeCell ref="ORA730:ORD730"/>
    <mergeCell ref="ORE730:ORH730"/>
    <mergeCell ref="ORI730:ORL730"/>
    <mergeCell ref="OPY730:OQB730"/>
    <mergeCell ref="OQC730:OQF730"/>
    <mergeCell ref="OQG730:OQJ730"/>
    <mergeCell ref="OQK730:OQN730"/>
    <mergeCell ref="OQO730:OQR730"/>
    <mergeCell ref="OPE730:OPH730"/>
    <mergeCell ref="OPI730:OPL730"/>
    <mergeCell ref="OPM730:OPP730"/>
    <mergeCell ref="OPQ730:OPT730"/>
    <mergeCell ref="OPU730:OPX730"/>
    <mergeCell ref="OOK730:OON730"/>
    <mergeCell ref="OOO730:OOR730"/>
    <mergeCell ref="OOS730:OOV730"/>
    <mergeCell ref="OOW730:OOZ730"/>
    <mergeCell ref="OPA730:OPD730"/>
    <mergeCell ref="OYK730:OYN730"/>
    <mergeCell ref="OYO730:OYR730"/>
    <mergeCell ref="OYS730:OYV730"/>
    <mergeCell ref="OYW730:OYZ730"/>
    <mergeCell ref="OZA730:OZD730"/>
    <mergeCell ref="OXQ730:OXT730"/>
    <mergeCell ref="OXU730:OXX730"/>
    <mergeCell ref="OXY730:OYB730"/>
    <mergeCell ref="OYC730:OYF730"/>
    <mergeCell ref="OYG730:OYJ730"/>
    <mergeCell ref="OWW730:OWZ730"/>
    <mergeCell ref="OXA730:OXD730"/>
    <mergeCell ref="OXE730:OXH730"/>
    <mergeCell ref="OXI730:OXL730"/>
    <mergeCell ref="OXM730:OXP730"/>
    <mergeCell ref="OWC730:OWF730"/>
    <mergeCell ref="OWG730:OWJ730"/>
    <mergeCell ref="OWK730:OWN730"/>
    <mergeCell ref="OWO730:OWR730"/>
    <mergeCell ref="OWS730:OWV730"/>
    <mergeCell ref="OVI730:OVL730"/>
    <mergeCell ref="OVM730:OVP730"/>
    <mergeCell ref="OVQ730:OVT730"/>
    <mergeCell ref="OVU730:OVX730"/>
    <mergeCell ref="OVY730:OWB730"/>
    <mergeCell ref="OUO730:OUR730"/>
    <mergeCell ref="OUS730:OUV730"/>
    <mergeCell ref="OUW730:OUZ730"/>
    <mergeCell ref="OVA730:OVD730"/>
    <mergeCell ref="OVE730:OVH730"/>
    <mergeCell ref="OTU730:OTX730"/>
    <mergeCell ref="OTY730:OUB730"/>
    <mergeCell ref="OUC730:OUF730"/>
    <mergeCell ref="OUG730:OUJ730"/>
    <mergeCell ref="OUK730:OUN730"/>
    <mergeCell ref="PDU730:PDX730"/>
    <mergeCell ref="PDY730:PEB730"/>
    <mergeCell ref="PEC730:PEF730"/>
    <mergeCell ref="PEG730:PEJ730"/>
    <mergeCell ref="PEK730:PEN730"/>
    <mergeCell ref="PDA730:PDD730"/>
    <mergeCell ref="PDE730:PDH730"/>
    <mergeCell ref="PDI730:PDL730"/>
    <mergeCell ref="PDM730:PDP730"/>
    <mergeCell ref="PDQ730:PDT730"/>
    <mergeCell ref="PCG730:PCJ730"/>
    <mergeCell ref="PCK730:PCN730"/>
    <mergeCell ref="PCO730:PCR730"/>
    <mergeCell ref="PCS730:PCV730"/>
    <mergeCell ref="PCW730:PCZ730"/>
    <mergeCell ref="PBM730:PBP730"/>
    <mergeCell ref="PBQ730:PBT730"/>
    <mergeCell ref="PBU730:PBX730"/>
    <mergeCell ref="PBY730:PCB730"/>
    <mergeCell ref="PCC730:PCF730"/>
    <mergeCell ref="PAS730:PAV730"/>
    <mergeCell ref="PAW730:PAZ730"/>
    <mergeCell ref="PBA730:PBD730"/>
    <mergeCell ref="PBE730:PBH730"/>
    <mergeCell ref="PBI730:PBL730"/>
    <mergeCell ref="OZY730:PAB730"/>
    <mergeCell ref="PAC730:PAF730"/>
    <mergeCell ref="PAG730:PAJ730"/>
    <mergeCell ref="PAK730:PAN730"/>
    <mergeCell ref="PAO730:PAR730"/>
    <mergeCell ref="OZE730:OZH730"/>
    <mergeCell ref="OZI730:OZL730"/>
    <mergeCell ref="OZM730:OZP730"/>
    <mergeCell ref="OZQ730:OZT730"/>
    <mergeCell ref="OZU730:OZX730"/>
    <mergeCell ref="PJE730:PJH730"/>
    <mergeCell ref="PJI730:PJL730"/>
    <mergeCell ref="PJM730:PJP730"/>
    <mergeCell ref="PJQ730:PJT730"/>
    <mergeCell ref="PJU730:PJX730"/>
    <mergeCell ref="PIK730:PIN730"/>
    <mergeCell ref="PIO730:PIR730"/>
    <mergeCell ref="PIS730:PIV730"/>
    <mergeCell ref="PIW730:PIZ730"/>
    <mergeCell ref="PJA730:PJD730"/>
    <mergeCell ref="PHQ730:PHT730"/>
    <mergeCell ref="PHU730:PHX730"/>
    <mergeCell ref="PHY730:PIB730"/>
    <mergeCell ref="PIC730:PIF730"/>
    <mergeCell ref="PIG730:PIJ730"/>
    <mergeCell ref="PGW730:PGZ730"/>
    <mergeCell ref="PHA730:PHD730"/>
    <mergeCell ref="PHE730:PHH730"/>
    <mergeCell ref="PHI730:PHL730"/>
    <mergeCell ref="PHM730:PHP730"/>
    <mergeCell ref="PGC730:PGF730"/>
    <mergeCell ref="PGG730:PGJ730"/>
    <mergeCell ref="PGK730:PGN730"/>
    <mergeCell ref="PGO730:PGR730"/>
    <mergeCell ref="PGS730:PGV730"/>
    <mergeCell ref="PFI730:PFL730"/>
    <mergeCell ref="PFM730:PFP730"/>
    <mergeCell ref="PFQ730:PFT730"/>
    <mergeCell ref="PFU730:PFX730"/>
    <mergeCell ref="PFY730:PGB730"/>
    <mergeCell ref="PEO730:PER730"/>
    <mergeCell ref="PES730:PEV730"/>
    <mergeCell ref="PEW730:PEZ730"/>
    <mergeCell ref="PFA730:PFD730"/>
    <mergeCell ref="PFE730:PFH730"/>
    <mergeCell ref="POO730:POR730"/>
    <mergeCell ref="POS730:POV730"/>
    <mergeCell ref="POW730:POZ730"/>
    <mergeCell ref="PPA730:PPD730"/>
    <mergeCell ref="PPE730:PPH730"/>
    <mergeCell ref="PNU730:PNX730"/>
    <mergeCell ref="PNY730:POB730"/>
    <mergeCell ref="POC730:POF730"/>
    <mergeCell ref="POG730:POJ730"/>
    <mergeCell ref="POK730:PON730"/>
    <mergeCell ref="PNA730:PND730"/>
    <mergeCell ref="PNE730:PNH730"/>
    <mergeCell ref="PNI730:PNL730"/>
    <mergeCell ref="PNM730:PNP730"/>
    <mergeCell ref="PNQ730:PNT730"/>
    <mergeCell ref="PMG730:PMJ730"/>
    <mergeCell ref="PMK730:PMN730"/>
    <mergeCell ref="PMO730:PMR730"/>
    <mergeCell ref="PMS730:PMV730"/>
    <mergeCell ref="PMW730:PMZ730"/>
    <mergeCell ref="PLM730:PLP730"/>
    <mergeCell ref="PLQ730:PLT730"/>
    <mergeCell ref="PLU730:PLX730"/>
    <mergeCell ref="PLY730:PMB730"/>
    <mergeCell ref="PMC730:PMF730"/>
    <mergeCell ref="PKS730:PKV730"/>
    <mergeCell ref="PKW730:PKZ730"/>
    <mergeCell ref="PLA730:PLD730"/>
    <mergeCell ref="PLE730:PLH730"/>
    <mergeCell ref="PLI730:PLL730"/>
    <mergeCell ref="PJY730:PKB730"/>
    <mergeCell ref="PKC730:PKF730"/>
    <mergeCell ref="PKG730:PKJ730"/>
    <mergeCell ref="PKK730:PKN730"/>
    <mergeCell ref="PKO730:PKR730"/>
    <mergeCell ref="PTY730:PUB730"/>
    <mergeCell ref="PUC730:PUF730"/>
    <mergeCell ref="PUG730:PUJ730"/>
    <mergeCell ref="PUK730:PUN730"/>
    <mergeCell ref="PUO730:PUR730"/>
    <mergeCell ref="PTE730:PTH730"/>
    <mergeCell ref="PTI730:PTL730"/>
    <mergeCell ref="PTM730:PTP730"/>
    <mergeCell ref="PTQ730:PTT730"/>
    <mergeCell ref="PTU730:PTX730"/>
    <mergeCell ref="PSK730:PSN730"/>
    <mergeCell ref="PSO730:PSR730"/>
    <mergeCell ref="PSS730:PSV730"/>
    <mergeCell ref="PSW730:PSZ730"/>
    <mergeCell ref="PTA730:PTD730"/>
    <mergeCell ref="PRQ730:PRT730"/>
    <mergeCell ref="PRU730:PRX730"/>
    <mergeCell ref="PRY730:PSB730"/>
    <mergeCell ref="PSC730:PSF730"/>
    <mergeCell ref="PSG730:PSJ730"/>
    <mergeCell ref="PQW730:PQZ730"/>
    <mergeCell ref="PRA730:PRD730"/>
    <mergeCell ref="PRE730:PRH730"/>
    <mergeCell ref="PRI730:PRL730"/>
    <mergeCell ref="PRM730:PRP730"/>
    <mergeCell ref="PQC730:PQF730"/>
    <mergeCell ref="PQG730:PQJ730"/>
    <mergeCell ref="PQK730:PQN730"/>
    <mergeCell ref="PQO730:PQR730"/>
    <mergeCell ref="PQS730:PQV730"/>
    <mergeCell ref="PPI730:PPL730"/>
    <mergeCell ref="PPM730:PPP730"/>
    <mergeCell ref="PPQ730:PPT730"/>
    <mergeCell ref="PPU730:PPX730"/>
    <mergeCell ref="PPY730:PQB730"/>
    <mergeCell ref="PZI730:PZL730"/>
    <mergeCell ref="PZM730:PZP730"/>
    <mergeCell ref="PZQ730:PZT730"/>
    <mergeCell ref="PZU730:PZX730"/>
    <mergeCell ref="PZY730:QAB730"/>
    <mergeCell ref="PYO730:PYR730"/>
    <mergeCell ref="PYS730:PYV730"/>
    <mergeCell ref="PYW730:PYZ730"/>
    <mergeCell ref="PZA730:PZD730"/>
    <mergeCell ref="PZE730:PZH730"/>
    <mergeCell ref="PXU730:PXX730"/>
    <mergeCell ref="PXY730:PYB730"/>
    <mergeCell ref="PYC730:PYF730"/>
    <mergeCell ref="PYG730:PYJ730"/>
    <mergeCell ref="PYK730:PYN730"/>
    <mergeCell ref="PXA730:PXD730"/>
    <mergeCell ref="PXE730:PXH730"/>
    <mergeCell ref="PXI730:PXL730"/>
    <mergeCell ref="PXM730:PXP730"/>
    <mergeCell ref="PXQ730:PXT730"/>
    <mergeCell ref="PWG730:PWJ730"/>
    <mergeCell ref="PWK730:PWN730"/>
    <mergeCell ref="PWO730:PWR730"/>
    <mergeCell ref="PWS730:PWV730"/>
    <mergeCell ref="PWW730:PWZ730"/>
    <mergeCell ref="PVM730:PVP730"/>
    <mergeCell ref="PVQ730:PVT730"/>
    <mergeCell ref="PVU730:PVX730"/>
    <mergeCell ref="PVY730:PWB730"/>
    <mergeCell ref="PWC730:PWF730"/>
    <mergeCell ref="PUS730:PUV730"/>
    <mergeCell ref="PUW730:PUZ730"/>
    <mergeCell ref="PVA730:PVD730"/>
    <mergeCell ref="PVE730:PVH730"/>
    <mergeCell ref="PVI730:PVL730"/>
    <mergeCell ref="QES730:QEV730"/>
    <mergeCell ref="QEW730:QEZ730"/>
    <mergeCell ref="QFA730:QFD730"/>
    <mergeCell ref="QFE730:QFH730"/>
    <mergeCell ref="QFI730:QFL730"/>
    <mergeCell ref="QDY730:QEB730"/>
    <mergeCell ref="QEC730:QEF730"/>
    <mergeCell ref="QEG730:QEJ730"/>
    <mergeCell ref="QEK730:QEN730"/>
    <mergeCell ref="QEO730:QER730"/>
    <mergeCell ref="QDE730:QDH730"/>
    <mergeCell ref="QDI730:QDL730"/>
    <mergeCell ref="QDM730:QDP730"/>
    <mergeCell ref="QDQ730:QDT730"/>
    <mergeCell ref="QDU730:QDX730"/>
    <mergeCell ref="QCK730:QCN730"/>
    <mergeCell ref="QCO730:QCR730"/>
    <mergeCell ref="QCS730:QCV730"/>
    <mergeCell ref="QCW730:QCZ730"/>
    <mergeCell ref="QDA730:QDD730"/>
    <mergeCell ref="QBQ730:QBT730"/>
    <mergeCell ref="QBU730:QBX730"/>
    <mergeCell ref="QBY730:QCB730"/>
    <mergeCell ref="QCC730:QCF730"/>
    <mergeCell ref="QCG730:QCJ730"/>
    <mergeCell ref="QAW730:QAZ730"/>
    <mergeCell ref="QBA730:QBD730"/>
    <mergeCell ref="QBE730:QBH730"/>
    <mergeCell ref="QBI730:QBL730"/>
    <mergeCell ref="QBM730:QBP730"/>
    <mergeCell ref="QAC730:QAF730"/>
    <mergeCell ref="QAG730:QAJ730"/>
    <mergeCell ref="QAK730:QAN730"/>
    <mergeCell ref="QAO730:QAR730"/>
    <mergeCell ref="QAS730:QAV730"/>
    <mergeCell ref="QKC730:QKF730"/>
    <mergeCell ref="QKG730:QKJ730"/>
    <mergeCell ref="QKK730:QKN730"/>
    <mergeCell ref="QKO730:QKR730"/>
    <mergeCell ref="QKS730:QKV730"/>
    <mergeCell ref="QJI730:QJL730"/>
    <mergeCell ref="QJM730:QJP730"/>
    <mergeCell ref="QJQ730:QJT730"/>
    <mergeCell ref="QJU730:QJX730"/>
    <mergeCell ref="QJY730:QKB730"/>
    <mergeCell ref="QIO730:QIR730"/>
    <mergeCell ref="QIS730:QIV730"/>
    <mergeCell ref="QIW730:QIZ730"/>
    <mergeCell ref="QJA730:QJD730"/>
    <mergeCell ref="QJE730:QJH730"/>
    <mergeCell ref="QHU730:QHX730"/>
    <mergeCell ref="QHY730:QIB730"/>
    <mergeCell ref="QIC730:QIF730"/>
    <mergeCell ref="QIG730:QIJ730"/>
    <mergeCell ref="QIK730:QIN730"/>
    <mergeCell ref="QHA730:QHD730"/>
    <mergeCell ref="QHE730:QHH730"/>
    <mergeCell ref="QHI730:QHL730"/>
    <mergeCell ref="QHM730:QHP730"/>
    <mergeCell ref="QHQ730:QHT730"/>
    <mergeCell ref="QGG730:QGJ730"/>
    <mergeCell ref="QGK730:QGN730"/>
    <mergeCell ref="QGO730:QGR730"/>
    <mergeCell ref="QGS730:QGV730"/>
    <mergeCell ref="QGW730:QGZ730"/>
    <mergeCell ref="QFM730:QFP730"/>
    <mergeCell ref="QFQ730:QFT730"/>
    <mergeCell ref="QFU730:QFX730"/>
    <mergeCell ref="QFY730:QGB730"/>
    <mergeCell ref="QGC730:QGF730"/>
    <mergeCell ref="QPM730:QPP730"/>
    <mergeCell ref="QPQ730:QPT730"/>
    <mergeCell ref="QPU730:QPX730"/>
    <mergeCell ref="QPY730:QQB730"/>
    <mergeCell ref="QQC730:QQF730"/>
    <mergeCell ref="QOS730:QOV730"/>
    <mergeCell ref="QOW730:QOZ730"/>
    <mergeCell ref="QPA730:QPD730"/>
    <mergeCell ref="QPE730:QPH730"/>
    <mergeCell ref="QPI730:QPL730"/>
    <mergeCell ref="QNY730:QOB730"/>
    <mergeCell ref="QOC730:QOF730"/>
    <mergeCell ref="QOG730:QOJ730"/>
    <mergeCell ref="QOK730:QON730"/>
    <mergeCell ref="QOO730:QOR730"/>
    <mergeCell ref="QNE730:QNH730"/>
    <mergeCell ref="QNI730:QNL730"/>
    <mergeCell ref="QNM730:QNP730"/>
    <mergeCell ref="QNQ730:QNT730"/>
    <mergeCell ref="QNU730:QNX730"/>
    <mergeCell ref="QMK730:QMN730"/>
    <mergeCell ref="QMO730:QMR730"/>
    <mergeCell ref="QMS730:QMV730"/>
    <mergeCell ref="QMW730:QMZ730"/>
    <mergeCell ref="QNA730:QND730"/>
    <mergeCell ref="QLQ730:QLT730"/>
    <mergeCell ref="QLU730:QLX730"/>
    <mergeCell ref="QLY730:QMB730"/>
    <mergeCell ref="QMC730:QMF730"/>
    <mergeCell ref="QMG730:QMJ730"/>
    <mergeCell ref="QKW730:QKZ730"/>
    <mergeCell ref="QLA730:QLD730"/>
    <mergeCell ref="QLE730:QLH730"/>
    <mergeCell ref="QLI730:QLL730"/>
    <mergeCell ref="QLM730:QLP730"/>
    <mergeCell ref="QUW730:QUZ730"/>
    <mergeCell ref="QVA730:QVD730"/>
    <mergeCell ref="QVE730:QVH730"/>
    <mergeCell ref="QVI730:QVL730"/>
    <mergeCell ref="QVM730:QVP730"/>
    <mergeCell ref="QUC730:QUF730"/>
    <mergeCell ref="QUG730:QUJ730"/>
    <mergeCell ref="QUK730:QUN730"/>
    <mergeCell ref="QUO730:QUR730"/>
    <mergeCell ref="QUS730:QUV730"/>
    <mergeCell ref="QTI730:QTL730"/>
    <mergeCell ref="QTM730:QTP730"/>
    <mergeCell ref="QTQ730:QTT730"/>
    <mergeCell ref="QTU730:QTX730"/>
    <mergeCell ref="QTY730:QUB730"/>
    <mergeCell ref="QSO730:QSR730"/>
    <mergeCell ref="QSS730:QSV730"/>
    <mergeCell ref="QSW730:QSZ730"/>
    <mergeCell ref="QTA730:QTD730"/>
    <mergeCell ref="QTE730:QTH730"/>
    <mergeCell ref="QRU730:QRX730"/>
    <mergeCell ref="QRY730:QSB730"/>
    <mergeCell ref="QSC730:QSF730"/>
    <mergeCell ref="QSG730:QSJ730"/>
    <mergeCell ref="QSK730:QSN730"/>
    <mergeCell ref="QRA730:QRD730"/>
    <mergeCell ref="QRE730:QRH730"/>
    <mergeCell ref="QRI730:QRL730"/>
    <mergeCell ref="QRM730:QRP730"/>
    <mergeCell ref="QRQ730:QRT730"/>
    <mergeCell ref="QQG730:QQJ730"/>
    <mergeCell ref="QQK730:QQN730"/>
    <mergeCell ref="QQO730:QQR730"/>
    <mergeCell ref="QQS730:QQV730"/>
    <mergeCell ref="QQW730:QQZ730"/>
    <mergeCell ref="RAG730:RAJ730"/>
    <mergeCell ref="RAK730:RAN730"/>
    <mergeCell ref="RAO730:RAR730"/>
    <mergeCell ref="RAS730:RAV730"/>
    <mergeCell ref="RAW730:RAZ730"/>
    <mergeCell ref="QZM730:QZP730"/>
    <mergeCell ref="QZQ730:QZT730"/>
    <mergeCell ref="QZU730:QZX730"/>
    <mergeCell ref="QZY730:RAB730"/>
    <mergeCell ref="RAC730:RAF730"/>
    <mergeCell ref="QYS730:QYV730"/>
    <mergeCell ref="QYW730:QYZ730"/>
    <mergeCell ref="QZA730:QZD730"/>
    <mergeCell ref="QZE730:QZH730"/>
    <mergeCell ref="QZI730:QZL730"/>
    <mergeCell ref="QXY730:QYB730"/>
    <mergeCell ref="QYC730:QYF730"/>
    <mergeCell ref="QYG730:QYJ730"/>
    <mergeCell ref="QYK730:QYN730"/>
    <mergeCell ref="QYO730:QYR730"/>
    <mergeCell ref="QXE730:QXH730"/>
    <mergeCell ref="QXI730:QXL730"/>
    <mergeCell ref="QXM730:QXP730"/>
    <mergeCell ref="QXQ730:QXT730"/>
    <mergeCell ref="QXU730:QXX730"/>
    <mergeCell ref="QWK730:QWN730"/>
    <mergeCell ref="QWO730:QWR730"/>
    <mergeCell ref="QWS730:QWV730"/>
    <mergeCell ref="QWW730:QWZ730"/>
    <mergeCell ref="QXA730:QXD730"/>
    <mergeCell ref="QVQ730:QVT730"/>
    <mergeCell ref="QVU730:QVX730"/>
    <mergeCell ref="QVY730:QWB730"/>
    <mergeCell ref="QWC730:QWF730"/>
    <mergeCell ref="QWG730:QWJ730"/>
    <mergeCell ref="RFQ730:RFT730"/>
    <mergeCell ref="RFU730:RFX730"/>
    <mergeCell ref="RFY730:RGB730"/>
    <mergeCell ref="RGC730:RGF730"/>
    <mergeCell ref="RGG730:RGJ730"/>
    <mergeCell ref="REW730:REZ730"/>
    <mergeCell ref="RFA730:RFD730"/>
    <mergeCell ref="RFE730:RFH730"/>
    <mergeCell ref="RFI730:RFL730"/>
    <mergeCell ref="RFM730:RFP730"/>
    <mergeCell ref="REC730:REF730"/>
    <mergeCell ref="REG730:REJ730"/>
    <mergeCell ref="REK730:REN730"/>
    <mergeCell ref="REO730:RER730"/>
    <mergeCell ref="RES730:REV730"/>
    <mergeCell ref="RDI730:RDL730"/>
    <mergeCell ref="RDM730:RDP730"/>
    <mergeCell ref="RDQ730:RDT730"/>
    <mergeCell ref="RDU730:RDX730"/>
    <mergeCell ref="RDY730:REB730"/>
    <mergeCell ref="RCO730:RCR730"/>
    <mergeCell ref="RCS730:RCV730"/>
    <mergeCell ref="RCW730:RCZ730"/>
    <mergeCell ref="RDA730:RDD730"/>
    <mergeCell ref="RDE730:RDH730"/>
    <mergeCell ref="RBU730:RBX730"/>
    <mergeCell ref="RBY730:RCB730"/>
    <mergeCell ref="RCC730:RCF730"/>
    <mergeCell ref="RCG730:RCJ730"/>
    <mergeCell ref="RCK730:RCN730"/>
    <mergeCell ref="RBA730:RBD730"/>
    <mergeCell ref="RBE730:RBH730"/>
    <mergeCell ref="RBI730:RBL730"/>
    <mergeCell ref="RBM730:RBP730"/>
    <mergeCell ref="RBQ730:RBT730"/>
    <mergeCell ref="RLA730:RLD730"/>
    <mergeCell ref="RLE730:RLH730"/>
    <mergeCell ref="RLI730:RLL730"/>
    <mergeCell ref="RLM730:RLP730"/>
    <mergeCell ref="RLQ730:RLT730"/>
    <mergeCell ref="RKG730:RKJ730"/>
    <mergeCell ref="RKK730:RKN730"/>
    <mergeCell ref="RKO730:RKR730"/>
    <mergeCell ref="RKS730:RKV730"/>
    <mergeCell ref="RKW730:RKZ730"/>
    <mergeCell ref="RJM730:RJP730"/>
    <mergeCell ref="RJQ730:RJT730"/>
    <mergeCell ref="RJU730:RJX730"/>
    <mergeCell ref="RJY730:RKB730"/>
    <mergeCell ref="RKC730:RKF730"/>
    <mergeCell ref="RIS730:RIV730"/>
    <mergeCell ref="RIW730:RIZ730"/>
    <mergeCell ref="RJA730:RJD730"/>
    <mergeCell ref="RJE730:RJH730"/>
    <mergeCell ref="RJI730:RJL730"/>
    <mergeCell ref="RHY730:RIB730"/>
    <mergeCell ref="RIC730:RIF730"/>
    <mergeCell ref="RIG730:RIJ730"/>
    <mergeCell ref="RIK730:RIN730"/>
    <mergeCell ref="RIO730:RIR730"/>
    <mergeCell ref="RHE730:RHH730"/>
    <mergeCell ref="RHI730:RHL730"/>
    <mergeCell ref="RHM730:RHP730"/>
    <mergeCell ref="RHQ730:RHT730"/>
    <mergeCell ref="RHU730:RHX730"/>
    <mergeCell ref="RGK730:RGN730"/>
    <mergeCell ref="RGO730:RGR730"/>
    <mergeCell ref="RGS730:RGV730"/>
    <mergeCell ref="RGW730:RGZ730"/>
    <mergeCell ref="RHA730:RHD730"/>
    <mergeCell ref="RQK730:RQN730"/>
    <mergeCell ref="RQO730:RQR730"/>
    <mergeCell ref="RQS730:RQV730"/>
    <mergeCell ref="RQW730:RQZ730"/>
    <mergeCell ref="RRA730:RRD730"/>
    <mergeCell ref="RPQ730:RPT730"/>
    <mergeCell ref="RPU730:RPX730"/>
    <mergeCell ref="RPY730:RQB730"/>
    <mergeCell ref="RQC730:RQF730"/>
    <mergeCell ref="RQG730:RQJ730"/>
    <mergeCell ref="ROW730:ROZ730"/>
    <mergeCell ref="RPA730:RPD730"/>
    <mergeCell ref="RPE730:RPH730"/>
    <mergeCell ref="RPI730:RPL730"/>
    <mergeCell ref="RPM730:RPP730"/>
    <mergeCell ref="ROC730:ROF730"/>
    <mergeCell ref="ROG730:ROJ730"/>
    <mergeCell ref="ROK730:RON730"/>
    <mergeCell ref="ROO730:ROR730"/>
    <mergeCell ref="ROS730:ROV730"/>
    <mergeCell ref="RNI730:RNL730"/>
    <mergeCell ref="RNM730:RNP730"/>
    <mergeCell ref="RNQ730:RNT730"/>
    <mergeCell ref="RNU730:RNX730"/>
    <mergeCell ref="RNY730:ROB730"/>
    <mergeCell ref="RMO730:RMR730"/>
    <mergeCell ref="RMS730:RMV730"/>
    <mergeCell ref="RMW730:RMZ730"/>
    <mergeCell ref="RNA730:RND730"/>
    <mergeCell ref="RNE730:RNH730"/>
    <mergeCell ref="RLU730:RLX730"/>
    <mergeCell ref="RLY730:RMB730"/>
    <mergeCell ref="RMC730:RMF730"/>
    <mergeCell ref="RMG730:RMJ730"/>
    <mergeCell ref="RMK730:RMN730"/>
    <mergeCell ref="RVU730:RVX730"/>
    <mergeCell ref="RVY730:RWB730"/>
    <mergeCell ref="RWC730:RWF730"/>
    <mergeCell ref="RWG730:RWJ730"/>
    <mergeCell ref="RWK730:RWN730"/>
    <mergeCell ref="RVA730:RVD730"/>
    <mergeCell ref="RVE730:RVH730"/>
    <mergeCell ref="RVI730:RVL730"/>
    <mergeCell ref="RVM730:RVP730"/>
    <mergeCell ref="RVQ730:RVT730"/>
    <mergeCell ref="RUG730:RUJ730"/>
    <mergeCell ref="RUK730:RUN730"/>
    <mergeCell ref="RUO730:RUR730"/>
    <mergeCell ref="RUS730:RUV730"/>
    <mergeCell ref="RUW730:RUZ730"/>
    <mergeCell ref="RTM730:RTP730"/>
    <mergeCell ref="RTQ730:RTT730"/>
    <mergeCell ref="RTU730:RTX730"/>
    <mergeCell ref="RTY730:RUB730"/>
    <mergeCell ref="RUC730:RUF730"/>
    <mergeCell ref="RSS730:RSV730"/>
    <mergeCell ref="RSW730:RSZ730"/>
    <mergeCell ref="RTA730:RTD730"/>
    <mergeCell ref="RTE730:RTH730"/>
    <mergeCell ref="RTI730:RTL730"/>
    <mergeCell ref="RRY730:RSB730"/>
    <mergeCell ref="RSC730:RSF730"/>
    <mergeCell ref="RSG730:RSJ730"/>
    <mergeCell ref="RSK730:RSN730"/>
    <mergeCell ref="RSO730:RSR730"/>
    <mergeCell ref="RRE730:RRH730"/>
    <mergeCell ref="RRI730:RRL730"/>
    <mergeCell ref="RRM730:RRP730"/>
    <mergeCell ref="RRQ730:RRT730"/>
    <mergeCell ref="RRU730:RRX730"/>
    <mergeCell ref="SBE730:SBH730"/>
    <mergeCell ref="SBI730:SBL730"/>
    <mergeCell ref="SBM730:SBP730"/>
    <mergeCell ref="SBQ730:SBT730"/>
    <mergeCell ref="SBU730:SBX730"/>
    <mergeCell ref="SAK730:SAN730"/>
    <mergeCell ref="SAO730:SAR730"/>
    <mergeCell ref="SAS730:SAV730"/>
    <mergeCell ref="SAW730:SAZ730"/>
    <mergeCell ref="SBA730:SBD730"/>
    <mergeCell ref="RZQ730:RZT730"/>
    <mergeCell ref="RZU730:RZX730"/>
    <mergeCell ref="RZY730:SAB730"/>
    <mergeCell ref="SAC730:SAF730"/>
    <mergeCell ref="SAG730:SAJ730"/>
    <mergeCell ref="RYW730:RYZ730"/>
    <mergeCell ref="RZA730:RZD730"/>
    <mergeCell ref="RZE730:RZH730"/>
    <mergeCell ref="RZI730:RZL730"/>
    <mergeCell ref="RZM730:RZP730"/>
    <mergeCell ref="RYC730:RYF730"/>
    <mergeCell ref="RYG730:RYJ730"/>
    <mergeCell ref="RYK730:RYN730"/>
    <mergeCell ref="RYO730:RYR730"/>
    <mergeCell ref="RYS730:RYV730"/>
    <mergeCell ref="RXI730:RXL730"/>
    <mergeCell ref="RXM730:RXP730"/>
    <mergeCell ref="RXQ730:RXT730"/>
    <mergeCell ref="RXU730:RXX730"/>
    <mergeCell ref="RXY730:RYB730"/>
    <mergeCell ref="RWO730:RWR730"/>
    <mergeCell ref="RWS730:RWV730"/>
    <mergeCell ref="RWW730:RWZ730"/>
    <mergeCell ref="RXA730:RXD730"/>
    <mergeCell ref="RXE730:RXH730"/>
    <mergeCell ref="SGO730:SGR730"/>
    <mergeCell ref="SGS730:SGV730"/>
    <mergeCell ref="SGW730:SGZ730"/>
    <mergeCell ref="SHA730:SHD730"/>
    <mergeCell ref="SHE730:SHH730"/>
    <mergeCell ref="SFU730:SFX730"/>
    <mergeCell ref="SFY730:SGB730"/>
    <mergeCell ref="SGC730:SGF730"/>
    <mergeCell ref="SGG730:SGJ730"/>
    <mergeCell ref="SGK730:SGN730"/>
    <mergeCell ref="SFA730:SFD730"/>
    <mergeCell ref="SFE730:SFH730"/>
    <mergeCell ref="SFI730:SFL730"/>
    <mergeCell ref="SFM730:SFP730"/>
    <mergeCell ref="SFQ730:SFT730"/>
    <mergeCell ref="SEG730:SEJ730"/>
    <mergeCell ref="SEK730:SEN730"/>
    <mergeCell ref="SEO730:SER730"/>
    <mergeCell ref="SES730:SEV730"/>
    <mergeCell ref="SEW730:SEZ730"/>
    <mergeCell ref="SDM730:SDP730"/>
    <mergeCell ref="SDQ730:SDT730"/>
    <mergeCell ref="SDU730:SDX730"/>
    <mergeCell ref="SDY730:SEB730"/>
    <mergeCell ref="SEC730:SEF730"/>
    <mergeCell ref="SCS730:SCV730"/>
    <mergeCell ref="SCW730:SCZ730"/>
    <mergeCell ref="SDA730:SDD730"/>
    <mergeCell ref="SDE730:SDH730"/>
    <mergeCell ref="SDI730:SDL730"/>
    <mergeCell ref="SBY730:SCB730"/>
    <mergeCell ref="SCC730:SCF730"/>
    <mergeCell ref="SCG730:SCJ730"/>
    <mergeCell ref="SCK730:SCN730"/>
    <mergeCell ref="SCO730:SCR730"/>
    <mergeCell ref="SLY730:SMB730"/>
    <mergeCell ref="SMC730:SMF730"/>
    <mergeCell ref="SMG730:SMJ730"/>
    <mergeCell ref="SMK730:SMN730"/>
    <mergeCell ref="SMO730:SMR730"/>
    <mergeCell ref="SLE730:SLH730"/>
    <mergeCell ref="SLI730:SLL730"/>
    <mergeCell ref="SLM730:SLP730"/>
    <mergeCell ref="SLQ730:SLT730"/>
    <mergeCell ref="SLU730:SLX730"/>
    <mergeCell ref="SKK730:SKN730"/>
    <mergeCell ref="SKO730:SKR730"/>
    <mergeCell ref="SKS730:SKV730"/>
    <mergeCell ref="SKW730:SKZ730"/>
    <mergeCell ref="SLA730:SLD730"/>
    <mergeCell ref="SJQ730:SJT730"/>
    <mergeCell ref="SJU730:SJX730"/>
    <mergeCell ref="SJY730:SKB730"/>
    <mergeCell ref="SKC730:SKF730"/>
    <mergeCell ref="SKG730:SKJ730"/>
    <mergeCell ref="SIW730:SIZ730"/>
    <mergeCell ref="SJA730:SJD730"/>
    <mergeCell ref="SJE730:SJH730"/>
    <mergeCell ref="SJI730:SJL730"/>
    <mergeCell ref="SJM730:SJP730"/>
    <mergeCell ref="SIC730:SIF730"/>
    <mergeCell ref="SIG730:SIJ730"/>
    <mergeCell ref="SIK730:SIN730"/>
    <mergeCell ref="SIO730:SIR730"/>
    <mergeCell ref="SIS730:SIV730"/>
    <mergeCell ref="SHI730:SHL730"/>
    <mergeCell ref="SHM730:SHP730"/>
    <mergeCell ref="SHQ730:SHT730"/>
    <mergeCell ref="SHU730:SHX730"/>
    <mergeCell ref="SHY730:SIB730"/>
    <mergeCell ref="SRI730:SRL730"/>
    <mergeCell ref="SRM730:SRP730"/>
    <mergeCell ref="SRQ730:SRT730"/>
    <mergeCell ref="SRU730:SRX730"/>
    <mergeCell ref="SRY730:SSB730"/>
    <mergeCell ref="SQO730:SQR730"/>
    <mergeCell ref="SQS730:SQV730"/>
    <mergeCell ref="SQW730:SQZ730"/>
    <mergeCell ref="SRA730:SRD730"/>
    <mergeCell ref="SRE730:SRH730"/>
    <mergeCell ref="SPU730:SPX730"/>
    <mergeCell ref="SPY730:SQB730"/>
    <mergeCell ref="SQC730:SQF730"/>
    <mergeCell ref="SQG730:SQJ730"/>
    <mergeCell ref="SQK730:SQN730"/>
    <mergeCell ref="SPA730:SPD730"/>
    <mergeCell ref="SPE730:SPH730"/>
    <mergeCell ref="SPI730:SPL730"/>
    <mergeCell ref="SPM730:SPP730"/>
    <mergeCell ref="SPQ730:SPT730"/>
    <mergeCell ref="SOG730:SOJ730"/>
    <mergeCell ref="SOK730:SON730"/>
    <mergeCell ref="SOO730:SOR730"/>
    <mergeCell ref="SOS730:SOV730"/>
    <mergeCell ref="SOW730:SOZ730"/>
    <mergeCell ref="SNM730:SNP730"/>
    <mergeCell ref="SNQ730:SNT730"/>
    <mergeCell ref="SNU730:SNX730"/>
    <mergeCell ref="SNY730:SOB730"/>
    <mergeCell ref="SOC730:SOF730"/>
    <mergeCell ref="SMS730:SMV730"/>
    <mergeCell ref="SMW730:SMZ730"/>
    <mergeCell ref="SNA730:SND730"/>
    <mergeCell ref="SNE730:SNH730"/>
    <mergeCell ref="SNI730:SNL730"/>
    <mergeCell ref="SWS730:SWV730"/>
    <mergeCell ref="SWW730:SWZ730"/>
    <mergeCell ref="SXA730:SXD730"/>
    <mergeCell ref="SXE730:SXH730"/>
    <mergeCell ref="SXI730:SXL730"/>
    <mergeCell ref="SVY730:SWB730"/>
    <mergeCell ref="SWC730:SWF730"/>
    <mergeCell ref="SWG730:SWJ730"/>
    <mergeCell ref="SWK730:SWN730"/>
    <mergeCell ref="SWO730:SWR730"/>
    <mergeCell ref="SVE730:SVH730"/>
    <mergeCell ref="SVI730:SVL730"/>
    <mergeCell ref="SVM730:SVP730"/>
    <mergeCell ref="SVQ730:SVT730"/>
    <mergeCell ref="SVU730:SVX730"/>
    <mergeCell ref="SUK730:SUN730"/>
    <mergeCell ref="SUO730:SUR730"/>
    <mergeCell ref="SUS730:SUV730"/>
    <mergeCell ref="SUW730:SUZ730"/>
    <mergeCell ref="SVA730:SVD730"/>
    <mergeCell ref="STQ730:STT730"/>
    <mergeCell ref="STU730:STX730"/>
    <mergeCell ref="STY730:SUB730"/>
    <mergeCell ref="SUC730:SUF730"/>
    <mergeCell ref="SUG730:SUJ730"/>
    <mergeCell ref="SSW730:SSZ730"/>
    <mergeCell ref="STA730:STD730"/>
    <mergeCell ref="STE730:STH730"/>
    <mergeCell ref="STI730:STL730"/>
    <mergeCell ref="STM730:STP730"/>
    <mergeCell ref="SSC730:SSF730"/>
    <mergeCell ref="SSG730:SSJ730"/>
    <mergeCell ref="SSK730:SSN730"/>
    <mergeCell ref="SSO730:SSR730"/>
    <mergeCell ref="SSS730:SSV730"/>
    <mergeCell ref="TCC730:TCF730"/>
    <mergeCell ref="TCG730:TCJ730"/>
    <mergeCell ref="TCK730:TCN730"/>
    <mergeCell ref="TCO730:TCR730"/>
    <mergeCell ref="TCS730:TCV730"/>
    <mergeCell ref="TBI730:TBL730"/>
    <mergeCell ref="TBM730:TBP730"/>
    <mergeCell ref="TBQ730:TBT730"/>
    <mergeCell ref="TBU730:TBX730"/>
    <mergeCell ref="TBY730:TCB730"/>
    <mergeCell ref="TAO730:TAR730"/>
    <mergeCell ref="TAS730:TAV730"/>
    <mergeCell ref="TAW730:TAZ730"/>
    <mergeCell ref="TBA730:TBD730"/>
    <mergeCell ref="TBE730:TBH730"/>
    <mergeCell ref="SZU730:SZX730"/>
    <mergeCell ref="SZY730:TAB730"/>
    <mergeCell ref="TAC730:TAF730"/>
    <mergeCell ref="TAG730:TAJ730"/>
    <mergeCell ref="TAK730:TAN730"/>
    <mergeCell ref="SZA730:SZD730"/>
    <mergeCell ref="SZE730:SZH730"/>
    <mergeCell ref="SZI730:SZL730"/>
    <mergeCell ref="SZM730:SZP730"/>
    <mergeCell ref="SZQ730:SZT730"/>
    <mergeCell ref="SYG730:SYJ730"/>
    <mergeCell ref="SYK730:SYN730"/>
    <mergeCell ref="SYO730:SYR730"/>
    <mergeCell ref="SYS730:SYV730"/>
    <mergeCell ref="SYW730:SYZ730"/>
    <mergeCell ref="SXM730:SXP730"/>
    <mergeCell ref="SXQ730:SXT730"/>
    <mergeCell ref="SXU730:SXX730"/>
    <mergeCell ref="SXY730:SYB730"/>
    <mergeCell ref="SYC730:SYF730"/>
    <mergeCell ref="THM730:THP730"/>
    <mergeCell ref="THQ730:THT730"/>
    <mergeCell ref="THU730:THX730"/>
    <mergeCell ref="THY730:TIB730"/>
    <mergeCell ref="TIC730:TIF730"/>
    <mergeCell ref="TGS730:TGV730"/>
    <mergeCell ref="TGW730:TGZ730"/>
    <mergeCell ref="THA730:THD730"/>
    <mergeCell ref="THE730:THH730"/>
    <mergeCell ref="THI730:THL730"/>
    <mergeCell ref="TFY730:TGB730"/>
    <mergeCell ref="TGC730:TGF730"/>
    <mergeCell ref="TGG730:TGJ730"/>
    <mergeCell ref="TGK730:TGN730"/>
    <mergeCell ref="TGO730:TGR730"/>
    <mergeCell ref="TFE730:TFH730"/>
    <mergeCell ref="TFI730:TFL730"/>
    <mergeCell ref="TFM730:TFP730"/>
    <mergeCell ref="TFQ730:TFT730"/>
    <mergeCell ref="TFU730:TFX730"/>
    <mergeCell ref="TEK730:TEN730"/>
    <mergeCell ref="TEO730:TER730"/>
    <mergeCell ref="TES730:TEV730"/>
    <mergeCell ref="TEW730:TEZ730"/>
    <mergeCell ref="TFA730:TFD730"/>
    <mergeCell ref="TDQ730:TDT730"/>
    <mergeCell ref="TDU730:TDX730"/>
    <mergeCell ref="TDY730:TEB730"/>
    <mergeCell ref="TEC730:TEF730"/>
    <mergeCell ref="TEG730:TEJ730"/>
    <mergeCell ref="TCW730:TCZ730"/>
    <mergeCell ref="TDA730:TDD730"/>
    <mergeCell ref="TDE730:TDH730"/>
    <mergeCell ref="TDI730:TDL730"/>
    <mergeCell ref="TDM730:TDP730"/>
    <mergeCell ref="TMW730:TMZ730"/>
    <mergeCell ref="TNA730:TND730"/>
    <mergeCell ref="TNE730:TNH730"/>
    <mergeCell ref="TNI730:TNL730"/>
    <mergeCell ref="TNM730:TNP730"/>
    <mergeCell ref="TMC730:TMF730"/>
    <mergeCell ref="TMG730:TMJ730"/>
    <mergeCell ref="TMK730:TMN730"/>
    <mergeCell ref="TMO730:TMR730"/>
    <mergeCell ref="TMS730:TMV730"/>
    <mergeCell ref="TLI730:TLL730"/>
    <mergeCell ref="TLM730:TLP730"/>
    <mergeCell ref="TLQ730:TLT730"/>
    <mergeCell ref="TLU730:TLX730"/>
    <mergeCell ref="TLY730:TMB730"/>
    <mergeCell ref="TKO730:TKR730"/>
    <mergeCell ref="TKS730:TKV730"/>
    <mergeCell ref="TKW730:TKZ730"/>
    <mergeCell ref="TLA730:TLD730"/>
    <mergeCell ref="TLE730:TLH730"/>
    <mergeCell ref="TJU730:TJX730"/>
    <mergeCell ref="TJY730:TKB730"/>
    <mergeCell ref="TKC730:TKF730"/>
    <mergeCell ref="TKG730:TKJ730"/>
    <mergeCell ref="TKK730:TKN730"/>
    <mergeCell ref="TJA730:TJD730"/>
    <mergeCell ref="TJE730:TJH730"/>
    <mergeCell ref="TJI730:TJL730"/>
    <mergeCell ref="TJM730:TJP730"/>
    <mergeCell ref="TJQ730:TJT730"/>
    <mergeCell ref="TIG730:TIJ730"/>
    <mergeCell ref="TIK730:TIN730"/>
    <mergeCell ref="TIO730:TIR730"/>
    <mergeCell ref="TIS730:TIV730"/>
    <mergeCell ref="TIW730:TIZ730"/>
    <mergeCell ref="TSG730:TSJ730"/>
    <mergeCell ref="TSK730:TSN730"/>
    <mergeCell ref="TSO730:TSR730"/>
    <mergeCell ref="TSS730:TSV730"/>
    <mergeCell ref="TSW730:TSZ730"/>
    <mergeCell ref="TRM730:TRP730"/>
    <mergeCell ref="TRQ730:TRT730"/>
    <mergeCell ref="TRU730:TRX730"/>
    <mergeCell ref="TRY730:TSB730"/>
    <mergeCell ref="TSC730:TSF730"/>
    <mergeCell ref="TQS730:TQV730"/>
    <mergeCell ref="TQW730:TQZ730"/>
    <mergeCell ref="TRA730:TRD730"/>
    <mergeCell ref="TRE730:TRH730"/>
    <mergeCell ref="TRI730:TRL730"/>
    <mergeCell ref="TPY730:TQB730"/>
    <mergeCell ref="TQC730:TQF730"/>
    <mergeCell ref="TQG730:TQJ730"/>
    <mergeCell ref="TQK730:TQN730"/>
    <mergeCell ref="TQO730:TQR730"/>
    <mergeCell ref="TPE730:TPH730"/>
    <mergeCell ref="TPI730:TPL730"/>
    <mergeCell ref="TPM730:TPP730"/>
    <mergeCell ref="TPQ730:TPT730"/>
    <mergeCell ref="TPU730:TPX730"/>
    <mergeCell ref="TOK730:TON730"/>
    <mergeCell ref="TOO730:TOR730"/>
    <mergeCell ref="TOS730:TOV730"/>
    <mergeCell ref="TOW730:TOZ730"/>
    <mergeCell ref="TPA730:TPD730"/>
    <mergeCell ref="TNQ730:TNT730"/>
    <mergeCell ref="TNU730:TNX730"/>
    <mergeCell ref="TNY730:TOB730"/>
    <mergeCell ref="TOC730:TOF730"/>
    <mergeCell ref="TOG730:TOJ730"/>
    <mergeCell ref="TXQ730:TXT730"/>
    <mergeCell ref="TXU730:TXX730"/>
    <mergeCell ref="TXY730:TYB730"/>
    <mergeCell ref="TYC730:TYF730"/>
    <mergeCell ref="TYG730:TYJ730"/>
    <mergeCell ref="TWW730:TWZ730"/>
    <mergeCell ref="TXA730:TXD730"/>
    <mergeCell ref="TXE730:TXH730"/>
    <mergeCell ref="TXI730:TXL730"/>
    <mergeCell ref="TXM730:TXP730"/>
    <mergeCell ref="TWC730:TWF730"/>
    <mergeCell ref="TWG730:TWJ730"/>
    <mergeCell ref="TWK730:TWN730"/>
    <mergeCell ref="TWO730:TWR730"/>
    <mergeCell ref="TWS730:TWV730"/>
    <mergeCell ref="TVI730:TVL730"/>
    <mergeCell ref="TVM730:TVP730"/>
    <mergeCell ref="TVQ730:TVT730"/>
    <mergeCell ref="TVU730:TVX730"/>
    <mergeCell ref="TVY730:TWB730"/>
    <mergeCell ref="TUO730:TUR730"/>
    <mergeCell ref="TUS730:TUV730"/>
    <mergeCell ref="TUW730:TUZ730"/>
    <mergeCell ref="TVA730:TVD730"/>
    <mergeCell ref="TVE730:TVH730"/>
    <mergeCell ref="TTU730:TTX730"/>
    <mergeCell ref="TTY730:TUB730"/>
    <mergeCell ref="TUC730:TUF730"/>
    <mergeCell ref="TUG730:TUJ730"/>
    <mergeCell ref="TUK730:TUN730"/>
    <mergeCell ref="TTA730:TTD730"/>
    <mergeCell ref="TTE730:TTH730"/>
    <mergeCell ref="TTI730:TTL730"/>
    <mergeCell ref="TTM730:TTP730"/>
    <mergeCell ref="TTQ730:TTT730"/>
    <mergeCell ref="UDA730:UDD730"/>
    <mergeCell ref="UDE730:UDH730"/>
    <mergeCell ref="UDI730:UDL730"/>
    <mergeCell ref="UDM730:UDP730"/>
    <mergeCell ref="UDQ730:UDT730"/>
    <mergeCell ref="UCG730:UCJ730"/>
    <mergeCell ref="UCK730:UCN730"/>
    <mergeCell ref="UCO730:UCR730"/>
    <mergeCell ref="UCS730:UCV730"/>
    <mergeCell ref="UCW730:UCZ730"/>
    <mergeCell ref="UBM730:UBP730"/>
    <mergeCell ref="UBQ730:UBT730"/>
    <mergeCell ref="UBU730:UBX730"/>
    <mergeCell ref="UBY730:UCB730"/>
    <mergeCell ref="UCC730:UCF730"/>
    <mergeCell ref="UAS730:UAV730"/>
    <mergeCell ref="UAW730:UAZ730"/>
    <mergeCell ref="UBA730:UBD730"/>
    <mergeCell ref="UBE730:UBH730"/>
    <mergeCell ref="UBI730:UBL730"/>
    <mergeCell ref="TZY730:UAB730"/>
    <mergeCell ref="UAC730:UAF730"/>
    <mergeCell ref="UAG730:UAJ730"/>
    <mergeCell ref="UAK730:UAN730"/>
    <mergeCell ref="UAO730:UAR730"/>
    <mergeCell ref="TZE730:TZH730"/>
    <mergeCell ref="TZI730:TZL730"/>
    <mergeCell ref="TZM730:TZP730"/>
    <mergeCell ref="TZQ730:TZT730"/>
    <mergeCell ref="TZU730:TZX730"/>
    <mergeCell ref="TYK730:TYN730"/>
    <mergeCell ref="TYO730:TYR730"/>
    <mergeCell ref="TYS730:TYV730"/>
    <mergeCell ref="TYW730:TYZ730"/>
    <mergeCell ref="TZA730:TZD730"/>
    <mergeCell ref="UIK730:UIN730"/>
    <mergeCell ref="UIO730:UIR730"/>
    <mergeCell ref="UIS730:UIV730"/>
    <mergeCell ref="UIW730:UIZ730"/>
    <mergeCell ref="UJA730:UJD730"/>
    <mergeCell ref="UHQ730:UHT730"/>
    <mergeCell ref="UHU730:UHX730"/>
    <mergeCell ref="UHY730:UIB730"/>
    <mergeCell ref="UIC730:UIF730"/>
    <mergeCell ref="UIG730:UIJ730"/>
    <mergeCell ref="UGW730:UGZ730"/>
    <mergeCell ref="UHA730:UHD730"/>
    <mergeCell ref="UHE730:UHH730"/>
    <mergeCell ref="UHI730:UHL730"/>
    <mergeCell ref="UHM730:UHP730"/>
    <mergeCell ref="UGC730:UGF730"/>
    <mergeCell ref="UGG730:UGJ730"/>
    <mergeCell ref="UGK730:UGN730"/>
    <mergeCell ref="UGO730:UGR730"/>
    <mergeCell ref="UGS730:UGV730"/>
    <mergeCell ref="UFI730:UFL730"/>
    <mergeCell ref="UFM730:UFP730"/>
    <mergeCell ref="UFQ730:UFT730"/>
    <mergeCell ref="UFU730:UFX730"/>
    <mergeCell ref="UFY730:UGB730"/>
    <mergeCell ref="UEO730:UER730"/>
    <mergeCell ref="UES730:UEV730"/>
    <mergeCell ref="UEW730:UEZ730"/>
    <mergeCell ref="UFA730:UFD730"/>
    <mergeCell ref="UFE730:UFH730"/>
    <mergeCell ref="UDU730:UDX730"/>
    <mergeCell ref="UDY730:UEB730"/>
    <mergeCell ref="UEC730:UEF730"/>
    <mergeCell ref="UEG730:UEJ730"/>
    <mergeCell ref="UEK730:UEN730"/>
    <mergeCell ref="UNU730:UNX730"/>
    <mergeCell ref="UNY730:UOB730"/>
    <mergeCell ref="UOC730:UOF730"/>
    <mergeCell ref="UOG730:UOJ730"/>
    <mergeCell ref="UOK730:UON730"/>
    <mergeCell ref="UNA730:UND730"/>
    <mergeCell ref="UNE730:UNH730"/>
    <mergeCell ref="UNI730:UNL730"/>
    <mergeCell ref="UNM730:UNP730"/>
    <mergeCell ref="UNQ730:UNT730"/>
    <mergeCell ref="UMG730:UMJ730"/>
    <mergeCell ref="UMK730:UMN730"/>
    <mergeCell ref="UMO730:UMR730"/>
    <mergeCell ref="UMS730:UMV730"/>
    <mergeCell ref="UMW730:UMZ730"/>
    <mergeCell ref="ULM730:ULP730"/>
    <mergeCell ref="ULQ730:ULT730"/>
    <mergeCell ref="ULU730:ULX730"/>
    <mergeCell ref="ULY730:UMB730"/>
    <mergeCell ref="UMC730:UMF730"/>
    <mergeCell ref="UKS730:UKV730"/>
    <mergeCell ref="UKW730:UKZ730"/>
    <mergeCell ref="ULA730:ULD730"/>
    <mergeCell ref="ULE730:ULH730"/>
    <mergeCell ref="ULI730:ULL730"/>
    <mergeCell ref="UJY730:UKB730"/>
    <mergeCell ref="UKC730:UKF730"/>
    <mergeCell ref="UKG730:UKJ730"/>
    <mergeCell ref="UKK730:UKN730"/>
    <mergeCell ref="UKO730:UKR730"/>
    <mergeCell ref="UJE730:UJH730"/>
    <mergeCell ref="UJI730:UJL730"/>
    <mergeCell ref="UJM730:UJP730"/>
    <mergeCell ref="UJQ730:UJT730"/>
    <mergeCell ref="UJU730:UJX730"/>
    <mergeCell ref="UTE730:UTH730"/>
    <mergeCell ref="UTI730:UTL730"/>
    <mergeCell ref="UTM730:UTP730"/>
    <mergeCell ref="UTQ730:UTT730"/>
    <mergeCell ref="UTU730:UTX730"/>
    <mergeCell ref="USK730:USN730"/>
    <mergeCell ref="USO730:USR730"/>
    <mergeCell ref="USS730:USV730"/>
    <mergeCell ref="USW730:USZ730"/>
    <mergeCell ref="UTA730:UTD730"/>
    <mergeCell ref="URQ730:URT730"/>
    <mergeCell ref="URU730:URX730"/>
    <mergeCell ref="URY730:USB730"/>
    <mergeCell ref="USC730:USF730"/>
    <mergeCell ref="USG730:USJ730"/>
    <mergeCell ref="UQW730:UQZ730"/>
    <mergeCell ref="URA730:URD730"/>
    <mergeCell ref="URE730:URH730"/>
    <mergeCell ref="URI730:URL730"/>
    <mergeCell ref="URM730:URP730"/>
    <mergeCell ref="UQC730:UQF730"/>
    <mergeCell ref="UQG730:UQJ730"/>
    <mergeCell ref="UQK730:UQN730"/>
    <mergeCell ref="UQO730:UQR730"/>
    <mergeCell ref="UQS730:UQV730"/>
    <mergeCell ref="UPI730:UPL730"/>
    <mergeCell ref="UPM730:UPP730"/>
    <mergeCell ref="UPQ730:UPT730"/>
    <mergeCell ref="UPU730:UPX730"/>
    <mergeCell ref="UPY730:UQB730"/>
    <mergeCell ref="UOO730:UOR730"/>
    <mergeCell ref="UOS730:UOV730"/>
    <mergeCell ref="UOW730:UOZ730"/>
    <mergeCell ref="UPA730:UPD730"/>
    <mergeCell ref="UPE730:UPH730"/>
    <mergeCell ref="UYO730:UYR730"/>
    <mergeCell ref="UYS730:UYV730"/>
    <mergeCell ref="UYW730:UYZ730"/>
    <mergeCell ref="UZA730:UZD730"/>
    <mergeCell ref="UZE730:UZH730"/>
    <mergeCell ref="UXU730:UXX730"/>
    <mergeCell ref="UXY730:UYB730"/>
    <mergeCell ref="UYC730:UYF730"/>
    <mergeCell ref="UYG730:UYJ730"/>
    <mergeCell ref="UYK730:UYN730"/>
    <mergeCell ref="UXA730:UXD730"/>
    <mergeCell ref="UXE730:UXH730"/>
    <mergeCell ref="UXI730:UXL730"/>
    <mergeCell ref="UXM730:UXP730"/>
    <mergeCell ref="UXQ730:UXT730"/>
    <mergeCell ref="UWG730:UWJ730"/>
    <mergeCell ref="UWK730:UWN730"/>
    <mergeCell ref="UWO730:UWR730"/>
    <mergeCell ref="UWS730:UWV730"/>
    <mergeCell ref="UWW730:UWZ730"/>
    <mergeCell ref="UVM730:UVP730"/>
    <mergeCell ref="UVQ730:UVT730"/>
    <mergeCell ref="UVU730:UVX730"/>
    <mergeCell ref="UVY730:UWB730"/>
    <mergeCell ref="UWC730:UWF730"/>
    <mergeCell ref="UUS730:UUV730"/>
    <mergeCell ref="UUW730:UUZ730"/>
    <mergeCell ref="UVA730:UVD730"/>
    <mergeCell ref="UVE730:UVH730"/>
    <mergeCell ref="UVI730:UVL730"/>
    <mergeCell ref="UTY730:UUB730"/>
    <mergeCell ref="UUC730:UUF730"/>
    <mergeCell ref="UUG730:UUJ730"/>
    <mergeCell ref="UUK730:UUN730"/>
    <mergeCell ref="UUO730:UUR730"/>
    <mergeCell ref="VDY730:VEB730"/>
    <mergeCell ref="VEC730:VEF730"/>
    <mergeCell ref="VEG730:VEJ730"/>
    <mergeCell ref="VEK730:VEN730"/>
    <mergeCell ref="VEO730:VER730"/>
    <mergeCell ref="VDE730:VDH730"/>
    <mergeCell ref="VDI730:VDL730"/>
    <mergeCell ref="VDM730:VDP730"/>
    <mergeCell ref="VDQ730:VDT730"/>
    <mergeCell ref="VDU730:VDX730"/>
    <mergeCell ref="VCK730:VCN730"/>
    <mergeCell ref="VCO730:VCR730"/>
    <mergeCell ref="VCS730:VCV730"/>
    <mergeCell ref="VCW730:VCZ730"/>
    <mergeCell ref="VDA730:VDD730"/>
    <mergeCell ref="VBQ730:VBT730"/>
    <mergeCell ref="VBU730:VBX730"/>
    <mergeCell ref="VBY730:VCB730"/>
    <mergeCell ref="VCC730:VCF730"/>
    <mergeCell ref="VCG730:VCJ730"/>
    <mergeCell ref="VAW730:VAZ730"/>
    <mergeCell ref="VBA730:VBD730"/>
    <mergeCell ref="VBE730:VBH730"/>
    <mergeCell ref="VBI730:VBL730"/>
    <mergeCell ref="VBM730:VBP730"/>
    <mergeCell ref="VAC730:VAF730"/>
    <mergeCell ref="VAG730:VAJ730"/>
    <mergeCell ref="VAK730:VAN730"/>
    <mergeCell ref="VAO730:VAR730"/>
    <mergeCell ref="VAS730:VAV730"/>
    <mergeCell ref="UZI730:UZL730"/>
    <mergeCell ref="UZM730:UZP730"/>
    <mergeCell ref="UZQ730:UZT730"/>
    <mergeCell ref="UZU730:UZX730"/>
    <mergeCell ref="UZY730:VAB730"/>
    <mergeCell ref="VJI730:VJL730"/>
    <mergeCell ref="VJM730:VJP730"/>
    <mergeCell ref="VJQ730:VJT730"/>
    <mergeCell ref="VJU730:VJX730"/>
    <mergeCell ref="VJY730:VKB730"/>
    <mergeCell ref="VIO730:VIR730"/>
    <mergeCell ref="VIS730:VIV730"/>
    <mergeCell ref="VIW730:VIZ730"/>
    <mergeCell ref="VJA730:VJD730"/>
    <mergeCell ref="VJE730:VJH730"/>
    <mergeCell ref="VHU730:VHX730"/>
    <mergeCell ref="VHY730:VIB730"/>
    <mergeCell ref="VIC730:VIF730"/>
    <mergeCell ref="VIG730:VIJ730"/>
    <mergeCell ref="VIK730:VIN730"/>
    <mergeCell ref="VHA730:VHD730"/>
    <mergeCell ref="VHE730:VHH730"/>
    <mergeCell ref="VHI730:VHL730"/>
    <mergeCell ref="VHM730:VHP730"/>
    <mergeCell ref="VHQ730:VHT730"/>
    <mergeCell ref="VGG730:VGJ730"/>
    <mergeCell ref="VGK730:VGN730"/>
    <mergeCell ref="VGO730:VGR730"/>
    <mergeCell ref="VGS730:VGV730"/>
    <mergeCell ref="VGW730:VGZ730"/>
    <mergeCell ref="VFM730:VFP730"/>
    <mergeCell ref="VFQ730:VFT730"/>
    <mergeCell ref="VFU730:VFX730"/>
    <mergeCell ref="VFY730:VGB730"/>
    <mergeCell ref="VGC730:VGF730"/>
    <mergeCell ref="VES730:VEV730"/>
    <mergeCell ref="VEW730:VEZ730"/>
    <mergeCell ref="VFA730:VFD730"/>
    <mergeCell ref="VFE730:VFH730"/>
    <mergeCell ref="VFI730:VFL730"/>
    <mergeCell ref="VOS730:VOV730"/>
    <mergeCell ref="VOW730:VOZ730"/>
    <mergeCell ref="VPA730:VPD730"/>
    <mergeCell ref="VPE730:VPH730"/>
    <mergeCell ref="VPI730:VPL730"/>
    <mergeCell ref="VNY730:VOB730"/>
    <mergeCell ref="VOC730:VOF730"/>
    <mergeCell ref="VOG730:VOJ730"/>
    <mergeCell ref="VOK730:VON730"/>
    <mergeCell ref="VOO730:VOR730"/>
    <mergeCell ref="VNE730:VNH730"/>
    <mergeCell ref="VNI730:VNL730"/>
    <mergeCell ref="VNM730:VNP730"/>
    <mergeCell ref="VNQ730:VNT730"/>
    <mergeCell ref="VNU730:VNX730"/>
    <mergeCell ref="VMK730:VMN730"/>
    <mergeCell ref="VMO730:VMR730"/>
    <mergeCell ref="VMS730:VMV730"/>
    <mergeCell ref="VMW730:VMZ730"/>
    <mergeCell ref="VNA730:VND730"/>
    <mergeCell ref="VLQ730:VLT730"/>
    <mergeCell ref="VLU730:VLX730"/>
    <mergeCell ref="VLY730:VMB730"/>
    <mergeCell ref="VMC730:VMF730"/>
    <mergeCell ref="VMG730:VMJ730"/>
    <mergeCell ref="VKW730:VKZ730"/>
    <mergeCell ref="VLA730:VLD730"/>
    <mergeCell ref="VLE730:VLH730"/>
    <mergeCell ref="VLI730:VLL730"/>
    <mergeCell ref="VLM730:VLP730"/>
    <mergeCell ref="VKC730:VKF730"/>
    <mergeCell ref="VKG730:VKJ730"/>
    <mergeCell ref="VKK730:VKN730"/>
    <mergeCell ref="VKO730:VKR730"/>
    <mergeCell ref="VKS730:VKV730"/>
    <mergeCell ref="VUC730:VUF730"/>
    <mergeCell ref="VUG730:VUJ730"/>
    <mergeCell ref="VUK730:VUN730"/>
    <mergeCell ref="VUO730:VUR730"/>
    <mergeCell ref="VUS730:VUV730"/>
    <mergeCell ref="VTI730:VTL730"/>
    <mergeCell ref="VTM730:VTP730"/>
    <mergeCell ref="VTQ730:VTT730"/>
    <mergeCell ref="VTU730:VTX730"/>
    <mergeCell ref="VTY730:VUB730"/>
    <mergeCell ref="VSO730:VSR730"/>
    <mergeCell ref="VSS730:VSV730"/>
    <mergeCell ref="VSW730:VSZ730"/>
    <mergeCell ref="VTA730:VTD730"/>
    <mergeCell ref="VTE730:VTH730"/>
    <mergeCell ref="VRU730:VRX730"/>
    <mergeCell ref="VRY730:VSB730"/>
    <mergeCell ref="VSC730:VSF730"/>
    <mergeCell ref="VSG730:VSJ730"/>
    <mergeCell ref="VSK730:VSN730"/>
    <mergeCell ref="VRA730:VRD730"/>
    <mergeCell ref="VRE730:VRH730"/>
    <mergeCell ref="VRI730:VRL730"/>
    <mergeCell ref="VRM730:VRP730"/>
    <mergeCell ref="VRQ730:VRT730"/>
    <mergeCell ref="VQG730:VQJ730"/>
    <mergeCell ref="VQK730:VQN730"/>
    <mergeCell ref="VQO730:VQR730"/>
    <mergeCell ref="VQS730:VQV730"/>
    <mergeCell ref="VQW730:VQZ730"/>
    <mergeCell ref="VPM730:VPP730"/>
    <mergeCell ref="VPQ730:VPT730"/>
    <mergeCell ref="VPU730:VPX730"/>
    <mergeCell ref="VPY730:VQB730"/>
    <mergeCell ref="VQC730:VQF730"/>
    <mergeCell ref="VZM730:VZP730"/>
    <mergeCell ref="VZQ730:VZT730"/>
    <mergeCell ref="VZU730:VZX730"/>
    <mergeCell ref="VZY730:WAB730"/>
    <mergeCell ref="WAC730:WAF730"/>
    <mergeCell ref="VYS730:VYV730"/>
    <mergeCell ref="VYW730:VYZ730"/>
    <mergeCell ref="VZA730:VZD730"/>
    <mergeCell ref="VZE730:VZH730"/>
    <mergeCell ref="VZI730:VZL730"/>
    <mergeCell ref="VXY730:VYB730"/>
    <mergeCell ref="VYC730:VYF730"/>
    <mergeCell ref="VYG730:VYJ730"/>
    <mergeCell ref="VYK730:VYN730"/>
    <mergeCell ref="VYO730:VYR730"/>
    <mergeCell ref="VXE730:VXH730"/>
    <mergeCell ref="VXI730:VXL730"/>
    <mergeCell ref="VXM730:VXP730"/>
    <mergeCell ref="VXQ730:VXT730"/>
    <mergeCell ref="VXU730:VXX730"/>
    <mergeCell ref="VWK730:VWN730"/>
    <mergeCell ref="VWO730:VWR730"/>
    <mergeCell ref="VWS730:VWV730"/>
    <mergeCell ref="VWW730:VWZ730"/>
    <mergeCell ref="VXA730:VXD730"/>
    <mergeCell ref="VVQ730:VVT730"/>
    <mergeCell ref="VVU730:VVX730"/>
    <mergeCell ref="VVY730:VWB730"/>
    <mergeCell ref="VWC730:VWF730"/>
    <mergeCell ref="VWG730:VWJ730"/>
    <mergeCell ref="VUW730:VUZ730"/>
    <mergeCell ref="VVA730:VVD730"/>
    <mergeCell ref="VVE730:VVH730"/>
    <mergeCell ref="VVI730:VVL730"/>
    <mergeCell ref="VVM730:VVP730"/>
    <mergeCell ref="WEW730:WEZ730"/>
    <mergeCell ref="WFA730:WFD730"/>
    <mergeCell ref="WFE730:WFH730"/>
    <mergeCell ref="WFI730:WFL730"/>
    <mergeCell ref="WFM730:WFP730"/>
    <mergeCell ref="WEC730:WEF730"/>
    <mergeCell ref="WEG730:WEJ730"/>
    <mergeCell ref="WEK730:WEN730"/>
    <mergeCell ref="WEO730:WER730"/>
    <mergeCell ref="WES730:WEV730"/>
    <mergeCell ref="WDI730:WDL730"/>
    <mergeCell ref="WDM730:WDP730"/>
    <mergeCell ref="WDQ730:WDT730"/>
    <mergeCell ref="WDU730:WDX730"/>
    <mergeCell ref="WDY730:WEB730"/>
    <mergeCell ref="WCO730:WCR730"/>
    <mergeCell ref="WCS730:WCV730"/>
    <mergeCell ref="WCW730:WCZ730"/>
    <mergeCell ref="WDA730:WDD730"/>
    <mergeCell ref="WDE730:WDH730"/>
    <mergeCell ref="WBU730:WBX730"/>
    <mergeCell ref="WBY730:WCB730"/>
    <mergeCell ref="WCC730:WCF730"/>
    <mergeCell ref="WCG730:WCJ730"/>
    <mergeCell ref="WCK730:WCN730"/>
    <mergeCell ref="WBA730:WBD730"/>
    <mergeCell ref="WBE730:WBH730"/>
    <mergeCell ref="WBI730:WBL730"/>
    <mergeCell ref="WBM730:WBP730"/>
    <mergeCell ref="WBQ730:WBT730"/>
    <mergeCell ref="WAG730:WAJ730"/>
    <mergeCell ref="WAK730:WAN730"/>
    <mergeCell ref="WAO730:WAR730"/>
    <mergeCell ref="WAS730:WAV730"/>
    <mergeCell ref="WAW730:WAZ730"/>
    <mergeCell ref="WKG730:WKJ730"/>
    <mergeCell ref="WKK730:WKN730"/>
    <mergeCell ref="WKO730:WKR730"/>
    <mergeCell ref="WKS730:WKV730"/>
    <mergeCell ref="WKW730:WKZ730"/>
    <mergeCell ref="WJM730:WJP730"/>
    <mergeCell ref="WJQ730:WJT730"/>
    <mergeCell ref="WJU730:WJX730"/>
    <mergeCell ref="WJY730:WKB730"/>
    <mergeCell ref="WKC730:WKF730"/>
    <mergeCell ref="WIS730:WIV730"/>
    <mergeCell ref="WIW730:WIZ730"/>
    <mergeCell ref="WJA730:WJD730"/>
    <mergeCell ref="WJE730:WJH730"/>
    <mergeCell ref="WJI730:WJL730"/>
    <mergeCell ref="WHY730:WIB730"/>
    <mergeCell ref="WIC730:WIF730"/>
    <mergeCell ref="WIG730:WIJ730"/>
    <mergeCell ref="WIK730:WIN730"/>
    <mergeCell ref="WIO730:WIR730"/>
    <mergeCell ref="WHE730:WHH730"/>
    <mergeCell ref="WHI730:WHL730"/>
    <mergeCell ref="WHM730:WHP730"/>
    <mergeCell ref="WHQ730:WHT730"/>
    <mergeCell ref="WHU730:WHX730"/>
    <mergeCell ref="WGK730:WGN730"/>
    <mergeCell ref="WGO730:WGR730"/>
    <mergeCell ref="WGS730:WGV730"/>
    <mergeCell ref="WGW730:WGZ730"/>
    <mergeCell ref="WHA730:WHD730"/>
    <mergeCell ref="WFQ730:WFT730"/>
    <mergeCell ref="WFU730:WFX730"/>
    <mergeCell ref="WFY730:WGB730"/>
    <mergeCell ref="WGC730:WGF730"/>
    <mergeCell ref="WGG730:WGJ730"/>
    <mergeCell ref="WPQ730:WPT730"/>
    <mergeCell ref="WPU730:WPX730"/>
    <mergeCell ref="WPY730:WQB730"/>
    <mergeCell ref="WQC730:WQF730"/>
    <mergeCell ref="WQG730:WQJ730"/>
    <mergeCell ref="WOW730:WOZ730"/>
    <mergeCell ref="WPA730:WPD730"/>
    <mergeCell ref="WPE730:WPH730"/>
    <mergeCell ref="WPI730:WPL730"/>
    <mergeCell ref="WPM730:WPP730"/>
    <mergeCell ref="WOC730:WOF730"/>
    <mergeCell ref="WOG730:WOJ730"/>
    <mergeCell ref="WOK730:WON730"/>
    <mergeCell ref="WOO730:WOR730"/>
    <mergeCell ref="WOS730:WOV730"/>
    <mergeCell ref="WNI730:WNL730"/>
    <mergeCell ref="WNM730:WNP730"/>
    <mergeCell ref="WNQ730:WNT730"/>
    <mergeCell ref="WNU730:WNX730"/>
    <mergeCell ref="WNY730:WOB730"/>
    <mergeCell ref="WMO730:WMR730"/>
    <mergeCell ref="WMS730:WMV730"/>
    <mergeCell ref="WMW730:WMZ730"/>
    <mergeCell ref="WNA730:WND730"/>
    <mergeCell ref="WNE730:WNH730"/>
    <mergeCell ref="WLU730:WLX730"/>
    <mergeCell ref="WLY730:WMB730"/>
    <mergeCell ref="WMC730:WMF730"/>
    <mergeCell ref="WMG730:WMJ730"/>
    <mergeCell ref="WMK730:WMN730"/>
    <mergeCell ref="WLA730:WLD730"/>
    <mergeCell ref="WLE730:WLH730"/>
    <mergeCell ref="WLI730:WLL730"/>
    <mergeCell ref="WLM730:WLP730"/>
    <mergeCell ref="WLQ730:WLT730"/>
    <mergeCell ref="WVA730:WVD730"/>
    <mergeCell ref="WVE730:WVH730"/>
    <mergeCell ref="WVI730:WVL730"/>
    <mergeCell ref="WVM730:WVP730"/>
    <mergeCell ref="WVQ730:WVT730"/>
    <mergeCell ref="WUG730:WUJ730"/>
    <mergeCell ref="WUK730:WUN730"/>
    <mergeCell ref="WUO730:WUR730"/>
    <mergeCell ref="WUS730:WUV730"/>
    <mergeCell ref="WUW730:WUZ730"/>
    <mergeCell ref="WTM730:WTP730"/>
    <mergeCell ref="WTQ730:WTT730"/>
    <mergeCell ref="WTU730:WTX730"/>
    <mergeCell ref="WTY730:WUB730"/>
    <mergeCell ref="WUC730:WUF730"/>
    <mergeCell ref="WSS730:WSV730"/>
    <mergeCell ref="WSW730:WSZ730"/>
    <mergeCell ref="WTA730:WTD730"/>
    <mergeCell ref="WTE730:WTH730"/>
    <mergeCell ref="WTI730:WTL730"/>
    <mergeCell ref="WRY730:WSB730"/>
    <mergeCell ref="WSC730:WSF730"/>
    <mergeCell ref="WSG730:WSJ730"/>
    <mergeCell ref="WSK730:WSN730"/>
    <mergeCell ref="WSO730:WSR730"/>
    <mergeCell ref="WRE730:WRH730"/>
    <mergeCell ref="WRI730:WRL730"/>
    <mergeCell ref="WRM730:WRP730"/>
    <mergeCell ref="WRQ730:WRT730"/>
    <mergeCell ref="WRU730:WRX730"/>
    <mergeCell ref="WQK730:WQN730"/>
    <mergeCell ref="WQO730:WQR730"/>
    <mergeCell ref="WQS730:WQV730"/>
    <mergeCell ref="WQW730:WQZ730"/>
    <mergeCell ref="WRA730:WRD730"/>
    <mergeCell ref="XBQ730:XBT730"/>
    <mergeCell ref="XBU730:XBX730"/>
    <mergeCell ref="XAK730:XAN730"/>
    <mergeCell ref="XAO730:XAR730"/>
    <mergeCell ref="XAS730:XAV730"/>
    <mergeCell ref="XAW730:XAZ730"/>
    <mergeCell ref="XBA730:XBD730"/>
    <mergeCell ref="WZQ730:WZT730"/>
    <mergeCell ref="WZU730:WZX730"/>
    <mergeCell ref="WZY730:XAB730"/>
    <mergeCell ref="XAC730:XAF730"/>
    <mergeCell ref="XAG730:XAJ730"/>
    <mergeCell ref="WYW730:WYZ730"/>
    <mergeCell ref="WZA730:WZD730"/>
    <mergeCell ref="WZE730:WZH730"/>
    <mergeCell ref="WZI730:WZL730"/>
    <mergeCell ref="WZM730:WZP730"/>
    <mergeCell ref="WYC730:WYF730"/>
    <mergeCell ref="WYG730:WYJ730"/>
    <mergeCell ref="WYK730:WYN730"/>
    <mergeCell ref="WYO730:WYR730"/>
    <mergeCell ref="WYS730:WYV730"/>
    <mergeCell ref="WXI730:WXL730"/>
    <mergeCell ref="WXM730:WXP730"/>
    <mergeCell ref="WXQ730:WXT730"/>
    <mergeCell ref="WXU730:WXX730"/>
    <mergeCell ref="WXY730:WYB730"/>
    <mergeCell ref="WWO730:WWR730"/>
    <mergeCell ref="WWS730:WWV730"/>
    <mergeCell ref="WWW730:WWZ730"/>
    <mergeCell ref="WXA730:WXD730"/>
    <mergeCell ref="WXE730:WXH730"/>
    <mergeCell ref="WVU730:WVX730"/>
    <mergeCell ref="WVY730:WWB730"/>
    <mergeCell ref="WWC730:WWF730"/>
    <mergeCell ref="WWG730:WWJ730"/>
    <mergeCell ref="WWK730:WWN730"/>
    <mergeCell ref="EK731:EN731"/>
    <mergeCell ref="EO731:ER731"/>
    <mergeCell ref="ES731:EV731"/>
    <mergeCell ref="EW731:EZ731"/>
    <mergeCell ref="FA731:FD731"/>
    <mergeCell ref="DQ731:DT731"/>
    <mergeCell ref="DU731:DX731"/>
    <mergeCell ref="DY731:EB731"/>
    <mergeCell ref="EC731:EF731"/>
    <mergeCell ref="EG731:EJ731"/>
    <mergeCell ref="CW731:CZ731"/>
    <mergeCell ref="DA731:DD731"/>
    <mergeCell ref="DE731:DH731"/>
    <mergeCell ref="DI731:DL731"/>
    <mergeCell ref="DM731:DP731"/>
    <mergeCell ref="CC731:CF731"/>
    <mergeCell ref="CG731:CJ731"/>
    <mergeCell ref="CK731:CN731"/>
    <mergeCell ref="CO731:CR731"/>
    <mergeCell ref="CS731:CV731"/>
    <mergeCell ref="BI731:BL731"/>
    <mergeCell ref="BM731:BP731"/>
    <mergeCell ref="BQ731:BT731"/>
    <mergeCell ref="BU731:BX731"/>
    <mergeCell ref="BY731:CB731"/>
    <mergeCell ref="XFA730:XFD730"/>
    <mergeCell ref="A731:D731"/>
    <mergeCell ref="E731:H731"/>
    <mergeCell ref="I731:L731"/>
    <mergeCell ref="M731:P731"/>
    <mergeCell ref="Q731:T731"/>
    <mergeCell ref="U731:X731"/>
    <mergeCell ref="Y731:AB731"/>
    <mergeCell ref="AC731:AF731"/>
    <mergeCell ref="AG731:AJ731"/>
    <mergeCell ref="AK731:AN731"/>
    <mergeCell ref="AO731:AR731"/>
    <mergeCell ref="AS731:AV731"/>
    <mergeCell ref="AW731:AZ731"/>
    <mergeCell ref="BA731:BD731"/>
    <mergeCell ref="BE731:BH731"/>
    <mergeCell ref="XEG730:XEJ730"/>
    <mergeCell ref="XEK730:XEN730"/>
    <mergeCell ref="XEO730:XER730"/>
    <mergeCell ref="XES730:XEV730"/>
    <mergeCell ref="XEW730:XEZ730"/>
    <mergeCell ref="XDM730:XDP730"/>
    <mergeCell ref="XDQ730:XDT730"/>
    <mergeCell ref="XDU730:XDX730"/>
    <mergeCell ref="XDY730:XEB730"/>
    <mergeCell ref="XEC730:XEF730"/>
    <mergeCell ref="XCS730:XCV730"/>
    <mergeCell ref="XCW730:XCZ730"/>
    <mergeCell ref="XDA730:XDD730"/>
    <mergeCell ref="XDE730:XDH730"/>
    <mergeCell ref="XDI730:XDL730"/>
    <mergeCell ref="XBY730:XCB730"/>
    <mergeCell ref="XCC730:XCF730"/>
    <mergeCell ref="XCG730:XCJ730"/>
    <mergeCell ref="XCK730:XCN730"/>
    <mergeCell ref="XCO730:XCR730"/>
    <mergeCell ref="XBE730:XBH730"/>
    <mergeCell ref="XBI730:XBL730"/>
    <mergeCell ref="XBM730:XBP730"/>
    <mergeCell ref="JU731:JX731"/>
    <mergeCell ref="JY731:KB731"/>
    <mergeCell ref="KC731:KF731"/>
    <mergeCell ref="KG731:KJ731"/>
    <mergeCell ref="KK731:KN731"/>
    <mergeCell ref="JA731:JD731"/>
    <mergeCell ref="JE731:JH731"/>
    <mergeCell ref="JI731:JL731"/>
    <mergeCell ref="JM731:JP731"/>
    <mergeCell ref="JQ731:JT731"/>
    <mergeCell ref="IG731:IJ731"/>
    <mergeCell ref="IK731:IN731"/>
    <mergeCell ref="IO731:IR731"/>
    <mergeCell ref="IS731:IV731"/>
    <mergeCell ref="IW731:IZ731"/>
    <mergeCell ref="HM731:HP731"/>
    <mergeCell ref="HQ731:HT731"/>
    <mergeCell ref="HU731:HX731"/>
    <mergeCell ref="HY731:IB731"/>
    <mergeCell ref="IC731:IF731"/>
    <mergeCell ref="GS731:GV731"/>
    <mergeCell ref="GW731:GZ731"/>
    <mergeCell ref="HA731:HD731"/>
    <mergeCell ref="HE731:HH731"/>
    <mergeCell ref="HI731:HL731"/>
    <mergeCell ref="FY731:GB731"/>
    <mergeCell ref="GC731:GF731"/>
    <mergeCell ref="GG731:GJ731"/>
    <mergeCell ref="GK731:GN731"/>
    <mergeCell ref="GO731:GR731"/>
    <mergeCell ref="FE731:FH731"/>
    <mergeCell ref="FI731:FL731"/>
    <mergeCell ref="FM731:FP731"/>
    <mergeCell ref="FQ731:FT731"/>
    <mergeCell ref="FU731:FX731"/>
    <mergeCell ref="PE731:PH731"/>
    <mergeCell ref="PI731:PL731"/>
    <mergeCell ref="PM731:PP731"/>
    <mergeCell ref="PQ731:PT731"/>
    <mergeCell ref="PU731:PX731"/>
    <mergeCell ref="OK731:ON731"/>
    <mergeCell ref="OO731:OR731"/>
    <mergeCell ref="OS731:OV731"/>
    <mergeCell ref="OW731:OZ731"/>
    <mergeCell ref="PA731:PD731"/>
    <mergeCell ref="NQ731:NT731"/>
    <mergeCell ref="NU731:NX731"/>
    <mergeCell ref="NY731:OB731"/>
    <mergeCell ref="OC731:OF731"/>
    <mergeCell ref="OG731:OJ731"/>
    <mergeCell ref="MW731:MZ731"/>
    <mergeCell ref="NA731:ND731"/>
    <mergeCell ref="NE731:NH731"/>
    <mergeCell ref="NI731:NL731"/>
    <mergeCell ref="NM731:NP731"/>
    <mergeCell ref="MC731:MF731"/>
    <mergeCell ref="MG731:MJ731"/>
    <mergeCell ref="MK731:MN731"/>
    <mergeCell ref="MO731:MR731"/>
    <mergeCell ref="MS731:MV731"/>
    <mergeCell ref="LI731:LL731"/>
    <mergeCell ref="LM731:LP731"/>
    <mergeCell ref="LQ731:LT731"/>
    <mergeCell ref="LU731:LX731"/>
    <mergeCell ref="LY731:MB731"/>
    <mergeCell ref="KO731:KR731"/>
    <mergeCell ref="KS731:KV731"/>
    <mergeCell ref="KW731:KZ731"/>
    <mergeCell ref="LA731:LD731"/>
    <mergeCell ref="LE731:LH731"/>
    <mergeCell ref="UO731:UR731"/>
    <mergeCell ref="US731:UV731"/>
    <mergeCell ref="UW731:UZ731"/>
    <mergeCell ref="VA731:VD731"/>
    <mergeCell ref="VE731:VH731"/>
    <mergeCell ref="TU731:TX731"/>
    <mergeCell ref="TY731:UB731"/>
    <mergeCell ref="UC731:UF731"/>
    <mergeCell ref="UG731:UJ731"/>
    <mergeCell ref="UK731:UN731"/>
    <mergeCell ref="TA731:TD731"/>
    <mergeCell ref="TE731:TH731"/>
    <mergeCell ref="TI731:TL731"/>
    <mergeCell ref="TM731:TP731"/>
    <mergeCell ref="TQ731:TT731"/>
    <mergeCell ref="SG731:SJ731"/>
    <mergeCell ref="SK731:SN731"/>
    <mergeCell ref="SO731:SR731"/>
    <mergeCell ref="SS731:SV731"/>
    <mergeCell ref="SW731:SZ731"/>
    <mergeCell ref="RM731:RP731"/>
    <mergeCell ref="RQ731:RT731"/>
    <mergeCell ref="RU731:RX731"/>
    <mergeCell ref="RY731:SB731"/>
    <mergeCell ref="SC731:SF731"/>
    <mergeCell ref="QS731:QV731"/>
    <mergeCell ref="QW731:QZ731"/>
    <mergeCell ref="RA731:RD731"/>
    <mergeCell ref="RE731:RH731"/>
    <mergeCell ref="RI731:RL731"/>
    <mergeCell ref="PY731:QB731"/>
    <mergeCell ref="QC731:QF731"/>
    <mergeCell ref="QG731:QJ731"/>
    <mergeCell ref="QK731:QN731"/>
    <mergeCell ref="QO731:QR731"/>
    <mergeCell ref="ZY731:AAB731"/>
    <mergeCell ref="AAC731:AAF731"/>
    <mergeCell ref="AAG731:AAJ731"/>
    <mergeCell ref="AAK731:AAN731"/>
    <mergeCell ref="AAO731:AAR731"/>
    <mergeCell ref="ZE731:ZH731"/>
    <mergeCell ref="ZI731:ZL731"/>
    <mergeCell ref="ZM731:ZP731"/>
    <mergeCell ref="ZQ731:ZT731"/>
    <mergeCell ref="ZU731:ZX731"/>
    <mergeCell ref="YK731:YN731"/>
    <mergeCell ref="YO731:YR731"/>
    <mergeCell ref="YS731:YV731"/>
    <mergeCell ref="YW731:YZ731"/>
    <mergeCell ref="ZA731:ZD731"/>
    <mergeCell ref="XQ731:XT731"/>
    <mergeCell ref="XU731:XX731"/>
    <mergeCell ref="XY731:YB731"/>
    <mergeCell ref="YC731:YF731"/>
    <mergeCell ref="YG731:YJ731"/>
    <mergeCell ref="WW731:WZ731"/>
    <mergeCell ref="XA731:XD731"/>
    <mergeCell ref="XE731:XH731"/>
    <mergeCell ref="XI731:XL731"/>
    <mergeCell ref="XM731:XP731"/>
    <mergeCell ref="WC731:WF731"/>
    <mergeCell ref="WG731:WJ731"/>
    <mergeCell ref="WK731:WN731"/>
    <mergeCell ref="WO731:WR731"/>
    <mergeCell ref="WS731:WV731"/>
    <mergeCell ref="VI731:VL731"/>
    <mergeCell ref="VM731:VP731"/>
    <mergeCell ref="VQ731:VT731"/>
    <mergeCell ref="VU731:VX731"/>
    <mergeCell ref="VY731:WB731"/>
    <mergeCell ref="AFI731:AFL731"/>
    <mergeCell ref="AFM731:AFP731"/>
    <mergeCell ref="AFQ731:AFT731"/>
    <mergeCell ref="AFU731:AFX731"/>
    <mergeCell ref="AFY731:AGB731"/>
    <mergeCell ref="AEO731:AER731"/>
    <mergeCell ref="AES731:AEV731"/>
    <mergeCell ref="AEW731:AEZ731"/>
    <mergeCell ref="AFA731:AFD731"/>
    <mergeCell ref="AFE731:AFH731"/>
    <mergeCell ref="ADU731:ADX731"/>
    <mergeCell ref="ADY731:AEB731"/>
    <mergeCell ref="AEC731:AEF731"/>
    <mergeCell ref="AEG731:AEJ731"/>
    <mergeCell ref="AEK731:AEN731"/>
    <mergeCell ref="ADA731:ADD731"/>
    <mergeCell ref="ADE731:ADH731"/>
    <mergeCell ref="ADI731:ADL731"/>
    <mergeCell ref="ADM731:ADP731"/>
    <mergeCell ref="ADQ731:ADT731"/>
    <mergeCell ref="ACG731:ACJ731"/>
    <mergeCell ref="ACK731:ACN731"/>
    <mergeCell ref="ACO731:ACR731"/>
    <mergeCell ref="ACS731:ACV731"/>
    <mergeCell ref="ACW731:ACZ731"/>
    <mergeCell ref="ABM731:ABP731"/>
    <mergeCell ref="ABQ731:ABT731"/>
    <mergeCell ref="ABU731:ABX731"/>
    <mergeCell ref="ABY731:ACB731"/>
    <mergeCell ref="ACC731:ACF731"/>
    <mergeCell ref="AAS731:AAV731"/>
    <mergeCell ref="AAW731:AAZ731"/>
    <mergeCell ref="ABA731:ABD731"/>
    <mergeCell ref="ABE731:ABH731"/>
    <mergeCell ref="ABI731:ABL731"/>
    <mergeCell ref="AKS731:AKV731"/>
    <mergeCell ref="AKW731:AKZ731"/>
    <mergeCell ref="ALA731:ALD731"/>
    <mergeCell ref="ALE731:ALH731"/>
    <mergeCell ref="ALI731:ALL731"/>
    <mergeCell ref="AJY731:AKB731"/>
    <mergeCell ref="AKC731:AKF731"/>
    <mergeCell ref="AKG731:AKJ731"/>
    <mergeCell ref="AKK731:AKN731"/>
    <mergeCell ref="AKO731:AKR731"/>
    <mergeCell ref="AJE731:AJH731"/>
    <mergeCell ref="AJI731:AJL731"/>
    <mergeCell ref="AJM731:AJP731"/>
    <mergeCell ref="AJQ731:AJT731"/>
    <mergeCell ref="AJU731:AJX731"/>
    <mergeCell ref="AIK731:AIN731"/>
    <mergeCell ref="AIO731:AIR731"/>
    <mergeCell ref="AIS731:AIV731"/>
    <mergeCell ref="AIW731:AIZ731"/>
    <mergeCell ref="AJA731:AJD731"/>
    <mergeCell ref="AHQ731:AHT731"/>
    <mergeCell ref="AHU731:AHX731"/>
    <mergeCell ref="AHY731:AIB731"/>
    <mergeCell ref="AIC731:AIF731"/>
    <mergeCell ref="AIG731:AIJ731"/>
    <mergeCell ref="AGW731:AGZ731"/>
    <mergeCell ref="AHA731:AHD731"/>
    <mergeCell ref="AHE731:AHH731"/>
    <mergeCell ref="AHI731:AHL731"/>
    <mergeCell ref="AHM731:AHP731"/>
    <mergeCell ref="AGC731:AGF731"/>
    <mergeCell ref="AGG731:AGJ731"/>
    <mergeCell ref="AGK731:AGN731"/>
    <mergeCell ref="AGO731:AGR731"/>
    <mergeCell ref="AGS731:AGV731"/>
    <mergeCell ref="AQC731:AQF731"/>
    <mergeCell ref="AQG731:AQJ731"/>
    <mergeCell ref="AQK731:AQN731"/>
    <mergeCell ref="AQO731:AQR731"/>
    <mergeCell ref="AQS731:AQV731"/>
    <mergeCell ref="API731:APL731"/>
    <mergeCell ref="APM731:APP731"/>
    <mergeCell ref="APQ731:APT731"/>
    <mergeCell ref="APU731:APX731"/>
    <mergeCell ref="APY731:AQB731"/>
    <mergeCell ref="AOO731:AOR731"/>
    <mergeCell ref="AOS731:AOV731"/>
    <mergeCell ref="AOW731:AOZ731"/>
    <mergeCell ref="APA731:APD731"/>
    <mergeCell ref="APE731:APH731"/>
    <mergeCell ref="ANU731:ANX731"/>
    <mergeCell ref="ANY731:AOB731"/>
    <mergeCell ref="AOC731:AOF731"/>
    <mergeCell ref="AOG731:AOJ731"/>
    <mergeCell ref="AOK731:AON731"/>
    <mergeCell ref="ANA731:AND731"/>
    <mergeCell ref="ANE731:ANH731"/>
    <mergeCell ref="ANI731:ANL731"/>
    <mergeCell ref="ANM731:ANP731"/>
    <mergeCell ref="ANQ731:ANT731"/>
    <mergeCell ref="AMG731:AMJ731"/>
    <mergeCell ref="AMK731:AMN731"/>
    <mergeCell ref="AMO731:AMR731"/>
    <mergeCell ref="AMS731:AMV731"/>
    <mergeCell ref="AMW731:AMZ731"/>
    <mergeCell ref="ALM731:ALP731"/>
    <mergeCell ref="ALQ731:ALT731"/>
    <mergeCell ref="ALU731:ALX731"/>
    <mergeCell ref="ALY731:AMB731"/>
    <mergeCell ref="AMC731:AMF731"/>
    <mergeCell ref="AVM731:AVP731"/>
    <mergeCell ref="AVQ731:AVT731"/>
    <mergeCell ref="AVU731:AVX731"/>
    <mergeCell ref="AVY731:AWB731"/>
    <mergeCell ref="AWC731:AWF731"/>
    <mergeCell ref="AUS731:AUV731"/>
    <mergeCell ref="AUW731:AUZ731"/>
    <mergeCell ref="AVA731:AVD731"/>
    <mergeCell ref="AVE731:AVH731"/>
    <mergeCell ref="AVI731:AVL731"/>
    <mergeCell ref="ATY731:AUB731"/>
    <mergeCell ref="AUC731:AUF731"/>
    <mergeCell ref="AUG731:AUJ731"/>
    <mergeCell ref="AUK731:AUN731"/>
    <mergeCell ref="AUO731:AUR731"/>
    <mergeCell ref="ATE731:ATH731"/>
    <mergeCell ref="ATI731:ATL731"/>
    <mergeCell ref="ATM731:ATP731"/>
    <mergeCell ref="ATQ731:ATT731"/>
    <mergeCell ref="ATU731:ATX731"/>
    <mergeCell ref="ASK731:ASN731"/>
    <mergeCell ref="ASO731:ASR731"/>
    <mergeCell ref="ASS731:ASV731"/>
    <mergeCell ref="ASW731:ASZ731"/>
    <mergeCell ref="ATA731:ATD731"/>
    <mergeCell ref="ARQ731:ART731"/>
    <mergeCell ref="ARU731:ARX731"/>
    <mergeCell ref="ARY731:ASB731"/>
    <mergeCell ref="ASC731:ASF731"/>
    <mergeCell ref="ASG731:ASJ731"/>
    <mergeCell ref="AQW731:AQZ731"/>
    <mergeCell ref="ARA731:ARD731"/>
    <mergeCell ref="ARE731:ARH731"/>
    <mergeCell ref="ARI731:ARL731"/>
    <mergeCell ref="ARM731:ARP731"/>
    <mergeCell ref="BAW731:BAZ731"/>
    <mergeCell ref="BBA731:BBD731"/>
    <mergeCell ref="BBE731:BBH731"/>
    <mergeCell ref="BBI731:BBL731"/>
    <mergeCell ref="BBM731:BBP731"/>
    <mergeCell ref="BAC731:BAF731"/>
    <mergeCell ref="BAG731:BAJ731"/>
    <mergeCell ref="BAK731:BAN731"/>
    <mergeCell ref="BAO731:BAR731"/>
    <mergeCell ref="BAS731:BAV731"/>
    <mergeCell ref="AZI731:AZL731"/>
    <mergeCell ref="AZM731:AZP731"/>
    <mergeCell ref="AZQ731:AZT731"/>
    <mergeCell ref="AZU731:AZX731"/>
    <mergeCell ref="AZY731:BAB731"/>
    <mergeCell ref="AYO731:AYR731"/>
    <mergeCell ref="AYS731:AYV731"/>
    <mergeCell ref="AYW731:AYZ731"/>
    <mergeCell ref="AZA731:AZD731"/>
    <mergeCell ref="AZE731:AZH731"/>
    <mergeCell ref="AXU731:AXX731"/>
    <mergeCell ref="AXY731:AYB731"/>
    <mergeCell ref="AYC731:AYF731"/>
    <mergeCell ref="AYG731:AYJ731"/>
    <mergeCell ref="AYK731:AYN731"/>
    <mergeCell ref="AXA731:AXD731"/>
    <mergeCell ref="AXE731:AXH731"/>
    <mergeCell ref="AXI731:AXL731"/>
    <mergeCell ref="AXM731:AXP731"/>
    <mergeCell ref="AXQ731:AXT731"/>
    <mergeCell ref="AWG731:AWJ731"/>
    <mergeCell ref="AWK731:AWN731"/>
    <mergeCell ref="AWO731:AWR731"/>
    <mergeCell ref="AWS731:AWV731"/>
    <mergeCell ref="AWW731:AWZ731"/>
    <mergeCell ref="BGG731:BGJ731"/>
    <mergeCell ref="BGK731:BGN731"/>
    <mergeCell ref="BGO731:BGR731"/>
    <mergeCell ref="BGS731:BGV731"/>
    <mergeCell ref="BGW731:BGZ731"/>
    <mergeCell ref="BFM731:BFP731"/>
    <mergeCell ref="BFQ731:BFT731"/>
    <mergeCell ref="BFU731:BFX731"/>
    <mergeCell ref="BFY731:BGB731"/>
    <mergeCell ref="BGC731:BGF731"/>
    <mergeCell ref="BES731:BEV731"/>
    <mergeCell ref="BEW731:BEZ731"/>
    <mergeCell ref="BFA731:BFD731"/>
    <mergeCell ref="BFE731:BFH731"/>
    <mergeCell ref="BFI731:BFL731"/>
    <mergeCell ref="BDY731:BEB731"/>
    <mergeCell ref="BEC731:BEF731"/>
    <mergeCell ref="BEG731:BEJ731"/>
    <mergeCell ref="BEK731:BEN731"/>
    <mergeCell ref="BEO731:BER731"/>
    <mergeCell ref="BDE731:BDH731"/>
    <mergeCell ref="BDI731:BDL731"/>
    <mergeCell ref="BDM731:BDP731"/>
    <mergeCell ref="BDQ731:BDT731"/>
    <mergeCell ref="BDU731:BDX731"/>
    <mergeCell ref="BCK731:BCN731"/>
    <mergeCell ref="BCO731:BCR731"/>
    <mergeCell ref="BCS731:BCV731"/>
    <mergeCell ref="BCW731:BCZ731"/>
    <mergeCell ref="BDA731:BDD731"/>
    <mergeCell ref="BBQ731:BBT731"/>
    <mergeCell ref="BBU731:BBX731"/>
    <mergeCell ref="BBY731:BCB731"/>
    <mergeCell ref="BCC731:BCF731"/>
    <mergeCell ref="BCG731:BCJ731"/>
    <mergeCell ref="BLQ731:BLT731"/>
    <mergeCell ref="BLU731:BLX731"/>
    <mergeCell ref="BLY731:BMB731"/>
    <mergeCell ref="BMC731:BMF731"/>
    <mergeCell ref="BMG731:BMJ731"/>
    <mergeCell ref="BKW731:BKZ731"/>
    <mergeCell ref="BLA731:BLD731"/>
    <mergeCell ref="BLE731:BLH731"/>
    <mergeCell ref="BLI731:BLL731"/>
    <mergeCell ref="BLM731:BLP731"/>
    <mergeCell ref="BKC731:BKF731"/>
    <mergeCell ref="BKG731:BKJ731"/>
    <mergeCell ref="BKK731:BKN731"/>
    <mergeCell ref="BKO731:BKR731"/>
    <mergeCell ref="BKS731:BKV731"/>
    <mergeCell ref="BJI731:BJL731"/>
    <mergeCell ref="BJM731:BJP731"/>
    <mergeCell ref="BJQ731:BJT731"/>
    <mergeCell ref="BJU731:BJX731"/>
    <mergeCell ref="BJY731:BKB731"/>
    <mergeCell ref="BIO731:BIR731"/>
    <mergeCell ref="BIS731:BIV731"/>
    <mergeCell ref="BIW731:BIZ731"/>
    <mergeCell ref="BJA731:BJD731"/>
    <mergeCell ref="BJE731:BJH731"/>
    <mergeCell ref="BHU731:BHX731"/>
    <mergeCell ref="BHY731:BIB731"/>
    <mergeCell ref="BIC731:BIF731"/>
    <mergeCell ref="BIG731:BIJ731"/>
    <mergeCell ref="BIK731:BIN731"/>
    <mergeCell ref="BHA731:BHD731"/>
    <mergeCell ref="BHE731:BHH731"/>
    <mergeCell ref="BHI731:BHL731"/>
    <mergeCell ref="BHM731:BHP731"/>
    <mergeCell ref="BHQ731:BHT731"/>
    <mergeCell ref="BRA731:BRD731"/>
    <mergeCell ref="BRE731:BRH731"/>
    <mergeCell ref="BRI731:BRL731"/>
    <mergeCell ref="BRM731:BRP731"/>
    <mergeCell ref="BRQ731:BRT731"/>
    <mergeCell ref="BQG731:BQJ731"/>
    <mergeCell ref="BQK731:BQN731"/>
    <mergeCell ref="BQO731:BQR731"/>
    <mergeCell ref="BQS731:BQV731"/>
    <mergeCell ref="BQW731:BQZ731"/>
    <mergeCell ref="BPM731:BPP731"/>
    <mergeCell ref="BPQ731:BPT731"/>
    <mergeCell ref="BPU731:BPX731"/>
    <mergeCell ref="BPY731:BQB731"/>
    <mergeCell ref="BQC731:BQF731"/>
    <mergeCell ref="BOS731:BOV731"/>
    <mergeCell ref="BOW731:BOZ731"/>
    <mergeCell ref="BPA731:BPD731"/>
    <mergeCell ref="BPE731:BPH731"/>
    <mergeCell ref="BPI731:BPL731"/>
    <mergeCell ref="BNY731:BOB731"/>
    <mergeCell ref="BOC731:BOF731"/>
    <mergeCell ref="BOG731:BOJ731"/>
    <mergeCell ref="BOK731:BON731"/>
    <mergeCell ref="BOO731:BOR731"/>
    <mergeCell ref="BNE731:BNH731"/>
    <mergeCell ref="BNI731:BNL731"/>
    <mergeCell ref="BNM731:BNP731"/>
    <mergeCell ref="BNQ731:BNT731"/>
    <mergeCell ref="BNU731:BNX731"/>
    <mergeCell ref="BMK731:BMN731"/>
    <mergeCell ref="BMO731:BMR731"/>
    <mergeCell ref="BMS731:BMV731"/>
    <mergeCell ref="BMW731:BMZ731"/>
    <mergeCell ref="BNA731:BND731"/>
    <mergeCell ref="BWK731:BWN731"/>
    <mergeCell ref="BWO731:BWR731"/>
    <mergeCell ref="BWS731:BWV731"/>
    <mergeCell ref="BWW731:BWZ731"/>
    <mergeCell ref="BXA731:BXD731"/>
    <mergeCell ref="BVQ731:BVT731"/>
    <mergeCell ref="BVU731:BVX731"/>
    <mergeCell ref="BVY731:BWB731"/>
    <mergeCell ref="BWC731:BWF731"/>
    <mergeCell ref="BWG731:BWJ731"/>
    <mergeCell ref="BUW731:BUZ731"/>
    <mergeCell ref="BVA731:BVD731"/>
    <mergeCell ref="BVE731:BVH731"/>
    <mergeCell ref="BVI731:BVL731"/>
    <mergeCell ref="BVM731:BVP731"/>
    <mergeCell ref="BUC731:BUF731"/>
    <mergeCell ref="BUG731:BUJ731"/>
    <mergeCell ref="BUK731:BUN731"/>
    <mergeCell ref="BUO731:BUR731"/>
    <mergeCell ref="BUS731:BUV731"/>
    <mergeCell ref="BTI731:BTL731"/>
    <mergeCell ref="BTM731:BTP731"/>
    <mergeCell ref="BTQ731:BTT731"/>
    <mergeCell ref="BTU731:BTX731"/>
    <mergeCell ref="BTY731:BUB731"/>
    <mergeCell ref="BSO731:BSR731"/>
    <mergeCell ref="BSS731:BSV731"/>
    <mergeCell ref="BSW731:BSZ731"/>
    <mergeCell ref="BTA731:BTD731"/>
    <mergeCell ref="BTE731:BTH731"/>
    <mergeCell ref="BRU731:BRX731"/>
    <mergeCell ref="BRY731:BSB731"/>
    <mergeCell ref="BSC731:BSF731"/>
    <mergeCell ref="BSG731:BSJ731"/>
    <mergeCell ref="BSK731:BSN731"/>
    <mergeCell ref="CBU731:CBX731"/>
    <mergeCell ref="CBY731:CCB731"/>
    <mergeCell ref="CCC731:CCF731"/>
    <mergeCell ref="CCG731:CCJ731"/>
    <mergeCell ref="CCK731:CCN731"/>
    <mergeCell ref="CBA731:CBD731"/>
    <mergeCell ref="CBE731:CBH731"/>
    <mergeCell ref="CBI731:CBL731"/>
    <mergeCell ref="CBM731:CBP731"/>
    <mergeCell ref="CBQ731:CBT731"/>
    <mergeCell ref="CAG731:CAJ731"/>
    <mergeCell ref="CAK731:CAN731"/>
    <mergeCell ref="CAO731:CAR731"/>
    <mergeCell ref="CAS731:CAV731"/>
    <mergeCell ref="CAW731:CAZ731"/>
    <mergeCell ref="BZM731:BZP731"/>
    <mergeCell ref="BZQ731:BZT731"/>
    <mergeCell ref="BZU731:BZX731"/>
    <mergeCell ref="BZY731:CAB731"/>
    <mergeCell ref="CAC731:CAF731"/>
    <mergeCell ref="BYS731:BYV731"/>
    <mergeCell ref="BYW731:BYZ731"/>
    <mergeCell ref="BZA731:BZD731"/>
    <mergeCell ref="BZE731:BZH731"/>
    <mergeCell ref="BZI731:BZL731"/>
    <mergeCell ref="BXY731:BYB731"/>
    <mergeCell ref="BYC731:BYF731"/>
    <mergeCell ref="BYG731:BYJ731"/>
    <mergeCell ref="BYK731:BYN731"/>
    <mergeCell ref="BYO731:BYR731"/>
    <mergeCell ref="BXE731:BXH731"/>
    <mergeCell ref="BXI731:BXL731"/>
    <mergeCell ref="BXM731:BXP731"/>
    <mergeCell ref="BXQ731:BXT731"/>
    <mergeCell ref="BXU731:BXX731"/>
    <mergeCell ref="CHE731:CHH731"/>
    <mergeCell ref="CHI731:CHL731"/>
    <mergeCell ref="CHM731:CHP731"/>
    <mergeCell ref="CHQ731:CHT731"/>
    <mergeCell ref="CHU731:CHX731"/>
    <mergeCell ref="CGK731:CGN731"/>
    <mergeCell ref="CGO731:CGR731"/>
    <mergeCell ref="CGS731:CGV731"/>
    <mergeCell ref="CGW731:CGZ731"/>
    <mergeCell ref="CHA731:CHD731"/>
    <mergeCell ref="CFQ731:CFT731"/>
    <mergeCell ref="CFU731:CFX731"/>
    <mergeCell ref="CFY731:CGB731"/>
    <mergeCell ref="CGC731:CGF731"/>
    <mergeCell ref="CGG731:CGJ731"/>
    <mergeCell ref="CEW731:CEZ731"/>
    <mergeCell ref="CFA731:CFD731"/>
    <mergeCell ref="CFE731:CFH731"/>
    <mergeCell ref="CFI731:CFL731"/>
    <mergeCell ref="CFM731:CFP731"/>
    <mergeCell ref="CEC731:CEF731"/>
    <mergeCell ref="CEG731:CEJ731"/>
    <mergeCell ref="CEK731:CEN731"/>
    <mergeCell ref="CEO731:CER731"/>
    <mergeCell ref="CES731:CEV731"/>
    <mergeCell ref="CDI731:CDL731"/>
    <mergeCell ref="CDM731:CDP731"/>
    <mergeCell ref="CDQ731:CDT731"/>
    <mergeCell ref="CDU731:CDX731"/>
    <mergeCell ref="CDY731:CEB731"/>
    <mergeCell ref="CCO731:CCR731"/>
    <mergeCell ref="CCS731:CCV731"/>
    <mergeCell ref="CCW731:CCZ731"/>
    <mergeCell ref="CDA731:CDD731"/>
    <mergeCell ref="CDE731:CDH731"/>
    <mergeCell ref="CMO731:CMR731"/>
    <mergeCell ref="CMS731:CMV731"/>
    <mergeCell ref="CMW731:CMZ731"/>
    <mergeCell ref="CNA731:CND731"/>
    <mergeCell ref="CNE731:CNH731"/>
    <mergeCell ref="CLU731:CLX731"/>
    <mergeCell ref="CLY731:CMB731"/>
    <mergeCell ref="CMC731:CMF731"/>
    <mergeCell ref="CMG731:CMJ731"/>
    <mergeCell ref="CMK731:CMN731"/>
    <mergeCell ref="CLA731:CLD731"/>
    <mergeCell ref="CLE731:CLH731"/>
    <mergeCell ref="CLI731:CLL731"/>
    <mergeCell ref="CLM731:CLP731"/>
    <mergeCell ref="CLQ731:CLT731"/>
    <mergeCell ref="CKG731:CKJ731"/>
    <mergeCell ref="CKK731:CKN731"/>
    <mergeCell ref="CKO731:CKR731"/>
    <mergeCell ref="CKS731:CKV731"/>
    <mergeCell ref="CKW731:CKZ731"/>
    <mergeCell ref="CJM731:CJP731"/>
    <mergeCell ref="CJQ731:CJT731"/>
    <mergeCell ref="CJU731:CJX731"/>
    <mergeCell ref="CJY731:CKB731"/>
    <mergeCell ref="CKC731:CKF731"/>
    <mergeCell ref="CIS731:CIV731"/>
    <mergeCell ref="CIW731:CIZ731"/>
    <mergeCell ref="CJA731:CJD731"/>
    <mergeCell ref="CJE731:CJH731"/>
    <mergeCell ref="CJI731:CJL731"/>
    <mergeCell ref="CHY731:CIB731"/>
    <mergeCell ref="CIC731:CIF731"/>
    <mergeCell ref="CIG731:CIJ731"/>
    <mergeCell ref="CIK731:CIN731"/>
    <mergeCell ref="CIO731:CIR731"/>
    <mergeCell ref="CRY731:CSB731"/>
    <mergeCell ref="CSC731:CSF731"/>
    <mergeCell ref="CSG731:CSJ731"/>
    <mergeCell ref="CSK731:CSN731"/>
    <mergeCell ref="CSO731:CSR731"/>
    <mergeCell ref="CRE731:CRH731"/>
    <mergeCell ref="CRI731:CRL731"/>
    <mergeCell ref="CRM731:CRP731"/>
    <mergeCell ref="CRQ731:CRT731"/>
    <mergeCell ref="CRU731:CRX731"/>
    <mergeCell ref="CQK731:CQN731"/>
    <mergeCell ref="CQO731:CQR731"/>
    <mergeCell ref="CQS731:CQV731"/>
    <mergeCell ref="CQW731:CQZ731"/>
    <mergeCell ref="CRA731:CRD731"/>
    <mergeCell ref="CPQ731:CPT731"/>
    <mergeCell ref="CPU731:CPX731"/>
    <mergeCell ref="CPY731:CQB731"/>
    <mergeCell ref="CQC731:CQF731"/>
    <mergeCell ref="CQG731:CQJ731"/>
    <mergeCell ref="COW731:COZ731"/>
    <mergeCell ref="CPA731:CPD731"/>
    <mergeCell ref="CPE731:CPH731"/>
    <mergeCell ref="CPI731:CPL731"/>
    <mergeCell ref="CPM731:CPP731"/>
    <mergeCell ref="COC731:COF731"/>
    <mergeCell ref="COG731:COJ731"/>
    <mergeCell ref="COK731:CON731"/>
    <mergeCell ref="COO731:COR731"/>
    <mergeCell ref="COS731:COV731"/>
    <mergeCell ref="CNI731:CNL731"/>
    <mergeCell ref="CNM731:CNP731"/>
    <mergeCell ref="CNQ731:CNT731"/>
    <mergeCell ref="CNU731:CNX731"/>
    <mergeCell ref="CNY731:COB731"/>
    <mergeCell ref="CXI731:CXL731"/>
    <mergeCell ref="CXM731:CXP731"/>
    <mergeCell ref="CXQ731:CXT731"/>
    <mergeCell ref="CXU731:CXX731"/>
    <mergeCell ref="CXY731:CYB731"/>
    <mergeCell ref="CWO731:CWR731"/>
    <mergeCell ref="CWS731:CWV731"/>
    <mergeCell ref="CWW731:CWZ731"/>
    <mergeCell ref="CXA731:CXD731"/>
    <mergeCell ref="CXE731:CXH731"/>
    <mergeCell ref="CVU731:CVX731"/>
    <mergeCell ref="CVY731:CWB731"/>
    <mergeCell ref="CWC731:CWF731"/>
    <mergeCell ref="CWG731:CWJ731"/>
    <mergeCell ref="CWK731:CWN731"/>
    <mergeCell ref="CVA731:CVD731"/>
    <mergeCell ref="CVE731:CVH731"/>
    <mergeCell ref="CVI731:CVL731"/>
    <mergeCell ref="CVM731:CVP731"/>
    <mergeCell ref="CVQ731:CVT731"/>
    <mergeCell ref="CUG731:CUJ731"/>
    <mergeCell ref="CUK731:CUN731"/>
    <mergeCell ref="CUO731:CUR731"/>
    <mergeCell ref="CUS731:CUV731"/>
    <mergeCell ref="CUW731:CUZ731"/>
    <mergeCell ref="CTM731:CTP731"/>
    <mergeCell ref="CTQ731:CTT731"/>
    <mergeCell ref="CTU731:CTX731"/>
    <mergeCell ref="CTY731:CUB731"/>
    <mergeCell ref="CUC731:CUF731"/>
    <mergeCell ref="CSS731:CSV731"/>
    <mergeCell ref="CSW731:CSZ731"/>
    <mergeCell ref="CTA731:CTD731"/>
    <mergeCell ref="CTE731:CTH731"/>
    <mergeCell ref="CTI731:CTL731"/>
    <mergeCell ref="DCS731:DCV731"/>
    <mergeCell ref="DCW731:DCZ731"/>
    <mergeCell ref="DDA731:DDD731"/>
    <mergeCell ref="DDE731:DDH731"/>
    <mergeCell ref="DDI731:DDL731"/>
    <mergeCell ref="DBY731:DCB731"/>
    <mergeCell ref="DCC731:DCF731"/>
    <mergeCell ref="DCG731:DCJ731"/>
    <mergeCell ref="DCK731:DCN731"/>
    <mergeCell ref="DCO731:DCR731"/>
    <mergeCell ref="DBE731:DBH731"/>
    <mergeCell ref="DBI731:DBL731"/>
    <mergeCell ref="DBM731:DBP731"/>
    <mergeCell ref="DBQ731:DBT731"/>
    <mergeCell ref="DBU731:DBX731"/>
    <mergeCell ref="DAK731:DAN731"/>
    <mergeCell ref="DAO731:DAR731"/>
    <mergeCell ref="DAS731:DAV731"/>
    <mergeCell ref="DAW731:DAZ731"/>
    <mergeCell ref="DBA731:DBD731"/>
    <mergeCell ref="CZQ731:CZT731"/>
    <mergeCell ref="CZU731:CZX731"/>
    <mergeCell ref="CZY731:DAB731"/>
    <mergeCell ref="DAC731:DAF731"/>
    <mergeCell ref="DAG731:DAJ731"/>
    <mergeCell ref="CYW731:CYZ731"/>
    <mergeCell ref="CZA731:CZD731"/>
    <mergeCell ref="CZE731:CZH731"/>
    <mergeCell ref="CZI731:CZL731"/>
    <mergeCell ref="CZM731:CZP731"/>
    <mergeCell ref="CYC731:CYF731"/>
    <mergeCell ref="CYG731:CYJ731"/>
    <mergeCell ref="CYK731:CYN731"/>
    <mergeCell ref="CYO731:CYR731"/>
    <mergeCell ref="CYS731:CYV731"/>
    <mergeCell ref="DIC731:DIF731"/>
    <mergeCell ref="DIG731:DIJ731"/>
    <mergeCell ref="DIK731:DIN731"/>
    <mergeCell ref="DIO731:DIR731"/>
    <mergeCell ref="DIS731:DIV731"/>
    <mergeCell ref="DHI731:DHL731"/>
    <mergeCell ref="DHM731:DHP731"/>
    <mergeCell ref="DHQ731:DHT731"/>
    <mergeCell ref="DHU731:DHX731"/>
    <mergeCell ref="DHY731:DIB731"/>
    <mergeCell ref="DGO731:DGR731"/>
    <mergeCell ref="DGS731:DGV731"/>
    <mergeCell ref="DGW731:DGZ731"/>
    <mergeCell ref="DHA731:DHD731"/>
    <mergeCell ref="DHE731:DHH731"/>
    <mergeCell ref="DFU731:DFX731"/>
    <mergeCell ref="DFY731:DGB731"/>
    <mergeCell ref="DGC731:DGF731"/>
    <mergeCell ref="DGG731:DGJ731"/>
    <mergeCell ref="DGK731:DGN731"/>
    <mergeCell ref="DFA731:DFD731"/>
    <mergeCell ref="DFE731:DFH731"/>
    <mergeCell ref="DFI731:DFL731"/>
    <mergeCell ref="DFM731:DFP731"/>
    <mergeCell ref="DFQ731:DFT731"/>
    <mergeCell ref="DEG731:DEJ731"/>
    <mergeCell ref="DEK731:DEN731"/>
    <mergeCell ref="DEO731:DER731"/>
    <mergeCell ref="DES731:DEV731"/>
    <mergeCell ref="DEW731:DEZ731"/>
    <mergeCell ref="DDM731:DDP731"/>
    <mergeCell ref="DDQ731:DDT731"/>
    <mergeCell ref="DDU731:DDX731"/>
    <mergeCell ref="DDY731:DEB731"/>
    <mergeCell ref="DEC731:DEF731"/>
    <mergeCell ref="DNM731:DNP731"/>
    <mergeCell ref="DNQ731:DNT731"/>
    <mergeCell ref="DNU731:DNX731"/>
    <mergeCell ref="DNY731:DOB731"/>
    <mergeCell ref="DOC731:DOF731"/>
    <mergeCell ref="DMS731:DMV731"/>
    <mergeCell ref="DMW731:DMZ731"/>
    <mergeCell ref="DNA731:DND731"/>
    <mergeCell ref="DNE731:DNH731"/>
    <mergeCell ref="DNI731:DNL731"/>
    <mergeCell ref="DLY731:DMB731"/>
    <mergeCell ref="DMC731:DMF731"/>
    <mergeCell ref="DMG731:DMJ731"/>
    <mergeCell ref="DMK731:DMN731"/>
    <mergeCell ref="DMO731:DMR731"/>
    <mergeCell ref="DLE731:DLH731"/>
    <mergeCell ref="DLI731:DLL731"/>
    <mergeCell ref="DLM731:DLP731"/>
    <mergeCell ref="DLQ731:DLT731"/>
    <mergeCell ref="DLU731:DLX731"/>
    <mergeCell ref="DKK731:DKN731"/>
    <mergeCell ref="DKO731:DKR731"/>
    <mergeCell ref="DKS731:DKV731"/>
    <mergeCell ref="DKW731:DKZ731"/>
    <mergeCell ref="DLA731:DLD731"/>
    <mergeCell ref="DJQ731:DJT731"/>
    <mergeCell ref="DJU731:DJX731"/>
    <mergeCell ref="DJY731:DKB731"/>
    <mergeCell ref="DKC731:DKF731"/>
    <mergeCell ref="DKG731:DKJ731"/>
    <mergeCell ref="DIW731:DIZ731"/>
    <mergeCell ref="DJA731:DJD731"/>
    <mergeCell ref="DJE731:DJH731"/>
    <mergeCell ref="DJI731:DJL731"/>
    <mergeCell ref="DJM731:DJP731"/>
    <mergeCell ref="DSW731:DSZ731"/>
    <mergeCell ref="DTA731:DTD731"/>
    <mergeCell ref="DTE731:DTH731"/>
    <mergeCell ref="DTI731:DTL731"/>
    <mergeCell ref="DTM731:DTP731"/>
    <mergeCell ref="DSC731:DSF731"/>
    <mergeCell ref="DSG731:DSJ731"/>
    <mergeCell ref="DSK731:DSN731"/>
    <mergeCell ref="DSO731:DSR731"/>
    <mergeCell ref="DSS731:DSV731"/>
    <mergeCell ref="DRI731:DRL731"/>
    <mergeCell ref="DRM731:DRP731"/>
    <mergeCell ref="DRQ731:DRT731"/>
    <mergeCell ref="DRU731:DRX731"/>
    <mergeCell ref="DRY731:DSB731"/>
    <mergeCell ref="DQO731:DQR731"/>
    <mergeCell ref="DQS731:DQV731"/>
    <mergeCell ref="DQW731:DQZ731"/>
    <mergeCell ref="DRA731:DRD731"/>
    <mergeCell ref="DRE731:DRH731"/>
    <mergeCell ref="DPU731:DPX731"/>
    <mergeCell ref="DPY731:DQB731"/>
    <mergeCell ref="DQC731:DQF731"/>
    <mergeCell ref="DQG731:DQJ731"/>
    <mergeCell ref="DQK731:DQN731"/>
    <mergeCell ref="DPA731:DPD731"/>
    <mergeCell ref="DPE731:DPH731"/>
    <mergeCell ref="DPI731:DPL731"/>
    <mergeCell ref="DPM731:DPP731"/>
    <mergeCell ref="DPQ731:DPT731"/>
    <mergeCell ref="DOG731:DOJ731"/>
    <mergeCell ref="DOK731:DON731"/>
    <mergeCell ref="DOO731:DOR731"/>
    <mergeCell ref="DOS731:DOV731"/>
    <mergeCell ref="DOW731:DOZ731"/>
    <mergeCell ref="DYG731:DYJ731"/>
    <mergeCell ref="DYK731:DYN731"/>
    <mergeCell ref="DYO731:DYR731"/>
    <mergeCell ref="DYS731:DYV731"/>
    <mergeCell ref="DYW731:DYZ731"/>
    <mergeCell ref="DXM731:DXP731"/>
    <mergeCell ref="DXQ731:DXT731"/>
    <mergeCell ref="DXU731:DXX731"/>
    <mergeCell ref="DXY731:DYB731"/>
    <mergeCell ref="DYC731:DYF731"/>
    <mergeCell ref="DWS731:DWV731"/>
    <mergeCell ref="DWW731:DWZ731"/>
    <mergeCell ref="DXA731:DXD731"/>
    <mergeCell ref="DXE731:DXH731"/>
    <mergeCell ref="DXI731:DXL731"/>
    <mergeCell ref="DVY731:DWB731"/>
    <mergeCell ref="DWC731:DWF731"/>
    <mergeCell ref="DWG731:DWJ731"/>
    <mergeCell ref="DWK731:DWN731"/>
    <mergeCell ref="DWO731:DWR731"/>
    <mergeCell ref="DVE731:DVH731"/>
    <mergeCell ref="DVI731:DVL731"/>
    <mergeCell ref="DVM731:DVP731"/>
    <mergeCell ref="DVQ731:DVT731"/>
    <mergeCell ref="DVU731:DVX731"/>
    <mergeCell ref="DUK731:DUN731"/>
    <mergeCell ref="DUO731:DUR731"/>
    <mergeCell ref="DUS731:DUV731"/>
    <mergeCell ref="DUW731:DUZ731"/>
    <mergeCell ref="DVA731:DVD731"/>
    <mergeCell ref="DTQ731:DTT731"/>
    <mergeCell ref="DTU731:DTX731"/>
    <mergeCell ref="DTY731:DUB731"/>
    <mergeCell ref="DUC731:DUF731"/>
    <mergeCell ref="DUG731:DUJ731"/>
    <mergeCell ref="EDQ731:EDT731"/>
    <mergeCell ref="EDU731:EDX731"/>
    <mergeCell ref="EDY731:EEB731"/>
    <mergeCell ref="EEC731:EEF731"/>
    <mergeCell ref="EEG731:EEJ731"/>
    <mergeCell ref="ECW731:ECZ731"/>
    <mergeCell ref="EDA731:EDD731"/>
    <mergeCell ref="EDE731:EDH731"/>
    <mergeCell ref="EDI731:EDL731"/>
    <mergeCell ref="EDM731:EDP731"/>
    <mergeCell ref="ECC731:ECF731"/>
    <mergeCell ref="ECG731:ECJ731"/>
    <mergeCell ref="ECK731:ECN731"/>
    <mergeCell ref="ECO731:ECR731"/>
    <mergeCell ref="ECS731:ECV731"/>
    <mergeCell ref="EBI731:EBL731"/>
    <mergeCell ref="EBM731:EBP731"/>
    <mergeCell ref="EBQ731:EBT731"/>
    <mergeCell ref="EBU731:EBX731"/>
    <mergeCell ref="EBY731:ECB731"/>
    <mergeCell ref="EAO731:EAR731"/>
    <mergeCell ref="EAS731:EAV731"/>
    <mergeCell ref="EAW731:EAZ731"/>
    <mergeCell ref="EBA731:EBD731"/>
    <mergeCell ref="EBE731:EBH731"/>
    <mergeCell ref="DZU731:DZX731"/>
    <mergeCell ref="DZY731:EAB731"/>
    <mergeCell ref="EAC731:EAF731"/>
    <mergeCell ref="EAG731:EAJ731"/>
    <mergeCell ref="EAK731:EAN731"/>
    <mergeCell ref="DZA731:DZD731"/>
    <mergeCell ref="DZE731:DZH731"/>
    <mergeCell ref="DZI731:DZL731"/>
    <mergeCell ref="DZM731:DZP731"/>
    <mergeCell ref="DZQ731:DZT731"/>
    <mergeCell ref="EJA731:EJD731"/>
    <mergeCell ref="EJE731:EJH731"/>
    <mergeCell ref="EJI731:EJL731"/>
    <mergeCell ref="EJM731:EJP731"/>
    <mergeCell ref="EJQ731:EJT731"/>
    <mergeCell ref="EIG731:EIJ731"/>
    <mergeCell ref="EIK731:EIN731"/>
    <mergeCell ref="EIO731:EIR731"/>
    <mergeCell ref="EIS731:EIV731"/>
    <mergeCell ref="EIW731:EIZ731"/>
    <mergeCell ref="EHM731:EHP731"/>
    <mergeCell ref="EHQ731:EHT731"/>
    <mergeCell ref="EHU731:EHX731"/>
    <mergeCell ref="EHY731:EIB731"/>
    <mergeCell ref="EIC731:EIF731"/>
    <mergeCell ref="EGS731:EGV731"/>
    <mergeCell ref="EGW731:EGZ731"/>
    <mergeCell ref="EHA731:EHD731"/>
    <mergeCell ref="EHE731:EHH731"/>
    <mergeCell ref="EHI731:EHL731"/>
    <mergeCell ref="EFY731:EGB731"/>
    <mergeCell ref="EGC731:EGF731"/>
    <mergeCell ref="EGG731:EGJ731"/>
    <mergeCell ref="EGK731:EGN731"/>
    <mergeCell ref="EGO731:EGR731"/>
    <mergeCell ref="EFE731:EFH731"/>
    <mergeCell ref="EFI731:EFL731"/>
    <mergeCell ref="EFM731:EFP731"/>
    <mergeCell ref="EFQ731:EFT731"/>
    <mergeCell ref="EFU731:EFX731"/>
    <mergeCell ref="EEK731:EEN731"/>
    <mergeCell ref="EEO731:EER731"/>
    <mergeCell ref="EES731:EEV731"/>
    <mergeCell ref="EEW731:EEZ731"/>
    <mergeCell ref="EFA731:EFD731"/>
    <mergeCell ref="EOK731:EON731"/>
    <mergeCell ref="EOO731:EOR731"/>
    <mergeCell ref="EOS731:EOV731"/>
    <mergeCell ref="EOW731:EOZ731"/>
    <mergeCell ref="EPA731:EPD731"/>
    <mergeCell ref="ENQ731:ENT731"/>
    <mergeCell ref="ENU731:ENX731"/>
    <mergeCell ref="ENY731:EOB731"/>
    <mergeCell ref="EOC731:EOF731"/>
    <mergeCell ref="EOG731:EOJ731"/>
    <mergeCell ref="EMW731:EMZ731"/>
    <mergeCell ref="ENA731:END731"/>
    <mergeCell ref="ENE731:ENH731"/>
    <mergeCell ref="ENI731:ENL731"/>
    <mergeCell ref="ENM731:ENP731"/>
    <mergeCell ref="EMC731:EMF731"/>
    <mergeCell ref="EMG731:EMJ731"/>
    <mergeCell ref="EMK731:EMN731"/>
    <mergeCell ref="EMO731:EMR731"/>
    <mergeCell ref="EMS731:EMV731"/>
    <mergeCell ref="ELI731:ELL731"/>
    <mergeCell ref="ELM731:ELP731"/>
    <mergeCell ref="ELQ731:ELT731"/>
    <mergeCell ref="ELU731:ELX731"/>
    <mergeCell ref="ELY731:EMB731"/>
    <mergeCell ref="EKO731:EKR731"/>
    <mergeCell ref="EKS731:EKV731"/>
    <mergeCell ref="EKW731:EKZ731"/>
    <mergeCell ref="ELA731:ELD731"/>
    <mergeCell ref="ELE731:ELH731"/>
    <mergeCell ref="EJU731:EJX731"/>
    <mergeCell ref="EJY731:EKB731"/>
    <mergeCell ref="EKC731:EKF731"/>
    <mergeCell ref="EKG731:EKJ731"/>
    <mergeCell ref="EKK731:EKN731"/>
    <mergeCell ref="ETU731:ETX731"/>
    <mergeCell ref="ETY731:EUB731"/>
    <mergeCell ref="EUC731:EUF731"/>
    <mergeCell ref="EUG731:EUJ731"/>
    <mergeCell ref="EUK731:EUN731"/>
    <mergeCell ref="ETA731:ETD731"/>
    <mergeCell ref="ETE731:ETH731"/>
    <mergeCell ref="ETI731:ETL731"/>
    <mergeCell ref="ETM731:ETP731"/>
    <mergeCell ref="ETQ731:ETT731"/>
    <mergeCell ref="ESG731:ESJ731"/>
    <mergeCell ref="ESK731:ESN731"/>
    <mergeCell ref="ESO731:ESR731"/>
    <mergeCell ref="ESS731:ESV731"/>
    <mergeCell ref="ESW731:ESZ731"/>
    <mergeCell ref="ERM731:ERP731"/>
    <mergeCell ref="ERQ731:ERT731"/>
    <mergeCell ref="ERU731:ERX731"/>
    <mergeCell ref="ERY731:ESB731"/>
    <mergeCell ref="ESC731:ESF731"/>
    <mergeCell ref="EQS731:EQV731"/>
    <mergeCell ref="EQW731:EQZ731"/>
    <mergeCell ref="ERA731:ERD731"/>
    <mergeCell ref="ERE731:ERH731"/>
    <mergeCell ref="ERI731:ERL731"/>
    <mergeCell ref="EPY731:EQB731"/>
    <mergeCell ref="EQC731:EQF731"/>
    <mergeCell ref="EQG731:EQJ731"/>
    <mergeCell ref="EQK731:EQN731"/>
    <mergeCell ref="EQO731:EQR731"/>
    <mergeCell ref="EPE731:EPH731"/>
    <mergeCell ref="EPI731:EPL731"/>
    <mergeCell ref="EPM731:EPP731"/>
    <mergeCell ref="EPQ731:EPT731"/>
    <mergeCell ref="EPU731:EPX731"/>
    <mergeCell ref="EZE731:EZH731"/>
    <mergeCell ref="EZI731:EZL731"/>
    <mergeCell ref="EZM731:EZP731"/>
    <mergeCell ref="EZQ731:EZT731"/>
    <mergeCell ref="EZU731:EZX731"/>
    <mergeCell ref="EYK731:EYN731"/>
    <mergeCell ref="EYO731:EYR731"/>
    <mergeCell ref="EYS731:EYV731"/>
    <mergeCell ref="EYW731:EYZ731"/>
    <mergeCell ref="EZA731:EZD731"/>
    <mergeCell ref="EXQ731:EXT731"/>
    <mergeCell ref="EXU731:EXX731"/>
    <mergeCell ref="EXY731:EYB731"/>
    <mergeCell ref="EYC731:EYF731"/>
    <mergeCell ref="EYG731:EYJ731"/>
    <mergeCell ref="EWW731:EWZ731"/>
    <mergeCell ref="EXA731:EXD731"/>
    <mergeCell ref="EXE731:EXH731"/>
    <mergeCell ref="EXI731:EXL731"/>
    <mergeCell ref="EXM731:EXP731"/>
    <mergeCell ref="EWC731:EWF731"/>
    <mergeCell ref="EWG731:EWJ731"/>
    <mergeCell ref="EWK731:EWN731"/>
    <mergeCell ref="EWO731:EWR731"/>
    <mergeCell ref="EWS731:EWV731"/>
    <mergeCell ref="EVI731:EVL731"/>
    <mergeCell ref="EVM731:EVP731"/>
    <mergeCell ref="EVQ731:EVT731"/>
    <mergeCell ref="EVU731:EVX731"/>
    <mergeCell ref="EVY731:EWB731"/>
    <mergeCell ref="EUO731:EUR731"/>
    <mergeCell ref="EUS731:EUV731"/>
    <mergeCell ref="EUW731:EUZ731"/>
    <mergeCell ref="EVA731:EVD731"/>
    <mergeCell ref="EVE731:EVH731"/>
    <mergeCell ref="FEO731:FER731"/>
    <mergeCell ref="FES731:FEV731"/>
    <mergeCell ref="FEW731:FEZ731"/>
    <mergeCell ref="FFA731:FFD731"/>
    <mergeCell ref="FFE731:FFH731"/>
    <mergeCell ref="FDU731:FDX731"/>
    <mergeCell ref="FDY731:FEB731"/>
    <mergeCell ref="FEC731:FEF731"/>
    <mergeCell ref="FEG731:FEJ731"/>
    <mergeCell ref="FEK731:FEN731"/>
    <mergeCell ref="FDA731:FDD731"/>
    <mergeCell ref="FDE731:FDH731"/>
    <mergeCell ref="FDI731:FDL731"/>
    <mergeCell ref="FDM731:FDP731"/>
    <mergeCell ref="FDQ731:FDT731"/>
    <mergeCell ref="FCG731:FCJ731"/>
    <mergeCell ref="FCK731:FCN731"/>
    <mergeCell ref="FCO731:FCR731"/>
    <mergeCell ref="FCS731:FCV731"/>
    <mergeCell ref="FCW731:FCZ731"/>
    <mergeCell ref="FBM731:FBP731"/>
    <mergeCell ref="FBQ731:FBT731"/>
    <mergeCell ref="FBU731:FBX731"/>
    <mergeCell ref="FBY731:FCB731"/>
    <mergeCell ref="FCC731:FCF731"/>
    <mergeCell ref="FAS731:FAV731"/>
    <mergeCell ref="FAW731:FAZ731"/>
    <mergeCell ref="FBA731:FBD731"/>
    <mergeCell ref="FBE731:FBH731"/>
    <mergeCell ref="FBI731:FBL731"/>
    <mergeCell ref="EZY731:FAB731"/>
    <mergeCell ref="FAC731:FAF731"/>
    <mergeCell ref="FAG731:FAJ731"/>
    <mergeCell ref="FAK731:FAN731"/>
    <mergeCell ref="FAO731:FAR731"/>
    <mergeCell ref="FJY731:FKB731"/>
    <mergeCell ref="FKC731:FKF731"/>
    <mergeCell ref="FKG731:FKJ731"/>
    <mergeCell ref="FKK731:FKN731"/>
    <mergeCell ref="FKO731:FKR731"/>
    <mergeCell ref="FJE731:FJH731"/>
    <mergeCell ref="FJI731:FJL731"/>
    <mergeCell ref="FJM731:FJP731"/>
    <mergeCell ref="FJQ731:FJT731"/>
    <mergeCell ref="FJU731:FJX731"/>
    <mergeCell ref="FIK731:FIN731"/>
    <mergeCell ref="FIO731:FIR731"/>
    <mergeCell ref="FIS731:FIV731"/>
    <mergeCell ref="FIW731:FIZ731"/>
    <mergeCell ref="FJA731:FJD731"/>
    <mergeCell ref="FHQ731:FHT731"/>
    <mergeCell ref="FHU731:FHX731"/>
    <mergeCell ref="FHY731:FIB731"/>
    <mergeCell ref="FIC731:FIF731"/>
    <mergeCell ref="FIG731:FIJ731"/>
    <mergeCell ref="FGW731:FGZ731"/>
    <mergeCell ref="FHA731:FHD731"/>
    <mergeCell ref="FHE731:FHH731"/>
    <mergeCell ref="FHI731:FHL731"/>
    <mergeCell ref="FHM731:FHP731"/>
    <mergeCell ref="FGC731:FGF731"/>
    <mergeCell ref="FGG731:FGJ731"/>
    <mergeCell ref="FGK731:FGN731"/>
    <mergeCell ref="FGO731:FGR731"/>
    <mergeCell ref="FGS731:FGV731"/>
    <mergeCell ref="FFI731:FFL731"/>
    <mergeCell ref="FFM731:FFP731"/>
    <mergeCell ref="FFQ731:FFT731"/>
    <mergeCell ref="FFU731:FFX731"/>
    <mergeCell ref="FFY731:FGB731"/>
    <mergeCell ref="FPI731:FPL731"/>
    <mergeCell ref="FPM731:FPP731"/>
    <mergeCell ref="FPQ731:FPT731"/>
    <mergeCell ref="FPU731:FPX731"/>
    <mergeCell ref="FPY731:FQB731"/>
    <mergeCell ref="FOO731:FOR731"/>
    <mergeCell ref="FOS731:FOV731"/>
    <mergeCell ref="FOW731:FOZ731"/>
    <mergeCell ref="FPA731:FPD731"/>
    <mergeCell ref="FPE731:FPH731"/>
    <mergeCell ref="FNU731:FNX731"/>
    <mergeCell ref="FNY731:FOB731"/>
    <mergeCell ref="FOC731:FOF731"/>
    <mergeCell ref="FOG731:FOJ731"/>
    <mergeCell ref="FOK731:FON731"/>
    <mergeCell ref="FNA731:FND731"/>
    <mergeCell ref="FNE731:FNH731"/>
    <mergeCell ref="FNI731:FNL731"/>
    <mergeCell ref="FNM731:FNP731"/>
    <mergeCell ref="FNQ731:FNT731"/>
    <mergeCell ref="FMG731:FMJ731"/>
    <mergeCell ref="FMK731:FMN731"/>
    <mergeCell ref="FMO731:FMR731"/>
    <mergeCell ref="FMS731:FMV731"/>
    <mergeCell ref="FMW731:FMZ731"/>
    <mergeCell ref="FLM731:FLP731"/>
    <mergeCell ref="FLQ731:FLT731"/>
    <mergeCell ref="FLU731:FLX731"/>
    <mergeCell ref="FLY731:FMB731"/>
    <mergeCell ref="FMC731:FMF731"/>
    <mergeCell ref="FKS731:FKV731"/>
    <mergeCell ref="FKW731:FKZ731"/>
    <mergeCell ref="FLA731:FLD731"/>
    <mergeCell ref="FLE731:FLH731"/>
    <mergeCell ref="FLI731:FLL731"/>
    <mergeCell ref="FUS731:FUV731"/>
    <mergeCell ref="FUW731:FUZ731"/>
    <mergeCell ref="FVA731:FVD731"/>
    <mergeCell ref="FVE731:FVH731"/>
    <mergeCell ref="FVI731:FVL731"/>
    <mergeCell ref="FTY731:FUB731"/>
    <mergeCell ref="FUC731:FUF731"/>
    <mergeCell ref="FUG731:FUJ731"/>
    <mergeCell ref="FUK731:FUN731"/>
    <mergeCell ref="FUO731:FUR731"/>
    <mergeCell ref="FTE731:FTH731"/>
    <mergeCell ref="FTI731:FTL731"/>
    <mergeCell ref="FTM731:FTP731"/>
    <mergeCell ref="FTQ731:FTT731"/>
    <mergeCell ref="FTU731:FTX731"/>
    <mergeCell ref="FSK731:FSN731"/>
    <mergeCell ref="FSO731:FSR731"/>
    <mergeCell ref="FSS731:FSV731"/>
    <mergeCell ref="FSW731:FSZ731"/>
    <mergeCell ref="FTA731:FTD731"/>
    <mergeCell ref="FRQ731:FRT731"/>
    <mergeCell ref="FRU731:FRX731"/>
    <mergeCell ref="FRY731:FSB731"/>
    <mergeCell ref="FSC731:FSF731"/>
    <mergeCell ref="FSG731:FSJ731"/>
    <mergeCell ref="FQW731:FQZ731"/>
    <mergeCell ref="FRA731:FRD731"/>
    <mergeCell ref="FRE731:FRH731"/>
    <mergeCell ref="FRI731:FRL731"/>
    <mergeCell ref="FRM731:FRP731"/>
    <mergeCell ref="FQC731:FQF731"/>
    <mergeCell ref="FQG731:FQJ731"/>
    <mergeCell ref="FQK731:FQN731"/>
    <mergeCell ref="FQO731:FQR731"/>
    <mergeCell ref="FQS731:FQV731"/>
    <mergeCell ref="GAC731:GAF731"/>
    <mergeCell ref="GAG731:GAJ731"/>
    <mergeCell ref="GAK731:GAN731"/>
    <mergeCell ref="GAO731:GAR731"/>
    <mergeCell ref="GAS731:GAV731"/>
    <mergeCell ref="FZI731:FZL731"/>
    <mergeCell ref="FZM731:FZP731"/>
    <mergeCell ref="FZQ731:FZT731"/>
    <mergeCell ref="FZU731:FZX731"/>
    <mergeCell ref="FZY731:GAB731"/>
    <mergeCell ref="FYO731:FYR731"/>
    <mergeCell ref="FYS731:FYV731"/>
    <mergeCell ref="FYW731:FYZ731"/>
    <mergeCell ref="FZA731:FZD731"/>
    <mergeCell ref="FZE731:FZH731"/>
    <mergeCell ref="FXU731:FXX731"/>
    <mergeCell ref="FXY731:FYB731"/>
    <mergeCell ref="FYC731:FYF731"/>
    <mergeCell ref="FYG731:FYJ731"/>
    <mergeCell ref="FYK731:FYN731"/>
    <mergeCell ref="FXA731:FXD731"/>
    <mergeCell ref="FXE731:FXH731"/>
    <mergeCell ref="FXI731:FXL731"/>
    <mergeCell ref="FXM731:FXP731"/>
    <mergeCell ref="FXQ731:FXT731"/>
    <mergeCell ref="FWG731:FWJ731"/>
    <mergeCell ref="FWK731:FWN731"/>
    <mergeCell ref="FWO731:FWR731"/>
    <mergeCell ref="FWS731:FWV731"/>
    <mergeCell ref="FWW731:FWZ731"/>
    <mergeCell ref="FVM731:FVP731"/>
    <mergeCell ref="FVQ731:FVT731"/>
    <mergeCell ref="FVU731:FVX731"/>
    <mergeCell ref="FVY731:FWB731"/>
    <mergeCell ref="FWC731:FWF731"/>
    <mergeCell ref="GFM731:GFP731"/>
    <mergeCell ref="GFQ731:GFT731"/>
    <mergeCell ref="GFU731:GFX731"/>
    <mergeCell ref="GFY731:GGB731"/>
    <mergeCell ref="GGC731:GGF731"/>
    <mergeCell ref="GES731:GEV731"/>
    <mergeCell ref="GEW731:GEZ731"/>
    <mergeCell ref="GFA731:GFD731"/>
    <mergeCell ref="GFE731:GFH731"/>
    <mergeCell ref="GFI731:GFL731"/>
    <mergeCell ref="GDY731:GEB731"/>
    <mergeCell ref="GEC731:GEF731"/>
    <mergeCell ref="GEG731:GEJ731"/>
    <mergeCell ref="GEK731:GEN731"/>
    <mergeCell ref="GEO731:GER731"/>
    <mergeCell ref="GDE731:GDH731"/>
    <mergeCell ref="GDI731:GDL731"/>
    <mergeCell ref="GDM731:GDP731"/>
    <mergeCell ref="GDQ731:GDT731"/>
    <mergeCell ref="GDU731:GDX731"/>
    <mergeCell ref="GCK731:GCN731"/>
    <mergeCell ref="GCO731:GCR731"/>
    <mergeCell ref="GCS731:GCV731"/>
    <mergeCell ref="GCW731:GCZ731"/>
    <mergeCell ref="GDA731:GDD731"/>
    <mergeCell ref="GBQ731:GBT731"/>
    <mergeCell ref="GBU731:GBX731"/>
    <mergeCell ref="GBY731:GCB731"/>
    <mergeCell ref="GCC731:GCF731"/>
    <mergeCell ref="GCG731:GCJ731"/>
    <mergeCell ref="GAW731:GAZ731"/>
    <mergeCell ref="GBA731:GBD731"/>
    <mergeCell ref="GBE731:GBH731"/>
    <mergeCell ref="GBI731:GBL731"/>
    <mergeCell ref="GBM731:GBP731"/>
    <mergeCell ref="GKW731:GKZ731"/>
    <mergeCell ref="GLA731:GLD731"/>
    <mergeCell ref="GLE731:GLH731"/>
    <mergeCell ref="GLI731:GLL731"/>
    <mergeCell ref="GLM731:GLP731"/>
    <mergeCell ref="GKC731:GKF731"/>
    <mergeCell ref="GKG731:GKJ731"/>
    <mergeCell ref="GKK731:GKN731"/>
    <mergeCell ref="GKO731:GKR731"/>
    <mergeCell ref="GKS731:GKV731"/>
    <mergeCell ref="GJI731:GJL731"/>
    <mergeCell ref="GJM731:GJP731"/>
    <mergeCell ref="GJQ731:GJT731"/>
    <mergeCell ref="GJU731:GJX731"/>
    <mergeCell ref="GJY731:GKB731"/>
    <mergeCell ref="GIO731:GIR731"/>
    <mergeCell ref="GIS731:GIV731"/>
    <mergeCell ref="GIW731:GIZ731"/>
    <mergeCell ref="GJA731:GJD731"/>
    <mergeCell ref="GJE731:GJH731"/>
    <mergeCell ref="GHU731:GHX731"/>
    <mergeCell ref="GHY731:GIB731"/>
    <mergeCell ref="GIC731:GIF731"/>
    <mergeCell ref="GIG731:GIJ731"/>
    <mergeCell ref="GIK731:GIN731"/>
    <mergeCell ref="GHA731:GHD731"/>
    <mergeCell ref="GHE731:GHH731"/>
    <mergeCell ref="GHI731:GHL731"/>
    <mergeCell ref="GHM731:GHP731"/>
    <mergeCell ref="GHQ731:GHT731"/>
    <mergeCell ref="GGG731:GGJ731"/>
    <mergeCell ref="GGK731:GGN731"/>
    <mergeCell ref="GGO731:GGR731"/>
    <mergeCell ref="GGS731:GGV731"/>
    <mergeCell ref="GGW731:GGZ731"/>
    <mergeCell ref="GQG731:GQJ731"/>
    <mergeCell ref="GQK731:GQN731"/>
    <mergeCell ref="GQO731:GQR731"/>
    <mergeCell ref="GQS731:GQV731"/>
    <mergeCell ref="GQW731:GQZ731"/>
    <mergeCell ref="GPM731:GPP731"/>
    <mergeCell ref="GPQ731:GPT731"/>
    <mergeCell ref="GPU731:GPX731"/>
    <mergeCell ref="GPY731:GQB731"/>
    <mergeCell ref="GQC731:GQF731"/>
    <mergeCell ref="GOS731:GOV731"/>
    <mergeCell ref="GOW731:GOZ731"/>
    <mergeCell ref="GPA731:GPD731"/>
    <mergeCell ref="GPE731:GPH731"/>
    <mergeCell ref="GPI731:GPL731"/>
    <mergeCell ref="GNY731:GOB731"/>
    <mergeCell ref="GOC731:GOF731"/>
    <mergeCell ref="GOG731:GOJ731"/>
    <mergeCell ref="GOK731:GON731"/>
    <mergeCell ref="GOO731:GOR731"/>
    <mergeCell ref="GNE731:GNH731"/>
    <mergeCell ref="GNI731:GNL731"/>
    <mergeCell ref="GNM731:GNP731"/>
    <mergeCell ref="GNQ731:GNT731"/>
    <mergeCell ref="GNU731:GNX731"/>
    <mergeCell ref="GMK731:GMN731"/>
    <mergeCell ref="GMO731:GMR731"/>
    <mergeCell ref="GMS731:GMV731"/>
    <mergeCell ref="GMW731:GMZ731"/>
    <mergeCell ref="GNA731:GND731"/>
    <mergeCell ref="GLQ731:GLT731"/>
    <mergeCell ref="GLU731:GLX731"/>
    <mergeCell ref="GLY731:GMB731"/>
    <mergeCell ref="GMC731:GMF731"/>
    <mergeCell ref="GMG731:GMJ731"/>
    <mergeCell ref="GVQ731:GVT731"/>
    <mergeCell ref="GVU731:GVX731"/>
    <mergeCell ref="GVY731:GWB731"/>
    <mergeCell ref="GWC731:GWF731"/>
    <mergeCell ref="GWG731:GWJ731"/>
    <mergeCell ref="GUW731:GUZ731"/>
    <mergeCell ref="GVA731:GVD731"/>
    <mergeCell ref="GVE731:GVH731"/>
    <mergeCell ref="GVI731:GVL731"/>
    <mergeCell ref="GVM731:GVP731"/>
    <mergeCell ref="GUC731:GUF731"/>
    <mergeCell ref="GUG731:GUJ731"/>
    <mergeCell ref="GUK731:GUN731"/>
    <mergeCell ref="GUO731:GUR731"/>
    <mergeCell ref="GUS731:GUV731"/>
    <mergeCell ref="GTI731:GTL731"/>
    <mergeCell ref="GTM731:GTP731"/>
    <mergeCell ref="GTQ731:GTT731"/>
    <mergeCell ref="GTU731:GTX731"/>
    <mergeCell ref="GTY731:GUB731"/>
    <mergeCell ref="GSO731:GSR731"/>
    <mergeCell ref="GSS731:GSV731"/>
    <mergeCell ref="GSW731:GSZ731"/>
    <mergeCell ref="GTA731:GTD731"/>
    <mergeCell ref="GTE731:GTH731"/>
    <mergeCell ref="GRU731:GRX731"/>
    <mergeCell ref="GRY731:GSB731"/>
    <mergeCell ref="GSC731:GSF731"/>
    <mergeCell ref="GSG731:GSJ731"/>
    <mergeCell ref="GSK731:GSN731"/>
    <mergeCell ref="GRA731:GRD731"/>
    <mergeCell ref="GRE731:GRH731"/>
    <mergeCell ref="GRI731:GRL731"/>
    <mergeCell ref="GRM731:GRP731"/>
    <mergeCell ref="GRQ731:GRT731"/>
    <mergeCell ref="HBA731:HBD731"/>
    <mergeCell ref="HBE731:HBH731"/>
    <mergeCell ref="HBI731:HBL731"/>
    <mergeCell ref="HBM731:HBP731"/>
    <mergeCell ref="HBQ731:HBT731"/>
    <mergeCell ref="HAG731:HAJ731"/>
    <mergeCell ref="HAK731:HAN731"/>
    <mergeCell ref="HAO731:HAR731"/>
    <mergeCell ref="HAS731:HAV731"/>
    <mergeCell ref="HAW731:HAZ731"/>
    <mergeCell ref="GZM731:GZP731"/>
    <mergeCell ref="GZQ731:GZT731"/>
    <mergeCell ref="GZU731:GZX731"/>
    <mergeCell ref="GZY731:HAB731"/>
    <mergeCell ref="HAC731:HAF731"/>
    <mergeCell ref="GYS731:GYV731"/>
    <mergeCell ref="GYW731:GYZ731"/>
    <mergeCell ref="GZA731:GZD731"/>
    <mergeCell ref="GZE731:GZH731"/>
    <mergeCell ref="GZI731:GZL731"/>
    <mergeCell ref="GXY731:GYB731"/>
    <mergeCell ref="GYC731:GYF731"/>
    <mergeCell ref="GYG731:GYJ731"/>
    <mergeCell ref="GYK731:GYN731"/>
    <mergeCell ref="GYO731:GYR731"/>
    <mergeCell ref="GXE731:GXH731"/>
    <mergeCell ref="GXI731:GXL731"/>
    <mergeCell ref="GXM731:GXP731"/>
    <mergeCell ref="GXQ731:GXT731"/>
    <mergeCell ref="GXU731:GXX731"/>
    <mergeCell ref="GWK731:GWN731"/>
    <mergeCell ref="GWO731:GWR731"/>
    <mergeCell ref="GWS731:GWV731"/>
    <mergeCell ref="GWW731:GWZ731"/>
    <mergeCell ref="GXA731:GXD731"/>
    <mergeCell ref="HGK731:HGN731"/>
    <mergeCell ref="HGO731:HGR731"/>
    <mergeCell ref="HGS731:HGV731"/>
    <mergeCell ref="HGW731:HGZ731"/>
    <mergeCell ref="HHA731:HHD731"/>
    <mergeCell ref="HFQ731:HFT731"/>
    <mergeCell ref="HFU731:HFX731"/>
    <mergeCell ref="HFY731:HGB731"/>
    <mergeCell ref="HGC731:HGF731"/>
    <mergeCell ref="HGG731:HGJ731"/>
    <mergeCell ref="HEW731:HEZ731"/>
    <mergeCell ref="HFA731:HFD731"/>
    <mergeCell ref="HFE731:HFH731"/>
    <mergeCell ref="HFI731:HFL731"/>
    <mergeCell ref="HFM731:HFP731"/>
    <mergeCell ref="HEC731:HEF731"/>
    <mergeCell ref="HEG731:HEJ731"/>
    <mergeCell ref="HEK731:HEN731"/>
    <mergeCell ref="HEO731:HER731"/>
    <mergeCell ref="HES731:HEV731"/>
    <mergeCell ref="HDI731:HDL731"/>
    <mergeCell ref="HDM731:HDP731"/>
    <mergeCell ref="HDQ731:HDT731"/>
    <mergeCell ref="HDU731:HDX731"/>
    <mergeCell ref="HDY731:HEB731"/>
    <mergeCell ref="HCO731:HCR731"/>
    <mergeCell ref="HCS731:HCV731"/>
    <mergeCell ref="HCW731:HCZ731"/>
    <mergeCell ref="HDA731:HDD731"/>
    <mergeCell ref="HDE731:HDH731"/>
    <mergeCell ref="HBU731:HBX731"/>
    <mergeCell ref="HBY731:HCB731"/>
    <mergeCell ref="HCC731:HCF731"/>
    <mergeCell ref="HCG731:HCJ731"/>
    <mergeCell ref="HCK731:HCN731"/>
    <mergeCell ref="HLU731:HLX731"/>
    <mergeCell ref="HLY731:HMB731"/>
    <mergeCell ref="HMC731:HMF731"/>
    <mergeCell ref="HMG731:HMJ731"/>
    <mergeCell ref="HMK731:HMN731"/>
    <mergeCell ref="HLA731:HLD731"/>
    <mergeCell ref="HLE731:HLH731"/>
    <mergeCell ref="HLI731:HLL731"/>
    <mergeCell ref="HLM731:HLP731"/>
    <mergeCell ref="HLQ731:HLT731"/>
    <mergeCell ref="HKG731:HKJ731"/>
    <mergeCell ref="HKK731:HKN731"/>
    <mergeCell ref="HKO731:HKR731"/>
    <mergeCell ref="HKS731:HKV731"/>
    <mergeCell ref="HKW731:HKZ731"/>
    <mergeCell ref="HJM731:HJP731"/>
    <mergeCell ref="HJQ731:HJT731"/>
    <mergeCell ref="HJU731:HJX731"/>
    <mergeCell ref="HJY731:HKB731"/>
    <mergeCell ref="HKC731:HKF731"/>
    <mergeCell ref="HIS731:HIV731"/>
    <mergeCell ref="HIW731:HIZ731"/>
    <mergeCell ref="HJA731:HJD731"/>
    <mergeCell ref="HJE731:HJH731"/>
    <mergeCell ref="HJI731:HJL731"/>
    <mergeCell ref="HHY731:HIB731"/>
    <mergeCell ref="HIC731:HIF731"/>
    <mergeCell ref="HIG731:HIJ731"/>
    <mergeCell ref="HIK731:HIN731"/>
    <mergeCell ref="HIO731:HIR731"/>
    <mergeCell ref="HHE731:HHH731"/>
    <mergeCell ref="HHI731:HHL731"/>
    <mergeCell ref="HHM731:HHP731"/>
    <mergeCell ref="HHQ731:HHT731"/>
    <mergeCell ref="HHU731:HHX731"/>
    <mergeCell ref="HRE731:HRH731"/>
    <mergeCell ref="HRI731:HRL731"/>
    <mergeCell ref="HRM731:HRP731"/>
    <mergeCell ref="HRQ731:HRT731"/>
    <mergeCell ref="HRU731:HRX731"/>
    <mergeCell ref="HQK731:HQN731"/>
    <mergeCell ref="HQO731:HQR731"/>
    <mergeCell ref="HQS731:HQV731"/>
    <mergeCell ref="HQW731:HQZ731"/>
    <mergeCell ref="HRA731:HRD731"/>
    <mergeCell ref="HPQ731:HPT731"/>
    <mergeCell ref="HPU731:HPX731"/>
    <mergeCell ref="HPY731:HQB731"/>
    <mergeCell ref="HQC731:HQF731"/>
    <mergeCell ref="HQG731:HQJ731"/>
    <mergeCell ref="HOW731:HOZ731"/>
    <mergeCell ref="HPA731:HPD731"/>
    <mergeCell ref="HPE731:HPH731"/>
    <mergeCell ref="HPI731:HPL731"/>
    <mergeCell ref="HPM731:HPP731"/>
    <mergeCell ref="HOC731:HOF731"/>
    <mergeCell ref="HOG731:HOJ731"/>
    <mergeCell ref="HOK731:HON731"/>
    <mergeCell ref="HOO731:HOR731"/>
    <mergeCell ref="HOS731:HOV731"/>
    <mergeCell ref="HNI731:HNL731"/>
    <mergeCell ref="HNM731:HNP731"/>
    <mergeCell ref="HNQ731:HNT731"/>
    <mergeCell ref="HNU731:HNX731"/>
    <mergeCell ref="HNY731:HOB731"/>
    <mergeCell ref="HMO731:HMR731"/>
    <mergeCell ref="HMS731:HMV731"/>
    <mergeCell ref="HMW731:HMZ731"/>
    <mergeCell ref="HNA731:HND731"/>
    <mergeCell ref="HNE731:HNH731"/>
    <mergeCell ref="HWO731:HWR731"/>
    <mergeCell ref="HWS731:HWV731"/>
    <mergeCell ref="HWW731:HWZ731"/>
    <mergeCell ref="HXA731:HXD731"/>
    <mergeCell ref="HXE731:HXH731"/>
    <mergeCell ref="HVU731:HVX731"/>
    <mergeCell ref="HVY731:HWB731"/>
    <mergeCell ref="HWC731:HWF731"/>
    <mergeCell ref="HWG731:HWJ731"/>
    <mergeCell ref="HWK731:HWN731"/>
    <mergeCell ref="HVA731:HVD731"/>
    <mergeCell ref="HVE731:HVH731"/>
    <mergeCell ref="HVI731:HVL731"/>
    <mergeCell ref="HVM731:HVP731"/>
    <mergeCell ref="HVQ731:HVT731"/>
    <mergeCell ref="HUG731:HUJ731"/>
    <mergeCell ref="HUK731:HUN731"/>
    <mergeCell ref="HUO731:HUR731"/>
    <mergeCell ref="HUS731:HUV731"/>
    <mergeCell ref="HUW731:HUZ731"/>
    <mergeCell ref="HTM731:HTP731"/>
    <mergeCell ref="HTQ731:HTT731"/>
    <mergeCell ref="HTU731:HTX731"/>
    <mergeCell ref="HTY731:HUB731"/>
    <mergeCell ref="HUC731:HUF731"/>
    <mergeCell ref="HSS731:HSV731"/>
    <mergeCell ref="HSW731:HSZ731"/>
    <mergeCell ref="HTA731:HTD731"/>
    <mergeCell ref="HTE731:HTH731"/>
    <mergeCell ref="HTI731:HTL731"/>
    <mergeCell ref="HRY731:HSB731"/>
    <mergeCell ref="HSC731:HSF731"/>
    <mergeCell ref="HSG731:HSJ731"/>
    <mergeCell ref="HSK731:HSN731"/>
    <mergeCell ref="HSO731:HSR731"/>
    <mergeCell ref="IBY731:ICB731"/>
    <mergeCell ref="ICC731:ICF731"/>
    <mergeCell ref="ICG731:ICJ731"/>
    <mergeCell ref="ICK731:ICN731"/>
    <mergeCell ref="ICO731:ICR731"/>
    <mergeCell ref="IBE731:IBH731"/>
    <mergeCell ref="IBI731:IBL731"/>
    <mergeCell ref="IBM731:IBP731"/>
    <mergeCell ref="IBQ731:IBT731"/>
    <mergeCell ref="IBU731:IBX731"/>
    <mergeCell ref="IAK731:IAN731"/>
    <mergeCell ref="IAO731:IAR731"/>
    <mergeCell ref="IAS731:IAV731"/>
    <mergeCell ref="IAW731:IAZ731"/>
    <mergeCell ref="IBA731:IBD731"/>
    <mergeCell ref="HZQ731:HZT731"/>
    <mergeCell ref="HZU731:HZX731"/>
    <mergeCell ref="HZY731:IAB731"/>
    <mergeCell ref="IAC731:IAF731"/>
    <mergeCell ref="IAG731:IAJ731"/>
    <mergeCell ref="HYW731:HYZ731"/>
    <mergeCell ref="HZA731:HZD731"/>
    <mergeCell ref="HZE731:HZH731"/>
    <mergeCell ref="HZI731:HZL731"/>
    <mergeCell ref="HZM731:HZP731"/>
    <mergeCell ref="HYC731:HYF731"/>
    <mergeCell ref="HYG731:HYJ731"/>
    <mergeCell ref="HYK731:HYN731"/>
    <mergeCell ref="HYO731:HYR731"/>
    <mergeCell ref="HYS731:HYV731"/>
    <mergeCell ref="HXI731:HXL731"/>
    <mergeCell ref="HXM731:HXP731"/>
    <mergeCell ref="HXQ731:HXT731"/>
    <mergeCell ref="HXU731:HXX731"/>
    <mergeCell ref="HXY731:HYB731"/>
    <mergeCell ref="IHI731:IHL731"/>
    <mergeCell ref="IHM731:IHP731"/>
    <mergeCell ref="IHQ731:IHT731"/>
    <mergeCell ref="IHU731:IHX731"/>
    <mergeCell ref="IHY731:IIB731"/>
    <mergeCell ref="IGO731:IGR731"/>
    <mergeCell ref="IGS731:IGV731"/>
    <mergeCell ref="IGW731:IGZ731"/>
    <mergeCell ref="IHA731:IHD731"/>
    <mergeCell ref="IHE731:IHH731"/>
    <mergeCell ref="IFU731:IFX731"/>
    <mergeCell ref="IFY731:IGB731"/>
    <mergeCell ref="IGC731:IGF731"/>
    <mergeCell ref="IGG731:IGJ731"/>
    <mergeCell ref="IGK731:IGN731"/>
    <mergeCell ref="IFA731:IFD731"/>
    <mergeCell ref="IFE731:IFH731"/>
    <mergeCell ref="IFI731:IFL731"/>
    <mergeCell ref="IFM731:IFP731"/>
    <mergeCell ref="IFQ731:IFT731"/>
    <mergeCell ref="IEG731:IEJ731"/>
    <mergeCell ref="IEK731:IEN731"/>
    <mergeCell ref="IEO731:IER731"/>
    <mergeCell ref="IES731:IEV731"/>
    <mergeCell ref="IEW731:IEZ731"/>
    <mergeCell ref="IDM731:IDP731"/>
    <mergeCell ref="IDQ731:IDT731"/>
    <mergeCell ref="IDU731:IDX731"/>
    <mergeCell ref="IDY731:IEB731"/>
    <mergeCell ref="IEC731:IEF731"/>
    <mergeCell ref="ICS731:ICV731"/>
    <mergeCell ref="ICW731:ICZ731"/>
    <mergeCell ref="IDA731:IDD731"/>
    <mergeCell ref="IDE731:IDH731"/>
    <mergeCell ref="IDI731:IDL731"/>
    <mergeCell ref="IMS731:IMV731"/>
    <mergeCell ref="IMW731:IMZ731"/>
    <mergeCell ref="INA731:IND731"/>
    <mergeCell ref="INE731:INH731"/>
    <mergeCell ref="INI731:INL731"/>
    <mergeCell ref="ILY731:IMB731"/>
    <mergeCell ref="IMC731:IMF731"/>
    <mergeCell ref="IMG731:IMJ731"/>
    <mergeCell ref="IMK731:IMN731"/>
    <mergeCell ref="IMO731:IMR731"/>
    <mergeCell ref="ILE731:ILH731"/>
    <mergeCell ref="ILI731:ILL731"/>
    <mergeCell ref="ILM731:ILP731"/>
    <mergeCell ref="ILQ731:ILT731"/>
    <mergeCell ref="ILU731:ILX731"/>
    <mergeCell ref="IKK731:IKN731"/>
    <mergeCell ref="IKO731:IKR731"/>
    <mergeCell ref="IKS731:IKV731"/>
    <mergeCell ref="IKW731:IKZ731"/>
    <mergeCell ref="ILA731:ILD731"/>
    <mergeCell ref="IJQ731:IJT731"/>
    <mergeCell ref="IJU731:IJX731"/>
    <mergeCell ref="IJY731:IKB731"/>
    <mergeCell ref="IKC731:IKF731"/>
    <mergeCell ref="IKG731:IKJ731"/>
    <mergeCell ref="IIW731:IIZ731"/>
    <mergeCell ref="IJA731:IJD731"/>
    <mergeCell ref="IJE731:IJH731"/>
    <mergeCell ref="IJI731:IJL731"/>
    <mergeCell ref="IJM731:IJP731"/>
    <mergeCell ref="IIC731:IIF731"/>
    <mergeCell ref="IIG731:IIJ731"/>
    <mergeCell ref="IIK731:IIN731"/>
    <mergeCell ref="IIO731:IIR731"/>
    <mergeCell ref="IIS731:IIV731"/>
    <mergeCell ref="ISC731:ISF731"/>
    <mergeCell ref="ISG731:ISJ731"/>
    <mergeCell ref="ISK731:ISN731"/>
    <mergeCell ref="ISO731:ISR731"/>
    <mergeCell ref="ISS731:ISV731"/>
    <mergeCell ref="IRI731:IRL731"/>
    <mergeCell ref="IRM731:IRP731"/>
    <mergeCell ref="IRQ731:IRT731"/>
    <mergeCell ref="IRU731:IRX731"/>
    <mergeCell ref="IRY731:ISB731"/>
    <mergeCell ref="IQO731:IQR731"/>
    <mergeCell ref="IQS731:IQV731"/>
    <mergeCell ref="IQW731:IQZ731"/>
    <mergeCell ref="IRA731:IRD731"/>
    <mergeCell ref="IRE731:IRH731"/>
    <mergeCell ref="IPU731:IPX731"/>
    <mergeCell ref="IPY731:IQB731"/>
    <mergeCell ref="IQC731:IQF731"/>
    <mergeCell ref="IQG731:IQJ731"/>
    <mergeCell ref="IQK731:IQN731"/>
    <mergeCell ref="IPA731:IPD731"/>
    <mergeCell ref="IPE731:IPH731"/>
    <mergeCell ref="IPI731:IPL731"/>
    <mergeCell ref="IPM731:IPP731"/>
    <mergeCell ref="IPQ731:IPT731"/>
    <mergeCell ref="IOG731:IOJ731"/>
    <mergeCell ref="IOK731:ION731"/>
    <mergeCell ref="IOO731:IOR731"/>
    <mergeCell ref="IOS731:IOV731"/>
    <mergeCell ref="IOW731:IOZ731"/>
    <mergeCell ref="INM731:INP731"/>
    <mergeCell ref="INQ731:INT731"/>
    <mergeCell ref="INU731:INX731"/>
    <mergeCell ref="INY731:IOB731"/>
    <mergeCell ref="IOC731:IOF731"/>
    <mergeCell ref="IXM731:IXP731"/>
    <mergeCell ref="IXQ731:IXT731"/>
    <mergeCell ref="IXU731:IXX731"/>
    <mergeCell ref="IXY731:IYB731"/>
    <mergeCell ref="IYC731:IYF731"/>
    <mergeCell ref="IWS731:IWV731"/>
    <mergeCell ref="IWW731:IWZ731"/>
    <mergeCell ref="IXA731:IXD731"/>
    <mergeCell ref="IXE731:IXH731"/>
    <mergeCell ref="IXI731:IXL731"/>
    <mergeCell ref="IVY731:IWB731"/>
    <mergeCell ref="IWC731:IWF731"/>
    <mergeCell ref="IWG731:IWJ731"/>
    <mergeCell ref="IWK731:IWN731"/>
    <mergeCell ref="IWO731:IWR731"/>
    <mergeCell ref="IVE731:IVH731"/>
    <mergeCell ref="IVI731:IVL731"/>
    <mergeCell ref="IVM731:IVP731"/>
    <mergeCell ref="IVQ731:IVT731"/>
    <mergeCell ref="IVU731:IVX731"/>
    <mergeCell ref="IUK731:IUN731"/>
    <mergeCell ref="IUO731:IUR731"/>
    <mergeCell ref="IUS731:IUV731"/>
    <mergeCell ref="IUW731:IUZ731"/>
    <mergeCell ref="IVA731:IVD731"/>
    <mergeCell ref="ITQ731:ITT731"/>
    <mergeCell ref="ITU731:ITX731"/>
    <mergeCell ref="ITY731:IUB731"/>
    <mergeCell ref="IUC731:IUF731"/>
    <mergeCell ref="IUG731:IUJ731"/>
    <mergeCell ref="ISW731:ISZ731"/>
    <mergeCell ref="ITA731:ITD731"/>
    <mergeCell ref="ITE731:ITH731"/>
    <mergeCell ref="ITI731:ITL731"/>
    <mergeCell ref="ITM731:ITP731"/>
    <mergeCell ref="JCW731:JCZ731"/>
    <mergeCell ref="JDA731:JDD731"/>
    <mergeCell ref="JDE731:JDH731"/>
    <mergeCell ref="JDI731:JDL731"/>
    <mergeCell ref="JDM731:JDP731"/>
    <mergeCell ref="JCC731:JCF731"/>
    <mergeCell ref="JCG731:JCJ731"/>
    <mergeCell ref="JCK731:JCN731"/>
    <mergeCell ref="JCO731:JCR731"/>
    <mergeCell ref="JCS731:JCV731"/>
    <mergeCell ref="JBI731:JBL731"/>
    <mergeCell ref="JBM731:JBP731"/>
    <mergeCell ref="JBQ731:JBT731"/>
    <mergeCell ref="JBU731:JBX731"/>
    <mergeCell ref="JBY731:JCB731"/>
    <mergeCell ref="JAO731:JAR731"/>
    <mergeCell ref="JAS731:JAV731"/>
    <mergeCell ref="JAW731:JAZ731"/>
    <mergeCell ref="JBA731:JBD731"/>
    <mergeCell ref="JBE731:JBH731"/>
    <mergeCell ref="IZU731:IZX731"/>
    <mergeCell ref="IZY731:JAB731"/>
    <mergeCell ref="JAC731:JAF731"/>
    <mergeCell ref="JAG731:JAJ731"/>
    <mergeCell ref="JAK731:JAN731"/>
    <mergeCell ref="IZA731:IZD731"/>
    <mergeCell ref="IZE731:IZH731"/>
    <mergeCell ref="IZI731:IZL731"/>
    <mergeCell ref="IZM731:IZP731"/>
    <mergeCell ref="IZQ731:IZT731"/>
    <mergeCell ref="IYG731:IYJ731"/>
    <mergeCell ref="IYK731:IYN731"/>
    <mergeCell ref="IYO731:IYR731"/>
    <mergeCell ref="IYS731:IYV731"/>
    <mergeCell ref="IYW731:IYZ731"/>
    <mergeCell ref="JIG731:JIJ731"/>
    <mergeCell ref="JIK731:JIN731"/>
    <mergeCell ref="JIO731:JIR731"/>
    <mergeCell ref="JIS731:JIV731"/>
    <mergeCell ref="JIW731:JIZ731"/>
    <mergeCell ref="JHM731:JHP731"/>
    <mergeCell ref="JHQ731:JHT731"/>
    <mergeCell ref="JHU731:JHX731"/>
    <mergeCell ref="JHY731:JIB731"/>
    <mergeCell ref="JIC731:JIF731"/>
    <mergeCell ref="JGS731:JGV731"/>
    <mergeCell ref="JGW731:JGZ731"/>
    <mergeCell ref="JHA731:JHD731"/>
    <mergeCell ref="JHE731:JHH731"/>
    <mergeCell ref="JHI731:JHL731"/>
    <mergeCell ref="JFY731:JGB731"/>
    <mergeCell ref="JGC731:JGF731"/>
    <mergeCell ref="JGG731:JGJ731"/>
    <mergeCell ref="JGK731:JGN731"/>
    <mergeCell ref="JGO731:JGR731"/>
    <mergeCell ref="JFE731:JFH731"/>
    <mergeCell ref="JFI731:JFL731"/>
    <mergeCell ref="JFM731:JFP731"/>
    <mergeCell ref="JFQ731:JFT731"/>
    <mergeCell ref="JFU731:JFX731"/>
    <mergeCell ref="JEK731:JEN731"/>
    <mergeCell ref="JEO731:JER731"/>
    <mergeCell ref="JES731:JEV731"/>
    <mergeCell ref="JEW731:JEZ731"/>
    <mergeCell ref="JFA731:JFD731"/>
    <mergeCell ref="JDQ731:JDT731"/>
    <mergeCell ref="JDU731:JDX731"/>
    <mergeCell ref="JDY731:JEB731"/>
    <mergeCell ref="JEC731:JEF731"/>
    <mergeCell ref="JEG731:JEJ731"/>
    <mergeCell ref="JNQ731:JNT731"/>
    <mergeCell ref="JNU731:JNX731"/>
    <mergeCell ref="JNY731:JOB731"/>
    <mergeCell ref="JOC731:JOF731"/>
    <mergeCell ref="JOG731:JOJ731"/>
    <mergeCell ref="JMW731:JMZ731"/>
    <mergeCell ref="JNA731:JND731"/>
    <mergeCell ref="JNE731:JNH731"/>
    <mergeCell ref="JNI731:JNL731"/>
    <mergeCell ref="JNM731:JNP731"/>
    <mergeCell ref="JMC731:JMF731"/>
    <mergeCell ref="JMG731:JMJ731"/>
    <mergeCell ref="JMK731:JMN731"/>
    <mergeCell ref="JMO731:JMR731"/>
    <mergeCell ref="JMS731:JMV731"/>
    <mergeCell ref="JLI731:JLL731"/>
    <mergeCell ref="JLM731:JLP731"/>
    <mergeCell ref="JLQ731:JLT731"/>
    <mergeCell ref="JLU731:JLX731"/>
    <mergeCell ref="JLY731:JMB731"/>
    <mergeCell ref="JKO731:JKR731"/>
    <mergeCell ref="JKS731:JKV731"/>
    <mergeCell ref="JKW731:JKZ731"/>
    <mergeCell ref="JLA731:JLD731"/>
    <mergeCell ref="JLE731:JLH731"/>
    <mergeCell ref="JJU731:JJX731"/>
    <mergeCell ref="JJY731:JKB731"/>
    <mergeCell ref="JKC731:JKF731"/>
    <mergeCell ref="JKG731:JKJ731"/>
    <mergeCell ref="JKK731:JKN731"/>
    <mergeCell ref="JJA731:JJD731"/>
    <mergeCell ref="JJE731:JJH731"/>
    <mergeCell ref="JJI731:JJL731"/>
    <mergeCell ref="JJM731:JJP731"/>
    <mergeCell ref="JJQ731:JJT731"/>
    <mergeCell ref="JTA731:JTD731"/>
    <mergeCell ref="JTE731:JTH731"/>
    <mergeCell ref="JTI731:JTL731"/>
    <mergeCell ref="JTM731:JTP731"/>
    <mergeCell ref="JTQ731:JTT731"/>
    <mergeCell ref="JSG731:JSJ731"/>
    <mergeCell ref="JSK731:JSN731"/>
    <mergeCell ref="JSO731:JSR731"/>
    <mergeCell ref="JSS731:JSV731"/>
    <mergeCell ref="JSW731:JSZ731"/>
    <mergeCell ref="JRM731:JRP731"/>
    <mergeCell ref="JRQ731:JRT731"/>
    <mergeCell ref="JRU731:JRX731"/>
    <mergeCell ref="JRY731:JSB731"/>
    <mergeCell ref="JSC731:JSF731"/>
    <mergeCell ref="JQS731:JQV731"/>
    <mergeCell ref="JQW731:JQZ731"/>
    <mergeCell ref="JRA731:JRD731"/>
    <mergeCell ref="JRE731:JRH731"/>
    <mergeCell ref="JRI731:JRL731"/>
    <mergeCell ref="JPY731:JQB731"/>
    <mergeCell ref="JQC731:JQF731"/>
    <mergeCell ref="JQG731:JQJ731"/>
    <mergeCell ref="JQK731:JQN731"/>
    <mergeCell ref="JQO731:JQR731"/>
    <mergeCell ref="JPE731:JPH731"/>
    <mergeCell ref="JPI731:JPL731"/>
    <mergeCell ref="JPM731:JPP731"/>
    <mergeCell ref="JPQ731:JPT731"/>
    <mergeCell ref="JPU731:JPX731"/>
    <mergeCell ref="JOK731:JON731"/>
    <mergeCell ref="JOO731:JOR731"/>
    <mergeCell ref="JOS731:JOV731"/>
    <mergeCell ref="JOW731:JOZ731"/>
    <mergeCell ref="JPA731:JPD731"/>
    <mergeCell ref="JYK731:JYN731"/>
    <mergeCell ref="JYO731:JYR731"/>
    <mergeCell ref="JYS731:JYV731"/>
    <mergeCell ref="JYW731:JYZ731"/>
    <mergeCell ref="JZA731:JZD731"/>
    <mergeCell ref="JXQ731:JXT731"/>
    <mergeCell ref="JXU731:JXX731"/>
    <mergeCell ref="JXY731:JYB731"/>
    <mergeCell ref="JYC731:JYF731"/>
    <mergeCell ref="JYG731:JYJ731"/>
    <mergeCell ref="JWW731:JWZ731"/>
    <mergeCell ref="JXA731:JXD731"/>
    <mergeCell ref="JXE731:JXH731"/>
    <mergeCell ref="JXI731:JXL731"/>
    <mergeCell ref="JXM731:JXP731"/>
    <mergeCell ref="JWC731:JWF731"/>
    <mergeCell ref="JWG731:JWJ731"/>
    <mergeCell ref="JWK731:JWN731"/>
    <mergeCell ref="JWO731:JWR731"/>
    <mergeCell ref="JWS731:JWV731"/>
    <mergeCell ref="JVI731:JVL731"/>
    <mergeCell ref="JVM731:JVP731"/>
    <mergeCell ref="JVQ731:JVT731"/>
    <mergeCell ref="JVU731:JVX731"/>
    <mergeCell ref="JVY731:JWB731"/>
    <mergeCell ref="JUO731:JUR731"/>
    <mergeCell ref="JUS731:JUV731"/>
    <mergeCell ref="JUW731:JUZ731"/>
    <mergeCell ref="JVA731:JVD731"/>
    <mergeCell ref="JVE731:JVH731"/>
    <mergeCell ref="JTU731:JTX731"/>
    <mergeCell ref="JTY731:JUB731"/>
    <mergeCell ref="JUC731:JUF731"/>
    <mergeCell ref="JUG731:JUJ731"/>
    <mergeCell ref="JUK731:JUN731"/>
    <mergeCell ref="KDU731:KDX731"/>
    <mergeCell ref="KDY731:KEB731"/>
    <mergeCell ref="KEC731:KEF731"/>
    <mergeCell ref="KEG731:KEJ731"/>
    <mergeCell ref="KEK731:KEN731"/>
    <mergeCell ref="KDA731:KDD731"/>
    <mergeCell ref="KDE731:KDH731"/>
    <mergeCell ref="KDI731:KDL731"/>
    <mergeCell ref="KDM731:KDP731"/>
    <mergeCell ref="KDQ731:KDT731"/>
    <mergeCell ref="KCG731:KCJ731"/>
    <mergeCell ref="KCK731:KCN731"/>
    <mergeCell ref="KCO731:KCR731"/>
    <mergeCell ref="KCS731:KCV731"/>
    <mergeCell ref="KCW731:KCZ731"/>
    <mergeCell ref="KBM731:KBP731"/>
    <mergeCell ref="KBQ731:KBT731"/>
    <mergeCell ref="KBU731:KBX731"/>
    <mergeCell ref="KBY731:KCB731"/>
    <mergeCell ref="KCC731:KCF731"/>
    <mergeCell ref="KAS731:KAV731"/>
    <mergeCell ref="KAW731:KAZ731"/>
    <mergeCell ref="KBA731:KBD731"/>
    <mergeCell ref="KBE731:KBH731"/>
    <mergeCell ref="KBI731:KBL731"/>
    <mergeCell ref="JZY731:KAB731"/>
    <mergeCell ref="KAC731:KAF731"/>
    <mergeCell ref="KAG731:KAJ731"/>
    <mergeCell ref="KAK731:KAN731"/>
    <mergeCell ref="KAO731:KAR731"/>
    <mergeCell ref="JZE731:JZH731"/>
    <mergeCell ref="JZI731:JZL731"/>
    <mergeCell ref="JZM731:JZP731"/>
    <mergeCell ref="JZQ731:JZT731"/>
    <mergeCell ref="JZU731:JZX731"/>
    <mergeCell ref="KJE731:KJH731"/>
    <mergeCell ref="KJI731:KJL731"/>
    <mergeCell ref="KJM731:KJP731"/>
    <mergeCell ref="KJQ731:KJT731"/>
    <mergeCell ref="KJU731:KJX731"/>
    <mergeCell ref="KIK731:KIN731"/>
    <mergeCell ref="KIO731:KIR731"/>
    <mergeCell ref="KIS731:KIV731"/>
    <mergeCell ref="KIW731:KIZ731"/>
    <mergeCell ref="KJA731:KJD731"/>
    <mergeCell ref="KHQ731:KHT731"/>
    <mergeCell ref="KHU731:KHX731"/>
    <mergeCell ref="KHY731:KIB731"/>
    <mergeCell ref="KIC731:KIF731"/>
    <mergeCell ref="KIG731:KIJ731"/>
    <mergeCell ref="KGW731:KGZ731"/>
    <mergeCell ref="KHA731:KHD731"/>
    <mergeCell ref="KHE731:KHH731"/>
    <mergeCell ref="KHI731:KHL731"/>
    <mergeCell ref="KHM731:KHP731"/>
    <mergeCell ref="KGC731:KGF731"/>
    <mergeCell ref="KGG731:KGJ731"/>
    <mergeCell ref="KGK731:KGN731"/>
    <mergeCell ref="KGO731:KGR731"/>
    <mergeCell ref="KGS731:KGV731"/>
    <mergeCell ref="KFI731:KFL731"/>
    <mergeCell ref="KFM731:KFP731"/>
    <mergeCell ref="KFQ731:KFT731"/>
    <mergeCell ref="KFU731:KFX731"/>
    <mergeCell ref="KFY731:KGB731"/>
    <mergeCell ref="KEO731:KER731"/>
    <mergeCell ref="KES731:KEV731"/>
    <mergeCell ref="KEW731:KEZ731"/>
    <mergeCell ref="KFA731:KFD731"/>
    <mergeCell ref="KFE731:KFH731"/>
    <mergeCell ref="KOO731:KOR731"/>
    <mergeCell ref="KOS731:KOV731"/>
    <mergeCell ref="KOW731:KOZ731"/>
    <mergeCell ref="KPA731:KPD731"/>
    <mergeCell ref="KPE731:KPH731"/>
    <mergeCell ref="KNU731:KNX731"/>
    <mergeCell ref="KNY731:KOB731"/>
    <mergeCell ref="KOC731:KOF731"/>
    <mergeCell ref="KOG731:KOJ731"/>
    <mergeCell ref="KOK731:KON731"/>
    <mergeCell ref="KNA731:KND731"/>
    <mergeCell ref="KNE731:KNH731"/>
    <mergeCell ref="KNI731:KNL731"/>
    <mergeCell ref="KNM731:KNP731"/>
    <mergeCell ref="KNQ731:KNT731"/>
    <mergeCell ref="KMG731:KMJ731"/>
    <mergeCell ref="KMK731:KMN731"/>
    <mergeCell ref="KMO731:KMR731"/>
    <mergeCell ref="KMS731:KMV731"/>
    <mergeCell ref="KMW731:KMZ731"/>
    <mergeCell ref="KLM731:KLP731"/>
    <mergeCell ref="KLQ731:KLT731"/>
    <mergeCell ref="KLU731:KLX731"/>
    <mergeCell ref="KLY731:KMB731"/>
    <mergeCell ref="KMC731:KMF731"/>
    <mergeCell ref="KKS731:KKV731"/>
    <mergeCell ref="KKW731:KKZ731"/>
    <mergeCell ref="KLA731:KLD731"/>
    <mergeCell ref="KLE731:KLH731"/>
    <mergeCell ref="KLI731:KLL731"/>
    <mergeCell ref="KJY731:KKB731"/>
    <mergeCell ref="KKC731:KKF731"/>
    <mergeCell ref="KKG731:KKJ731"/>
    <mergeCell ref="KKK731:KKN731"/>
    <mergeCell ref="KKO731:KKR731"/>
    <mergeCell ref="KTY731:KUB731"/>
    <mergeCell ref="KUC731:KUF731"/>
    <mergeCell ref="KUG731:KUJ731"/>
    <mergeCell ref="KUK731:KUN731"/>
    <mergeCell ref="KUO731:KUR731"/>
    <mergeCell ref="KTE731:KTH731"/>
    <mergeCell ref="KTI731:KTL731"/>
    <mergeCell ref="KTM731:KTP731"/>
    <mergeCell ref="KTQ731:KTT731"/>
    <mergeCell ref="KTU731:KTX731"/>
    <mergeCell ref="KSK731:KSN731"/>
    <mergeCell ref="KSO731:KSR731"/>
    <mergeCell ref="KSS731:KSV731"/>
    <mergeCell ref="KSW731:KSZ731"/>
    <mergeCell ref="KTA731:KTD731"/>
    <mergeCell ref="KRQ731:KRT731"/>
    <mergeCell ref="KRU731:KRX731"/>
    <mergeCell ref="KRY731:KSB731"/>
    <mergeCell ref="KSC731:KSF731"/>
    <mergeCell ref="KSG731:KSJ731"/>
    <mergeCell ref="KQW731:KQZ731"/>
    <mergeCell ref="KRA731:KRD731"/>
    <mergeCell ref="KRE731:KRH731"/>
    <mergeCell ref="KRI731:KRL731"/>
    <mergeCell ref="KRM731:KRP731"/>
    <mergeCell ref="KQC731:KQF731"/>
    <mergeCell ref="KQG731:KQJ731"/>
    <mergeCell ref="KQK731:KQN731"/>
    <mergeCell ref="KQO731:KQR731"/>
    <mergeCell ref="KQS731:KQV731"/>
    <mergeCell ref="KPI731:KPL731"/>
    <mergeCell ref="KPM731:KPP731"/>
    <mergeCell ref="KPQ731:KPT731"/>
    <mergeCell ref="KPU731:KPX731"/>
    <mergeCell ref="KPY731:KQB731"/>
    <mergeCell ref="KZI731:KZL731"/>
    <mergeCell ref="KZM731:KZP731"/>
    <mergeCell ref="KZQ731:KZT731"/>
    <mergeCell ref="KZU731:KZX731"/>
    <mergeCell ref="KZY731:LAB731"/>
    <mergeCell ref="KYO731:KYR731"/>
    <mergeCell ref="KYS731:KYV731"/>
    <mergeCell ref="KYW731:KYZ731"/>
    <mergeCell ref="KZA731:KZD731"/>
    <mergeCell ref="KZE731:KZH731"/>
    <mergeCell ref="KXU731:KXX731"/>
    <mergeCell ref="KXY731:KYB731"/>
    <mergeCell ref="KYC731:KYF731"/>
    <mergeCell ref="KYG731:KYJ731"/>
    <mergeCell ref="KYK731:KYN731"/>
    <mergeCell ref="KXA731:KXD731"/>
    <mergeCell ref="KXE731:KXH731"/>
    <mergeCell ref="KXI731:KXL731"/>
    <mergeCell ref="KXM731:KXP731"/>
    <mergeCell ref="KXQ731:KXT731"/>
    <mergeCell ref="KWG731:KWJ731"/>
    <mergeCell ref="KWK731:KWN731"/>
    <mergeCell ref="KWO731:KWR731"/>
    <mergeCell ref="KWS731:KWV731"/>
    <mergeCell ref="KWW731:KWZ731"/>
    <mergeCell ref="KVM731:KVP731"/>
    <mergeCell ref="KVQ731:KVT731"/>
    <mergeCell ref="KVU731:KVX731"/>
    <mergeCell ref="KVY731:KWB731"/>
    <mergeCell ref="KWC731:KWF731"/>
    <mergeCell ref="KUS731:KUV731"/>
    <mergeCell ref="KUW731:KUZ731"/>
    <mergeCell ref="KVA731:KVD731"/>
    <mergeCell ref="KVE731:KVH731"/>
    <mergeCell ref="KVI731:KVL731"/>
    <mergeCell ref="LES731:LEV731"/>
    <mergeCell ref="LEW731:LEZ731"/>
    <mergeCell ref="LFA731:LFD731"/>
    <mergeCell ref="LFE731:LFH731"/>
    <mergeCell ref="LFI731:LFL731"/>
    <mergeCell ref="LDY731:LEB731"/>
    <mergeCell ref="LEC731:LEF731"/>
    <mergeCell ref="LEG731:LEJ731"/>
    <mergeCell ref="LEK731:LEN731"/>
    <mergeCell ref="LEO731:LER731"/>
    <mergeCell ref="LDE731:LDH731"/>
    <mergeCell ref="LDI731:LDL731"/>
    <mergeCell ref="LDM731:LDP731"/>
    <mergeCell ref="LDQ731:LDT731"/>
    <mergeCell ref="LDU731:LDX731"/>
    <mergeCell ref="LCK731:LCN731"/>
    <mergeCell ref="LCO731:LCR731"/>
    <mergeCell ref="LCS731:LCV731"/>
    <mergeCell ref="LCW731:LCZ731"/>
    <mergeCell ref="LDA731:LDD731"/>
    <mergeCell ref="LBQ731:LBT731"/>
    <mergeCell ref="LBU731:LBX731"/>
    <mergeCell ref="LBY731:LCB731"/>
    <mergeCell ref="LCC731:LCF731"/>
    <mergeCell ref="LCG731:LCJ731"/>
    <mergeCell ref="LAW731:LAZ731"/>
    <mergeCell ref="LBA731:LBD731"/>
    <mergeCell ref="LBE731:LBH731"/>
    <mergeCell ref="LBI731:LBL731"/>
    <mergeCell ref="LBM731:LBP731"/>
    <mergeCell ref="LAC731:LAF731"/>
    <mergeCell ref="LAG731:LAJ731"/>
    <mergeCell ref="LAK731:LAN731"/>
    <mergeCell ref="LAO731:LAR731"/>
    <mergeCell ref="LAS731:LAV731"/>
    <mergeCell ref="LKC731:LKF731"/>
    <mergeCell ref="LKG731:LKJ731"/>
    <mergeCell ref="LKK731:LKN731"/>
    <mergeCell ref="LKO731:LKR731"/>
    <mergeCell ref="LKS731:LKV731"/>
    <mergeCell ref="LJI731:LJL731"/>
    <mergeCell ref="LJM731:LJP731"/>
    <mergeCell ref="LJQ731:LJT731"/>
    <mergeCell ref="LJU731:LJX731"/>
    <mergeCell ref="LJY731:LKB731"/>
    <mergeCell ref="LIO731:LIR731"/>
    <mergeCell ref="LIS731:LIV731"/>
    <mergeCell ref="LIW731:LIZ731"/>
    <mergeCell ref="LJA731:LJD731"/>
    <mergeCell ref="LJE731:LJH731"/>
    <mergeCell ref="LHU731:LHX731"/>
    <mergeCell ref="LHY731:LIB731"/>
    <mergeCell ref="LIC731:LIF731"/>
    <mergeCell ref="LIG731:LIJ731"/>
    <mergeCell ref="LIK731:LIN731"/>
    <mergeCell ref="LHA731:LHD731"/>
    <mergeCell ref="LHE731:LHH731"/>
    <mergeCell ref="LHI731:LHL731"/>
    <mergeCell ref="LHM731:LHP731"/>
    <mergeCell ref="LHQ731:LHT731"/>
    <mergeCell ref="LGG731:LGJ731"/>
    <mergeCell ref="LGK731:LGN731"/>
    <mergeCell ref="LGO731:LGR731"/>
    <mergeCell ref="LGS731:LGV731"/>
    <mergeCell ref="LGW731:LGZ731"/>
    <mergeCell ref="LFM731:LFP731"/>
    <mergeCell ref="LFQ731:LFT731"/>
    <mergeCell ref="LFU731:LFX731"/>
    <mergeCell ref="LFY731:LGB731"/>
    <mergeCell ref="LGC731:LGF731"/>
    <mergeCell ref="LPM731:LPP731"/>
    <mergeCell ref="LPQ731:LPT731"/>
    <mergeCell ref="LPU731:LPX731"/>
    <mergeCell ref="LPY731:LQB731"/>
    <mergeCell ref="LQC731:LQF731"/>
    <mergeCell ref="LOS731:LOV731"/>
    <mergeCell ref="LOW731:LOZ731"/>
    <mergeCell ref="LPA731:LPD731"/>
    <mergeCell ref="LPE731:LPH731"/>
    <mergeCell ref="LPI731:LPL731"/>
    <mergeCell ref="LNY731:LOB731"/>
    <mergeCell ref="LOC731:LOF731"/>
    <mergeCell ref="LOG731:LOJ731"/>
    <mergeCell ref="LOK731:LON731"/>
    <mergeCell ref="LOO731:LOR731"/>
    <mergeCell ref="LNE731:LNH731"/>
    <mergeCell ref="LNI731:LNL731"/>
    <mergeCell ref="LNM731:LNP731"/>
    <mergeCell ref="LNQ731:LNT731"/>
    <mergeCell ref="LNU731:LNX731"/>
    <mergeCell ref="LMK731:LMN731"/>
    <mergeCell ref="LMO731:LMR731"/>
    <mergeCell ref="LMS731:LMV731"/>
    <mergeCell ref="LMW731:LMZ731"/>
    <mergeCell ref="LNA731:LND731"/>
    <mergeCell ref="LLQ731:LLT731"/>
    <mergeCell ref="LLU731:LLX731"/>
    <mergeCell ref="LLY731:LMB731"/>
    <mergeCell ref="LMC731:LMF731"/>
    <mergeCell ref="LMG731:LMJ731"/>
    <mergeCell ref="LKW731:LKZ731"/>
    <mergeCell ref="LLA731:LLD731"/>
    <mergeCell ref="LLE731:LLH731"/>
    <mergeCell ref="LLI731:LLL731"/>
    <mergeCell ref="LLM731:LLP731"/>
    <mergeCell ref="LUW731:LUZ731"/>
    <mergeCell ref="LVA731:LVD731"/>
    <mergeCell ref="LVE731:LVH731"/>
    <mergeCell ref="LVI731:LVL731"/>
    <mergeCell ref="LVM731:LVP731"/>
    <mergeCell ref="LUC731:LUF731"/>
    <mergeCell ref="LUG731:LUJ731"/>
    <mergeCell ref="LUK731:LUN731"/>
    <mergeCell ref="LUO731:LUR731"/>
    <mergeCell ref="LUS731:LUV731"/>
    <mergeCell ref="LTI731:LTL731"/>
    <mergeCell ref="LTM731:LTP731"/>
    <mergeCell ref="LTQ731:LTT731"/>
    <mergeCell ref="LTU731:LTX731"/>
    <mergeCell ref="LTY731:LUB731"/>
    <mergeCell ref="LSO731:LSR731"/>
    <mergeCell ref="LSS731:LSV731"/>
    <mergeCell ref="LSW731:LSZ731"/>
    <mergeCell ref="LTA731:LTD731"/>
    <mergeCell ref="LTE731:LTH731"/>
    <mergeCell ref="LRU731:LRX731"/>
    <mergeCell ref="LRY731:LSB731"/>
    <mergeCell ref="LSC731:LSF731"/>
    <mergeCell ref="LSG731:LSJ731"/>
    <mergeCell ref="LSK731:LSN731"/>
    <mergeCell ref="LRA731:LRD731"/>
    <mergeCell ref="LRE731:LRH731"/>
    <mergeCell ref="LRI731:LRL731"/>
    <mergeCell ref="LRM731:LRP731"/>
    <mergeCell ref="LRQ731:LRT731"/>
    <mergeCell ref="LQG731:LQJ731"/>
    <mergeCell ref="LQK731:LQN731"/>
    <mergeCell ref="LQO731:LQR731"/>
    <mergeCell ref="LQS731:LQV731"/>
    <mergeCell ref="LQW731:LQZ731"/>
    <mergeCell ref="MAG731:MAJ731"/>
    <mergeCell ref="MAK731:MAN731"/>
    <mergeCell ref="MAO731:MAR731"/>
    <mergeCell ref="MAS731:MAV731"/>
    <mergeCell ref="MAW731:MAZ731"/>
    <mergeCell ref="LZM731:LZP731"/>
    <mergeCell ref="LZQ731:LZT731"/>
    <mergeCell ref="LZU731:LZX731"/>
    <mergeCell ref="LZY731:MAB731"/>
    <mergeCell ref="MAC731:MAF731"/>
    <mergeCell ref="LYS731:LYV731"/>
    <mergeCell ref="LYW731:LYZ731"/>
    <mergeCell ref="LZA731:LZD731"/>
    <mergeCell ref="LZE731:LZH731"/>
    <mergeCell ref="LZI731:LZL731"/>
    <mergeCell ref="LXY731:LYB731"/>
    <mergeCell ref="LYC731:LYF731"/>
    <mergeCell ref="LYG731:LYJ731"/>
    <mergeCell ref="LYK731:LYN731"/>
    <mergeCell ref="LYO731:LYR731"/>
    <mergeCell ref="LXE731:LXH731"/>
    <mergeCell ref="LXI731:LXL731"/>
    <mergeCell ref="LXM731:LXP731"/>
    <mergeCell ref="LXQ731:LXT731"/>
    <mergeCell ref="LXU731:LXX731"/>
    <mergeCell ref="LWK731:LWN731"/>
    <mergeCell ref="LWO731:LWR731"/>
    <mergeCell ref="LWS731:LWV731"/>
    <mergeCell ref="LWW731:LWZ731"/>
    <mergeCell ref="LXA731:LXD731"/>
    <mergeCell ref="LVQ731:LVT731"/>
    <mergeCell ref="LVU731:LVX731"/>
    <mergeCell ref="LVY731:LWB731"/>
    <mergeCell ref="LWC731:LWF731"/>
    <mergeCell ref="LWG731:LWJ731"/>
    <mergeCell ref="MFQ731:MFT731"/>
    <mergeCell ref="MFU731:MFX731"/>
    <mergeCell ref="MFY731:MGB731"/>
    <mergeCell ref="MGC731:MGF731"/>
    <mergeCell ref="MGG731:MGJ731"/>
    <mergeCell ref="MEW731:MEZ731"/>
    <mergeCell ref="MFA731:MFD731"/>
    <mergeCell ref="MFE731:MFH731"/>
    <mergeCell ref="MFI731:MFL731"/>
    <mergeCell ref="MFM731:MFP731"/>
    <mergeCell ref="MEC731:MEF731"/>
    <mergeCell ref="MEG731:MEJ731"/>
    <mergeCell ref="MEK731:MEN731"/>
    <mergeCell ref="MEO731:MER731"/>
    <mergeCell ref="MES731:MEV731"/>
    <mergeCell ref="MDI731:MDL731"/>
    <mergeCell ref="MDM731:MDP731"/>
    <mergeCell ref="MDQ731:MDT731"/>
    <mergeCell ref="MDU731:MDX731"/>
    <mergeCell ref="MDY731:MEB731"/>
    <mergeCell ref="MCO731:MCR731"/>
    <mergeCell ref="MCS731:MCV731"/>
    <mergeCell ref="MCW731:MCZ731"/>
    <mergeCell ref="MDA731:MDD731"/>
    <mergeCell ref="MDE731:MDH731"/>
    <mergeCell ref="MBU731:MBX731"/>
    <mergeCell ref="MBY731:MCB731"/>
    <mergeCell ref="MCC731:MCF731"/>
    <mergeCell ref="MCG731:MCJ731"/>
    <mergeCell ref="MCK731:MCN731"/>
    <mergeCell ref="MBA731:MBD731"/>
    <mergeCell ref="MBE731:MBH731"/>
    <mergeCell ref="MBI731:MBL731"/>
    <mergeCell ref="MBM731:MBP731"/>
    <mergeCell ref="MBQ731:MBT731"/>
    <mergeCell ref="MLA731:MLD731"/>
    <mergeCell ref="MLE731:MLH731"/>
    <mergeCell ref="MLI731:MLL731"/>
    <mergeCell ref="MLM731:MLP731"/>
    <mergeCell ref="MLQ731:MLT731"/>
    <mergeCell ref="MKG731:MKJ731"/>
    <mergeCell ref="MKK731:MKN731"/>
    <mergeCell ref="MKO731:MKR731"/>
    <mergeCell ref="MKS731:MKV731"/>
    <mergeCell ref="MKW731:MKZ731"/>
    <mergeCell ref="MJM731:MJP731"/>
    <mergeCell ref="MJQ731:MJT731"/>
    <mergeCell ref="MJU731:MJX731"/>
    <mergeCell ref="MJY731:MKB731"/>
    <mergeCell ref="MKC731:MKF731"/>
    <mergeCell ref="MIS731:MIV731"/>
    <mergeCell ref="MIW731:MIZ731"/>
    <mergeCell ref="MJA731:MJD731"/>
    <mergeCell ref="MJE731:MJH731"/>
    <mergeCell ref="MJI731:MJL731"/>
    <mergeCell ref="MHY731:MIB731"/>
    <mergeCell ref="MIC731:MIF731"/>
    <mergeCell ref="MIG731:MIJ731"/>
    <mergeCell ref="MIK731:MIN731"/>
    <mergeCell ref="MIO731:MIR731"/>
    <mergeCell ref="MHE731:MHH731"/>
    <mergeCell ref="MHI731:MHL731"/>
    <mergeCell ref="MHM731:MHP731"/>
    <mergeCell ref="MHQ731:MHT731"/>
    <mergeCell ref="MHU731:MHX731"/>
    <mergeCell ref="MGK731:MGN731"/>
    <mergeCell ref="MGO731:MGR731"/>
    <mergeCell ref="MGS731:MGV731"/>
    <mergeCell ref="MGW731:MGZ731"/>
    <mergeCell ref="MHA731:MHD731"/>
    <mergeCell ref="MQK731:MQN731"/>
    <mergeCell ref="MQO731:MQR731"/>
    <mergeCell ref="MQS731:MQV731"/>
    <mergeCell ref="MQW731:MQZ731"/>
    <mergeCell ref="MRA731:MRD731"/>
    <mergeCell ref="MPQ731:MPT731"/>
    <mergeCell ref="MPU731:MPX731"/>
    <mergeCell ref="MPY731:MQB731"/>
    <mergeCell ref="MQC731:MQF731"/>
    <mergeCell ref="MQG731:MQJ731"/>
    <mergeCell ref="MOW731:MOZ731"/>
    <mergeCell ref="MPA731:MPD731"/>
    <mergeCell ref="MPE731:MPH731"/>
    <mergeCell ref="MPI731:MPL731"/>
    <mergeCell ref="MPM731:MPP731"/>
    <mergeCell ref="MOC731:MOF731"/>
    <mergeCell ref="MOG731:MOJ731"/>
    <mergeCell ref="MOK731:MON731"/>
    <mergeCell ref="MOO731:MOR731"/>
    <mergeCell ref="MOS731:MOV731"/>
    <mergeCell ref="MNI731:MNL731"/>
    <mergeCell ref="MNM731:MNP731"/>
    <mergeCell ref="MNQ731:MNT731"/>
    <mergeCell ref="MNU731:MNX731"/>
    <mergeCell ref="MNY731:MOB731"/>
    <mergeCell ref="MMO731:MMR731"/>
    <mergeCell ref="MMS731:MMV731"/>
    <mergeCell ref="MMW731:MMZ731"/>
    <mergeCell ref="MNA731:MND731"/>
    <mergeCell ref="MNE731:MNH731"/>
    <mergeCell ref="MLU731:MLX731"/>
    <mergeCell ref="MLY731:MMB731"/>
    <mergeCell ref="MMC731:MMF731"/>
    <mergeCell ref="MMG731:MMJ731"/>
    <mergeCell ref="MMK731:MMN731"/>
    <mergeCell ref="MVU731:MVX731"/>
    <mergeCell ref="MVY731:MWB731"/>
    <mergeCell ref="MWC731:MWF731"/>
    <mergeCell ref="MWG731:MWJ731"/>
    <mergeCell ref="MWK731:MWN731"/>
    <mergeCell ref="MVA731:MVD731"/>
    <mergeCell ref="MVE731:MVH731"/>
    <mergeCell ref="MVI731:MVL731"/>
    <mergeCell ref="MVM731:MVP731"/>
    <mergeCell ref="MVQ731:MVT731"/>
    <mergeCell ref="MUG731:MUJ731"/>
    <mergeCell ref="MUK731:MUN731"/>
    <mergeCell ref="MUO731:MUR731"/>
    <mergeCell ref="MUS731:MUV731"/>
    <mergeCell ref="MUW731:MUZ731"/>
    <mergeCell ref="MTM731:MTP731"/>
    <mergeCell ref="MTQ731:MTT731"/>
    <mergeCell ref="MTU731:MTX731"/>
    <mergeCell ref="MTY731:MUB731"/>
    <mergeCell ref="MUC731:MUF731"/>
    <mergeCell ref="MSS731:MSV731"/>
    <mergeCell ref="MSW731:MSZ731"/>
    <mergeCell ref="MTA731:MTD731"/>
    <mergeCell ref="MTE731:MTH731"/>
    <mergeCell ref="MTI731:MTL731"/>
    <mergeCell ref="MRY731:MSB731"/>
    <mergeCell ref="MSC731:MSF731"/>
    <mergeCell ref="MSG731:MSJ731"/>
    <mergeCell ref="MSK731:MSN731"/>
    <mergeCell ref="MSO731:MSR731"/>
    <mergeCell ref="MRE731:MRH731"/>
    <mergeCell ref="MRI731:MRL731"/>
    <mergeCell ref="MRM731:MRP731"/>
    <mergeCell ref="MRQ731:MRT731"/>
    <mergeCell ref="MRU731:MRX731"/>
    <mergeCell ref="NBE731:NBH731"/>
    <mergeCell ref="NBI731:NBL731"/>
    <mergeCell ref="NBM731:NBP731"/>
    <mergeCell ref="NBQ731:NBT731"/>
    <mergeCell ref="NBU731:NBX731"/>
    <mergeCell ref="NAK731:NAN731"/>
    <mergeCell ref="NAO731:NAR731"/>
    <mergeCell ref="NAS731:NAV731"/>
    <mergeCell ref="NAW731:NAZ731"/>
    <mergeCell ref="NBA731:NBD731"/>
    <mergeCell ref="MZQ731:MZT731"/>
    <mergeCell ref="MZU731:MZX731"/>
    <mergeCell ref="MZY731:NAB731"/>
    <mergeCell ref="NAC731:NAF731"/>
    <mergeCell ref="NAG731:NAJ731"/>
    <mergeCell ref="MYW731:MYZ731"/>
    <mergeCell ref="MZA731:MZD731"/>
    <mergeCell ref="MZE731:MZH731"/>
    <mergeCell ref="MZI731:MZL731"/>
    <mergeCell ref="MZM731:MZP731"/>
    <mergeCell ref="MYC731:MYF731"/>
    <mergeCell ref="MYG731:MYJ731"/>
    <mergeCell ref="MYK731:MYN731"/>
    <mergeCell ref="MYO731:MYR731"/>
    <mergeCell ref="MYS731:MYV731"/>
    <mergeCell ref="MXI731:MXL731"/>
    <mergeCell ref="MXM731:MXP731"/>
    <mergeCell ref="MXQ731:MXT731"/>
    <mergeCell ref="MXU731:MXX731"/>
    <mergeCell ref="MXY731:MYB731"/>
    <mergeCell ref="MWO731:MWR731"/>
    <mergeCell ref="MWS731:MWV731"/>
    <mergeCell ref="MWW731:MWZ731"/>
    <mergeCell ref="MXA731:MXD731"/>
    <mergeCell ref="MXE731:MXH731"/>
    <mergeCell ref="NGO731:NGR731"/>
    <mergeCell ref="NGS731:NGV731"/>
    <mergeCell ref="NGW731:NGZ731"/>
    <mergeCell ref="NHA731:NHD731"/>
    <mergeCell ref="NHE731:NHH731"/>
    <mergeCell ref="NFU731:NFX731"/>
    <mergeCell ref="NFY731:NGB731"/>
    <mergeCell ref="NGC731:NGF731"/>
    <mergeCell ref="NGG731:NGJ731"/>
    <mergeCell ref="NGK731:NGN731"/>
    <mergeCell ref="NFA731:NFD731"/>
    <mergeCell ref="NFE731:NFH731"/>
    <mergeCell ref="NFI731:NFL731"/>
    <mergeCell ref="NFM731:NFP731"/>
    <mergeCell ref="NFQ731:NFT731"/>
    <mergeCell ref="NEG731:NEJ731"/>
    <mergeCell ref="NEK731:NEN731"/>
    <mergeCell ref="NEO731:NER731"/>
    <mergeCell ref="NES731:NEV731"/>
    <mergeCell ref="NEW731:NEZ731"/>
    <mergeCell ref="NDM731:NDP731"/>
    <mergeCell ref="NDQ731:NDT731"/>
    <mergeCell ref="NDU731:NDX731"/>
    <mergeCell ref="NDY731:NEB731"/>
    <mergeCell ref="NEC731:NEF731"/>
    <mergeCell ref="NCS731:NCV731"/>
    <mergeCell ref="NCW731:NCZ731"/>
    <mergeCell ref="NDA731:NDD731"/>
    <mergeCell ref="NDE731:NDH731"/>
    <mergeCell ref="NDI731:NDL731"/>
    <mergeCell ref="NBY731:NCB731"/>
    <mergeCell ref="NCC731:NCF731"/>
    <mergeCell ref="NCG731:NCJ731"/>
    <mergeCell ref="NCK731:NCN731"/>
    <mergeCell ref="NCO731:NCR731"/>
    <mergeCell ref="NLY731:NMB731"/>
    <mergeCell ref="NMC731:NMF731"/>
    <mergeCell ref="NMG731:NMJ731"/>
    <mergeCell ref="NMK731:NMN731"/>
    <mergeCell ref="NMO731:NMR731"/>
    <mergeCell ref="NLE731:NLH731"/>
    <mergeCell ref="NLI731:NLL731"/>
    <mergeCell ref="NLM731:NLP731"/>
    <mergeCell ref="NLQ731:NLT731"/>
    <mergeCell ref="NLU731:NLX731"/>
    <mergeCell ref="NKK731:NKN731"/>
    <mergeCell ref="NKO731:NKR731"/>
    <mergeCell ref="NKS731:NKV731"/>
    <mergeCell ref="NKW731:NKZ731"/>
    <mergeCell ref="NLA731:NLD731"/>
    <mergeCell ref="NJQ731:NJT731"/>
    <mergeCell ref="NJU731:NJX731"/>
    <mergeCell ref="NJY731:NKB731"/>
    <mergeCell ref="NKC731:NKF731"/>
    <mergeCell ref="NKG731:NKJ731"/>
    <mergeCell ref="NIW731:NIZ731"/>
    <mergeCell ref="NJA731:NJD731"/>
    <mergeCell ref="NJE731:NJH731"/>
    <mergeCell ref="NJI731:NJL731"/>
    <mergeCell ref="NJM731:NJP731"/>
    <mergeCell ref="NIC731:NIF731"/>
    <mergeCell ref="NIG731:NIJ731"/>
    <mergeCell ref="NIK731:NIN731"/>
    <mergeCell ref="NIO731:NIR731"/>
    <mergeCell ref="NIS731:NIV731"/>
    <mergeCell ref="NHI731:NHL731"/>
    <mergeCell ref="NHM731:NHP731"/>
    <mergeCell ref="NHQ731:NHT731"/>
    <mergeCell ref="NHU731:NHX731"/>
    <mergeCell ref="NHY731:NIB731"/>
    <mergeCell ref="NRI731:NRL731"/>
    <mergeCell ref="NRM731:NRP731"/>
    <mergeCell ref="NRQ731:NRT731"/>
    <mergeCell ref="NRU731:NRX731"/>
    <mergeCell ref="NRY731:NSB731"/>
    <mergeCell ref="NQO731:NQR731"/>
    <mergeCell ref="NQS731:NQV731"/>
    <mergeCell ref="NQW731:NQZ731"/>
    <mergeCell ref="NRA731:NRD731"/>
    <mergeCell ref="NRE731:NRH731"/>
    <mergeCell ref="NPU731:NPX731"/>
    <mergeCell ref="NPY731:NQB731"/>
    <mergeCell ref="NQC731:NQF731"/>
    <mergeCell ref="NQG731:NQJ731"/>
    <mergeCell ref="NQK731:NQN731"/>
    <mergeCell ref="NPA731:NPD731"/>
    <mergeCell ref="NPE731:NPH731"/>
    <mergeCell ref="NPI731:NPL731"/>
    <mergeCell ref="NPM731:NPP731"/>
    <mergeCell ref="NPQ731:NPT731"/>
    <mergeCell ref="NOG731:NOJ731"/>
    <mergeCell ref="NOK731:NON731"/>
    <mergeCell ref="NOO731:NOR731"/>
    <mergeCell ref="NOS731:NOV731"/>
    <mergeCell ref="NOW731:NOZ731"/>
    <mergeCell ref="NNM731:NNP731"/>
    <mergeCell ref="NNQ731:NNT731"/>
    <mergeCell ref="NNU731:NNX731"/>
    <mergeCell ref="NNY731:NOB731"/>
    <mergeCell ref="NOC731:NOF731"/>
    <mergeCell ref="NMS731:NMV731"/>
    <mergeCell ref="NMW731:NMZ731"/>
    <mergeCell ref="NNA731:NND731"/>
    <mergeCell ref="NNE731:NNH731"/>
    <mergeCell ref="NNI731:NNL731"/>
    <mergeCell ref="NWS731:NWV731"/>
    <mergeCell ref="NWW731:NWZ731"/>
    <mergeCell ref="NXA731:NXD731"/>
    <mergeCell ref="NXE731:NXH731"/>
    <mergeCell ref="NXI731:NXL731"/>
    <mergeCell ref="NVY731:NWB731"/>
    <mergeCell ref="NWC731:NWF731"/>
    <mergeCell ref="NWG731:NWJ731"/>
    <mergeCell ref="NWK731:NWN731"/>
    <mergeCell ref="NWO731:NWR731"/>
    <mergeCell ref="NVE731:NVH731"/>
    <mergeCell ref="NVI731:NVL731"/>
    <mergeCell ref="NVM731:NVP731"/>
    <mergeCell ref="NVQ731:NVT731"/>
    <mergeCell ref="NVU731:NVX731"/>
    <mergeCell ref="NUK731:NUN731"/>
    <mergeCell ref="NUO731:NUR731"/>
    <mergeCell ref="NUS731:NUV731"/>
    <mergeCell ref="NUW731:NUZ731"/>
    <mergeCell ref="NVA731:NVD731"/>
    <mergeCell ref="NTQ731:NTT731"/>
    <mergeCell ref="NTU731:NTX731"/>
    <mergeCell ref="NTY731:NUB731"/>
    <mergeCell ref="NUC731:NUF731"/>
    <mergeCell ref="NUG731:NUJ731"/>
    <mergeCell ref="NSW731:NSZ731"/>
    <mergeCell ref="NTA731:NTD731"/>
    <mergeCell ref="NTE731:NTH731"/>
    <mergeCell ref="NTI731:NTL731"/>
    <mergeCell ref="NTM731:NTP731"/>
    <mergeCell ref="NSC731:NSF731"/>
    <mergeCell ref="NSG731:NSJ731"/>
    <mergeCell ref="NSK731:NSN731"/>
    <mergeCell ref="NSO731:NSR731"/>
    <mergeCell ref="NSS731:NSV731"/>
    <mergeCell ref="OCC731:OCF731"/>
    <mergeCell ref="OCG731:OCJ731"/>
    <mergeCell ref="OCK731:OCN731"/>
    <mergeCell ref="OCO731:OCR731"/>
    <mergeCell ref="OCS731:OCV731"/>
    <mergeCell ref="OBI731:OBL731"/>
    <mergeCell ref="OBM731:OBP731"/>
    <mergeCell ref="OBQ731:OBT731"/>
    <mergeCell ref="OBU731:OBX731"/>
    <mergeCell ref="OBY731:OCB731"/>
    <mergeCell ref="OAO731:OAR731"/>
    <mergeCell ref="OAS731:OAV731"/>
    <mergeCell ref="OAW731:OAZ731"/>
    <mergeCell ref="OBA731:OBD731"/>
    <mergeCell ref="OBE731:OBH731"/>
    <mergeCell ref="NZU731:NZX731"/>
    <mergeCell ref="NZY731:OAB731"/>
    <mergeCell ref="OAC731:OAF731"/>
    <mergeCell ref="OAG731:OAJ731"/>
    <mergeCell ref="OAK731:OAN731"/>
    <mergeCell ref="NZA731:NZD731"/>
    <mergeCell ref="NZE731:NZH731"/>
    <mergeCell ref="NZI731:NZL731"/>
    <mergeCell ref="NZM731:NZP731"/>
    <mergeCell ref="NZQ731:NZT731"/>
    <mergeCell ref="NYG731:NYJ731"/>
    <mergeCell ref="NYK731:NYN731"/>
    <mergeCell ref="NYO731:NYR731"/>
    <mergeCell ref="NYS731:NYV731"/>
    <mergeCell ref="NYW731:NYZ731"/>
    <mergeCell ref="NXM731:NXP731"/>
    <mergeCell ref="NXQ731:NXT731"/>
    <mergeCell ref="NXU731:NXX731"/>
    <mergeCell ref="NXY731:NYB731"/>
    <mergeCell ref="NYC731:NYF731"/>
    <mergeCell ref="OHM731:OHP731"/>
    <mergeCell ref="OHQ731:OHT731"/>
    <mergeCell ref="OHU731:OHX731"/>
    <mergeCell ref="OHY731:OIB731"/>
    <mergeCell ref="OIC731:OIF731"/>
    <mergeCell ref="OGS731:OGV731"/>
    <mergeCell ref="OGW731:OGZ731"/>
    <mergeCell ref="OHA731:OHD731"/>
    <mergeCell ref="OHE731:OHH731"/>
    <mergeCell ref="OHI731:OHL731"/>
    <mergeCell ref="OFY731:OGB731"/>
    <mergeCell ref="OGC731:OGF731"/>
    <mergeCell ref="OGG731:OGJ731"/>
    <mergeCell ref="OGK731:OGN731"/>
    <mergeCell ref="OGO731:OGR731"/>
    <mergeCell ref="OFE731:OFH731"/>
    <mergeCell ref="OFI731:OFL731"/>
    <mergeCell ref="OFM731:OFP731"/>
    <mergeCell ref="OFQ731:OFT731"/>
    <mergeCell ref="OFU731:OFX731"/>
    <mergeCell ref="OEK731:OEN731"/>
    <mergeCell ref="OEO731:OER731"/>
    <mergeCell ref="OES731:OEV731"/>
    <mergeCell ref="OEW731:OEZ731"/>
    <mergeCell ref="OFA731:OFD731"/>
    <mergeCell ref="ODQ731:ODT731"/>
    <mergeCell ref="ODU731:ODX731"/>
    <mergeCell ref="ODY731:OEB731"/>
    <mergeCell ref="OEC731:OEF731"/>
    <mergeCell ref="OEG731:OEJ731"/>
    <mergeCell ref="OCW731:OCZ731"/>
    <mergeCell ref="ODA731:ODD731"/>
    <mergeCell ref="ODE731:ODH731"/>
    <mergeCell ref="ODI731:ODL731"/>
    <mergeCell ref="ODM731:ODP731"/>
    <mergeCell ref="OMW731:OMZ731"/>
    <mergeCell ref="ONA731:OND731"/>
    <mergeCell ref="ONE731:ONH731"/>
    <mergeCell ref="ONI731:ONL731"/>
    <mergeCell ref="ONM731:ONP731"/>
    <mergeCell ref="OMC731:OMF731"/>
    <mergeCell ref="OMG731:OMJ731"/>
    <mergeCell ref="OMK731:OMN731"/>
    <mergeCell ref="OMO731:OMR731"/>
    <mergeCell ref="OMS731:OMV731"/>
    <mergeCell ref="OLI731:OLL731"/>
    <mergeCell ref="OLM731:OLP731"/>
    <mergeCell ref="OLQ731:OLT731"/>
    <mergeCell ref="OLU731:OLX731"/>
    <mergeCell ref="OLY731:OMB731"/>
    <mergeCell ref="OKO731:OKR731"/>
    <mergeCell ref="OKS731:OKV731"/>
    <mergeCell ref="OKW731:OKZ731"/>
    <mergeCell ref="OLA731:OLD731"/>
    <mergeCell ref="OLE731:OLH731"/>
    <mergeCell ref="OJU731:OJX731"/>
    <mergeCell ref="OJY731:OKB731"/>
    <mergeCell ref="OKC731:OKF731"/>
    <mergeCell ref="OKG731:OKJ731"/>
    <mergeCell ref="OKK731:OKN731"/>
    <mergeCell ref="OJA731:OJD731"/>
    <mergeCell ref="OJE731:OJH731"/>
    <mergeCell ref="OJI731:OJL731"/>
    <mergeCell ref="OJM731:OJP731"/>
    <mergeCell ref="OJQ731:OJT731"/>
    <mergeCell ref="OIG731:OIJ731"/>
    <mergeCell ref="OIK731:OIN731"/>
    <mergeCell ref="OIO731:OIR731"/>
    <mergeCell ref="OIS731:OIV731"/>
    <mergeCell ref="OIW731:OIZ731"/>
    <mergeCell ref="OSG731:OSJ731"/>
    <mergeCell ref="OSK731:OSN731"/>
    <mergeCell ref="OSO731:OSR731"/>
    <mergeCell ref="OSS731:OSV731"/>
    <mergeCell ref="OSW731:OSZ731"/>
    <mergeCell ref="ORM731:ORP731"/>
    <mergeCell ref="ORQ731:ORT731"/>
    <mergeCell ref="ORU731:ORX731"/>
    <mergeCell ref="ORY731:OSB731"/>
    <mergeCell ref="OSC731:OSF731"/>
    <mergeCell ref="OQS731:OQV731"/>
    <mergeCell ref="OQW731:OQZ731"/>
    <mergeCell ref="ORA731:ORD731"/>
    <mergeCell ref="ORE731:ORH731"/>
    <mergeCell ref="ORI731:ORL731"/>
    <mergeCell ref="OPY731:OQB731"/>
    <mergeCell ref="OQC731:OQF731"/>
    <mergeCell ref="OQG731:OQJ731"/>
    <mergeCell ref="OQK731:OQN731"/>
    <mergeCell ref="OQO731:OQR731"/>
    <mergeCell ref="OPE731:OPH731"/>
    <mergeCell ref="OPI731:OPL731"/>
    <mergeCell ref="OPM731:OPP731"/>
    <mergeCell ref="OPQ731:OPT731"/>
    <mergeCell ref="OPU731:OPX731"/>
    <mergeCell ref="OOK731:OON731"/>
    <mergeCell ref="OOO731:OOR731"/>
    <mergeCell ref="OOS731:OOV731"/>
    <mergeCell ref="OOW731:OOZ731"/>
    <mergeCell ref="OPA731:OPD731"/>
    <mergeCell ref="ONQ731:ONT731"/>
    <mergeCell ref="ONU731:ONX731"/>
    <mergeCell ref="ONY731:OOB731"/>
    <mergeCell ref="OOC731:OOF731"/>
    <mergeCell ref="OOG731:OOJ731"/>
    <mergeCell ref="OXQ731:OXT731"/>
    <mergeCell ref="OXU731:OXX731"/>
    <mergeCell ref="OXY731:OYB731"/>
    <mergeCell ref="OYC731:OYF731"/>
    <mergeCell ref="OYG731:OYJ731"/>
    <mergeCell ref="OWW731:OWZ731"/>
    <mergeCell ref="OXA731:OXD731"/>
    <mergeCell ref="OXE731:OXH731"/>
    <mergeCell ref="OXI731:OXL731"/>
    <mergeCell ref="OXM731:OXP731"/>
    <mergeCell ref="OWC731:OWF731"/>
    <mergeCell ref="OWG731:OWJ731"/>
    <mergeCell ref="OWK731:OWN731"/>
    <mergeCell ref="OWO731:OWR731"/>
    <mergeCell ref="OWS731:OWV731"/>
    <mergeCell ref="OVI731:OVL731"/>
    <mergeCell ref="OVM731:OVP731"/>
    <mergeCell ref="OVQ731:OVT731"/>
    <mergeCell ref="OVU731:OVX731"/>
    <mergeCell ref="OVY731:OWB731"/>
    <mergeCell ref="OUO731:OUR731"/>
    <mergeCell ref="OUS731:OUV731"/>
    <mergeCell ref="OUW731:OUZ731"/>
    <mergeCell ref="OVA731:OVD731"/>
    <mergeCell ref="OVE731:OVH731"/>
    <mergeCell ref="OTU731:OTX731"/>
    <mergeCell ref="OTY731:OUB731"/>
    <mergeCell ref="OUC731:OUF731"/>
    <mergeCell ref="OUG731:OUJ731"/>
    <mergeCell ref="OUK731:OUN731"/>
    <mergeCell ref="OTA731:OTD731"/>
    <mergeCell ref="OTE731:OTH731"/>
    <mergeCell ref="OTI731:OTL731"/>
    <mergeCell ref="OTM731:OTP731"/>
    <mergeCell ref="OTQ731:OTT731"/>
    <mergeCell ref="PDA731:PDD731"/>
    <mergeCell ref="PDE731:PDH731"/>
    <mergeCell ref="PDI731:PDL731"/>
    <mergeCell ref="PDM731:PDP731"/>
    <mergeCell ref="PDQ731:PDT731"/>
    <mergeCell ref="PCG731:PCJ731"/>
    <mergeCell ref="PCK731:PCN731"/>
    <mergeCell ref="PCO731:PCR731"/>
    <mergeCell ref="PCS731:PCV731"/>
    <mergeCell ref="PCW731:PCZ731"/>
    <mergeCell ref="PBM731:PBP731"/>
    <mergeCell ref="PBQ731:PBT731"/>
    <mergeCell ref="PBU731:PBX731"/>
    <mergeCell ref="PBY731:PCB731"/>
    <mergeCell ref="PCC731:PCF731"/>
    <mergeCell ref="PAS731:PAV731"/>
    <mergeCell ref="PAW731:PAZ731"/>
    <mergeCell ref="PBA731:PBD731"/>
    <mergeCell ref="PBE731:PBH731"/>
    <mergeCell ref="PBI731:PBL731"/>
    <mergeCell ref="OZY731:PAB731"/>
    <mergeCell ref="PAC731:PAF731"/>
    <mergeCell ref="PAG731:PAJ731"/>
    <mergeCell ref="PAK731:PAN731"/>
    <mergeCell ref="PAO731:PAR731"/>
    <mergeCell ref="OZE731:OZH731"/>
    <mergeCell ref="OZI731:OZL731"/>
    <mergeCell ref="OZM731:OZP731"/>
    <mergeCell ref="OZQ731:OZT731"/>
    <mergeCell ref="OZU731:OZX731"/>
    <mergeCell ref="OYK731:OYN731"/>
    <mergeCell ref="OYO731:OYR731"/>
    <mergeCell ref="OYS731:OYV731"/>
    <mergeCell ref="OYW731:OYZ731"/>
    <mergeCell ref="OZA731:OZD731"/>
    <mergeCell ref="PIK731:PIN731"/>
    <mergeCell ref="PIO731:PIR731"/>
    <mergeCell ref="PIS731:PIV731"/>
    <mergeCell ref="PIW731:PIZ731"/>
    <mergeCell ref="PJA731:PJD731"/>
    <mergeCell ref="PHQ731:PHT731"/>
    <mergeCell ref="PHU731:PHX731"/>
    <mergeCell ref="PHY731:PIB731"/>
    <mergeCell ref="PIC731:PIF731"/>
    <mergeCell ref="PIG731:PIJ731"/>
    <mergeCell ref="PGW731:PGZ731"/>
    <mergeCell ref="PHA731:PHD731"/>
    <mergeCell ref="PHE731:PHH731"/>
    <mergeCell ref="PHI731:PHL731"/>
    <mergeCell ref="PHM731:PHP731"/>
    <mergeCell ref="PGC731:PGF731"/>
    <mergeCell ref="PGG731:PGJ731"/>
    <mergeCell ref="PGK731:PGN731"/>
    <mergeCell ref="PGO731:PGR731"/>
    <mergeCell ref="PGS731:PGV731"/>
    <mergeCell ref="PFI731:PFL731"/>
    <mergeCell ref="PFM731:PFP731"/>
    <mergeCell ref="PFQ731:PFT731"/>
    <mergeCell ref="PFU731:PFX731"/>
    <mergeCell ref="PFY731:PGB731"/>
    <mergeCell ref="PEO731:PER731"/>
    <mergeCell ref="PES731:PEV731"/>
    <mergeCell ref="PEW731:PEZ731"/>
    <mergeCell ref="PFA731:PFD731"/>
    <mergeCell ref="PFE731:PFH731"/>
    <mergeCell ref="PDU731:PDX731"/>
    <mergeCell ref="PDY731:PEB731"/>
    <mergeCell ref="PEC731:PEF731"/>
    <mergeCell ref="PEG731:PEJ731"/>
    <mergeCell ref="PEK731:PEN731"/>
    <mergeCell ref="PNU731:PNX731"/>
    <mergeCell ref="PNY731:POB731"/>
    <mergeCell ref="POC731:POF731"/>
    <mergeCell ref="POG731:POJ731"/>
    <mergeCell ref="POK731:PON731"/>
    <mergeCell ref="PNA731:PND731"/>
    <mergeCell ref="PNE731:PNH731"/>
    <mergeCell ref="PNI731:PNL731"/>
    <mergeCell ref="PNM731:PNP731"/>
    <mergeCell ref="PNQ731:PNT731"/>
    <mergeCell ref="PMG731:PMJ731"/>
    <mergeCell ref="PMK731:PMN731"/>
    <mergeCell ref="PMO731:PMR731"/>
    <mergeCell ref="PMS731:PMV731"/>
    <mergeCell ref="PMW731:PMZ731"/>
    <mergeCell ref="PLM731:PLP731"/>
    <mergeCell ref="PLQ731:PLT731"/>
    <mergeCell ref="PLU731:PLX731"/>
    <mergeCell ref="PLY731:PMB731"/>
    <mergeCell ref="PMC731:PMF731"/>
    <mergeCell ref="PKS731:PKV731"/>
    <mergeCell ref="PKW731:PKZ731"/>
    <mergeCell ref="PLA731:PLD731"/>
    <mergeCell ref="PLE731:PLH731"/>
    <mergeCell ref="PLI731:PLL731"/>
    <mergeCell ref="PJY731:PKB731"/>
    <mergeCell ref="PKC731:PKF731"/>
    <mergeCell ref="PKG731:PKJ731"/>
    <mergeCell ref="PKK731:PKN731"/>
    <mergeCell ref="PKO731:PKR731"/>
    <mergeCell ref="PJE731:PJH731"/>
    <mergeCell ref="PJI731:PJL731"/>
    <mergeCell ref="PJM731:PJP731"/>
    <mergeCell ref="PJQ731:PJT731"/>
    <mergeCell ref="PJU731:PJX731"/>
    <mergeCell ref="PTE731:PTH731"/>
    <mergeCell ref="PTI731:PTL731"/>
    <mergeCell ref="PTM731:PTP731"/>
    <mergeCell ref="PTQ731:PTT731"/>
    <mergeCell ref="PTU731:PTX731"/>
    <mergeCell ref="PSK731:PSN731"/>
    <mergeCell ref="PSO731:PSR731"/>
    <mergeCell ref="PSS731:PSV731"/>
    <mergeCell ref="PSW731:PSZ731"/>
    <mergeCell ref="PTA731:PTD731"/>
    <mergeCell ref="PRQ731:PRT731"/>
    <mergeCell ref="PRU731:PRX731"/>
    <mergeCell ref="PRY731:PSB731"/>
    <mergeCell ref="PSC731:PSF731"/>
    <mergeCell ref="PSG731:PSJ731"/>
    <mergeCell ref="PQW731:PQZ731"/>
    <mergeCell ref="PRA731:PRD731"/>
    <mergeCell ref="PRE731:PRH731"/>
    <mergeCell ref="PRI731:PRL731"/>
    <mergeCell ref="PRM731:PRP731"/>
    <mergeCell ref="PQC731:PQF731"/>
    <mergeCell ref="PQG731:PQJ731"/>
    <mergeCell ref="PQK731:PQN731"/>
    <mergeCell ref="PQO731:PQR731"/>
    <mergeCell ref="PQS731:PQV731"/>
    <mergeCell ref="PPI731:PPL731"/>
    <mergeCell ref="PPM731:PPP731"/>
    <mergeCell ref="PPQ731:PPT731"/>
    <mergeCell ref="PPU731:PPX731"/>
    <mergeCell ref="PPY731:PQB731"/>
    <mergeCell ref="POO731:POR731"/>
    <mergeCell ref="POS731:POV731"/>
    <mergeCell ref="POW731:POZ731"/>
    <mergeCell ref="PPA731:PPD731"/>
    <mergeCell ref="PPE731:PPH731"/>
    <mergeCell ref="PYO731:PYR731"/>
    <mergeCell ref="PYS731:PYV731"/>
    <mergeCell ref="PYW731:PYZ731"/>
    <mergeCell ref="PZA731:PZD731"/>
    <mergeCell ref="PZE731:PZH731"/>
    <mergeCell ref="PXU731:PXX731"/>
    <mergeCell ref="PXY731:PYB731"/>
    <mergeCell ref="PYC731:PYF731"/>
    <mergeCell ref="PYG731:PYJ731"/>
    <mergeCell ref="PYK731:PYN731"/>
    <mergeCell ref="PXA731:PXD731"/>
    <mergeCell ref="PXE731:PXH731"/>
    <mergeCell ref="PXI731:PXL731"/>
    <mergeCell ref="PXM731:PXP731"/>
    <mergeCell ref="PXQ731:PXT731"/>
    <mergeCell ref="PWG731:PWJ731"/>
    <mergeCell ref="PWK731:PWN731"/>
    <mergeCell ref="PWO731:PWR731"/>
    <mergeCell ref="PWS731:PWV731"/>
    <mergeCell ref="PWW731:PWZ731"/>
    <mergeCell ref="PVM731:PVP731"/>
    <mergeCell ref="PVQ731:PVT731"/>
    <mergeCell ref="PVU731:PVX731"/>
    <mergeCell ref="PVY731:PWB731"/>
    <mergeCell ref="PWC731:PWF731"/>
    <mergeCell ref="PUS731:PUV731"/>
    <mergeCell ref="PUW731:PUZ731"/>
    <mergeCell ref="PVA731:PVD731"/>
    <mergeCell ref="PVE731:PVH731"/>
    <mergeCell ref="PVI731:PVL731"/>
    <mergeCell ref="PTY731:PUB731"/>
    <mergeCell ref="PUC731:PUF731"/>
    <mergeCell ref="PUG731:PUJ731"/>
    <mergeCell ref="PUK731:PUN731"/>
    <mergeCell ref="PUO731:PUR731"/>
    <mergeCell ref="QDY731:QEB731"/>
    <mergeCell ref="QEC731:QEF731"/>
    <mergeCell ref="QEG731:QEJ731"/>
    <mergeCell ref="QEK731:QEN731"/>
    <mergeCell ref="QEO731:QER731"/>
    <mergeCell ref="QDE731:QDH731"/>
    <mergeCell ref="QDI731:QDL731"/>
    <mergeCell ref="QDM731:QDP731"/>
    <mergeCell ref="QDQ731:QDT731"/>
    <mergeCell ref="QDU731:QDX731"/>
    <mergeCell ref="QCK731:QCN731"/>
    <mergeCell ref="QCO731:QCR731"/>
    <mergeCell ref="QCS731:QCV731"/>
    <mergeCell ref="QCW731:QCZ731"/>
    <mergeCell ref="QDA731:QDD731"/>
    <mergeCell ref="QBQ731:QBT731"/>
    <mergeCell ref="QBU731:QBX731"/>
    <mergeCell ref="QBY731:QCB731"/>
    <mergeCell ref="QCC731:QCF731"/>
    <mergeCell ref="QCG731:QCJ731"/>
    <mergeCell ref="QAW731:QAZ731"/>
    <mergeCell ref="QBA731:QBD731"/>
    <mergeCell ref="QBE731:QBH731"/>
    <mergeCell ref="QBI731:QBL731"/>
    <mergeCell ref="QBM731:QBP731"/>
    <mergeCell ref="QAC731:QAF731"/>
    <mergeCell ref="QAG731:QAJ731"/>
    <mergeCell ref="QAK731:QAN731"/>
    <mergeCell ref="QAO731:QAR731"/>
    <mergeCell ref="QAS731:QAV731"/>
    <mergeCell ref="PZI731:PZL731"/>
    <mergeCell ref="PZM731:PZP731"/>
    <mergeCell ref="PZQ731:PZT731"/>
    <mergeCell ref="PZU731:PZX731"/>
    <mergeCell ref="PZY731:QAB731"/>
    <mergeCell ref="QJI731:QJL731"/>
    <mergeCell ref="QJM731:QJP731"/>
    <mergeCell ref="QJQ731:QJT731"/>
    <mergeCell ref="QJU731:QJX731"/>
    <mergeCell ref="QJY731:QKB731"/>
    <mergeCell ref="QIO731:QIR731"/>
    <mergeCell ref="QIS731:QIV731"/>
    <mergeCell ref="QIW731:QIZ731"/>
    <mergeCell ref="QJA731:QJD731"/>
    <mergeCell ref="QJE731:QJH731"/>
    <mergeCell ref="QHU731:QHX731"/>
    <mergeCell ref="QHY731:QIB731"/>
    <mergeCell ref="QIC731:QIF731"/>
    <mergeCell ref="QIG731:QIJ731"/>
    <mergeCell ref="QIK731:QIN731"/>
    <mergeCell ref="QHA731:QHD731"/>
    <mergeCell ref="QHE731:QHH731"/>
    <mergeCell ref="QHI731:QHL731"/>
    <mergeCell ref="QHM731:QHP731"/>
    <mergeCell ref="QHQ731:QHT731"/>
    <mergeCell ref="QGG731:QGJ731"/>
    <mergeCell ref="QGK731:QGN731"/>
    <mergeCell ref="QGO731:QGR731"/>
    <mergeCell ref="QGS731:QGV731"/>
    <mergeCell ref="QGW731:QGZ731"/>
    <mergeCell ref="QFM731:QFP731"/>
    <mergeCell ref="QFQ731:QFT731"/>
    <mergeCell ref="QFU731:QFX731"/>
    <mergeCell ref="QFY731:QGB731"/>
    <mergeCell ref="QGC731:QGF731"/>
    <mergeCell ref="QES731:QEV731"/>
    <mergeCell ref="QEW731:QEZ731"/>
    <mergeCell ref="QFA731:QFD731"/>
    <mergeCell ref="QFE731:QFH731"/>
    <mergeCell ref="QFI731:QFL731"/>
    <mergeCell ref="QOS731:QOV731"/>
    <mergeCell ref="QOW731:QOZ731"/>
    <mergeCell ref="QPA731:QPD731"/>
    <mergeCell ref="QPE731:QPH731"/>
    <mergeCell ref="QPI731:QPL731"/>
    <mergeCell ref="QNY731:QOB731"/>
    <mergeCell ref="QOC731:QOF731"/>
    <mergeCell ref="QOG731:QOJ731"/>
    <mergeCell ref="QOK731:QON731"/>
    <mergeCell ref="QOO731:QOR731"/>
    <mergeCell ref="QNE731:QNH731"/>
    <mergeCell ref="QNI731:QNL731"/>
    <mergeCell ref="QNM731:QNP731"/>
    <mergeCell ref="QNQ731:QNT731"/>
    <mergeCell ref="QNU731:QNX731"/>
    <mergeCell ref="QMK731:QMN731"/>
    <mergeCell ref="QMO731:QMR731"/>
    <mergeCell ref="QMS731:QMV731"/>
    <mergeCell ref="QMW731:QMZ731"/>
    <mergeCell ref="QNA731:QND731"/>
    <mergeCell ref="QLQ731:QLT731"/>
    <mergeCell ref="QLU731:QLX731"/>
    <mergeCell ref="QLY731:QMB731"/>
    <mergeCell ref="QMC731:QMF731"/>
    <mergeCell ref="QMG731:QMJ731"/>
    <mergeCell ref="QKW731:QKZ731"/>
    <mergeCell ref="QLA731:QLD731"/>
    <mergeCell ref="QLE731:QLH731"/>
    <mergeCell ref="QLI731:QLL731"/>
    <mergeCell ref="QLM731:QLP731"/>
    <mergeCell ref="QKC731:QKF731"/>
    <mergeCell ref="QKG731:QKJ731"/>
    <mergeCell ref="QKK731:QKN731"/>
    <mergeCell ref="QKO731:QKR731"/>
    <mergeCell ref="QKS731:QKV731"/>
    <mergeCell ref="QUC731:QUF731"/>
    <mergeCell ref="QUG731:QUJ731"/>
    <mergeCell ref="QUK731:QUN731"/>
    <mergeCell ref="QUO731:QUR731"/>
    <mergeCell ref="QUS731:QUV731"/>
    <mergeCell ref="QTI731:QTL731"/>
    <mergeCell ref="QTM731:QTP731"/>
    <mergeCell ref="QTQ731:QTT731"/>
    <mergeCell ref="QTU731:QTX731"/>
    <mergeCell ref="QTY731:QUB731"/>
    <mergeCell ref="QSO731:QSR731"/>
    <mergeCell ref="QSS731:QSV731"/>
    <mergeCell ref="QSW731:QSZ731"/>
    <mergeCell ref="QTA731:QTD731"/>
    <mergeCell ref="QTE731:QTH731"/>
    <mergeCell ref="QRU731:QRX731"/>
    <mergeCell ref="QRY731:QSB731"/>
    <mergeCell ref="QSC731:QSF731"/>
    <mergeCell ref="QSG731:QSJ731"/>
    <mergeCell ref="QSK731:QSN731"/>
    <mergeCell ref="QRA731:QRD731"/>
    <mergeCell ref="QRE731:QRH731"/>
    <mergeCell ref="QRI731:QRL731"/>
    <mergeCell ref="QRM731:QRP731"/>
    <mergeCell ref="QRQ731:QRT731"/>
    <mergeCell ref="QQG731:QQJ731"/>
    <mergeCell ref="QQK731:QQN731"/>
    <mergeCell ref="QQO731:QQR731"/>
    <mergeCell ref="QQS731:QQV731"/>
    <mergeCell ref="QQW731:QQZ731"/>
    <mergeCell ref="QPM731:QPP731"/>
    <mergeCell ref="QPQ731:QPT731"/>
    <mergeCell ref="QPU731:QPX731"/>
    <mergeCell ref="QPY731:QQB731"/>
    <mergeCell ref="QQC731:QQF731"/>
    <mergeCell ref="QZM731:QZP731"/>
    <mergeCell ref="QZQ731:QZT731"/>
    <mergeCell ref="QZU731:QZX731"/>
    <mergeCell ref="QZY731:RAB731"/>
    <mergeCell ref="RAC731:RAF731"/>
    <mergeCell ref="QYS731:QYV731"/>
    <mergeCell ref="QYW731:QYZ731"/>
    <mergeCell ref="QZA731:QZD731"/>
    <mergeCell ref="QZE731:QZH731"/>
    <mergeCell ref="QZI731:QZL731"/>
    <mergeCell ref="QXY731:QYB731"/>
    <mergeCell ref="QYC731:QYF731"/>
    <mergeCell ref="QYG731:QYJ731"/>
    <mergeCell ref="QYK731:QYN731"/>
    <mergeCell ref="QYO731:QYR731"/>
    <mergeCell ref="QXE731:QXH731"/>
    <mergeCell ref="QXI731:QXL731"/>
    <mergeCell ref="QXM731:QXP731"/>
    <mergeCell ref="QXQ731:QXT731"/>
    <mergeCell ref="QXU731:QXX731"/>
    <mergeCell ref="QWK731:QWN731"/>
    <mergeCell ref="QWO731:QWR731"/>
    <mergeCell ref="QWS731:QWV731"/>
    <mergeCell ref="QWW731:QWZ731"/>
    <mergeCell ref="QXA731:QXD731"/>
    <mergeCell ref="QVQ731:QVT731"/>
    <mergeCell ref="QVU731:QVX731"/>
    <mergeCell ref="QVY731:QWB731"/>
    <mergeCell ref="QWC731:QWF731"/>
    <mergeCell ref="QWG731:QWJ731"/>
    <mergeCell ref="QUW731:QUZ731"/>
    <mergeCell ref="QVA731:QVD731"/>
    <mergeCell ref="QVE731:QVH731"/>
    <mergeCell ref="QVI731:QVL731"/>
    <mergeCell ref="QVM731:QVP731"/>
    <mergeCell ref="REW731:REZ731"/>
    <mergeCell ref="RFA731:RFD731"/>
    <mergeCell ref="RFE731:RFH731"/>
    <mergeCell ref="RFI731:RFL731"/>
    <mergeCell ref="RFM731:RFP731"/>
    <mergeCell ref="REC731:REF731"/>
    <mergeCell ref="REG731:REJ731"/>
    <mergeCell ref="REK731:REN731"/>
    <mergeCell ref="REO731:RER731"/>
    <mergeCell ref="RES731:REV731"/>
    <mergeCell ref="RDI731:RDL731"/>
    <mergeCell ref="RDM731:RDP731"/>
    <mergeCell ref="RDQ731:RDT731"/>
    <mergeCell ref="RDU731:RDX731"/>
    <mergeCell ref="RDY731:REB731"/>
    <mergeCell ref="RCO731:RCR731"/>
    <mergeCell ref="RCS731:RCV731"/>
    <mergeCell ref="RCW731:RCZ731"/>
    <mergeCell ref="RDA731:RDD731"/>
    <mergeCell ref="RDE731:RDH731"/>
    <mergeCell ref="RBU731:RBX731"/>
    <mergeCell ref="RBY731:RCB731"/>
    <mergeCell ref="RCC731:RCF731"/>
    <mergeCell ref="RCG731:RCJ731"/>
    <mergeCell ref="RCK731:RCN731"/>
    <mergeCell ref="RBA731:RBD731"/>
    <mergeCell ref="RBE731:RBH731"/>
    <mergeCell ref="RBI731:RBL731"/>
    <mergeCell ref="RBM731:RBP731"/>
    <mergeCell ref="RBQ731:RBT731"/>
    <mergeCell ref="RAG731:RAJ731"/>
    <mergeCell ref="RAK731:RAN731"/>
    <mergeCell ref="RAO731:RAR731"/>
    <mergeCell ref="RAS731:RAV731"/>
    <mergeCell ref="RAW731:RAZ731"/>
    <mergeCell ref="RKG731:RKJ731"/>
    <mergeCell ref="RKK731:RKN731"/>
    <mergeCell ref="RKO731:RKR731"/>
    <mergeCell ref="RKS731:RKV731"/>
    <mergeCell ref="RKW731:RKZ731"/>
    <mergeCell ref="RJM731:RJP731"/>
    <mergeCell ref="RJQ731:RJT731"/>
    <mergeCell ref="RJU731:RJX731"/>
    <mergeCell ref="RJY731:RKB731"/>
    <mergeCell ref="RKC731:RKF731"/>
    <mergeCell ref="RIS731:RIV731"/>
    <mergeCell ref="RIW731:RIZ731"/>
    <mergeCell ref="RJA731:RJD731"/>
    <mergeCell ref="RJE731:RJH731"/>
    <mergeCell ref="RJI731:RJL731"/>
    <mergeCell ref="RHY731:RIB731"/>
    <mergeCell ref="RIC731:RIF731"/>
    <mergeCell ref="RIG731:RIJ731"/>
    <mergeCell ref="RIK731:RIN731"/>
    <mergeCell ref="RIO731:RIR731"/>
    <mergeCell ref="RHE731:RHH731"/>
    <mergeCell ref="RHI731:RHL731"/>
    <mergeCell ref="RHM731:RHP731"/>
    <mergeCell ref="RHQ731:RHT731"/>
    <mergeCell ref="RHU731:RHX731"/>
    <mergeCell ref="RGK731:RGN731"/>
    <mergeCell ref="RGO731:RGR731"/>
    <mergeCell ref="RGS731:RGV731"/>
    <mergeCell ref="RGW731:RGZ731"/>
    <mergeCell ref="RHA731:RHD731"/>
    <mergeCell ref="RFQ731:RFT731"/>
    <mergeCell ref="RFU731:RFX731"/>
    <mergeCell ref="RFY731:RGB731"/>
    <mergeCell ref="RGC731:RGF731"/>
    <mergeCell ref="RGG731:RGJ731"/>
    <mergeCell ref="RPQ731:RPT731"/>
    <mergeCell ref="RPU731:RPX731"/>
    <mergeCell ref="RPY731:RQB731"/>
    <mergeCell ref="RQC731:RQF731"/>
    <mergeCell ref="RQG731:RQJ731"/>
    <mergeCell ref="ROW731:ROZ731"/>
    <mergeCell ref="RPA731:RPD731"/>
    <mergeCell ref="RPE731:RPH731"/>
    <mergeCell ref="RPI731:RPL731"/>
    <mergeCell ref="RPM731:RPP731"/>
    <mergeCell ref="ROC731:ROF731"/>
    <mergeCell ref="ROG731:ROJ731"/>
    <mergeCell ref="ROK731:RON731"/>
    <mergeCell ref="ROO731:ROR731"/>
    <mergeCell ref="ROS731:ROV731"/>
    <mergeCell ref="RNI731:RNL731"/>
    <mergeCell ref="RNM731:RNP731"/>
    <mergeCell ref="RNQ731:RNT731"/>
    <mergeCell ref="RNU731:RNX731"/>
    <mergeCell ref="RNY731:ROB731"/>
    <mergeCell ref="RMO731:RMR731"/>
    <mergeCell ref="RMS731:RMV731"/>
    <mergeCell ref="RMW731:RMZ731"/>
    <mergeCell ref="RNA731:RND731"/>
    <mergeCell ref="RNE731:RNH731"/>
    <mergeCell ref="RLU731:RLX731"/>
    <mergeCell ref="RLY731:RMB731"/>
    <mergeCell ref="RMC731:RMF731"/>
    <mergeCell ref="RMG731:RMJ731"/>
    <mergeCell ref="RMK731:RMN731"/>
    <mergeCell ref="RLA731:RLD731"/>
    <mergeCell ref="RLE731:RLH731"/>
    <mergeCell ref="RLI731:RLL731"/>
    <mergeCell ref="RLM731:RLP731"/>
    <mergeCell ref="RLQ731:RLT731"/>
    <mergeCell ref="RVA731:RVD731"/>
    <mergeCell ref="RVE731:RVH731"/>
    <mergeCell ref="RVI731:RVL731"/>
    <mergeCell ref="RVM731:RVP731"/>
    <mergeCell ref="RVQ731:RVT731"/>
    <mergeCell ref="RUG731:RUJ731"/>
    <mergeCell ref="RUK731:RUN731"/>
    <mergeCell ref="RUO731:RUR731"/>
    <mergeCell ref="RUS731:RUV731"/>
    <mergeCell ref="RUW731:RUZ731"/>
    <mergeCell ref="RTM731:RTP731"/>
    <mergeCell ref="RTQ731:RTT731"/>
    <mergeCell ref="RTU731:RTX731"/>
    <mergeCell ref="RTY731:RUB731"/>
    <mergeCell ref="RUC731:RUF731"/>
    <mergeCell ref="RSS731:RSV731"/>
    <mergeCell ref="RSW731:RSZ731"/>
    <mergeCell ref="RTA731:RTD731"/>
    <mergeCell ref="RTE731:RTH731"/>
    <mergeCell ref="RTI731:RTL731"/>
    <mergeCell ref="RRY731:RSB731"/>
    <mergeCell ref="RSC731:RSF731"/>
    <mergeCell ref="RSG731:RSJ731"/>
    <mergeCell ref="RSK731:RSN731"/>
    <mergeCell ref="RSO731:RSR731"/>
    <mergeCell ref="RRE731:RRH731"/>
    <mergeCell ref="RRI731:RRL731"/>
    <mergeCell ref="RRM731:RRP731"/>
    <mergeCell ref="RRQ731:RRT731"/>
    <mergeCell ref="RRU731:RRX731"/>
    <mergeCell ref="RQK731:RQN731"/>
    <mergeCell ref="RQO731:RQR731"/>
    <mergeCell ref="RQS731:RQV731"/>
    <mergeCell ref="RQW731:RQZ731"/>
    <mergeCell ref="RRA731:RRD731"/>
    <mergeCell ref="SAK731:SAN731"/>
    <mergeCell ref="SAO731:SAR731"/>
    <mergeCell ref="SAS731:SAV731"/>
    <mergeCell ref="SAW731:SAZ731"/>
    <mergeCell ref="SBA731:SBD731"/>
    <mergeCell ref="RZQ731:RZT731"/>
    <mergeCell ref="RZU731:RZX731"/>
    <mergeCell ref="RZY731:SAB731"/>
    <mergeCell ref="SAC731:SAF731"/>
    <mergeCell ref="SAG731:SAJ731"/>
    <mergeCell ref="RYW731:RYZ731"/>
    <mergeCell ref="RZA731:RZD731"/>
    <mergeCell ref="RZE731:RZH731"/>
    <mergeCell ref="RZI731:RZL731"/>
    <mergeCell ref="RZM731:RZP731"/>
    <mergeCell ref="RYC731:RYF731"/>
    <mergeCell ref="RYG731:RYJ731"/>
    <mergeCell ref="RYK731:RYN731"/>
    <mergeCell ref="RYO731:RYR731"/>
    <mergeCell ref="RYS731:RYV731"/>
    <mergeCell ref="RXI731:RXL731"/>
    <mergeCell ref="RXM731:RXP731"/>
    <mergeCell ref="RXQ731:RXT731"/>
    <mergeCell ref="RXU731:RXX731"/>
    <mergeCell ref="RXY731:RYB731"/>
    <mergeCell ref="RWO731:RWR731"/>
    <mergeCell ref="RWS731:RWV731"/>
    <mergeCell ref="RWW731:RWZ731"/>
    <mergeCell ref="RXA731:RXD731"/>
    <mergeCell ref="RXE731:RXH731"/>
    <mergeCell ref="RVU731:RVX731"/>
    <mergeCell ref="RVY731:RWB731"/>
    <mergeCell ref="RWC731:RWF731"/>
    <mergeCell ref="RWG731:RWJ731"/>
    <mergeCell ref="RWK731:RWN731"/>
    <mergeCell ref="SFU731:SFX731"/>
    <mergeCell ref="SFY731:SGB731"/>
    <mergeCell ref="SGC731:SGF731"/>
    <mergeCell ref="SGG731:SGJ731"/>
    <mergeCell ref="SGK731:SGN731"/>
    <mergeCell ref="SFA731:SFD731"/>
    <mergeCell ref="SFE731:SFH731"/>
    <mergeCell ref="SFI731:SFL731"/>
    <mergeCell ref="SFM731:SFP731"/>
    <mergeCell ref="SFQ731:SFT731"/>
    <mergeCell ref="SEG731:SEJ731"/>
    <mergeCell ref="SEK731:SEN731"/>
    <mergeCell ref="SEO731:SER731"/>
    <mergeCell ref="SES731:SEV731"/>
    <mergeCell ref="SEW731:SEZ731"/>
    <mergeCell ref="SDM731:SDP731"/>
    <mergeCell ref="SDQ731:SDT731"/>
    <mergeCell ref="SDU731:SDX731"/>
    <mergeCell ref="SDY731:SEB731"/>
    <mergeCell ref="SEC731:SEF731"/>
    <mergeCell ref="SCS731:SCV731"/>
    <mergeCell ref="SCW731:SCZ731"/>
    <mergeCell ref="SDA731:SDD731"/>
    <mergeCell ref="SDE731:SDH731"/>
    <mergeCell ref="SDI731:SDL731"/>
    <mergeCell ref="SBY731:SCB731"/>
    <mergeCell ref="SCC731:SCF731"/>
    <mergeCell ref="SCG731:SCJ731"/>
    <mergeCell ref="SCK731:SCN731"/>
    <mergeCell ref="SCO731:SCR731"/>
    <mergeCell ref="SBE731:SBH731"/>
    <mergeCell ref="SBI731:SBL731"/>
    <mergeCell ref="SBM731:SBP731"/>
    <mergeCell ref="SBQ731:SBT731"/>
    <mergeCell ref="SBU731:SBX731"/>
    <mergeCell ref="SLE731:SLH731"/>
    <mergeCell ref="SLI731:SLL731"/>
    <mergeCell ref="SLM731:SLP731"/>
    <mergeCell ref="SLQ731:SLT731"/>
    <mergeCell ref="SLU731:SLX731"/>
    <mergeCell ref="SKK731:SKN731"/>
    <mergeCell ref="SKO731:SKR731"/>
    <mergeCell ref="SKS731:SKV731"/>
    <mergeCell ref="SKW731:SKZ731"/>
    <mergeCell ref="SLA731:SLD731"/>
    <mergeCell ref="SJQ731:SJT731"/>
    <mergeCell ref="SJU731:SJX731"/>
    <mergeCell ref="SJY731:SKB731"/>
    <mergeCell ref="SKC731:SKF731"/>
    <mergeCell ref="SKG731:SKJ731"/>
    <mergeCell ref="SIW731:SIZ731"/>
    <mergeCell ref="SJA731:SJD731"/>
    <mergeCell ref="SJE731:SJH731"/>
    <mergeCell ref="SJI731:SJL731"/>
    <mergeCell ref="SJM731:SJP731"/>
    <mergeCell ref="SIC731:SIF731"/>
    <mergeCell ref="SIG731:SIJ731"/>
    <mergeCell ref="SIK731:SIN731"/>
    <mergeCell ref="SIO731:SIR731"/>
    <mergeCell ref="SIS731:SIV731"/>
    <mergeCell ref="SHI731:SHL731"/>
    <mergeCell ref="SHM731:SHP731"/>
    <mergeCell ref="SHQ731:SHT731"/>
    <mergeCell ref="SHU731:SHX731"/>
    <mergeCell ref="SHY731:SIB731"/>
    <mergeCell ref="SGO731:SGR731"/>
    <mergeCell ref="SGS731:SGV731"/>
    <mergeCell ref="SGW731:SGZ731"/>
    <mergeCell ref="SHA731:SHD731"/>
    <mergeCell ref="SHE731:SHH731"/>
    <mergeCell ref="SQO731:SQR731"/>
    <mergeCell ref="SQS731:SQV731"/>
    <mergeCell ref="SQW731:SQZ731"/>
    <mergeCell ref="SRA731:SRD731"/>
    <mergeCell ref="SRE731:SRH731"/>
    <mergeCell ref="SPU731:SPX731"/>
    <mergeCell ref="SPY731:SQB731"/>
    <mergeCell ref="SQC731:SQF731"/>
    <mergeCell ref="SQG731:SQJ731"/>
    <mergeCell ref="SQK731:SQN731"/>
    <mergeCell ref="SPA731:SPD731"/>
    <mergeCell ref="SPE731:SPH731"/>
    <mergeCell ref="SPI731:SPL731"/>
    <mergeCell ref="SPM731:SPP731"/>
    <mergeCell ref="SPQ731:SPT731"/>
    <mergeCell ref="SOG731:SOJ731"/>
    <mergeCell ref="SOK731:SON731"/>
    <mergeCell ref="SOO731:SOR731"/>
    <mergeCell ref="SOS731:SOV731"/>
    <mergeCell ref="SOW731:SOZ731"/>
    <mergeCell ref="SNM731:SNP731"/>
    <mergeCell ref="SNQ731:SNT731"/>
    <mergeCell ref="SNU731:SNX731"/>
    <mergeCell ref="SNY731:SOB731"/>
    <mergeCell ref="SOC731:SOF731"/>
    <mergeCell ref="SMS731:SMV731"/>
    <mergeCell ref="SMW731:SMZ731"/>
    <mergeCell ref="SNA731:SND731"/>
    <mergeCell ref="SNE731:SNH731"/>
    <mergeCell ref="SNI731:SNL731"/>
    <mergeCell ref="SLY731:SMB731"/>
    <mergeCell ref="SMC731:SMF731"/>
    <mergeCell ref="SMG731:SMJ731"/>
    <mergeCell ref="SMK731:SMN731"/>
    <mergeCell ref="SMO731:SMR731"/>
    <mergeCell ref="SVY731:SWB731"/>
    <mergeCell ref="SWC731:SWF731"/>
    <mergeCell ref="SWG731:SWJ731"/>
    <mergeCell ref="SWK731:SWN731"/>
    <mergeCell ref="SWO731:SWR731"/>
    <mergeCell ref="SVE731:SVH731"/>
    <mergeCell ref="SVI731:SVL731"/>
    <mergeCell ref="SVM731:SVP731"/>
    <mergeCell ref="SVQ731:SVT731"/>
    <mergeCell ref="SVU731:SVX731"/>
    <mergeCell ref="SUK731:SUN731"/>
    <mergeCell ref="SUO731:SUR731"/>
    <mergeCell ref="SUS731:SUV731"/>
    <mergeCell ref="SUW731:SUZ731"/>
    <mergeCell ref="SVA731:SVD731"/>
    <mergeCell ref="STQ731:STT731"/>
    <mergeCell ref="STU731:STX731"/>
    <mergeCell ref="STY731:SUB731"/>
    <mergeCell ref="SUC731:SUF731"/>
    <mergeCell ref="SUG731:SUJ731"/>
    <mergeCell ref="SSW731:SSZ731"/>
    <mergeCell ref="STA731:STD731"/>
    <mergeCell ref="STE731:STH731"/>
    <mergeCell ref="STI731:STL731"/>
    <mergeCell ref="STM731:STP731"/>
    <mergeCell ref="SSC731:SSF731"/>
    <mergeCell ref="SSG731:SSJ731"/>
    <mergeCell ref="SSK731:SSN731"/>
    <mergeCell ref="SSO731:SSR731"/>
    <mergeCell ref="SSS731:SSV731"/>
    <mergeCell ref="SRI731:SRL731"/>
    <mergeCell ref="SRM731:SRP731"/>
    <mergeCell ref="SRQ731:SRT731"/>
    <mergeCell ref="SRU731:SRX731"/>
    <mergeCell ref="SRY731:SSB731"/>
    <mergeCell ref="TBI731:TBL731"/>
    <mergeCell ref="TBM731:TBP731"/>
    <mergeCell ref="TBQ731:TBT731"/>
    <mergeCell ref="TBU731:TBX731"/>
    <mergeCell ref="TBY731:TCB731"/>
    <mergeCell ref="TAO731:TAR731"/>
    <mergeCell ref="TAS731:TAV731"/>
    <mergeCell ref="TAW731:TAZ731"/>
    <mergeCell ref="TBA731:TBD731"/>
    <mergeCell ref="TBE731:TBH731"/>
    <mergeCell ref="SZU731:SZX731"/>
    <mergeCell ref="SZY731:TAB731"/>
    <mergeCell ref="TAC731:TAF731"/>
    <mergeCell ref="TAG731:TAJ731"/>
    <mergeCell ref="TAK731:TAN731"/>
    <mergeCell ref="SZA731:SZD731"/>
    <mergeCell ref="SZE731:SZH731"/>
    <mergeCell ref="SZI731:SZL731"/>
    <mergeCell ref="SZM731:SZP731"/>
    <mergeCell ref="SZQ731:SZT731"/>
    <mergeCell ref="SYG731:SYJ731"/>
    <mergeCell ref="SYK731:SYN731"/>
    <mergeCell ref="SYO731:SYR731"/>
    <mergeCell ref="SYS731:SYV731"/>
    <mergeCell ref="SYW731:SYZ731"/>
    <mergeCell ref="SXM731:SXP731"/>
    <mergeCell ref="SXQ731:SXT731"/>
    <mergeCell ref="SXU731:SXX731"/>
    <mergeCell ref="SXY731:SYB731"/>
    <mergeCell ref="SYC731:SYF731"/>
    <mergeCell ref="SWS731:SWV731"/>
    <mergeCell ref="SWW731:SWZ731"/>
    <mergeCell ref="SXA731:SXD731"/>
    <mergeCell ref="SXE731:SXH731"/>
    <mergeCell ref="SXI731:SXL731"/>
    <mergeCell ref="TGS731:TGV731"/>
    <mergeCell ref="TGW731:TGZ731"/>
    <mergeCell ref="THA731:THD731"/>
    <mergeCell ref="THE731:THH731"/>
    <mergeCell ref="THI731:THL731"/>
    <mergeCell ref="TFY731:TGB731"/>
    <mergeCell ref="TGC731:TGF731"/>
    <mergeCell ref="TGG731:TGJ731"/>
    <mergeCell ref="TGK731:TGN731"/>
    <mergeCell ref="TGO731:TGR731"/>
    <mergeCell ref="TFE731:TFH731"/>
    <mergeCell ref="TFI731:TFL731"/>
    <mergeCell ref="TFM731:TFP731"/>
    <mergeCell ref="TFQ731:TFT731"/>
    <mergeCell ref="TFU731:TFX731"/>
    <mergeCell ref="TEK731:TEN731"/>
    <mergeCell ref="TEO731:TER731"/>
    <mergeCell ref="TES731:TEV731"/>
    <mergeCell ref="TEW731:TEZ731"/>
    <mergeCell ref="TFA731:TFD731"/>
    <mergeCell ref="TDQ731:TDT731"/>
    <mergeCell ref="TDU731:TDX731"/>
    <mergeCell ref="TDY731:TEB731"/>
    <mergeCell ref="TEC731:TEF731"/>
    <mergeCell ref="TEG731:TEJ731"/>
    <mergeCell ref="TCW731:TCZ731"/>
    <mergeCell ref="TDA731:TDD731"/>
    <mergeCell ref="TDE731:TDH731"/>
    <mergeCell ref="TDI731:TDL731"/>
    <mergeCell ref="TDM731:TDP731"/>
    <mergeCell ref="TCC731:TCF731"/>
    <mergeCell ref="TCG731:TCJ731"/>
    <mergeCell ref="TCK731:TCN731"/>
    <mergeCell ref="TCO731:TCR731"/>
    <mergeCell ref="TCS731:TCV731"/>
    <mergeCell ref="TMC731:TMF731"/>
    <mergeCell ref="TMG731:TMJ731"/>
    <mergeCell ref="TMK731:TMN731"/>
    <mergeCell ref="TMO731:TMR731"/>
    <mergeCell ref="TMS731:TMV731"/>
    <mergeCell ref="TLI731:TLL731"/>
    <mergeCell ref="TLM731:TLP731"/>
    <mergeCell ref="TLQ731:TLT731"/>
    <mergeCell ref="TLU731:TLX731"/>
    <mergeCell ref="TLY731:TMB731"/>
    <mergeCell ref="TKO731:TKR731"/>
    <mergeCell ref="TKS731:TKV731"/>
    <mergeCell ref="TKW731:TKZ731"/>
    <mergeCell ref="TLA731:TLD731"/>
    <mergeCell ref="TLE731:TLH731"/>
    <mergeCell ref="TJU731:TJX731"/>
    <mergeCell ref="TJY731:TKB731"/>
    <mergeCell ref="TKC731:TKF731"/>
    <mergeCell ref="TKG731:TKJ731"/>
    <mergeCell ref="TKK731:TKN731"/>
    <mergeCell ref="TJA731:TJD731"/>
    <mergeCell ref="TJE731:TJH731"/>
    <mergeCell ref="TJI731:TJL731"/>
    <mergeCell ref="TJM731:TJP731"/>
    <mergeCell ref="TJQ731:TJT731"/>
    <mergeCell ref="TIG731:TIJ731"/>
    <mergeCell ref="TIK731:TIN731"/>
    <mergeCell ref="TIO731:TIR731"/>
    <mergeCell ref="TIS731:TIV731"/>
    <mergeCell ref="TIW731:TIZ731"/>
    <mergeCell ref="THM731:THP731"/>
    <mergeCell ref="THQ731:THT731"/>
    <mergeCell ref="THU731:THX731"/>
    <mergeCell ref="THY731:TIB731"/>
    <mergeCell ref="TIC731:TIF731"/>
    <mergeCell ref="TRM731:TRP731"/>
    <mergeCell ref="TRQ731:TRT731"/>
    <mergeCell ref="TRU731:TRX731"/>
    <mergeCell ref="TRY731:TSB731"/>
    <mergeCell ref="TSC731:TSF731"/>
    <mergeCell ref="TQS731:TQV731"/>
    <mergeCell ref="TQW731:TQZ731"/>
    <mergeCell ref="TRA731:TRD731"/>
    <mergeCell ref="TRE731:TRH731"/>
    <mergeCell ref="TRI731:TRL731"/>
    <mergeCell ref="TPY731:TQB731"/>
    <mergeCell ref="TQC731:TQF731"/>
    <mergeCell ref="TQG731:TQJ731"/>
    <mergeCell ref="TQK731:TQN731"/>
    <mergeCell ref="TQO731:TQR731"/>
    <mergeCell ref="TPE731:TPH731"/>
    <mergeCell ref="TPI731:TPL731"/>
    <mergeCell ref="TPM731:TPP731"/>
    <mergeCell ref="TPQ731:TPT731"/>
    <mergeCell ref="TPU731:TPX731"/>
    <mergeCell ref="TOK731:TON731"/>
    <mergeCell ref="TOO731:TOR731"/>
    <mergeCell ref="TOS731:TOV731"/>
    <mergeCell ref="TOW731:TOZ731"/>
    <mergeCell ref="TPA731:TPD731"/>
    <mergeCell ref="TNQ731:TNT731"/>
    <mergeCell ref="TNU731:TNX731"/>
    <mergeCell ref="TNY731:TOB731"/>
    <mergeCell ref="TOC731:TOF731"/>
    <mergeCell ref="TOG731:TOJ731"/>
    <mergeCell ref="TMW731:TMZ731"/>
    <mergeCell ref="TNA731:TND731"/>
    <mergeCell ref="TNE731:TNH731"/>
    <mergeCell ref="TNI731:TNL731"/>
    <mergeCell ref="TNM731:TNP731"/>
    <mergeCell ref="TWW731:TWZ731"/>
    <mergeCell ref="TXA731:TXD731"/>
    <mergeCell ref="TXE731:TXH731"/>
    <mergeCell ref="TXI731:TXL731"/>
    <mergeCell ref="TXM731:TXP731"/>
    <mergeCell ref="TWC731:TWF731"/>
    <mergeCell ref="TWG731:TWJ731"/>
    <mergeCell ref="TWK731:TWN731"/>
    <mergeCell ref="TWO731:TWR731"/>
    <mergeCell ref="TWS731:TWV731"/>
    <mergeCell ref="TVI731:TVL731"/>
    <mergeCell ref="TVM731:TVP731"/>
    <mergeCell ref="TVQ731:TVT731"/>
    <mergeCell ref="TVU731:TVX731"/>
    <mergeCell ref="TVY731:TWB731"/>
    <mergeCell ref="TUO731:TUR731"/>
    <mergeCell ref="TUS731:TUV731"/>
    <mergeCell ref="TUW731:TUZ731"/>
    <mergeCell ref="TVA731:TVD731"/>
    <mergeCell ref="TVE731:TVH731"/>
    <mergeCell ref="TTU731:TTX731"/>
    <mergeCell ref="TTY731:TUB731"/>
    <mergeCell ref="TUC731:TUF731"/>
    <mergeCell ref="TUG731:TUJ731"/>
    <mergeCell ref="TUK731:TUN731"/>
    <mergeCell ref="TTA731:TTD731"/>
    <mergeCell ref="TTE731:TTH731"/>
    <mergeCell ref="TTI731:TTL731"/>
    <mergeCell ref="TTM731:TTP731"/>
    <mergeCell ref="TTQ731:TTT731"/>
    <mergeCell ref="TSG731:TSJ731"/>
    <mergeCell ref="TSK731:TSN731"/>
    <mergeCell ref="TSO731:TSR731"/>
    <mergeCell ref="TSS731:TSV731"/>
    <mergeCell ref="TSW731:TSZ731"/>
    <mergeCell ref="UCG731:UCJ731"/>
    <mergeCell ref="UCK731:UCN731"/>
    <mergeCell ref="UCO731:UCR731"/>
    <mergeCell ref="UCS731:UCV731"/>
    <mergeCell ref="UCW731:UCZ731"/>
    <mergeCell ref="UBM731:UBP731"/>
    <mergeCell ref="UBQ731:UBT731"/>
    <mergeCell ref="UBU731:UBX731"/>
    <mergeCell ref="UBY731:UCB731"/>
    <mergeCell ref="UCC731:UCF731"/>
    <mergeCell ref="UAS731:UAV731"/>
    <mergeCell ref="UAW731:UAZ731"/>
    <mergeCell ref="UBA731:UBD731"/>
    <mergeCell ref="UBE731:UBH731"/>
    <mergeCell ref="UBI731:UBL731"/>
    <mergeCell ref="TZY731:UAB731"/>
    <mergeCell ref="UAC731:UAF731"/>
    <mergeCell ref="UAG731:UAJ731"/>
    <mergeCell ref="UAK731:UAN731"/>
    <mergeCell ref="UAO731:UAR731"/>
    <mergeCell ref="TZE731:TZH731"/>
    <mergeCell ref="TZI731:TZL731"/>
    <mergeCell ref="TZM731:TZP731"/>
    <mergeCell ref="TZQ731:TZT731"/>
    <mergeCell ref="TZU731:TZX731"/>
    <mergeCell ref="TYK731:TYN731"/>
    <mergeCell ref="TYO731:TYR731"/>
    <mergeCell ref="TYS731:TYV731"/>
    <mergeCell ref="TYW731:TYZ731"/>
    <mergeCell ref="TZA731:TZD731"/>
    <mergeCell ref="TXQ731:TXT731"/>
    <mergeCell ref="TXU731:TXX731"/>
    <mergeCell ref="TXY731:TYB731"/>
    <mergeCell ref="TYC731:TYF731"/>
    <mergeCell ref="TYG731:TYJ731"/>
    <mergeCell ref="UHQ731:UHT731"/>
    <mergeCell ref="UHU731:UHX731"/>
    <mergeCell ref="UHY731:UIB731"/>
    <mergeCell ref="UIC731:UIF731"/>
    <mergeCell ref="UIG731:UIJ731"/>
    <mergeCell ref="UGW731:UGZ731"/>
    <mergeCell ref="UHA731:UHD731"/>
    <mergeCell ref="UHE731:UHH731"/>
    <mergeCell ref="UHI731:UHL731"/>
    <mergeCell ref="UHM731:UHP731"/>
    <mergeCell ref="UGC731:UGF731"/>
    <mergeCell ref="UGG731:UGJ731"/>
    <mergeCell ref="UGK731:UGN731"/>
    <mergeCell ref="UGO731:UGR731"/>
    <mergeCell ref="UGS731:UGV731"/>
    <mergeCell ref="UFI731:UFL731"/>
    <mergeCell ref="UFM731:UFP731"/>
    <mergeCell ref="UFQ731:UFT731"/>
    <mergeCell ref="UFU731:UFX731"/>
    <mergeCell ref="UFY731:UGB731"/>
    <mergeCell ref="UEO731:UER731"/>
    <mergeCell ref="UES731:UEV731"/>
    <mergeCell ref="UEW731:UEZ731"/>
    <mergeCell ref="UFA731:UFD731"/>
    <mergeCell ref="UFE731:UFH731"/>
    <mergeCell ref="UDU731:UDX731"/>
    <mergeCell ref="UDY731:UEB731"/>
    <mergeCell ref="UEC731:UEF731"/>
    <mergeCell ref="UEG731:UEJ731"/>
    <mergeCell ref="UEK731:UEN731"/>
    <mergeCell ref="UDA731:UDD731"/>
    <mergeCell ref="UDE731:UDH731"/>
    <mergeCell ref="UDI731:UDL731"/>
    <mergeCell ref="UDM731:UDP731"/>
    <mergeCell ref="UDQ731:UDT731"/>
    <mergeCell ref="UNA731:UND731"/>
    <mergeCell ref="UNE731:UNH731"/>
    <mergeCell ref="UNI731:UNL731"/>
    <mergeCell ref="UNM731:UNP731"/>
    <mergeCell ref="UNQ731:UNT731"/>
    <mergeCell ref="UMG731:UMJ731"/>
    <mergeCell ref="UMK731:UMN731"/>
    <mergeCell ref="UMO731:UMR731"/>
    <mergeCell ref="UMS731:UMV731"/>
    <mergeCell ref="UMW731:UMZ731"/>
    <mergeCell ref="ULM731:ULP731"/>
    <mergeCell ref="ULQ731:ULT731"/>
    <mergeCell ref="ULU731:ULX731"/>
    <mergeCell ref="ULY731:UMB731"/>
    <mergeCell ref="UMC731:UMF731"/>
    <mergeCell ref="UKS731:UKV731"/>
    <mergeCell ref="UKW731:UKZ731"/>
    <mergeCell ref="ULA731:ULD731"/>
    <mergeCell ref="ULE731:ULH731"/>
    <mergeCell ref="ULI731:ULL731"/>
    <mergeCell ref="UJY731:UKB731"/>
    <mergeCell ref="UKC731:UKF731"/>
    <mergeCell ref="UKG731:UKJ731"/>
    <mergeCell ref="UKK731:UKN731"/>
    <mergeCell ref="UKO731:UKR731"/>
    <mergeCell ref="UJE731:UJH731"/>
    <mergeCell ref="UJI731:UJL731"/>
    <mergeCell ref="UJM731:UJP731"/>
    <mergeCell ref="UJQ731:UJT731"/>
    <mergeCell ref="UJU731:UJX731"/>
    <mergeCell ref="UIK731:UIN731"/>
    <mergeCell ref="UIO731:UIR731"/>
    <mergeCell ref="UIS731:UIV731"/>
    <mergeCell ref="UIW731:UIZ731"/>
    <mergeCell ref="UJA731:UJD731"/>
    <mergeCell ref="USK731:USN731"/>
    <mergeCell ref="USO731:USR731"/>
    <mergeCell ref="USS731:USV731"/>
    <mergeCell ref="USW731:USZ731"/>
    <mergeCell ref="UTA731:UTD731"/>
    <mergeCell ref="URQ731:URT731"/>
    <mergeCell ref="URU731:URX731"/>
    <mergeCell ref="URY731:USB731"/>
    <mergeCell ref="USC731:USF731"/>
    <mergeCell ref="USG731:USJ731"/>
    <mergeCell ref="UQW731:UQZ731"/>
    <mergeCell ref="URA731:URD731"/>
    <mergeCell ref="URE731:URH731"/>
    <mergeCell ref="URI731:URL731"/>
    <mergeCell ref="URM731:URP731"/>
    <mergeCell ref="UQC731:UQF731"/>
    <mergeCell ref="UQG731:UQJ731"/>
    <mergeCell ref="UQK731:UQN731"/>
    <mergeCell ref="UQO731:UQR731"/>
    <mergeCell ref="UQS731:UQV731"/>
    <mergeCell ref="UPI731:UPL731"/>
    <mergeCell ref="UPM731:UPP731"/>
    <mergeCell ref="UPQ731:UPT731"/>
    <mergeCell ref="UPU731:UPX731"/>
    <mergeCell ref="UPY731:UQB731"/>
    <mergeCell ref="UOO731:UOR731"/>
    <mergeCell ref="UOS731:UOV731"/>
    <mergeCell ref="UOW731:UOZ731"/>
    <mergeCell ref="UPA731:UPD731"/>
    <mergeCell ref="UPE731:UPH731"/>
    <mergeCell ref="UNU731:UNX731"/>
    <mergeCell ref="UNY731:UOB731"/>
    <mergeCell ref="UOC731:UOF731"/>
    <mergeCell ref="UOG731:UOJ731"/>
    <mergeCell ref="UOK731:UON731"/>
    <mergeCell ref="UXU731:UXX731"/>
    <mergeCell ref="UXY731:UYB731"/>
    <mergeCell ref="UYC731:UYF731"/>
    <mergeCell ref="UYG731:UYJ731"/>
    <mergeCell ref="UYK731:UYN731"/>
    <mergeCell ref="UXA731:UXD731"/>
    <mergeCell ref="UXE731:UXH731"/>
    <mergeCell ref="UXI731:UXL731"/>
    <mergeCell ref="UXM731:UXP731"/>
    <mergeCell ref="UXQ731:UXT731"/>
    <mergeCell ref="UWG731:UWJ731"/>
    <mergeCell ref="UWK731:UWN731"/>
    <mergeCell ref="UWO731:UWR731"/>
    <mergeCell ref="UWS731:UWV731"/>
    <mergeCell ref="UWW731:UWZ731"/>
    <mergeCell ref="UVM731:UVP731"/>
    <mergeCell ref="UVQ731:UVT731"/>
    <mergeCell ref="UVU731:UVX731"/>
    <mergeCell ref="UVY731:UWB731"/>
    <mergeCell ref="UWC731:UWF731"/>
    <mergeCell ref="UUS731:UUV731"/>
    <mergeCell ref="UUW731:UUZ731"/>
    <mergeCell ref="UVA731:UVD731"/>
    <mergeCell ref="UVE731:UVH731"/>
    <mergeCell ref="UVI731:UVL731"/>
    <mergeCell ref="UTY731:UUB731"/>
    <mergeCell ref="UUC731:UUF731"/>
    <mergeCell ref="UUG731:UUJ731"/>
    <mergeCell ref="UUK731:UUN731"/>
    <mergeCell ref="UUO731:UUR731"/>
    <mergeCell ref="UTE731:UTH731"/>
    <mergeCell ref="UTI731:UTL731"/>
    <mergeCell ref="UTM731:UTP731"/>
    <mergeCell ref="UTQ731:UTT731"/>
    <mergeCell ref="UTU731:UTX731"/>
    <mergeCell ref="VDE731:VDH731"/>
    <mergeCell ref="VDI731:VDL731"/>
    <mergeCell ref="VDM731:VDP731"/>
    <mergeCell ref="VDQ731:VDT731"/>
    <mergeCell ref="VDU731:VDX731"/>
    <mergeCell ref="VCK731:VCN731"/>
    <mergeCell ref="VCO731:VCR731"/>
    <mergeCell ref="VCS731:VCV731"/>
    <mergeCell ref="VCW731:VCZ731"/>
    <mergeCell ref="VDA731:VDD731"/>
    <mergeCell ref="VBQ731:VBT731"/>
    <mergeCell ref="VBU731:VBX731"/>
    <mergeCell ref="VBY731:VCB731"/>
    <mergeCell ref="VCC731:VCF731"/>
    <mergeCell ref="VCG731:VCJ731"/>
    <mergeCell ref="VAW731:VAZ731"/>
    <mergeCell ref="VBA731:VBD731"/>
    <mergeCell ref="VBE731:VBH731"/>
    <mergeCell ref="VBI731:VBL731"/>
    <mergeCell ref="VBM731:VBP731"/>
    <mergeCell ref="VAC731:VAF731"/>
    <mergeCell ref="VAG731:VAJ731"/>
    <mergeCell ref="VAK731:VAN731"/>
    <mergeCell ref="VAO731:VAR731"/>
    <mergeCell ref="VAS731:VAV731"/>
    <mergeCell ref="UZI731:UZL731"/>
    <mergeCell ref="UZM731:UZP731"/>
    <mergeCell ref="UZQ731:UZT731"/>
    <mergeCell ref="UZU731:UZX731"/>
    <mergeCell ref="UZY731:VAB731"/>
    <mergeCell ref="UYO731:UYR731"/>
    <mergeCell ref="UYS731:UYV731"/>
    <mergeCell ref="UYW731:UYZ731"/>
    <mergeCell ref="UZA731:UZD731"/>
    <mergeCell ref="UZE731:UZH731"/>
    <mergeCell ref="VIO731:VIR731"/>
    <mergeCell ref="VIS731:VIV731"/>
    <mergeCell ref="VIW731:VIZ731"/>
    <mergeCell ref="VJA731:VJD731"/>
    <mergeCell ref="VJE731:VJH731"/>
    <mergeCell ref="VHU731:VHX731"/>
    <mergeCell ref="VHY731:VIB731"/>
    <mergeCell ref="VIC731:VIF731"/>
    <mergeCell ref="VIG731:VIJ731"/>
    <mergeCell ref="VIK731:VIN731"/>
    <mergeCell ref="VHA731:VHD731"/>
    <mergeCell ref="VHE731:VHH731"/>
    <mergeCell ref="VHI731:VHL731"/>
    <mergeCell ref="VHM731:VHP731"/>
    <mergeCell ref="VHQ731:VHT731"/>
    <mergeCell ref="VGG731:VGJ731"/>
    <mergeCell ref="VGK731:VGN731"/>
    <mergeCell ref="VGO731:VGR731"/>
    <mergeCell ref="VGS731:VGV731"/>
    <mergeCell ref="VGW731:VGZ731"/>
    <mergeCell ref="VFM731:VFP731"/>
    <mergeCell ref="VFQ731:VFT731"/>
    <mergeCell ref="VFU731:VFX731"/>
    <mergeCell ref="VFY731:VGB731"/>
    <mergeCell ref="VGC731:VGF731"/>
    <mergeCell ref="VES731:VEV731"/>
    <mergeCell ref="VEW731:VEZ731"/>
    <mergeCell ref="VFA731:VFD731"/>
    <mergeCell ref="VFE731:VFH731"/>
    <mergeCell ref="VFI731:VFL731"/>
    <mergeCell ref="VDY731:VEB731"/>
    <mergeCell ref="VEC731:VEF731"/>
    <mergeCell ref="VEG731:VEJ731"/>
    <mergeCell ref="VEK731:VEN731"/>
    <mergeCell ref="VEO731:VER731"/>
    <mergeCell ref="VNY731:VOB731"/>
    <mergeCell ref="VOC731:VOF731"/>
    <mergeCell ref="VOG731:VOJ731"/>
    <mergeCell ref="VOK731:VON731"/>
    <mergeCell ref="VOO731:VOR731"/>
    <mergeCell ref="VNE731:VNH731"/>
    <mergeCell ref="VNI731:VNL731"/>
    <mergeCell ref="VNM731:VNP731"/>
    <mergeCell ref="VNQ731:VNT731"/>
    <mergeCell ref="VNU731:VNX731"/>
    <mergeCell ref="VMK731:VMN731"/>
    <mergeCell ref="VMO731:VMR731"/>
    <mergeCell ref="VMS731:VMV731"/>
    <mergeCell ref="VMW731:VMZ731"/>
    <mergeCell ref="VNA731:VND731"/>
    <mergeCell ref="VLQ731:VLT731"/>
    <mergeCell ref="VLU731:VLX731"/>
    <mergeCell ref="VLY731:VMB731"/>
    <mergeCell ref="VMC731:VMF731"/>
    <mergeCell ref="VMG731:VMJ731"/>
    <mergeCell ref="VKW731:VKZ731"/>
    <mergeCell ref="VLA731:VLD731"/>
    <mergeCell ref="VLE731:VLH731"/>
    <mergeCell ref="VLI731:VLL731"/>
    <mergeCell ref="VLM731:VLP731"/>
    <mergeCell ref="VKC731:VKF731"/>
    <mergeCell ref="VKG731:VKJ731"/>
    <mergeCell ref="VKK731:VKN731"/>
    <mergeCell ref="VKO731:VKR731"/>
    <mergeCell ref="VKS731:VKV731"/>
    <mergeCell ref="VJI731:VJL731"/>
    <mergeCell ref="VJM731:VJP731"/>
    <mergeCell ref="VJQ731:VJT731"/>
    <mergeCell ref="VJU731:VJX731"/>
    <mergeCell ref="VJY731:VKB731"/>
    <mergeCell ref="VTI731:VTL731"/>
    <mergeCell ref="VTM731:VTP731"/>
    <mergeCell ref="VTQ731:VTT731"/>
    <mergeCell ref="VTU731:VTX731"/>
    <mergeCell ref="VTY731:VUB731"/>
    <mergeCell ref="VSO731:VSR731"/>
    <mergeCell ref="VSS731:VSV731"/>
    <mergeCell ref="VSW731:VSZ731"/>
    <mergeCell ref="VTA731:VTD731"/>
    <mergeCell ref="VTE731:VTH731"/>
    <mergeCell ref="VRU731:VRX731"/>
    <mergeCell ref="VRY731:VSB731"/>
    <mergeCell ref="VSC731:VSF731"/>
    <mergeCell ref="VSG731:VSJ731"/>
    <mergeCell ref="VSK731:VSN731"/>
    <mergeCell ref="VRA731:VRD731"/>
    <mergeCell ref="VRE731:VRH731"/>
    <mergeCell ref="VRI731:VRL731"/>
    <mergeCell ref="VRM731:VRP731"/>
    <mergeCell ref="VRQ731:VRT731"/>
    <mergeCell ref="VQG731:VQJ731"/>
    <mergeCell ref="VQK731:VQN731"/>
    <mergeCell ref="VQO731:VQR731"/>
    <mergeCell ref="VQS731:VQV731"/>
    <mergeCell ref="VQW731:VQZ731"/>
    <mergeCell ref="VPM731:VPP731"/>
    <mergeCell ref="VPQ731:VPT731"/>
    <mergeCell ref="VPU731:VPX731"/>
    <mergeCell ref="VPY731:VQB731"/>
    <mergeCell ref="VQC731:VQF731"/>
    <mergeCell ref="VOS731:VOV731"/>
    <mergeCell ref="VOW731:VOZ731"/>
    <mergeCell ref="VPA731:VPD731"/>
    <mergeCell ref="VPE731:VPH731"/>
    <mergeCell ref="VPI731:VPL731"/>
    <mergeCell ref="VYS731:VYV731"/>
    <mergeCell ref="VYW731:VYZ731"/>
    <mergeCell ref="VZA731:VZD731"/>
    <mergeCell ref="VZE731:VZH731"/>
    <mergeCell ref="VZI731:VZL731"/>
    <mergeCell ref="VXY731:VYB731"/>
    <mergeCell ref="VYC731:VYF731"/>
    <mergeCell ref="VYG731:VYJ731"/>
    <mergeCell ref="VYK731:VYN731"/>
    <mergeCell ref="VYO731:VYR731"/>
    <mergeCell ref="VXE731:VXH731"/>
    <mergeCell ref="VXI731:VXL731"/>
    <mergeCell ref="VXM731:VXP731"/>
    <mergeCell ref="VXQ731:VXT731"/>
    <mergeCell ref="VXU731:VXX731"/>
    <mergeCell ref="VWK731:VWN731"/>
    <mergeCell ref="VWO731:VWR731"/>
    <mergeCell ref="VWS731:VWV731"/>
    <mergeCell ref="VWW731:VWZ731"/>
    <mergeCell ref="VXA731:VXD731"/>
    <mergeCell ref="VVQ731:VVT731"/>
    <mergeCell ref="VVU731:VVX731"/>
    <mergeCell ref="VVY731:VWB731"/>
    <mergeCell ref="VWC731:VWF731"/>
    <mergeCell ref="VWG731:VWJ731"/>
    <mergeCell ref="VUW731:VUZ731"/>
    <mergeCell ref="VVA731:VVD731"/>
    <mergeCell ref="VVE731:VVH731"/>
    <mergeCell ref="VVI731:VVL731"/>
    <mergeCell ref="VVM731:VVP731"/>
    <mergeCell ref="VUC731:VUF731"/>
    <mergeCell ref="VUG731:VUJ731"/>
    <mergeCell ref="VUK731:VUN731"/>
    <mergeCell ref="VUO731:VUR731"/>
    <mergeCell ref="VUS731:VUV731"/>
    <mergeCell ref="WEC731:WEF731"/>
    <mergeCell ref="WEG731:WEJ731"/>
    <mergeCell ref="WEK731:WEN731"/>
    <mergeCell ref="WEO731:WER731"/>
    <mergeCell ref="WES731:WEV731"/>
    <mergeCell ref="WDI731:WDL731"/>
    <mergeCell ref="WDM731:WDP731"/>
    <mergeCell ref="WDQ731:WDT731"/>
    <mergeCell ref="WDU731:WDX731"/>
    <mergeCell ref="WDY731:WEB731"/>
    <mergeCell ref="WCO731:WCR731"/>
    <mergeCell ref="WCS731:WCV731"/>
    <mergeCell ref="WCW731:WCZ731"/>
    <mergeCell ref="WDA731:WDD731"/>
    <mergeCell ref="WDE731:WDH731"/>
    <mergeCell ref="WBU731:WBX731"/>
    <mergeCell ref="WBY731:WCB731"/>
    <mergeCell ref="WCC731:WCF731"/>
    <mergeCell ref="WCG731:WCJ731"/>
    <mergeCell ref="WCK731:WCN731"/>
    <mergeCell ref="WBA731:WBD731"/>
    <mergeCell ref="WBE731:WBH731"/>
    <mergeCell ref="WBI731:WBL731"/>
    <mergeCell ref="WBM731:WBP731"/>
    <mergeCell ref="WBQ731:WBT731"/>
    <mergeCell ref="WAG731:WAJ731"/>
    <mergeCell ref="WAK731:WAN731"/>
    <mergeCell ref="WAO731:WAR731"/>
    <mergeCell ref="WAS731:WAV731"/>
    <mergeCell ref="WAW731:WAZ731"/>
    <mergeCell ref="VZM731:VZP731"/>
    <mergeCell ref="VZQ731:VZT731"/>
    <mergeCell ref="VZU731:VZX731"/>
    <mergeCell ref="VZY731:WAB731"/>
    <mergeCell ref="WAC731:WAF731"/>
    <mergeCell ref="WJM731:WJP731"/>
    <mergeCell ref="WJQ731:WJT731"/>
    <mergeCell ref="WJU731:WJX731"/>
    <mergeCell ref="WJY731:WKB731"/>
    <mergeCell ref="WKC731:WKF731"/>
    <mergeCell ref="WIS731:WIV731"/>
    <mergeCell ref="WIW731:WIZ731"/>
    <mergeCell ref="WJA731:WJD731"/>
    <mergeCell ref="WJE731:WJH731"/>
    <mergeCell ref="WJI731:WJL731"/>
    <mergeCell ref="WHY731:WIB731"/>
    <mergeCell ref="WIC731:WIF731"/>
    <mergeCell ref="WIG731:WIJ731"/>
    <mergeCell ref="WIK731:WIN731"/>
    <mergeCell ref="WIO731:WIR731"/>
    <mergeCell ref="WHE731:WHH731"/>
    <mergeCell ref="WHI731:WHL731"/>
    <mergeCell ref="WHM731:WHP731"/>
    <mergeCell ref="WHQ731:WHT731"/>
    <mergeCell ref="WHU731:WHX731"/>
    <mergeCell ref="WGK731:WGN731"/>
    <mergeCell ref="WGO731:WGR731"/>
    <mergeCell ref="WGS731:WGV731"/>
    <mergeCell ref="WGW731:WGZ731"/>
    <mergeCell ref="WHA731:WHD731"/>
    <mergeCell ref="WFQ731:WFT731"/>
    <mergeCell ref="WFU731:WFX731"/>
    <mergeCell ref="WFY731:WGB731"/>
    <mergeCell ref="WGC731:WGF731"/>
    <mergeCell ref="WGG731:WGJ731"/>
    <mergeCell ref="WEW731:WEZ731"/>
    <mergeCell ref="WFA731:WFD731"/>
    <mergeCell ref="WFE731:WFH731"/>
    <mergeCell ref="WFI731:WFL731"/>
    <mergeCell ref="WFM731:WFP731"/>
    <mergeCell ref="WOW731:WOZ731"/>
    <mergeCell ref="WPA731:WPD731"/>
    <mergeCell ref="WPE731:WPH731"/>
    <mergeCell ref="WPI731:WPL731"/>
    <mergeCell ref="WPM731:WPP731"/>
    <mergeCell ref="WOC731:WOF731"/>
    <mergeCell ref="WOG731:WOJ731"/>
    <mergeCell ref="WOK731:WON731"/>
    <mergeCell ref="WOO731:WOR731"/>
    <mergeCell ref="WOS731:WOV731"/>
    <mergeCell ref="WNI731:WNL731"/>
    <mergeCell ref="WNM731:WNP731"/>
    <mergeCell ref="WNQ731:WNT731"/>
    <mergeCell ref="WNU731:WNX731"/>
    <mergeCell ref="WNY731:WOB731"/>
    <mergeCell ref="WMO731:WMR731"/>
    <mergeCell ref="WMS731:WMV731"/>
    <mergeCell ref="WMW731:WMZ731"/>
    <mergeCell ref="WNA731:WND731"/>
    <mergeCell ref="WNE731:WNH731"/>
    <mergeCell ref="WLU731:WLX731"/>
    <mergeCell ref="WLY731:WMB731"/>
    <mergeCell ref="WMC731:WMF731"/>
    <mergeCell ref="WMG731:WMJ731"/>
    <mergeCell ref="WMK731:WMN731"/>
    <mergeCell ref="WLA731:WLD731"/>
    <mergeCell ref="WLE731:WLH731"/>
    <mergeCell ref="WLI731:WLL731"/>
    <mergeCell ref="WLM731:WLP731"/>
    <mergeCell ref="WLQ731:WLT731"/>
    <mergeCell ref="WKG731:WKJ731"/>
    <mergeCell ref="WKK731:WKN731"/>
    <mergeCell ref="WKO731:WKR731"/>
    <mergeCell ref="WKS731:WKV731"/>
    <mergeCell ref="WKW731:WKZ731"/>
    <mergeCell ref="WUG731:WUJ731"/>
    <mergeCell ref="WUK731:WUN731"/>
    <mergeCell ref="WUO731:WUR731"/>
    <mergeCell ref="WUS731:WUV731"/>
    <mergeCell ref="WUW731:WUZ731"/>
    <mergeCell ref="WTM731:WTP731"/>
    <mergeCell ref="WTQ731:WTT731"/>
    <mergeCell ref="WTU731:WTX731"/>
    <mergeCell ref="WTY731:WUB731"/>
    <mergeCell ref="WUC731:WUF731"/>
    <mergeCell ref="WSS731:WSV731"/>
    <mergeCell ref="WSW731:WSZ731"/>
    <mergeCell ref="WTA731:WTD731"/>
    <mergeCell ref="WTE731:WTH731"/>
    <mergeCell ref="WTI731:WTL731"/>
    <mergeCell ref="WRY731:WSB731"/>
    <mergeCell ref="WSC731:WSF731"/>
    <mergeCell ref="WSG731:WSJ731"/>
    <mergeCell ref="WSK731:WSN731"/>
    <mergeCell ref="WSO731:WSR731"/>
    <mergeCell ref="WRE731:WRH731"/>
    <mergeCell ref="WRI731:WRL731"/>
    <mergeCell ref="WRM731:WRP731"/>
    <mergeCell ref="WRQ731:WRT731"/>
    <mergeCell ref="WRU731:WRX731"/>
    <mergeCell ref="WQK731:WQN731"/>
    <mergeCell ref="WQO731:WQR731"/>
    <mergeCell ref="WQS731:WQV731"/>
    <mergeCell ref="WQW731:WQZ731"/>
    <mergeCell ref="WRA731:WRD731"/>
    <mergeCell ref="WPQ731:WPT731"/>
    <mergeCell ref="WPU731:WPX731"/>
    <mergeCell ref="WPY731:WQB731"/>
    <mergeCell ref="WQC731:WQF731"/>
    <mergeCell ref="WQG731:WQJ731"/>
    <mergeCell ref="XAW731:XAZ731"/>
    <mergeCell ref="XBA731:XBD731"/>
    <mergeCell ref="WZQ731:WZT731"/>
    <mergeCell ref="WZU731:WZX731"/>
    <mergeCell ref="WZY731:XAB731"/>
    <mergeCell ref="XAC731:XAF731"/>
    <mergeCell ref="XAG731:XAJ731"/>
    <mergeCell ref="WYW731:WYZ731"/>
    <mergeCell ref="WZA731:WZD731"/>
    <mergeCell ref="WZE731:WZH731"/>
    <mergeCell ref="WZI731:WZL731"/>
    <mergeCell ref="WZM731:WZP731"/>
    <mergeCell ref="WYC731:WYF731"/>
    <mergeCell ref="WYG731:WYJ731"/>
    <mergeCell ref="WYK731:WYN731"/>
    <mergeCell ref="WYO731:WYR731"/>
    <mergeCell ref="WYS731:WYV731"/>
    <mergeCell ref="WXI731:WXL731"/>
    <mergeCell ref="WXM731:WXP731"/>
    <mergeCell ref="WXQ731:WXT731"/>
    <mergeCell ref="WXU731:WXX731"/>
    <mergeCell ref="WXY731:WYB731"/>
    <mergeCell ref="WWO731:WWR731"/>
    <mergeCell ref="WWS731:WWV731"/>
    <mergeCell ref="WWW731:WWZ731"/>
    <mergeCell ref="WXA731:WXD731"/>
    <mergeCell ref="WXE731:WXH731"/>
    <mergeCell ref="WVU731:WVX731"/>
    <mergeCell ref="WVY731:WWB731"/>
    <mergeCell ref="WWC731:WWF731"/>
    <mergeCell ref="WWG731:WWJ731"/>
    <mergeCell ref="WWK731:WWN731"/>
    <mergeCell ref="WVA731:WVD731"/>
    <mergeCell ref="WVE731:WVH731"/>
    <mergeCell ref="WVI731:WVL731"/>
    <mergeCell ref="WVM731:WVP731"/>
    <mergeCell ref="WVQ731:WVT731"/>
    <mergeCell ref="DQ732:DT732"/>
    <mergeCell ref="DU732:DX732"/>
    <mergeCell ref="DY732:EB732"/>
    <mergeCell ref="EC732:EF732"/>
    <mergeCell ref="EG732:EJ732"/>
    <mergeCell ref="CW732:CZ732"/>
    <mergeCell ref="DA732:DD732"/>
    <mergeCell ref="DE732:DH732"/>
    <mergeCell ref="DI732:DL732"/>
    <mergeCell ref="DM732:DP732"/>
    <mergeCell ref="CC732:CF732"/>
    <mergeCell ref="CG732:CJ732"/>
    <mergeCell ref="CK732:CN732"/>
    <mergeCell ref="CO732:CR732"/>
    <mergeCell ref="CS732:CV732"/>
    <mergeCell ref="BI732:BL732"/>
    <mergeCell ref="BM732:BP732"/>
    <mergeCell ref="BQ732:BT732"/>
    <mergeCell ref="BU732:BX732"/>
    <mergeCell ref="BY732:CB732"/>
    <mergeCell ref="XFA731:XFD731"/>
    <mergeCell ref="A732:D732"/>
    <mergeCell ref="E732:H732"/>
    <mergeCell ref="I732:L732"/>
    <mergeCell ref="M732:P732"/>
    <mergeCell ref="Q732:T732"/>
    <mergeCell ref="U732:X732"/>
    <mergeCell ref="Y732:AB732"/>
    <mergeCell ref="AC732:AF732"/>
    <mergeCell ref="AG732:AJ732"/>
    <mergeCell ref="AK732:AN732"/>
    <mergeCell ref="AO732:AR732"/>
    <mergeCell ref="AS732:AV732"/>
    <mergeCell ref="AW732:AZ732"/>
    <mergeCell ref="BA732:BD732"/>
    <mergeCell ref="BE732:BH732"/>
    <mergeCell ref="XEG731:XEJ731"/>
    <mergeCell ref="XEK731:XEN731"/>
    <mergeCell ref="XEO731:XER731"/>
    <mergeCell ref="XES731:XEV731"/>
    <mergeCell ref="XEW731:XEZ731"/>
    <mergeCell ref="XDM731:XDP731"/>
    <mergeCell ref="XDQ731:XDT731"/>
    <mergeCell ref="XDU731:XDX731"/>
    <mergeCell ref="XDY731:XEB731"/>
    <mergeCell ref="XEC731:XEF731"/>
    <mergeCell ref="XCS731:XCV731"/>
    <mergeCell ref="XCW731:XCZ731"/>
    <mergeCell ref="XDA731:XDD731"/>
    <mergeCell ref="XDE731:XDH731"/>
    <mergeCell ref="XDI731:XDL731"/>
    <mergeCell ref="XBY731:XCB731"/>
    <mergeCell ref="XCC731:XCF731"/>
    <mergeCell ref="XCG731:XCJ731"/>
    <mergeCell ref="XCK731:XCN731"/>
    <mergeCell ref="XCO731:XCR731"/>
    <mergeCell ref="XBE731:XBH731"/>
    <mergeCell ref="XBI731:XBL731"/>
    <mergeCell ref="XBM731:XBP731"/>
    <mergeCell ref="XBQ731:XBT731"/>
    <mergeCell ref="XBU731:XBX731"/>
    <mergeCell ref="XAK731:XAN731"/>
    <mergeCell ref="XAO731:XAR731"/>
    <mergeCell ref="XAS731:XAV731"/>
    <mergeCell ref="JA732:JD732"/>
    <mergeCell ref="JE732:JH732"/>
    <mergeCell ref="JI732:JL732"/>
    <mergeCell ref="JM732:JP732"/>
    <mergeCell ref="JQ732:JT732"/>
    <mergeCell ref="IG732:IJ732"/>
    <mergeCell ref="IK732:IN732"/>
    <mergeCell ref="IO732:IR732"/>
    <mergeCell ref="IS732:IV732"/>
    <mergeCell ref="IW732:IZ732"/>
    <mergeCell ref="HM732:HP732"/>
    <mergeCell ref="HQ732:HT732"/>
    <mergeCell ref="HU732:HX732"/>
    <mergeCell ref="HY732:IB732"/>
    <mergeCell ref="IC732:IF732"/>
    <mergeCell ref="GS732:GV732"/>
    <mergeCell ref="GW732:GZ732"/>
    <mergeCell ref="HA732:HD732"/>
    <mergeCell ref="HE732:HH732"/>
    <mergeCell ref="HI732:HL732"/>
    <mergeCell ref="FY732:GB732"/>
    <mergeCell ref="GC732:GF732"/>
    <mergeCell ref="GG732:GJ732"/>
    <mergeCell ref="GK732:GN732"/>
    <mergeCell ref="GO732:GR732"/>
    <mergeCell ref="FE732:FH732"/>
    <mergeCell ref="FI732:FL732"/>
    <mergeCell ref="FM732:FP732"/>
    <mergeCell ref="FQ732:FT732"/>
    <mergeCell ref="FU732:FX732"/>
    <mergeCell ref="EK732:EN732"/>
    <mergeCell ref="EO732:ER732"/>
    <mergeCell ref="ES732:EV732"/>
    <mergeCell ref="EW732:EZ732"/>
    <mergeCell ref="FA732:FD732"/>
    <mergeCell ref="OK732:ON732"/>
    <mergeCell ref="OO732:OR732"/>
    <mergeCell ref="OS732:OV732"/>
    <mergeCell ref="OW732:OZ732"/>
    <mergeCell ref="PA732:PD732"/>
    <mergeCell ref="NQ732:NT732"/>
    <mergeCell ref="NU732:NX732"/>
    <mergeCell ref="NY732:OB732"/>
    <mergeCell ref="OC732:OF732"/>
    <mergeCell ref="OG732:OJ732"/>
    <mergeCell ref="MW732:MZ732"/>
    <mergeCell ref="NA732:ND732"/>
    <mergeCell ref="NE732:NH732"/>
    <mergeCell ref="NI732:NL732"/>
    <mergeCell ref="NM732:NP732"/>
    <mergeCell ref="MC732:MF732"/>
    <mergeCell ref="MG732:MJ732"/>
    <mergeCell ref="MK732:MN732"/>
    <mergeCell ref="MO732:MR732"/>
    <mergeCell ref="MS732:MV732"/>
    <mergeCell ref="LI732:LL732"/>
    <mergeCell ref="LM732:LP732"/>
    <mergeCell ref="LQ732:LT732"/>
    <mergeCell ref="LU732:LX732"/>
    <mergeCell ref="LY732:MB732"/>
    <mergeCell ref="KO732:KR732"/>
    <mergeCell ref="KS732:KV732"/>
    <mergeCell ref="KW732:KZ732"/>
    <mergeCell ref="LA732:LD732"/>
    <mergeCell ref="LE732:LH732"/>
    <mergeCell ref="JU732:JX732"/>
    <mergeCell ref="JY732:KB732"/>
    <mergeCell ref="KC732:KF732"/>
    <mergeCell ref="KG732:KJ732"/>
    <mergeCell ref="KK732:KN732"/>
    <mergeCell ref="TU732:TX732"/>
    <mergeCell ref="TY732:UB732"/>
    <mergeCell ref="UC732:UF732"/>
    <mergeCell ref="UG732:UJ732"/>
    <mergeCell ref="UK732:UN732"/>
    <mergeCell ref="TA732:TD732"/>
    <mergeCell ref="TE732:TH732"/>
    <mergeCell ref="TI732:TL732"/>
    <mergeCell ref="TM732:TP732"/>
    <mergeCell ref="TQ732:TT732"/>
    <mergeCell ref="SG732:SJ732"/>
    <mergeCell ref="SK732:SN732"/>
    <mergeCell ref="SO732:SR732"/>
    <mergeCell ref="SS732:SV732"/>
    <mergeCell ref="SW732:SZ732"/>
    <mergeCell ref="RM732:RP732"/>
    <mergeCell ref="RQ732:RT732"/>
    <mergeCell ref="RU732:RX732"/>
    <mergeCell ref="RY732:SB732"/>
    <mergeCell ref="SC732:SF732"/>
    <mergeCell ref="QS732:QV732"/>
    <mergeCell ref="QW732:QZ732"/>
    <mergeCell ref="RA732:RD732"/>
    <mergeCell ref="RE732:RH732"/>
    <mergeCell ref="RI732:RL732"/>
    <mergeCell ref="PY732:QB732"/>
    <mergeCell ref="QC732:QF732"/>
    <mergeCell ref="QG732:QJ732"/>
    <mergeCell ref="QK732:QN732"/>
    <mergeCell ref="QO732:QR732"/>
    <mergeCell ref="PE732:PH732"/>
    <mergeCell ref="PI732:PL732"/>
    <mergeCell ref="PM732:PP732"/>
    <mergeCell ref="PQ732:PT732"/>
    <mergeCell ref="PU732:PX732"/>
    <mergeCell ref="ZE732:ZH732"/>
    <mergeCell ref="ZI732:ZL732"/>
    <mergeCell ref="ZM732:ZP732"/>
    <mergeCell ref="ZQ732:ZT732"/>
    <mergeCell ref="ZU732:ZX732"/>
    <mergeCell ref="YK732:YN732"/>
    <mergeCell ref="YO732:YR732"/>
    <mergeCell ref="YS732:YV732"/>
    <mergeCell ref="YW732:YZ732"/>
    <mergeCell ref="ZA732:ZD732"/>
    <mergeCell ref="XQ732:XT732"/>
    <mergeCell ref="XU732:XX732"/>
    <mergeCell ref="XY732:YB732"/>
    <mergeCell ref="YC732:YF732"/>
    <mergeCell ref="YG732:YJ732"/>
    <mergeCell ref="WW732:WZ732"/>
    <mergeCell ref="XA732:XD732"/>
    <mergeCell ref="XE732:XH732"/>
    <mergeCell ref="XI732:XL732"/>
    <mergeCell ref="XM732:XP732"/>
    <mergeCell ref="WC732:WF732"/>
    <mergeCell ref="WG732:WJ732"/>
    <mergeCell ref="WK732:WN732"/>
    <mergeCell ref="WO732:WR732"/>
    <mergeCell ref="WS732:WV732"/>
    <mergeCell ref="VI732:VL732"/>
    <mergeCell ref="VM732:VP732"/>
    <mergeCell ref="VQ732:VT732"/>
    <mergeCell ref="VU732:VX732"/>
    <mergeCell ref="VY732:WB732"/>
    <mergeCell ref="UO732:UR732"/>
    <mergeCell ref="US732:UV732"/>
    <mergeCell ref="UW732:UZ732"/>
    <mergeCell ref="VA732:VD732"/>
    <mergeCell ref="VE732:VH732"/>
    <mergeCell ref="AEO732:AER732"/>
    <mergeCell ref="AES732:AEV732"/>
    <mergeCell ref="AEW732:AEZ732"/>
    <mergeCell ref="AFA732:AFD732"/>
    <mergeCell ref="AFE732:AFH732"/>
    <mergeCell ref="ADU732:ADX732"/>
    <mergeCell ref="ADY732:AEB732"/>
    <mergeCell ref="AEC732:AEF732"/>
    <mergeCell ref="AEG732:AEJ732"/>
    <mergeCell ref="AEK732:AEN732"/>
    <mergeCell ref="ADA732:ADD732"/>
    <mergeCell ref="ADE732:ADH732"/>
    <mergeCell ref="ADI732:ADL732"/>
    <mergeCell ref="ADM732:ADP732"/>
    <mergeCell ref="ADQ732:ADT732"/>
    <mergeCell ref="ACG732:ACJ732"/>
    <mergeCell ref="ACK732:ACN732"/>
    <mergeCell ref="ACO732:ACR732"/>
    <mergeCell ref="ACS732:ACV732"/>
    <mergeCell ref="ACW732:ACZ732"/>
    <mergeCell ref="ABM732:ABP732"/>
    <mergeCell ref="ABQ732:ABT732"/>
    <mergeCell ref="ABU732:ABX732"/>
    <mergeCell ref="ABY732:ACB732"/>
    <mergeCell ref="ACC732:ACF732"/>
    <mergeCell ref="AAS732:AAV732"/>
    <mergeCell ref="AAW732:AAZ732"/>
    <mergeCell ref="ABA732:ABD732"/>
    <mergeCell ref="ABE732:ABH732"/>
    <mergeCell ref="ABI732:ABL732"/>
    <mergeCell ref="ZY732:AAB732"/>
    <mergeCell ref="AAC732:AAF732"/>
    <mergeCell ref="AAG732:AAJ732"/>
    <mergeCell ref="AAK732:AAN732"/>
    <mergeCell ref="AAO732:AAR732"/>
    <mergeCell ref="AJY732:AKB732"/>
    <mergeCell ref="AKC732:AKF732"/>
    <mergeCell ref="AKG732:AKJ732"/>
    <mergeCell ref="AKK732:AKN732"/>
    <mergeCell ref="AKO732:AKR732"/>
    <mergeCell ref="AJE732:AJH732"/>
    <mergeCell ref="AJI732:AJL732"/>
    <mergeCell ref="AJM732:AJP732"/>
    <mergeCell ref="AJQ732:AJT732"/>
    <mergeCell ref="AJU732:AJX732"/>
    <mergeCell ref="AIK732:AIN732"/>
    <mergeCell ref="AIO732:AIR732"/>
    <mergeCell ref="AIS732:AIV732"/>
    <mergeCell ref="AIW732:AIZ732"/>
    <mergeCell ref="AJA732:AJD732"/>
    <mergeCell ref="AHQ732:AHT732"/>
    <mergeCell ref="AHU732:AHX732"/>
    <mergeCell ref="AHY732:AIB732"/>
    <mergeCell ref="AIC732:AIF732"/>
    <mergeCell ref="AIG732:AIJ732"/>
    <mergeCell ref="AGW732:AGZ732"/>
    <mergeCell ref="AHA732:AHD732"/>
    <mergeCell ref="AHE732:AHH732"/>
    <mergeCell ref="AHI732:AHL732"/>
    <mergeCell ref="AHM732:AHP732"/>
    <mergeCell ref="AGC732:AGF732"/>
    <mergeCell ref="AGG732:AGJ732"/>
    <mergeCell ref="AGK732:AGN732"/>
    <mergeCell ref="AGO732:AGR732"/>
    <mergeCell ref="AGS732:AGV732"/>
    <mergeCell ref="AFI732:AFL732"/>
    <mergeCell ref="AFM732:AFP732"/>
    <mergeCell ref="AFQ732:AFT732"/>
    <mergeCell ref="AFU732:AFX732"/>
    <mergeCell ref="AFY732:AGB732"/>
    <mergeCell ref="API732:APL732"/>
    <mergeCell ref="APM732:APP732"/>
    <mergeCell ref="APQ732:APT732"/>
    <mergeCell ref="APU732:APX732"/>
    <mergeCell ref="APY732:AQB732"/>
    <mergeCell ref="AOO732:AOR732"/>
    <mergeCell ref="AOS732:AOV732"/>
    <mergeCell ref="AOW732:AOZ732"/>
    <mergeCell ref="APA732:APD732"/>
    <mergeCell ref="APE732:APH732"/>
    <mergeCell ref="ANU732:ANX732"/>
    <mergeCell ref="ANY732:AOB732"/>
    <mergeCell ref="AOC732:AOF732"/>
    <mergeCell ref="AOG732:AOJ732"/>
    <mergeCell ref="AOK732:AON732"/>
    <mergeCell ref="ANA732:AND732"/>
    <mergeCell ref="ANE732:ANH732"/>
    <mergeCell ref="ANI732:ANL732"/>
    <mergeCell ref="ANM732:ANP732"/>
    <mergeCell ref="ANQ732:ANT732"/>
    <mergeCell ref="AMG732:AMJ732"/>
    <mergeCell ref="AMK732:AMN732"/>
    <mergeCell ref="AMO732:AMR732"/>
    <mergeCell ref="AMS732:AMV732"/>
    <mergeCell ref="AMW732:AMZ732"/>
    <mergeCell ref="ALM732:ALP732"/>
    <mergeCell ref="ALQ732:ALT732"/>
    <mergeCell ref="ALU732:ALX732"/>
    <mergeCell ref="ALY732:AMB732"/>
    <mergeCell ref="AMC732:AMF732"/>
    <mergeCell ref="AKS732:AKV732"/>
    <mergeCell ref="AKW732:AKZ732"/>
    <mergeCell ref="ALA732:ALD732"/>
    <mergeCell ref="ALE732:ALH732"/>
    <mergeCell ref="ALI732:ALL732"/>
    <mergeCell ref="AUS732:AUV732"/>
    <mergeCell ref="AUW732:AUZ732"/>
    <mergeCell ref="AVA732:AVD732"/>
    <mergeCell ref="AVE732:AVH732"/>
    <mergeCell ref="AVI732:AVL732"/>
    <mergeCell ref="ATY732:AUB732"/>
    <mergeCell ref="AUC732:AUF732"/>
    <mergeCell ref="AUG732:AUJ732"/>
    <mergeCell ref="AUK732:AUN732"/>
    <mergeCell ref="AUO732:AUR732"/>
    <mergeCell ref="ATE732:ATH732"/>
    <mergeCell ref="ATI732:ATL732"/>
    <mergeCell ref="ATM732:ATP732"/>
    <mergeCell ref="ATQ732:ATT732"/>
    <mergeCell ref="ATU732:ATX732"/>
    <mergeCell ref="ASK732:ASN732"/>
    <mergeCell ref="ASO732:ASR732"/>
    <mergeCell ref="ASS732:ASV732"/>
    <mergeCell ref="ASW732:ASZ732"/>
    <mergeCell ref="ATA732:ATD732"/>
    <mergeCell ref="ARQ732:ART732"/>
    <mergeCell ref="ARU732:ARX732"/>
    <mergeCell ref="ARY732:ASB732"/>
    <mergeCell ref="ASC732:ASF732"/>
    <mergeCell ref="ASG732:ASJ732"/>
    <mergeCell ref="AQW732:AQZ732"/>
    <mergeCell ref="ARA732:ARD732"/>
    <mergeCell ref="ARE732:ARH732"/>
    <mergeCell ref="ARI732:ARL732"/>
    <mergeCell ref="ARM732:ARP732"/>
    <mergeCell ref="AQC732:AQF732"/>
    <mergeCell ref="AQG732:AQJ732"/>
    <mergeCell ref="AQK732:AQN732"/>
    <mergeCell ref="AQO732:AQR732"/>
    <mergeCell ref="AQS732:AQV732"/>
    <mergeCell ref="BAC732:BAF732"/>
    <mergeCell ref="BAG732:BAJ732"/>
    <mergeCell ref="BAK732:BAN732"/>
    <mergeCell ref="BAO732:BAR732"/>
    <mergeCell ref="BAS732:BAV732"/>
    <mergeCell ref="AZI732:AZL732"/>
    <mergeCell ref="AZM732:AZP732"/>
    <mergeCell ref="AZQ732:AZT732"/>
    <mergeCell ref="AZU732:AZX732"/>
    <mergeCell ref="AZY732:BAB732"/>
    <mergeCell ref="AYO732:AYR732"/>
    <mergeCell ref="AYS732:AYV732"/>
    <mergeCell ref="AYW732:AYZ732"/>
    <mergeCell ref="AZA732:AZD732"/>
    <mergeCell ref="AZE732:AZH732"/>
    <mergeCell ref="AXU732:AXX732"/>
    <mergeCell ref="AXY732:AYB732"/>
    <mergeCell ref="AYC732:AYF732"/>
    <mergeCell ref="AYG732:AYJ732"/>
    <mergeCell ref="AYK732:AYN732"/>
    <mergeCell ref="AXA732:AXD732"/>
    <mergeCell ref="AXE732:AXH732"/>
    <mergeCell ref="AXI732:AXL732"/>
    <mergeCell ref="AXM732:AXP732"/>
    <mergeCell ref="AXQ732:AXT732"/>
    <mergeCell ref="AWG732:AWJ732"/>
    <mergeCell ref="AWK732:AWN732"/>
    <mergeCell ref="AWO732:AWR732"/>
    <mergeCell ref="AWS732:AWV732"/>
    <mergeCell ref="AWW732:AWZ732"/>
    <mergeCell ref="AVM732:AVP732"/>
    <mergeCell ref="AVQ732:AVT732"/>
    <mergeCell ref="AVU732:AVX732"/>
    <mergeCell ref="AVY732:AWB732"/>
    <mergeCell ref="AWC732:AWF732"/>
    <mergeCell ref="BFM732:BFP732"/>
    <mergeCell ref="BFQ732:BFT732"/>
    <mergeCell ref="BFU732:BFX732"/>
    <mergeCell ref="BFY732:BGB732"/>
    <mergeCell ref="BGC732:BGF732"/>
    <mergeCell ref="BES732:BEV732"/>
    <mergeCell ref="BEW732:BEZ732"/>
    <mergeCell ref="BFA732:BFD732"/>
    <mergeCell ref="BFE732:BFH732"/>
    <mergeCell ref="BFI732:BFL732"/>
    <mergeCell ref="BDY732:BEB732"/>
    <mergeCell ref="BEC732:BEF732"/>
    <mergeCell ref="BEG732:BEJ732"/>
    <mergeCell ref="BEK732:BEN732"/>
    <mergeCell ref="BEO732:BER732"/>
    <mergeCell ref="BDE732:BDH732"/>
    <mergeCell ref="BDI732:BDL732"/>
    <mergeCell ref="BDM732:BDP732"/>
    <mergeCell ref="BDQ732:BDT732"/>
    <mergeCell ref="BDU732:BDX732"/>
    <mergeCell ref="BCK732:BCN732"/>
    <mergeCell ref="BCO732:BCR732"/>
    <mergeCell ref="BCS732:BCV732"/>
    <mergeCell ref="BCW732:BCZ732"/>
    <mergeCell ref="BDA732:BDD732"/>
    <mergeCell ref="BBQ732:BBT732"/>
    <mergeCell ref="BBU732:BBX732"/>
    <mergeCell ref="BBY732:BCB732"/>
    <mergeCell ref="BCC732:BCF732"/>
    <mergeCell ref="BCG732:BCJ732"/>
    <mergeCell ref="BAW732:BAZ732"/>
    <mergeCell ref="BBA732:BBD732"/>
    <mergeCell ref="BBE732:BBH732"/>
    <mergeCell ref="BBI732:BBL732"/>
    <mergeCell ref="BBM732:BBP732"/>
    <mergeCell ref="BKW732:BKZ732"/>
    <mergeCell ref="BLA732:BLD732"/>
    <mergeCell ref="BLE732:BLH732"/>
    <mergeCell ref="BLI732:BLL732"/>
    <mergeCell ref="BLM732:BLP732"/>
    <mergeCell ref="BKC732:BKF732"/>
    <mergeCell ref="BKG732:BKJ732"/>
    <mergeCell ref="BKK732:BKN732"/>
    <mergeCell ref="BKO732:BKR732"/>
    <mergeCell ref="BKS732:BKV732"/>
    <mergeCell ref="BJI732:BJL732"/>
    <mergeCell ref="BJM732:BJP732"/>
    <mergeCell ref="BJQ732:BJT732"/>
    <mergeCell ref="BJU732:BJX732"/>
    <mergeCell ref="BJY732:BKB732"/>
    <mergeCell ref="BIO732:BIR732"/>
    <mergeCell ref="BIS732:BIV732"/>
    <mergeCell ref="BIW732:BIZ732"/>
    <mergeCell ref="BJA732:BJD732"/>
    <mergeCell ref="BJE732:BJH732"/>
    <mergeCell ref="BHU732:BHX732"/>
    <mergeCell ref="BHY732:BIB732"/>
    <mergeCell ref="BIC732:BIF732"/>
    <mergeCell ref="BIG732:BIJ732"/>
    <mergeCell ref="BIK732:BIN732"/>
    <mergeCell ref="BHA732:BHD732"/>
    <mergeCell ref="BHE732:BHH732"/>
    <mergeCell ref="BHI732:BHL732"/>
    <mergeCell ref="BHM732:BHP732"/>
    <mergeCell ref="BHQ732:BHT732"/>
    <mergeCell ref="BGG732:BGJ732"/>
    <mergeCell ref="BGK732:BGN732"/>
    <mergeCell ref="BGO732:BGR732"/>
    <mergeCell ref="BGS732:BGV732"/>
    <mergeCell ref="BGW732:BGZ732"/>
    <mergeCell ref="BQG732:BQJ732"/>
    <mergeCell ref="BQK732:BQN732"/>
    <mergeCell ref="BQO732:BQR732"/>
    <mergeCell ref="BQS732:BQV732"/>
    <mergeCell ref="BQW732:BQZ732"/>
    <mergeCell ref="BPM732:BPP732"/>
    <mergeCell ref="BPQ732:BPT732"/>
    <mergeCell ref="BPU732:BPX732"/>
    <mergeCell ref="BPY732:BQB732"/>
    <mergeCell ref="BQC732:BQF732"/>
    <mergeCell ref="BOS732:BOV732"/>
    <mergeCell ref="BOW732:BOZ732"/>
    <mergeCell ref="BPA732:BPD732"/>
    <mergeCell ref="BPE732:BPH732"/>
    <mergeCell ref="BPI732:BPL732"/>
    <mergeCell ref="BNY732:BOB732"/>
    <mergeCell ref="BOC732:BOF732"/>
    <mergeCell ref="BOG732:BOJ732"/>
    <mergeCell ref="BOK732:BON732"/>
    <mergeCell ref="BOO732:BOR732"/>
    <mergeCell ref="BNE732:BNH732"/>
    <mergeCell ref="BNI732:BNL732"/>
    <mergeCell ref="BNM732:BNP732"/>
    <mergeCell ref="BNQ732:BNT732"/>
    <mergeCell ref="BNU732:BNX732"/>
    <mergeCell ref="BMK732:BMN732"/>
    <mergeCell ref="BMO732:BMR732"/>
    <mergeCell ref="BMS732:BMV732"/>
    <mergeCell ref="BMW732:BMZ732"/>
    <mergeCell ref="BNA732:BND732"/>
    <mergeCell ref="BLQ732:BLT732"/>
    <mergeCell ref="BLU732:BLX732"/>
    <mergeCell ref="BLY732:BMB732"/>
    <mergeCell ref="BMC732:BMF732"/>
    <mergeCell ref="BMG732:BMJ732"/>
    <mergeCell ref="BVQ732:BVT732"/>
    <mergeCell ref="BVU732:BVX732"/>
    <mergeCell ref="BVY732:BWB732"/>
    <mergeCell ref="BWC732:BWF732"/>
    <mergeCell ref="BWG732:BWJ732"/>
    <mergeCell ref="BUW732:BUZ732"/>
    <mergeCell ref="BVA732:BVD732"/>
    <mergeCell ref="BVE732:BVH732"/>
    <mergeCell ref="BVI732:BVL732"/>
    <mergeCell ref="BVM732:BVP732"/>
    <mergeCell ref="BUC732:BUF732"/>
    <mergeCell ref="BUG732:BUJ732"/>
    <mergeCell ref="BUK732:BUN732"/>
    <mergeCell ref="BUO732:BUR732"/>
    <mergeCell ref="BUS732:BUV732"/>
    <mergeCell ref="BTI732:BTL732"/>
    <mergeCell ref="BTM732:BTP732"/>
    <mergeCell ref="BTQ732:BTT732"/>
    <mergeCell ref="BTU732:BTX732"/>
    <mergeCell ref="BTY732:BUB732"/>
    <mergeCell ref="BSO732:BSR732"/>
    <mergeCell ref="BSS732:BSV732"/>
    <mergeCell ref="BSW732:BSZ732"/>
    <mergeCell ref="BTA732:BTD732"/>
    <mergeCell ref="BTE732:BTH732"/>
    <mergeCell ref="BRU732:BRX732"/>
    <mergeCell ref="BRY732:BSB732"/>
    <mergeCell ref="BSC732:BSF732"/>
    <mergeCell ref="BSG732:BSJ732"/>
    <mergeCell ref="BSK732:BSN732"/>
    <mergeCell ref="BRA732:BRD732"/>
    <mergeCell ref="BRE732:BRH732"/>
    <mergeCell ref="BRI732:BRL732"/>
    <mergeCell ref="BRM732:BRP732"/>
    <mergeCell ref="BRQ732:BRT732"/>
    <mergeCell ref="CBA732:CBD732"/>
    <mergeCell ref="CBE732:CBH732"/>
    <mergeCell ref="CBI732:CBL732"/>
    <mergeCell ref="CBM732:CBP732"/>
    <mergeCell ref="CBQ732:CBT732"/>
    <mergeCell ref="CAG732:CAJ732"/>
    <mergeCell ref="CAK732:CAN732"/>
    <mergeCell ref="CAO732:CAR732"/>
    <mergeCell ref="CAS732:CAV732"/>
    <mergeCell ref="CAW732:CAZ732"/>
    <mergeCell ref="BZM732:BZP732"/>
    <mergeCell ref="BZQ732:BZT732"/>
    <mergeCell ref="BZU732:BZX732"/>
    <mergeCell ref="BZY732:CAB732"/>
    <mergeCell ref="CAC732:CAF732"/>
    <mergeCell ref="BYS732:BYV732"/>
    <mergeCell ref="BYW732:BYZ732"/>
    <mergeCell ref="BZA732:BZD732"/>
    <mergeCell ref="BZE732:BZH732"/>
    <mergeCell ref="BZI732:BZL732"/>
    <mergeCell ref="BXY732:BYB732"/>
    <mergeCell ref="BYC732:BYF732"/>
    <mergeCell ref="BYG732:BYJ732"/>
    <mergeCell ref="BYK732:BYN732"/>
    <mergeCell ref="BYO732:BYR732"/>
    <mergeCell ref="BXE732:BXH732"/>
    <mergeCell ref="BXI732:BXL732"/>
    <mergeCell ref="BXM732:BXP732"/>
    <mergeCell ref="BXQ732:BXT732"/>
    <mergeCell ref="BXU732:BXX732"/>
    <mergeCell ref="BWK732:BWN732"/>
    <mergeCell ref="BWO732:BWR732"/>
    <mergeCell ref="BWS732:BWV732"/>
    <mergeCell ref="BWW732:BWZ732"/>
    <mergeCell ref="BXA732:BXD732"/>
    <mergeCell ref="CGK732:CGN732"/>
    <mergeCell ref="CGO732:CGR732"/>
    <mergeCell ref="CGS732:CGV732"/>
    <mergeCell ref="CGW732:CGZ732"/>
    <mergeCell ref="CHA732:CHD732"/>
    <mergeCell ref="CFQ732:CFT732"/>
    <mergeCell ref="CFU732:CFX732"/>
    <mergeCell ref="CFY732:CGB732"/>
    <mergeCell ref="CGC732:CGF732"/>
    <mergeCell ref="CGG732:CGJ732"/>
    <mergeCell ref="CEW732:CEZ732"/>
    <mergeCell ref="CFA732:CFD732"/>
    <mergeCell ref="CFE732:CFH732"/>
    <mergeCell ref="CFI732:CFL732"/>
    <mergeCell ref="CFM732:CFP732"/>
    <mergeCell ref="CEC732:CEF732"/>
    <mergeCell ref="CEG732:CEJ732"/>
    <mergeCell ref="CEK732:CEN732"/>
    <mergeCell ref="CEO732:CER732"/>
    <mergeCell ref="CES732:CEV732"/>
    <mergeCell ref="CDI732:CDL732"/>
    <mergeCell ref="CDM732:CDP732"/>
    <mergeCell ref="CDQ732:CDT732"/>
    <mergeCell ref="CDU732:CDX732"/>
    <mergeCell ref="CDY732:CEB732"/>
    <mergeCell ref="CCO732:CCR732"/>
    <mergeCell ref="CCS732:CCV732"/>
    <mergeCell ref="CCW732:CCZ732"/>
    <mergeCell ref="CDA732:CDD732"/>
    <mergeCell ref="CDE732:CDH732"/>
    <mergeCell ref="CBU732:CBX732"/>
    <mergeCell ref="CBY732:CCB732"/>
    <mergeCell ref="CCC732:CCF732"/>
    <mergeCell ref="CCG732:CCJ732"/>
    <mergeCell ref="CCK732:CCN732"/>
    <mergeCell ref="CLU732:CLX732"/>
    <mergeCell ref="CLY732:CMB732"/>
    <mergeCell ref="CMC732:CMF732"/>
    <mergeCell ref="CMG732:CMJ732"/>
    <mergeCell ref="CMK732:CMN732"/>
    <mergeCell ref="CLA732:CLD732"/>
    <mergeCell ref="CLE732:CLH732"/>
    <mergeCell ref="CLI732:CLL732"/>
    <mergeCell ref="CLM732:CLP732"/>
    <mergeCell ref="CLQ732:CLT732"/>
    <mergeCell ref="CKG732:CKJ732"/>
    <mergeCell ref="CKK732:CKN732"/>
    <mergeCell ref="CKO732:CKR732"/>
    <mergeCell ref="CKS732:CKV732"/>
    <mergeCell ref="CKW732:CKZ732"/>
    <mergeCell ref="CJM732:CJP732"/>
    <mergeCell ref="CJQ732:CJT732"/>
    <mergeCell ref="CJU732:CJX732"/>
    <mergeCell ref="CJY732:CKB732"/>
    <mergeCell ref="CKC732:CKF732"/>
    <mergeCell ref="CIS732:CIV732"/>
    <mergeCell ref="CIW732:CIZ732"/>
    <mergeCell ref="CJA732:CJD732"/>
    <mergeCell ref="CJE732:CJH732"/>
    <mergeCell ref="CJI732:CJL732"/>
    <mergeCell ref="CHY732:CIB732"/>
    <mergeCell ref="CIC732:CIF732"/>
    <mergeCell ref="CIG732:CIJ732"/>
    <mergeCell ref="CIK732:CIN732"/>
    <mergeCell ref="CIO732:CIR732"/>
    <mergeCell ref="CHE732:CHH732"/>
    <mergeCell ref="CHI732:CHL732"/>
    <mergeCell ref="CHM732:CHP732"/>
    <mergeCell ref="CHQ732:CHT732"/>
    <mergeCell ref="CHU732:CHX732"/>
    <mergeCell ref="CRE732:CRH732"/>
    <mergeCell ref="CRI732:CRL732"/>
    <mergeCell ref="CRM732:CRP732"/>
    <mergeCell ref="CRQ732:CRT732"/>
    <mergeCell ref="CRU732:CRX732"/>
    <mergeCell ref="CQK732:CQN732"/>
    <mergeCell ref="CQO732:CQR732"/>
    <mergeCell ref="CQS732:CQV732"/>
    <mergeCell ref="CQW732:CQZ732"/>
    <mergeCell ref="CRA732:CRD732"/>
    <mergeCell ref="CPQ732:CPT732"/>
    <mergeCell ref="CPU732:CPX732"/>
    <mergeCell ref="CPY732:CQB732"/>
    <mergeCell ref="CQC732:CQF732"/>
    <mergeCell ref="CQG732:CQJ732"/>
    <mergeCell ref="COW732:COZ732"/>
    <mergeCell ref="CPA732:CPD732"/>
    <mergeCell ref="CPE732:CPH732"/>
    <mergeCell ref="CPI732:CPL732"/>
    <mergeCell ref="CPM732:CPP732"/>
    <mergeCell ref="COC732:COF732"/>
    <mergeCell ref="COG732:COJ732"/>
    <mergeCell ref="COK732:CON732"/>
    <mergeCell ref="COO732:COR732"/>
    <mergeCell ref="COS732:COV732"/>
    <mergeCell ref="CNI732:CNL732"/>
    <mergeCell ref="CNM732:CNP732"/>
    <mergeCell ref="CNQ732:CNT732"/>
    <mergeCell ref="CNU732:CNX732"/>
    <mergeCell ref="CNY732:COB732"/>
    <mergeCell ref="CMO732:CMR732"/>
    <mergeCell ref="CMS732:CMV732"/>
    <mergeCell ref="CMW732:CMZ732"/>
    <mergeCell ref="CNA732:CND732"/>
    <mergeCell ref="CNE732:CNH732"/>
    <mergeCell ref="CWO732:CWR732"/>
    <mergeCell ref="CWS732:CWV732"/>
    <mergeCell ref="CWW732:CWZ732"/>
    <mergeCell ref="CXA732:CXD732"/>
    <mergeCell ref="CXE732:CXH732"/>
    <mergeCell ref="CVU732:CVX732"/>
    <mergeCell ref="CVY732:CWB732"/>
    <mergeCell ref="CWC732:CWF732"/>
    <mergeCell ref="CWG732:CWJ732"/>
    <mergeCell ref="CWK732:CWN732"/>
    <mergeCell ref="CVA732:CVD732"/>
    <mergeCell ref="CVE732:CVH732"/>
    <mergeCell ref="CVI732:CVL732"/>
    <mergeCell ref="CVM732:CVP732"/>
    <mergeCell ref="CVQ732:CVT732"/>
    <mergeCell ref="CUG732:CUJ732"/>
    <mergeCell ref="CUK732:CUN732"/>
    <mergeCell ref="CUO732:CUR732"/>
    <mergeCell ref="CUS732:CUV732"/>
    <mergeCell ref="CUW732:CUZ732"/>
    <mergeCell ref="CTM732:CTP732"/>
    <mergeCell ref="CTQ732:CTT732"/>
    <mergeCell ref="CTU732:CTX732"/>
    <mergeCell ref="CTY732:CUB732"/>
    <mergeCell ref="CUC732:CUF732"/>
    <mergeCell ref="CSS732:CSV732"/>
    <mergeCell ref="CSW732:CSZ732"/>
    <mergeCell ref="CTA732:CTD732"/>
    <mergeCell ref="CTE732:CTH732"/>
    <mergeCell ref="CTI732:CTL732"/>
    <mergeCell ref="CRY732:CSB732"/>
    <mergeCell ref="CSC732:CSF732"/>
    <mergeCell ref="CSG732:CSJ732"/>
    <mergeCell ref="CSK732:CSN732"/>
    <mergeCell ref="CSO732:CSR732"/>
    <mergeCell ref="DBY732:DCB732"/>
    <mergeCell ref="DCC732:DCF732"/>
    <mergeCell ref="DCG732:DCJ732"/>
    <mergeCell ref="DCK732:DCN732"/>
    <mergeCell ref="DCO732:DCR732"/>
    <mergeCell ref="DBE732:DBH732"/>
    <mergeCell ref="DBI732:DBL732"/>
    <mergeCell ref="DBM732:DBP732"/>
    <mergeCell ref="DBQ732:DBT732"/>
    <mergeCell ref="DBU732:DBX732"/>
    <mergeCell ref="DAK732:DAN732"/>
    <mergeCell ref="DAO732:DAR732"/>
    <mergeCell ref="DAS732:DAV732"/>
    <mergeCell ref="DAW732:DAZ732"/>
    <mergeCell ref="DBA732:DBD732"/>
    <mergeCell ref="CZQ732:CZT732"/>
    <mergeCell ref="CZU732:CZX732"/>
    <mergeCell ref="CZY732:DAB732"/>
    <mergeCell ref="DAC732:DAF732"/>
    <mergeCell ref="DAG732:DAJ732"/>
    <mergeCell ref="CYW732:CYZ732"/>
    <mergeCell ref="CZA732:CZD732"/>
    <mergeCell ref="CZE732:CZH732"/>
    <mergeCell ref="CZI732:CZL732"/>
    <mergeCell ref="CZM732:CZP732"/>
    <mergeCell ref="CYC732:CYF732"/>
    <mergeCell ref="CYG732:CYJ732"/>
    <mergeCell ref="CYK732:CYN732"/>
    <mergeCell ref="CYO732:CYR732"/>
    <mergeCell ref="CYS732:CYV732"/>
    <mergeCell ref="CXI732:CXL732"/>
    <mergeCell ref="CXM732:CXP732"/>
    <mergeCell ref="CXQ732:CXT732"/>
    <mergeCell ref="CXU732:CXX732"/>
    <mergeCell ref="CXY732:CYB732"/>
    <mergeCell ref="DHI732:DHL732"/>
    <mergeCell ref="DHM732:DHP732"/>
    <mergeCell ref="DHQ732:DHT732"/>
    <mergeCell ref="DHU732:DHX732"/>
    <mergeCell ref="DHY732:DIB732"/>
    <mergeCell ref="DGO732:DGR732"/>
    <mergeCell ref="DGS732:DGV732"/>
    <mergeCell ref="DGW732:DGZ732"/>
    <mergeCell ref="DHA732:DHD732"/>
    <mergeCell ref="DHE732:DHH732"/>
    <mergeCell ref="DFU732:DFX732"/>
    <mergeCell ref="DFY732:DGB732"/>
    <mergeCell ref="DGC732:DGF732"/>
    <mergeCell ref="DGG732:DGJ732"/>
    <mergeCell ref="DGK732:DGN732"/>
    <mergeCell ref="DFA732:DFD732"/>
    <mergeCell ref="DFE732:DFH732"/>
    <mergeCell ref="DFI732:DFL732"/>
    <mergeCell ref="DFM732:DFP732"/>
    <mergeCell ref="DFQ732:DFT732"/>
    <mergeCell ref="DEG732:DEJ732"/>
    <mergeCell ref="DEK732:DEN732"/>
    <mergeCell ref="DEO732:DER732"/>
    <mergeCell ref="DES732:DEV732"/>
    <mergeCell ref="DEW732:DEZ732"/>
    <mergeCell ref="DDM732:DDP732"/>
    <mergeCell ref="DDQ732:DDT732"/>
    <mergeCell ref="DDU732:DDX732"/>
    <mergeCell ref="DDY732:DEB732"/>
    <mergeCell ref="DEC732:DEF732"/>
    <mergeCell ref="DCS732:DCV732"/>
    <mergeCell ref="DCW732:DCZ732"/>
    <mergeCell ref="DDA732:DDD732"/>
    <mergeCell ref="DDE732:DDH732"/>
    <mergeCell ref="DDI732:DDL732"/>
    <mergeCell ref="DMS732:DMV732"/>
    <mergeCell ref="DMW732:DMZ732"/>
    <mergeCell ref="DNA732:DND732"/>
    <mergeCell ref="DNE732:DNH732"/>
    <mergeCell ref="DNI732:DNL732"/>
    <mergeCell ref="DLY732:DMB732"/>
    <mergeCell ref="DMC732:DMF732"/>
    <mergeCell ref="DMG732:DMJ732"/>
    <mergeCell ref="DMK732:DMN732"/>
    <mergeCell ref="DMO732:DMR732"/>
    <mergeCell ref="DLE732:DLH732"/>
    <mergeCell ref="DLI732:DLL732"/>
    <mergeCell ref="DLM732:DLP732"/>
    <mergeCell ref="DLQ732:DLT732"/>
    <mergeCell ref="DLU732:DLX732"/>
    <mergeCell ref="DKK732:DKN732"/>
    <mergeCell ref="DKO732:DKR732"/>
    <mergeCell ref="DKS732:DKV732"/>
    <mergeCell ref="DKW732:DKZ732"/>
    <mergeCell ref="DLA732:DLD732"/>
    <mergeCell ref="DJQ732:DJT732"/>
    <mergeCell ref="DJU732:DJX732"/>
    <mergeCell ref="DJY732:DKB732"/>
    <mergeCell ref="DKC732:DKF732"/>
    <mergeCell ref="DKG732:DKJ732"/>
    <mergeCell ref="DIW732:DIZ732"/>
    <mergeCell ref="DJA732:DJD732"/>
    <mergeCell ref="DJE732:DJH732"/>
    <mergeCell ref="DJI732:DJL732"/>
    <mergeCell ref="DJM732:DJP732"/>
    <mergeCell ref="DIC732:DIF732"/>
    <mergeCell ref="DIG732:DIJ732"/>
    <mergeCell ref="DIK732:DIN732"/>
    <mergeCell ref="DIO732:DIR732"/>
    <mergeCell ref="DIS732:DIV732"/>
    <mergeCell ref="DSC732:DSF732"/>
    <mergeCell ref="DSG732:DSJ732"/>
    <mergeCell ref="DSK732:DSN732"/>
    <mergeCell ref="DSO732:DSR732"/>
    <mergeCell ref="DSS732:DSV732"/>
    <mergeCell ref="DRI732:DRL732"/>
    <mergeCell ref="DRM732:DRP732"/>
    <mergeCell ref="DRQ732:DRT732"/>
    <mergeCell ref="DRU732:DRX732"/>
    <mergeCell ref="DRY732:DSB732"/>
    <mergeCell ref="DQO732:DQR732"/>
    <mergeCell ref="DQS732:DQV732"/>
    <mergeCell ref="DQW732:DQZ732"/>
    <mergeCell ref="DRA732:DRD732"/>
    <mergeCell ref="DRE732:DRH732"/>
    <mergeCell ref="DPU732:DPX732"/>
    <mergeCell ref="DPY732:DQB732"/>
    <mergeCell ref="DQC732:DQF732"/>
    <mergeCell ref="DQG732:DQJ732"/>
    <mergeCell ref="DQK732:DQN732"/>
    <mergeCell ref="DPA732:DPD732"/>
    <mergeCell ref="DPE732:DPH732"/>
    <mergeCell ref="DPI732:DPL732"/>
    <mergeCell ref="DPM732:DPP732"/>
    <mergeCell ref="DPQ732:DPT732"/>
    <mergeCell ref="DOG732:DOJ732"/>
    <mergeCell ref="DOK732:DON732"/>
    <mergeCell ref="DOO732:DOR732"/>
    <mergeCell ref="DOS732:DOV732"/>
    <mergeCell ref="DOW732:DOZ732"/>
    <mergeCell ref="DNM732:DNP732"/>
    <mergeCell ref="DNQ732:DNT732"/>
    <mergeCell ref="DNU732:DNX732"/>
    <mergeCell ref="DNY732:DOB732"/>
    <mergeCell ref="DOC732:DOF732"/>
    <mergeCell ref="DXM732:DXP732"/>
    <mergeCell ref="DXQ732:DXT732"/>
    <mergeCell ref="DXU732:DXX732"/>
    <mergeCell ref="DXY732:DYB732"/>
    <mergeCell ref="DYC732:DYF732"/>
    <mergeCell ref="DWS732:DWV732"/>
    <mergeCell ref="DWW732:DWZ732"/>
    <mergeCell ref="DXA732:DXD732"/>
    <mergeCell ref="DXE732:DXH732"/>
    <mergeCell ref="DXI732:DXL732"/>
    <mergeCell ref="DVY732:DWB732"/>
    <mergeCell ref="DWC732:DWF732"/>
    <mergeCell ref="DWG732:DWJ732"/>
    <mergeCell ref="DWK732:DWN732"/>
    <mergeCell ref="DWO732:DWR732"/>
    <mergeCell ref="DVE732:DVH732"/>
    <mergeCell ref="DVI732:DVL732"/>
    <mergeCell ref="DVM732:DVP732"/>
    <mergeCell ref="DVQ732:DVT732"/>
    <mergeCell ref="DVU732:DVX732"/>
    <mergeCell ref="DUK732:DUN732"/>
    <mergeCell ref="DUO732:DUR732"/>
    <mergeCell ref="DUS732:DUV732"/>
    <mergeCell ref="DUW732:DUZ732"/>
    <mergeCell ref="DVA732:DVD732"/>
    <mergeCell ref="DTQ732:DTT732"/>
    <mergeCell ref="DTU732:DTX732"/>
    <mergeCell ref="DTY732:DUB732"/>
    <mergeCell ref="DUC732:DUF732"/>
    <mergeCell ref="DUG732:DUJ732"/>
    <mergeCell ref="DSW732:DSZ732"/>
    <mergeCell ref="DTA732:DTD732"/>
    <mergeCell ref="DTE732:DTH732"/>
    <mergeCell ref="DTI732:DTL732"/>
    <mergeCell ref="DTM732:DTP732"/>
    <mergeCell ref="ECW732:ECZ732"/>
    <mergeCell ref="EDA732:EDD732"/>
    <mergeCell ref="EDE732:EDH732"/>
    <mergeCell ref="EDI732:EDL732"/>
    <mergeCell ref="EDM732:EDP732"/>
    <mergeCell ref="ECC732:ECF732"/>
    <mergeCell ref="ECG732:ECJ732"/>
    <mergeCell ref="ECK732:ECN732"/>
    <mergeCell ref="ECO732:ECR732"/>
    <mergeCell ref="ECS732:ECV732"/>
    <mergeCell ref="EBI732:EBL732"/>
    <mergeCell ref="EBM732:EBP732"/>
    <mergeCell ref="EBQ732:EBT732"/>
    <mergeCell ref="EBU732:EBX732"/>
    <mergeCell ref="EBY732:ECB732"/>
    <mergeCell ref="EAO732:EAR732"/>
    <mergeCell ref="EAS732:EAV732"/>
    <mergeCell ref="EAW732:EAZ732"/>
    <mergeCell ref="EBA732:EBD732"/>
    <mergeCell ref="EBE732:EBH732"/>
    <mergeCell ref="DZU732:DZX732"/>
    <mergeCell ref="DZY732:EAB732"/>
    <mergeCell ref="EAC732:EAF732"/>
    <mergeCell ref="EAG732:EAJ732"/>
    <mergeCell ref="EAK732:EAN732"/>
    <mergeCell ref="DZA732:DZD732"/>
    <mergeCell ref="DZE732:DZH732"/>
    <mergeCell ref="DZI732:DZL732"/>
    <mergeCell ref="DZM732:DZP732"/>
    <mergeCell ref="DZQ732:DZT732"/>
    <mergeCell ref="DYG732:DYJ732"/>
    <mergeCell ref="DYK732:DYN732"/>
    <mergeCell ref="DYO732:DYR732"/>
    <mergeCell ref="DYS732:DYV732"/>
    <mergeCell ref="DYW732:DYZ732"/>
    <mergeCell ref="EIG732:EIJ732"/>
    <mergeCell ref="EIK732:EIN732"/>
    <mergeCell ref="EIO732:EIR732"/>
    <mergeCell ref="EIS732:EIV732"/>
    <mergeCell ref="EIW732:EIZ732"/>
    <mergeCell ref="EHM732:EHP732"/>
    <mergeCell ref="EHQ732:EHT732"/>
    <mergeCell ref="EHU732:EHX732"/>
    <mergeCell ref="EHY732:EIB732"/>
    <mergeCell ref="EIC732:EIF732"/>
    <mergeCell ref="EGS732:EGV732"/>
    <mergeCell ref="EGW732:EGZ732"/>
    <mergeCell ref="EHA732:EHD732"/>
    <mergeCell ref="EHE732:EHH732"/>
    <mergeCell ref="EHI732:EHL732"/>
    <mergeCell ref="EFY732:EGB732"/>
    <mergeCell ref="EGC732:EGF732"/>
    <mergeCell ref="EGG732:EGJ732"/>
    <mergeCell ref="EGK732:EGN732"/>
    <mergeCell ref="EGO732:EGR732"/>
    <mergeCell ref="EFE732:EFH732"/>
    <mergeCell ref="EFI732:EFL732"/>
    <mergeCell ref="EFM732:EFP732"/>
    <mergeCell ref="EFQ732:EFT732"/>
    <mergeCell ref="EFU732:EFX732"/>
    <mergeCell ref="EEK732:EEN732"/>
    <mergeCell ref="EEO732:EER732"/>
    <mergeCell ref="EES732:EEV732"/>
    <mergeCell ref="EEW732:EEZ732"/>
    <mergeCell ref="EFA732:EFD732"/>
    <mergeCell ref="EDQ732:EDT732"/>
    <mergeCell ref="EDU732:EDX732"/>
    <mergeCell ref="EDY732:EEB732"/>
    <mergeCell ref="EEC732:EEF732"/>
    <mergeCell ref="EEG732:EEJ732"/>
    <mergeCell ref="ENQ732:ENT732"/>
    <mergeCell ref="ENU732:ENX732"/>
    <mergeCell ref="ENY732:EOB732"/>
    <mergeCell ref="EOC732:EOF732"/>
    <mergeCell ref="EOG732:EOJ732"/>
    <mergeCell ref="EMW732:EMZ732"/>
    <mergeCell ref="ENA732:END732"/>
    <mergeCell ref="ENE732:ENH732"/>
    <mergeCell ref="ENI732:ENL732"/>
    <mergeCell ref="ENM732:ENP732"/>
    <mergeCell ref="EMC732:EMF732"/>
    <mergeCell ref="EMG732:EMJ732"/>
    <mergeCell ref="EMK732:EMN732"/>
    <mergeCell ref="EMO732:EMR732"/>
    <mergeCell ref="EMS732:EMV732"/>
    <mergeCell ref="ELI732:ELL732"/>
    <mergeCell ref="ELM732:ELP732"/>
    <mergeCell ref="ELQ732:ELT732"/>
    <mergeCell ref="ELU732:ELX732"/>
    <mergeCell ref="ELY732:EMB732"/>
    <mergeCell ref="EKO732:EKR732"/>
    <mergeCell ref="EKS732:EKV732"/>
    <mergeCell ref="EKW732:EKZ732"/>
    <mergeCell ref="ELA732:ELD732"/>
    <mergeCell ref="ELE732:ELH732"/>
    <mergeCell ref="EJU732:EJX732"/>
    <mergeCell ref="EJY732:EKB732"/>
    <mergeCell ref="EKC732:EKF732"/>
    <mergeCell ref="EKG732:EKJ732"/>
    <mergeCell ref="EKK732:EKN732"/>
    <mergeCell ref="EJA732:EJD732"/>
    <mergeCell ref="EJE732:EJH732"/>
    <mergeCell ref="EJI732:EJL732"/>
    <mergeCell ref="EJM732:EJP732"/>
    <mergeCell ref="EJQ732:EJT732"/>
    <mergeCell ref="ETA732:ETD732"/>
    <mergeCell ref="ETE732:ETH732"/>
    <mergeCell ref="ETI732:ETL732"/>
    <mergeCell ref="ETM732:ETP732"/>
    <mergeCell ref="ETQ732:ETT732"/>
    <mergeCell ref="ESG732:ESJ732"/>
    <mergeCell ref="ESK732:ESN732"/>
    <mergeCell ref="ESO732:ESR732"/>
    <mergeCell ref="ESS732:ESV732"/>
    <mergeCell ref="ESW732:ESZ732"/>
    <mergeCell ref="ERM732:ERP732"/>
    <mergeCell ref="ERQ732:ERT732"/>
    <mergeCell ref="ERU732:ERX732"/>
    <mergeCell ref="ERY732:ESB732"/>
    <mergeCell ref="ESC732:ESF732"/>
    <mergeCell ref="EQS732:EQV732"/>
    <mergeCell ref="EQW732:EQZ732"/>
    <mergeCell ref="ERA732:ERD732"/>
    <mergeCell ref="ERE732:ERH732"/>
    <mergeCell ref="ERI732:ERL732"/>
    <mergeCell ref="EPY732:EQB732"/>
    <mergeCell ref="EQC732:EQF732"/>
    <mergeCell ref="EQG732:EQJ732"/>
    <mergeCell ref="EQK732:EQN732"/>
    <mergeCell ref="EQO732:EQR732"/>
    <mergeCell ref="EPE732:EPH732"/>
    <mergeCell ref="EPI732:EPL732"/>
    <mergeCell ref="EPM732:EPP732"/>
    <mergeCell ref="EPQ732:EPT732"/>
    <mergeCell ref="EPU732:EPX732"/>
    <mergeCell ref="EOK732:EON732"/>
    <mergeCell ref="EOO732:EOR732"/>
    <mergeCell ref="EOS732:EOV732"/>
    <mergeCell ref="EOW732:EOZ732"/>
    <mergeCell ref="EPA732:EPD732"/>
    <mergeCell ref="EYK732:EYN732"/>
    <mergeCell ref="EYO732:EYR732"/>
    <mergeCell ref="EYS732:EYV732"/>
    <mergeCell ref="EYW732:EYZ732"/>
    <mergeCell ref="EZA732:EZD732"/>
    <mergeCell ref="EXQ732:EXT732"/>
    <mergeCell ref="EXU732:EXX732"/>
    <mergeCell ref="EXY732:EYB732"/>
    <mergeCell ref="EYC732:EYF732"/>
    <mergeCell ref="EYG732:EYJ732"/>
    <mergeCell ref="EWW732:EWZ732"/>
    <mergeCell ref="EXA732:EXD732"/>
    <mergeCell ref="EXE732:EXH732"/>
    <mergeCell ref="EXI732:EXL732"/>
    <mergeCell ref="EXM732:EXP732"/>
    <mergeCell ref="EWC732:EWF732"/>
    <mergeCell ref="EWG732:EWJ732"/>
    <mergeCell ref="EWK732:EWN732"/>
    <mergeCell ref="EWO732:EWR732"/>
    <mergeCell ref="EWS732:EWV732"/>
    <mergeCell ref="EVI732:EVL732"/>
    <mergeCell ref="EVM732:EVP732"/>
    <mergeCell ref="EVQ732:EVT732"/>
    <mergeCell ref="EVU732:EVX732"/>
    <mergeCell ref="EVY732:EWB732"/>
    <mergeCell ref="EUO732:EUR732"/>
    <mergeCell ref="EUS732:EUV732"/>
    <mergeCell ref="EUW732:EUZ732"/>
    <mergeCell ref="EVA732:EVD732"/>
    <mergeCell ref="EVE732:EVH732"/>
    <mergeCell ref="ETU732:ETX732"/>
    <mergeCell ref="ETY732:EUB732"/>
    <mergeCell ref="EUC732:EUF732"/>
    <mergeCell ref="EUG732:EUJ732"/>
    <mergeCell ref="EUK732:EUN732"/>
    <mergeCell ref="FDU732:FDX732"/>
    <mergeCell ref="FDY732:FEB732"/>
    <mergeCell ref="FEC732:FEF732"/>
    <mergeCell ref="FEG732:FEJ732"/>
    <mergeCell ref="FEK732:FEN732"/>
    <mergeCell ref="FDA732:FDD732"/>
    <mergeCell ref="FDE732:FDH732"/>
    <mergeCell ref="FDI732:FDL732"/>
    <mergeCell ref="FDM732:FDP732"/>
    <mergeCell ref="FDQ732:FDT732"/>
    <mergeCell ref="FCG732:FCJ732"/>
    <mergeCell ref="FCK732:FCN732"/>
    <mergeCell ref="FCO732:FCR732"/>
    <mergeCell ref="FCS732:FCV732"/>
    <mergeCell ref="FCW732:FCZ732"/>
    <mergeCell ref="FBM732:FBP732"/>
    <mergeCell ref="FBQ732:FBT732"/>
    <mergeCell ref="FBU732:FBX732"/>
    <mergeCell ref="FBY732:FCB732"/>
    <mergeCell ref="FCC732:FCF732"/>
    <mergeCell ref="FAS732:FAV732"/>
    <mergeCell ref="FAW732:FAZ732"/>
    <mergeCell ref="FBA732:FBD732"/>
    <mergeCell ref="FBE732:FBH732"/>
    <mergeCell ref="FBI732:FBL732"/>
    <mergeCell ref="EZY732:FAB732"/>
    <mergeCell ref="FAC732:FAF732"/>
    <mergeCell ref="FAG732:FAJ732"/>
    <mergeCell ref="FAK732:FAN732"/>
    <mergeCell ref="FAO732:FAR732"/>
    <mergeCell ref="EZE732:EZH732"/>
    <mergeCell ref="EZI732:EZL732"/>
    <mergeCell ref="EZM732:EZP732"/>
    <mergeCell ref="EZQ732:EZT732"/>
    <mergeCell ref="EZU732:EZX732"/>
    <mergeCell ref="FJE732:FJH732"/>
    <mergeCell ref="FJI732:FJL732"/>
    <mergeCell ref="FJM732:FJP732"/>
    <mergeCell ref="FJQ732:FJT732"/>
    <mergeCell ref="FJU732:FJX732"/>
    <mergeCell ref="FIK732:FIN732"/>
    <mergeCell ref="FIO732:FIR732"/>
    <mergeCell ref="FIS732:FIV732"/>
    <mergeCell ref="FIW732:FIZ732"/>
    <mergeCell ref="FJA732:FJD732"/>
    <mergeCell ref="FHQ732:FHT732"/>
    <mergeCell ref="FHU732:FHX732"/>
    <mergeCell ref="FHY732:FIB732"/>
    <mergeCell ref="FIC732:FIF732"/>
    <mergeCell ref="FIG732:FIJ732"/>
    <mergeCell ref="FGW732:FGZ732"/>
    <mergeCell ref="FHA732:FHD732"/>
    <mergeCell ref="FHE732:FHH732"/>
    <mergeCell ref="FHI732:FHL732"/>
    <mergeCell ref="FHM732:FHP732"/>
    <mergeCell ref="FGC732:FGF732"/>
    <mergeCell ref="FGG732:FGJ732"/>
    <mergeCell ref="FGK732:FGN732"/>
    <mergeCell ref="FGO732:FGR732"/>
    <mergeCell ref="FGS732:FGV732"/>
    <mergeCell ref="FFI732:FFL732"/>
    <mergeCell ref="FFM732:FFP732"/>
    <mergeCell ref="FFQ732:FFT732"/>
    <mergeCell ref="FFU732:FFX732"/>
    <mergeCell ref="FFY732:FGB732"/>
    <mergeCell ref="FEO732:FER732"/>
    <mergeCell ref="FES732:FEV732"/>
    <mergeCell ref="FEW732:FEZ732"/>
    <mergeCell ref="FFA732:FFD732"/>
    <mergeCell ref="FFE732:FFH732"/>
    <mergeCell ref="FOO732:FOR732"/>
    <mergeCell ref="FOS732:FOV732"/>
    <mergeCell ref="FOW732:FOZ732"/>
    <mergeCell ref="FPA732:FPD732"/>
    <mergeCell ref="FPE732:FPH732"/>
    <mergeCell ref="FNU732:FNX732"/>
    <mergeCell ref="FNY732:FOB732"/>
    <mergeCell ref="FOC732:FOF732"/>
    <mergeCell ref="FOG732:FOJ732"/>
    <mergeCell ref="FOK732:FON732"/>
    <mergeCell ref="FNA732:FND732"/>
    <mergeCell ref="FNE732:FNH732"/>
    <mergeCell ref="FNI732:FNL732"/>
    <mergeCell ref="FNM732:FNP732"/>
    <mergeCell ref="FNQ732:FNT732"/>
    <mergeCell ref="FMG732:FMJ732"/>
    <mergeCell ref="FMK732:FMN732"/>
    <mergeCell ref="FMO732:FMR732"/>
    <mergeCell ref="FMS732:FMV732"/>
    <mergeCell ref="FMW732:FMZ732"/>
    <mergeCell ref="FLM732:FLP732"/>
    <mergeCell ref="FLQ732:FLT732"/>
    <mergeCell ref="FLU732:FLX732"/>
    <mergeCell ref="FLY732:FMB732"/>
    <mergeCell ref="FMC732:FMF732"/>
    <mergeCell ref="FKS732:FKV732"/>
    <mergeCell ref="FKW732:FKZ732"/>
    <mergeCell ref="FLA732:FLD732"/>
    <mergeCell ref="FLE732:FLH732"/>
    <mergeCell ref="FLI732:FLL732"/>
    <mergeCell ref="FJY732:FKB732"/>
    <mergeCell ref="FKC732:FKF732"/>
    <mergeCell ref="FKG732:FKJ732"/>
    <mergeCell ref="FKK732:FKN732"/>
    <mergeCell ref="FKO732:FKR732"/>
    <mergeCell ref="FTY732:FUB732"/>
    <mergeCell ref="FUC732:FUF732"/>
    <mergeCell ref="FUG732:FUJ732"/>
    <mergeCell ref="FUK732:FUN732"/>
    <mergeCell ref="FUO732:FUR732"/>
    <mergeCell ref="FTE732:FTH732"/>
    <mergeCell ref="FTI732:FTL732"/>
    <mergeCell ref="FTM732:FTP732"/>
    <mergeCell ref="FTQ732:FTT732"/>
    <mergeCell ref="FTU732:FTX732"/>
    <mergeCell ref="FSK732:FSN732"/>
    <mergeCell ref="FSO732:FSR732"/>
    <mergeCell ref="FSS732:FSV732"/>
    <mergeCell ref="FSW732:FSZ732"/>
    <mergeCell ref="FTA732:FTD732"/>
    <mergeCell ref="FRQ732:FRT732"/>
    <mergeCell ref="FRU732:FRX732"/>
    <mergeCell ref="FRY732:FSB732"/>
    <mergeCell ref="FSC732:FSF732"/>
    <mergeCell ref="FSG732:FSJ732"/>
    <mergeCell ref="FQW732:FQZ732"/>
    <mergeCell ref="FRA732:FRD732"/>
    <mergeCell ref="FRE732:FRH732"/>
    <mergeCell ref="FRI732:FRL732"/>
    <mergeCell ref="FRM732:FRP732"/>
    <mergeCell ref="FQC732:FQF732"/>
    <mergeCell ref="FQG732:FQJ732"/>
    <mergeCell ref="FQK732:FQN732"/>
    <mergeCell ref="FQO732:FQR732"/>
    <mergeCell ref="FQS732:FQV732"/>
    <mergeCell ref="FPI732:FPL732"/>
    <mergeCell ref="FPM732:FPP732"/>
    <mergeCell ref="FPQ732:FPT732"/>
    <mergeCell ref="FPU732:FPX732"/>
    <mergeCell ref="FPY732:FQB732"/>
    <mergeCell ref="FZI732:FZL732"/>
    <mergeCell ref="FZM732:FZP732"/>
    <mergeCell ref="FZQ732:FZT732"/>
    <mergeCell ref="FZU732:FZX732"/>
    <mergeCell ref="FZY732:GAB732"/>
    <mergeCell ref="FYO732:FYR732"/>
    <mergeCell ref="FYS732:FYV732"/>
    <mergeCell ref="FYW732:FYZ732"/>
    <mergeCell ref="FZA732:FZD732"/>
    <mergeCell ref="FZE732:FZH732"/>
    <mergeCell ref="FXU732:FXX732"/>
    <mergeCell ref="FXY732:FYB732"/>
    <mergeCell ref="FYC732:FYF732"/>
    <mergeCell ref="FYG732:FYJ732"/>
    <mergeCell ref="FYK732:FYN732"/>
    <mergeCell ref="FXA732:FXD732"/>
    <mergeCell ref="FXE732:FXH732"/>
    <mergeCell ref="FXI732:FXL732"/>
    <mergeCell ref="FXM732:FXP732"/>
    <mergeCell ref="FXQ732:FXT732"/>
    <mergeCell ref="FWG732:FWJ732"/>
    <mergeCell ref="FWK732:FWN732"/>
    <mergeCell ref="FWO732:FWR732"/>
    <mergeCell ref="FWS732:FWV732"/>
    <mergeCell ref="FWW732:FWZ732"/>
    <mergeCell ref="FVM732:FVP732"/>
    <mergeCell ref="FVQ732:FVT732"/>
    <mergeCell ref="FVU732:FVX732"/>
    <mergeCell ref="FVY732:FWB732"/>
    <mergeCell ref="FWC732:FWF732"/>
    <mergeCell ref="FUS732:FUV732"/>
    <mergeCell ref="FUW732:FUZ732"/>
    <mergeCell ref="FVA732:FVD732"/>
    <mergeCell ref="FVE732:FVH732"/>
    <mergeCell ref="FVI732:FVL732"/>
    <mergeCell ref="GES732:GEV732"/>
    <mergeCell ref="GEW732:GEZ732"/>
    <mergeCell ref="GFA732:GFD732"/>
    <mergeCell ref="GFE732:GFH732"/>
    <mergeCell ref="GFI732:GFL732"/>
    <mergeCell ref="GDY732:GEB732"/>
    <mergeCell ref="GEC732:GEF732"/>
    <mergeCell ref="GEG732:GEJ732"/>
    <mergeCell ref="GEK732:GEN732"/>
    <mergeCell ref="GEO732:GER732"/>
    <mergeCell ref="GDE732:GDH732"/>
    <mergeCell ref="GDI732:GDL732"/>
    <mergeCell ref="GDM732:GDP732"/>
    <mergeCell ref="GDQ732:GDT732"/>
    <mergeCell ref="GDU732:GDX732"/>
    <mergeCell ref="GCK732:GCN732"/>
    <mergeCell ref="GCO732:GCR732"/>
    <mergeCell ref="GCS732:GCV732"/>
    <mergeCell ref="GCW732:GCZ732"/>
    <mergeCell ref="GDA732:GDD732"/>
    <mergeCell ref="GBQ732:GBT732"/>
    <mergeCell ref="GBU732:GBX732"/>
    <mergeCell ref="GBY732:GCB732"/>
    <mergeCell ref="GCC732:GCF732"/>
    <mergeCell ref="GCG732:GCJ732"/>
    <mergeCell ref="GAW732:GAZ732"/>
    <mergeCell ref="GBA732:GBD732"/>
    <mergeCell ref="GBE732:GBH732"/>
    <mergeCell ref="GBI732:GBL732"/>
    <mergeCell ref="GBM732:GBP732"/>
    <mergeCell ref="GAC732:GAF732"/>
    <mergeCell ref="GAG732:GAJ732"/>
    <mergeCell ref="GAK732:GAN732"/>
    <mergeCell ref="GAO732:GAR732"/>
    <mergeCell ref="GAS732:GAV732"/>
    <mergeCell ref="GKC732:GKF732"/>
    <mergeCell ref="GKG732:GKJ732"/>
    <mergeCell ref="GKK732:GKN732"/>
    <mergeCell ref="GKO732:GKR732"/>
    <mergeCell ref="GKS732:GKV732"/>
    <mergeCell ref="GJI732:GJL732"/>
    <mergeCell ref="GJM732:GJP732"/>
    <mergeCell ref="GJQ732:GJT732"/>
    <mergeCell ref="GJU732:GJX732"/>
    <mergeCell ref="GJY732:GKB732"/>
    <mergeCell ref="GIO732:GIR732"/>
    <mergeCell ref="GIS732:GIV732"/>
    <mergeCell ref="GIW732:GIZ732"/>
    <mergeCell ref="GJA732:GJD732"/>
    <mergeCell ref="GJE732:GJH732"/>
    <mergeCell ref="GHU732:GHX732"/>
    <mergeCell ref="GHY732:GIB732"/>
    <mergeCell ref="GIC732:GIF732"/>
    <mergeCell ref="GIG732:GIJ732"/>
    <mergeCell ref="GIK732:GIN732"/>
    <mergeCell ref="GHA732:GHD732"/>
    <mergeCell ref="GHE732:GHH732"/>
    <mergeCell ref="GHI732:GHL732"/>
    <mergeCell ref="GHM732:GHP732"/>
    <mergeCell ref="GHQ732:GHT732"/>
    <mergeCell ref="GGG732:GGJ732"/>
    <mergeCell ref="GGK732:GGN732"/>
    <mergeCell ref="GGO732:GGR732"/>
    <mergeCell ref="GGS732:GGV732"/>
    <mergeCell ref="GGW732:GGZ732"/>
    <mergeCell ref="GFM732:GFP732"/>
    <mergeCell ref="GFQ732:GFT732"/>
    <mergeCell ref="GFU732:GFX732"/>
    <mergeCell ref="GFY732:GGB732"/>
    <mergeCell ref="GGC732:GGF732"/>
    <mergeCell ref="GPM732:GPP732"/>
    <mergeCell ref="GPQ732:GPT732"/>
    <mergeCell ref="GPU732:GPX732"/>
    <mergeCell ref="GPY732:GQB732"/>
    <mergeCell ref="GQC732:GQF732"/>
    <mergeCell ref="GOS732:GOV732"/>
    <mergeCell ref="GOW732:GOZ732"/>
    <mergeCell ref="GPA732:GPD732"/>
    <mergeCell ref="GPE732:GPH732"/>
    <mergeCell ref="GPI732:GPL732"/>
    <mergeCell ref="GNY732:GOB732"/>
    <mergeCell ref="GOC732:GOF732"/>
    <mergeCell ref="GOG732:GOJ732"/>
    <mergeCell ref="GOK732:GON732"/>
    <mergeCell ref="GOO732:GOR732"/>
    <mergeCell ref="GNE732:GNH732"/>
    <mergeCell ref="GNI732:GNL732"/>
    <mergeCell ref="GNM732:GNP732"/>
    <mergeCell ref="GNQ732:GNT732"/>
    <mergeCell ref="GNU732:GNX732"/>
    <mergeCell ref="GMK732:GMN732"/>
    <mergeCell ref="GMO732:GMR732"/>
    <mergeCell ref="GMS732:GMV732"/>
    <mergeCell ref="GMW732:GMZ732"/>
    <mergeCell ref="GNA732:GND732"/>
    <mergeCell ref="GLQ732:GLT732"/>
    <mergeCell ref="GLU732:GLX732"/>
    <mergeCell ref="GLY732:GMB732"/>
    <mergeCell ref="GMC732:GMF732"/>
    <mergeCell ref="GMG732:GMJ732"/>
    <mergeCell ref="GKW732:GKZ732"/>
    <mergeCell ref="GLA732:GLD732"/>
    <mergeCell ref="GLE732:GLH732"/>
    <mergeCell ref="GLI732:GLL732"/>
    <mergeCell ref="GLM732:GLP732"/>
    <mergeCell ref="GUW732:GUZ732"/>
    <mergeCell ref="GVA732:GVD732"/>
    <mergeCell ref="GVE732:GVH732"/>
    <mergeCell ref="GVI732:GVL732"/>
    <mergeCell ref="GVM732:GVP732"/>
    <mergeCell ref="GUC732:GUF732"/>
    <mergeCell ref="GUG732:GUJ732"/>
    <mergeCell ref="GUK732:GUN732"/>
    <mergeCell ref="GUO732:GUR732"/>
    <mergeCell ref="GUS732:GUV732"/>
    <mergeCell ref="GTI732:GTL732"/>
    <mergeCell ref="GTM732:GTP732"/>
    <mergeCell ref="GTQ732:GTT732"/>
    <mergeCell ref="GTU732:GTX732"/>
    <mergeCell ref="GTY732:GUB732"/>
    <mergeCell ref="GSO732:GSR732"/>
    <mergeCell ref="GSS732:GSV732"/>
    <mergeCell ref="GSW732:GSZ732"/>
    <mergeCell ref="GTA732:GTD732"/>
    <mergeCell ref="GTE732:GTH732"/>
    <mergeCell ref="GRU732:GRX732"/>
    <mergeCell ref="GRY732:GSB732"/>
    <mergeCell ref="GSC732:GSF732"/>
    <mergeCell ref="GSG732:GSJ732"/>
    <mergeCell ref="GSK732:GSN732"/>
    <mergeCell ref="GRA732:GRD732"/>
    <mergeCell ref="GRE732:GRH732"/>
    <mergeCell ref="GRI732:GRL732"/>
    <mergeCell ref="GRM732:GRP732"/>
    <mergeCell ref="GRQ732:GRT732"/>
    <mergeCell ref="GQG732:GQJ732"/>
    <mergeCell ref="GQK732:GQN732"/>
    <mergeCell ref="GQO732:GQR732"/>
    <mergeCell ref="GQS732:GQV732"/>
    <mergeCell ref="GQW732:GQZ732"/>
    <mergeCell ref="HAG732:HAJ732"/>
    <mergeCell ref="HAK732:HAN732"/>
    <mergeCell ref="HAO732:HAR732"/>
    <mergeCell ref="HAS732:HAV732"/>
    <mergeCell ref="HAW732:HAZ732"/>
    <mergeCell ref="GZM732:GZP732"/>
    <mergeCell ref="GZQ732:GZT732"/>
    <mergeCell ref="GZU732:GZX732"/>
    <mergeCell ref="GZY732:HAB732"/>
    <mergeCell ref="HAC732:HAF732"/>
    <mergeCell ref="GYS732:GYV732"/>
    <mergeCell ref="GYW732:GYZ732"/>
    <mergeCell ref="GZA732:GZD732"/>
    <mergeCell ref="GZE732:GZH732"/>
    <mergeCell ref="GZI732:GZL732"/>
    <mergeCell ref="GXY732:GYB732"/>
    <mergeCell ref="GYC732:GYF732"/>
    <mergeCell ref="GYG732:GYJ732"/>
    <mergeCell ref="GYK732:GYN732"/>
    <mergeCell ref="GYO732:GYR732"/>
    <mergeCell ref="GXE732:GXH732"/>
    <mergeCell ref="GXI732:GXL732"/>
    <mergeCell ref="GXM732:GXP732"/>
    <mergeCell ref="GXQ732:GXT732"/>
    <mergeCell ref="GXU732:GXX732"/>
    <mergeCell ref="GWK732:GWN732"/>
    <mergeCell ref="GWO732:GWR732"/>
    <mergeCell ref="GWS732:GWV732"/>
    <mergeCell ref="GWW732:GWZ732"/>
    <mergeCell ref="GXA732:GXD732"/>
    <mergeCell ref="GVQ732:GVT732"/>
    <mergeCell ref="GVU732:GVX732"/>
    <mergeCell ref="GVY732:GWB732"/>
    <mergeCell ref="GWC732:GWF732"/>
    <mergeCell ref="GWG732:GWJ732"/>
    <mergeCell ref="HFQ732:HFT732"/>
    <mergeCell ref="HFU732:HFX732"/>
    <mergeCell ref="HFY732:HGB732"/>
    <mergeCell ref="HGC732:HGF732"/>
    <mergeCell ref="HGG732:HGJ732"/>
    <mergeCell ref="HEW732:HEZ732"/>
    <mergeCell ref="HFA732:HFD732"/>
    <mergeCell ref="HFE732:HFH732"/>
    <mergeCell ref="HFI732:HFL732"/>
    <mergeCell ref="HFM732:HFP732"/>
    <mergeCell ref="HEC732:HEF732"/>
    <mergeCell ref="HEG732:HEJ732"/>
    <mergeCell ref="HEK732:HEN732"/>
    <mergeCell ref="HEO732:HER732"/>
    <mergeCell ref="HES732:HEV732"/>
    <mergeCell ref="HDI732:HDL732"/>
    <mergeCell ref="HDM732:HDP732"/>
    <mergeCell ref="HDQ732:HDT732"/>
    <mergeCell ref="HDU732:HDX732"/>
    <mergeCell ref="HDY732:HEB732"/>
    <mergeCell ref="HCO732:HCR732"/>
    <mergeCell ref="HCS732:HCV732"/>
    <mergeCell ref="HCW732:HCZ732"/>
    <mergeCell ref="HDA732:HDD732"/>
    <mergeCell ref="HDE732:HDH732"/>
    <mergeCell ref="HBU732:HBX732"/>
    <mergeCell ref="HBY732:HCB732"/>
    <mergeCell ref="HCC732:HCF732"/>
    <mergeCell ref="HCG732:HCJ732"/>
    <mergeCell ref="HCK732:HCN732"/>
    <mergeCell ref="HBA732:HBD732"/>
    <mergeCell ref="HBE732:HBH732"/>
    <mergeCell ref="HBI732:HBL732"/>
    <mergeCell ref="HBM732:HBP732"/>
    <mergeCell ref="HBQ732:HBT732"/>
    <mergeCell ref="HLA732:HLD732"/>
    <mergeCell ref="HLE732:HLH732"/>
    <mergeCell ref="HLI732:HLL732"/>
    <mergeCell ref="HLM732:HLP732"/>
    <mergeCell ref="HLQ732:HLT732"/>
    <mergeCell ref="HKG732:HKJ732"/>
    <mergeCell ref="HKK732:HKN732"/>
    <mergeCell ref="HKO732:HKR732"/>
    <mergeCell ref="HKS732:HKV732"/>
    <mergeCell ref="HKW732:HKZ732"/>
    <mergeCell ref="HJM732:HJP732"/>
    <mergeCell ref="HJQ732:HJT732"/>
    <mergeCell ref="HJU732:HJX732"/>
    <mergeCell ref="HJY732:HKB732"/>
    <mergeCell ref="HKC732:HKF732"/>
    <mergeCell ref="HIS732:HIV732"/>
    <mergeCell ref="HIW732:HIZ732"/>
    <mergeCell ref="HJA732:HJD732"/>
    <mergeCell ref="HJE732:HJH732"/>
    <mergeCell ref="HJI732:HJL732"/>
    <mergeCell ref="HHY732:HIB732"/>
    <mergeCell ref="HIC732:HIF732"/>
    <mergeCell ref="HIG732:HIJ732"/>
    <mergeCell ref="HIK732:HIN732"/>
    <mergeCell ref="HIO732:HIR732"/>
    <mergeCell ref="HHE732:HHH732"/>
    <mergeCell ref="HHI732:HHL732"/>
    <mergeCell ref="HHM732:HHP732"/>
    <mergeCell ref="HHQ732:HHT732"/>
    <mergeCell ref="HHU732:HHX732"/>
    <mergeCell ref="HGK732:HGN732"/>
    <mergeCell ref="HGO732:HGR732"/>
    <mergeCell ref="HGS732:HGV732"/>
    <mergeCell ref="HGW732:HGZ732"/>
    <mergeCell ref="HHA732:HHD732"/>
    <mergeCell ref="HQK732:HQN732"/>
    <mergeCell ref="HQO732:HQR732"/>
    <mergeCell ref="HQS732:HQV732"/>
    <mergeCell ref="HQW732:HQZ732"/>
    <mergeCell ref="HRA732:HRD732"/>
    <mergeCell ref="HPQ732:HPT732"/>
    <mergeCell ref="HPU732:HPX732"/>
    <mergeCell ref="HPY732:HQB732"/>
    <mergeCell ref="HQC732:HQF732"/>
    <mergeCell ref="HQG732:HQJ732"/>
    <mergeCell ref="HOW732:HOZ732"/>
    <mergeCell ref="HPA732:HPD732"/>
    <mergeCell ref="HPE732:HPH732"/>
    <mergeCell ref="HPI732:HPL732"/>
    <mergeCell ref="HPM732:HPP732"/>
    <mergeCell ref="HOC732:HOF732"/>
    <mergeCell ref="HOG732:HOJ732"/>
    <mergeCell ref="HOK732:HON732"/>
    <mergeCell ref="HOO732:HOR732"/>
    <mergeCell ref="HOS732:HOV732"/>
    <mergeCell ref="HNI732:HNL732"/>
    <mergeCell ref="HNM732:HNP732"/>
    <mergeCell ref="HNQ732:HNT732"/>
    <mergeCell ref="HNU732:HNX732"/>
    <mergeCell ref="HNY732:HOB732"/>
    <mergeCell ref="HMO732:HMR732"/>
    <mergeCell ref="HMS732:HMV732"/>
    <mergeCell ref="HMW732:HMZ732"/>
    <mergeCell ref="HNA732:HND732"/>
    <mergeCell ref="HNE732:HNH732"/>
    <mergeCell ref="HLU732:HLX732"/>
    <mergeCell ref="HLY732:HMB732"/>
    <mergeCell ref="HMC732:HMF732"/>
    <mergeCell ref="HMG732:HMJ732"/>
    <mergeCell ref="HMK732:HMN732"/>
    <mergeCell ref="HVU732:HVX732"/>
    <mergeCell ref="HVY732:HWB732"/>
    <mergeCell ref="HWC732:HWF732"/>
    <mergeCell ref="HWG732:HWJ732"/>
    <mergeCell ref="HWK732:HWN732"/>
    <mergeCell ref="HVA732:HVD732"/>
    <mergeCell ref="HVE732:HVH732"/>
    <mergeCell ref="HVI732:HVL732"/>
    <mergeCell ref="HVM732:HVP732"/>
    <mergeCell ref="HVQ732:HVT732"/>
    <mergeCell ref="HUG732:HUJ732"/>
    <mergeCell ref="HUK732:HUN732"/>
    <mergeCell ref="HUO732:HUR732"/>
    <mergeCell ref="HUS732:HUV732"/>
    <mergeCell ref="HUW732:HUZ732"/>
    <mergeCell ref="HTM732:HTP732"/>
    <mergeCell ref="HTQ732:HTT732"/>
    <mergeCell ref="HTU732:HTX732"/>
    <mergeCell ref="HTY732:HUB732"/>
    <mergeCell ref="HUC732:HUF732"/>
    <mergeCell ref="HSS732:HSV732"/>
    <mergeCell ref="HSW732:HSZ732"/>
    <mergeCell ref="HTA732:HTD732"/>
    <mergeCell ref="HTE732:HTH732"/>
    <mergeCell ref="HTI732:HTL732"/>
    <mergeCell ref="HRY732:HSB732"/>
    <mergeCell ref="HSC732:HSF732"/>
    <mergeCell ref="HSG732:HSJ732"/>
    <mergeCell ref="HSK732:HSN732"/>
    <mergeCell ref="HSO732:HSR732"/>
    <mergeCell ref="HRE732:HRH732"/>
    <mergeCell ref="HRI732:HRL732"/>
    <mergeCell ref="HRM732:HRP732"/>
    <mergeCell ref="HRQ732:HRT732"/>
    <mergeCell ref="HRU732:HRX732"/>
    <mergeCell ref="IBE732:IBH732"/>
    <mergeCell ref="IBI732:IBL732"/>
    <mergeCell ref="IBM732:IBP732"/>
    <mergeCell ref="IBQ732:IBT732"/>
    <mergeCell ref="IBU732:IBX732"/>
    <mergeCell ref="IAK732:IAN732"/>
    <mergeCell ref="IAO732:IAR732"/>
    <mergeCell ref="IAS732:IAV732"/>
    <mergeCell ref="IAW732:IAZ732"/>
    <mergeCell ref="IBA732:IBD732"/>
    <mergeCell ref="HZQ732:HZT732"/>
    <mergeCell ref="HZU732:HZX732"/>
    <mergeCell ref="HZY732:IAB732"/>
    <mergeCell ref="IAC732:IAF732"/>
    <mergeCell ref="IAG732:IAJ732"/>
    <mergeCell ref="HYW732:HYZ732"/>
    <mergeCell ref="HZA732:HZD732"/>
    <mergeCell ref="HZE732:HZH732"/>
    <mergeCell ref="HZI732:HZL732"/>
    <mergeCell ref="HZM732:HZP732"/>
    <mergeCell ref="HYC732:HYF732"/>
    <mergeCell ref="HYG732:HYJ732"/>
    <mergeCell ref="HYK732:HYN732"/>
    <mergeCell ref="HYO732:HYR732"/>
    <mergeCell ref="HYS732:HYV732"/>
    <mergeCell ref="HXI732:HXL732"/>
    <mergeCell ref="HXM732:HXP732"/>
    <mergeCell ref="HXQ732:HXT732"/>
    <mergeCell ref="HXU732:HXX732"/>
    <mergeCell ref="HXY732:HYB732"/>
    <mergeCell ref="HWO732:HWR732"/>
    <mergeCell ref="HWS732:HWV732"/>
    <mergeCell ref="HWW732:HWZ732"/>
    <mergeCell ref="HXA732:HXD732"/>
    <mergeCell ref="HXE732:HXH732"/>
    <mergeCell ref="IGO732:IGR732"/>
    <mergeCell ref="IGS732:IGV732"/>
    <mergeCell ref="IGW732:IGZ732"/>
    <mergeCell ref="IHA732:IHD732"/>
    <mergeCell ref="IHE732:IHH732"/>
    <mergeCell ref="IFU732:IFX732"/>
    <mergeCell ref="IFY732:IGB732"/>
    <mergeCell ref="IGC732:IGF732"/>
    <mergeCell ref="IGG732:IGJ732"/>
    <mergeCell ref="IGK732:IGN732"/>
    <mergeCell ref="IFA732:IFD732"/>
    <mergeCell ref="IFE732:IFH732"/>
    <mergeCell ref="IFI732:IFL732"/>
    <mergeCell ref="IFM732:IFP732"/>
    <mergeCell ref="IFQ732:IFT732"/>
    <mergeCell ref="IEG732:IEJ732"/>
    <mergeCell ref="IEK732:IEN732"/>
    <mergeCell ref="IEO732:IER732"/>
    <mergeCell ref="IES732:IEV732"/>
    <mergeCell ref="IEW732:IEZ732"/>
    <mergeCell ref="IDM732:IDP732"/>
    <mergeCell ref="IDQ732:IDT732"/>
    <mergeCell ref="IDU732:IDX732"/>
    <mergeCell ref="IDY732:IEB732"/>
    <mergeCell ref="IEC732:IEF732"/>
    <mergeCell ref="ICS732:ICV732"/>
    <mergeCell ref="ICW732:ICZ732"/>
    <mergeCell ref="IDA732:IDD732"/>
    <mergeCell ref="IDE732:IDH732"/>
    <mergeCell ref="IDI732:IDL732"/>
    <mergeCell ref="IBY732:ICB732"/>
    <mergeCell ref="ICC732:ICF732"/>
    <mergeCell ref="ICG732:ICJ732"/>
    <mergeCell ref="ICK732:ICN732"/>
    <mergeCell ref="ICO732:ICR732"/>
    <mergeCell ref="ILY732:IMB732"/>
    <mergeCell ref="IMC732:IMF732"/>
    <mergeCell ref="IMG732:IMJ732"/>
    <mergeCell ref="IMK732:IMN732"/>
    <mergeCell ref="IMO732:IMR732"/>
    <mergeCell ref="ILE732:ILH732"/>
    <mergeCell ref="ILI732:ILL732"/>
    <mergeCell ref="ILM732:ILP732"/>
    <mergeCell ref="ILQ732:ILT732"/>
    <mergeCell ref="ILU732:ILX732"/>
    <mergeCell ref="IKK732:IKN732"/>
    <mergeCell ref="IKO732:IKR732"/>
    <mergeCell ref="IKS732:IKV732"/>
    <mergeCell ref="IKW732:IKZ732"/>
    <mergeCell ref="ILA732:ILD732"/>
    <mergeCell ref="IJQ732:IJT732"/>
    <mergeCell ref="IJU732:IJX732"/>
    <mergeCell ref="IJY732:IKB732"/>
    <mergeCell ref="IKC732:IKF732"/>
    <mergeCell ref="IKG732:IKJ732"/>
    <mergeCell ref="IIW732:IIZ732"/>
    <mergeCell ref="IJA732:IJD732"/>
    <mergeCell ref="IJE732:IJH732"/>
    <mergeCell ref="IJI732:IJL732"/>
    <mergeCell ref="IJM732:IJP732"/>
    <mergeCell ref="IIC732:IIF732"/>
    <mergeCell ref="IIG732:IIJ732"/>
    <mergeCell ref="IIK732:IIN732"/>
    <mergeCell ref="IIO732:IIR732"/>
    <mergeCell ref="IIS732:IIV732"/>
    <mergeCell ref="IHI732:IHL732"/>
    <mergeCell ref="IHM732:IHP732"/>
    <mergeCell ref="IHQ732:IHT732"/>
    <mergeCell ref="IHU732:IHX732"/>
    <mergeCell ref="IHY732:IIB732"/>
    <mergeCell ref="IRI732:IRL732"/>
    <mergeCell ref="IRM732:IRP732"/>
    <mergeCell ref="IRQ732:IRT732"/>
    <mergeCell ref="IRU732:IRX732"/>
    <mergeCell ref="IRY732:ISB732"/>
    <mergeCell ref="IQO732:IQR732"/>
    <mergeCell ref="IQS732:IQV732"/>
    <mergeCell ref="IQW732:IQZ732"/>
    <mergeCell ref="IRA732:IRD732"/>
    <mergeCell ref="IRE732:IRH732"/>
    <mergeCell ref="IPU732:IPX732"/>
    <mergeCell ref="IPY732:IQB732"/>
    <mergeCell ref="IQC732:IQF732"/>
    <mergeCell ref="IQG732:IQJ732"/>
    <mergeCell ref="IQK732:IQN732"/>
    <mergeCell ref="IPA732:IPD732"/>
    <mergeCell ref="IPE732:IPH732"/>
    <mergeCell ref="IPI732:IPL732"/>
    <mergeCell ref="IPM732:IPP732"/>
    <mergeCell ref="IPQ732:IPT732"/>
    <mergeCell ref="IOG732:IOJ732"/>
    <mergeCell ref="IOK732:ION732"/>
    <mergeCell ref="IOO732:IOR732"/>
    <mergeCell ref="IOS732:IOV732"/>
    <mergeCell ref="IOW732:IOZ732"/>
    <mergeCell ref="INM732:INP732"/>
    <mergeCell ref="INQ732:INT732"/>
    <mergeCell ref="INU732:INX732"/>
    <mergeCell ref="INY732:IOB732"/>
    <mergeCell ref="IOC732:IOF732"/>
    <mergeCell ref="IMS732:IMV732"/>
    <mergeCell ref="IMW732:IMZ732"/>
    <mergeCell ref="INA732:IND732"/>
    <mergeCell ref="INE732:INH732"/>
    <mergeCell ref="INI732:INL732"/>
    <mergeCell ref="IWS732:IWV732"/>
    <mergeCell ref="IWW732:IWZ732"/>
    <mergeCell ref="IXA732:IXD732"/>
    <mergeCell ref="IXE732:IXH732"/>
    <mergeCell ref="IXI732:IXL732"/>
    <mergeCell ref="IVY732:IWB732"/>
    <mergeCell ref="IWC732:IWF732"/>
    <mergeCell ref="IWG732:IWJ732"/>
    <mergeCell ref="IWK732:IWN732"/>
    <mergeCell ref="IWO732:IWR732"/>
    <mergeCell ref="IVE732:IVH732"/>
    <mergeCell ref="IVI732:IVL732"/>
    <mergeCell ref="IVM732:IVP732"/>
    <mergeCell ref="IVQ732:IVT732"/>
    <mergeCell ref="IVU732:IVX732"/>
    <mergeCell ref="IUK732:IUN732"/>
    <mergeCell ref="IUO732:IUR732"/>
    <mergeCell ref="IUS732:IUV732"/>
    <mergeCell ref="IUW732:IUZ732"/>
    <mergeCell ref="IVA732:IVD732"/>
    <mergeCell ref="ITQ732:ITT732"/>
    <mergeCell ref="ITU732:ITX732"/>
    <mergeCell ref="ITY732:IUB732"/>
    <mergeCell ref="IUC732:IUF732"/>
    <mergeCell ref="IUG732:IUJ732"/>
    <mergeCell ref="ISW732:ISZ732"/>
    <mergeCell ref="ITA732:ITD732"/>
    <mergeCell ref="ITE732:ITH732"/>
    <mergeCell ref="ITI732:ITL732"/>
    <mergeCell ref="ITM732:ITP732"/>
    <mergeCell ref="ISC732:ISF732"/>
    <mergeCell ref="ISG732:ISJ732"/>
    <mergeCell ref="ISK732:ISN732"/>
    <mergeCell ref="ISO732:ISR732"/>
    <mergeCell ref="ISS732:ISV732"/>
    <mergeCell ref="JCC732:JCF732"/>
    <mergeCell ref="JCG732:JCJ732"/>
    <mergeCell ref="JCK732:JCN732"/>
    <mergeCell ref="JCO732:JCR732"/>
    <mergeCell ref="JCS732:JCV732"/>
    <mergeCell ref="JBI732:JBL732"/>
    <mergeCell ref="JBM732:JBP732"/>
    <mergeCell ref="JBQ732:JBT732"/>
    <mergeCell ref="JBU732:JBX732"/>
    <mergeCell ref="JBY732:JCB732"/>
    <mergeCell ref="JAO732:JAR732"/>
    <mergeCell ref="JAS732:JAV732"/>
    <mergeCell ref="JAW732:JAZ732"/>
    <mergeCell ref="JBA732:JBD732"/>
    <mergeCell ref="JBE732:JBH732"/>
    <mergeCell ref="IZU732:IZX732"/>
    <mergeCell ref="IZY732:JAB732"/>
    <mergeCell ref="JAC732:JAF732"/>
    <mergeCell ref="JAG732:JAJ732"/>
    <mergeCell ref="JAK732:JAN732"/>
    <mergeCell ref="IZA732:IZD732"/>
    <mergeCell ref="IZE732:IZH732"/>
    <mergeCell ref="IZI732:IZL732"/>
    <mergeCell ref="IZM732:IZP732"/>
    <mergeCell ref="IZQ732:IZT732"/>
    <mergeCell ref="IYG732:IYJ732"/>
    <mergeCell ref="IYK732:IYN732"/>
    <mergeCell ref="IYO732:IYR732"/>
    <mergeCell ref="IYS732:IYV732"/>
    <mergeCell ref="IYW732:IYZ732"/>
    <mergeCell ref="IXM732:IXP732"/>
    <mergeCell ref="IXQ732:IXT732"/>
    <mergeCell ref="IXU732:IXX732"/>
    <mergeCell ref="IXY732:IYB732"/>
    <mergeCell ref="IYC732:IYF732"/>
    <mergeCell ref="JHM732:JHP732"/>
    <mergeCell ref="JHQ732:JHT732"/>
    <mergeCell ref="JHU732:JHX732"/>
    <mergeCell ref="JHY732:JIB732"/>
    <mergeCell ref="JIC732:JIF732"/>
    <mergeCell ref="JGS732:JGV732"/>
    <mergeCell ref="JGW732:JGZ732"/>
    <mergeCell ref="JHA732:JHD732"/>
    <mergeCell ref="JHE732:JHH732"/>
    <mergeCell ref="JHI732:JHL732"/>
    <mergeCell ref="JFY732:JGB732"/>
    <mergeCell ref="JGC732:JGF732"/>
    <mergeCell ref="JGG732:JGJ732"/>
    <mergeCell ref="JGK732:JGN732"/>
    <mergeCell ref="JGO732:JGR732"/>
    <mergeCell ref="JFE732:JFH732"/>
    <mergeCell ref="JFI732:JFL732"/>
    <mergeCell ref="JFM732:JFP732"/>
    <mergeCell ref="JFQ732:JFT732"/>
    <mergeCell ref="JFU732:JFX732"/>
    <mergeCell ref="JEK732:JEN732"/>
    <mergeCell ref="JEO732:JER732"/>
    <mergeCell ref="JES732:JEV732"/>
    <mergeCell ref="JEW732:JEZ732"/>
    <mergeCell ref="JFA732:JFD732"/>
    <mergeCell ref="JDQ732:JDT732"/>
    <mergeCell ref="JDU732:JDX732"/>
    <mergeCell ref="JDY732:JEB732"/>
    <mergeCell ref="JEC732:JEF732"/>
    <mergeCell ref="JEG732:JEJ732"/>
    <mergeCell ref="JCW732:JCZ732"/>
    <mergeCell ref="JDA732:JDD732"/>
    <mergeCell ref="JDE732:JDH732"/>
    <mergeCell ref="JDI732:JDL732"/>
    <mergeCell ref="JDM732:JDP732"/>
    <mergeCell ref="JMW732:JMZ732"/>
    <mergeCell ref="JNA732:JND732"/>
    <mergeCell ref="JNE732:JNH732"/>
    <mergeCell ref="JNI732:JNL732"/>
    <mergeCell ref="JNM732:JNP732"/>
    <mergeCell ref="JMC732:JMF732"/>
    <mergeCell ref="JMG732:JMJ732"/>
    <mergeCell ref="JMK732:JMN732"/>
    <mergeCell ref="JMO732:JMR732"/>
    <mergeCell ref="JMS732:JMV732"/>
    <mergeCell ref="JLI732:JLL732"/>
    <mergeCell ref="JLM732:JLP732"/>
    <mergeCell ref="JLQ732:JLT732"/>
    <mergeCell ref="JLU732:JLX732"/>
    <mergeCell ref="JLY732:JMB732"/>
    <mergeCell ref="JKO732:JKR732"/>
    <mergeCell ref="JKS732:JKV732"/>
    <mergeCell ref="JKW732:JKZ732"/>
    <mergeCell ref="JLA732:JLD732"/>
    <mergeCell ref="JLE732:JLH732"/>
    <mergeCell ref="JJU732:JJX732"/>
    <mergeCell ref="JJY732:JKB732"/>
    <mergeCell ref="JKC732:JKF732"/>
    <mergeCell ref="JKG732:JKJ732"/>
    <mergeCell ref="JKK732:JKN732"/>
    <mergeCell ref="JJA732:JJD732"/>
    <mergeCell ref="JJE732:JJH732"/>
    <mergeCell ref="JJI732:JJL732"/>
    <mergeCell ref="JJM732:JJP732"/>
    <mergeCell ref="JJQ732:JJT732"/>
    <mergeCell ref="JIG732:JIJ732"/>
    <mergeCell ref="JIK732:JIN732"/>
    <mergeCell ref="JIO732:JIR732"/>
    <mergeCell ref="JIS732:JIV732"/>
    <mergeCell ref="JIW732:JIZ732"/>
    <mergeCell ref="JSG732:JSJ732"/>
    <mergeCell ref="JSK732:JSN732"/>
    <mergeCell ref="JSO732:JSR732"/>
    <mergeCell ref="JSS732:JSV732"/>
    <mergeCell ref="JSW732:JSZ732"/>
    <mergeCell ref="JRM732:JRP732"/>
    <mergeCell ref="JRQ732:JRT732"/>
    <mergeCell ref="JRU732:JRX732"/>
    <mergeCell ref="JRY732:JSB732"/>
    <mergeCell ref="JSC732:JSF732"/>
    <mergeCell ref="JQS732:JQV732"/>
    <mergeCell ref="JQW732:JQZ732"/>
    <mergeCell ref="JRA732:JRD732"/>
    <mergeCell ref="JRE732:JRH732"/>
    <mergeCell ref="JRI732:JRL732"/>
    <mergeCell ref="JPY732:JQB732"/>
    <mergeCell ref="JQC732:JQF732"/>
    <mergeCell ref="JQG732:JQJ732"/>
    <mergeCell ref="JQK732:JQN732"/>
    <mergeCell ref="JQO732:JQR732"/>
    <mergeCell ref="JPE732:JPH732"/>
    <mergeCell ref="JPI732:JPL732"/>
    <mergeCell ref="JPM732:JPP732"/>
    <mergeCell ref="JPQ732:JPT732"/>
    <mergeCell ref="JPU732:JPX732"/>
    <mergeCell ref="JOK732:JON732"/>
    <mergeCell ref="JOO732:JOR732"/>
    <mergeCell ref="JOS732:JOV732"/>
    <mergeCell ref="JOW732:JOZ732"/>
    <mergeCell ref="JPA732:JPD732"/>
    <mergeCell ref="JNQ732:JNT732"/>
    <mergeCell ref="JNU732:JNX732"/>
    <mergeCell ref="JNY732:JOB732"/>
    <mergeCell ref="JOC732:JOF732"/>
    <mergeCell ref="JOG732:JOJ732"/>
    <mergeCell ref="JXQ732:JXT732"/>
    <mergeCell ref="JXU732:JXX732"/>
    <mergeCell ref="JXY732:JYB732"/>
    <mergeCell ref="JYC732:JYF732"/>
    <mergeCell ref="JYG732:JYJ732"/>
    <mergeCell ref="JWW732:JWZ732"/>
    <mergeCell ref="JXA732:JXD732"/>
    <mergeCell ref="JXE732:JXH732"/>
    <mergeCell ref="JXI732:JXL732"/>
    <mergeCell ref="JXM732:JXP732"/>
    <mergeCell ref="JWC732:JWF732"/>
    <mergeCell ref="JWG732:JWJ732"/>
    <mergeCell ref="JWK732:JWN732"/>
    <mergeCell ref="JWO732:JWR732"/>
    <mergeCell ref="JWS732:JWV732"/>
    <mergeCell ref="JVI732:JVL732"/>
    <mergeCell ref="JVM732:JVP732"/>
    <mergeCell ref="JVQ732:JVT732"/>
    <mergeCell ref="JVU732:JVX732"/>
    <mergeCell ref="JVY732:JWB732"/>
    <mergeCell ref="JUO732:JUR732"/>
    <mergeCell ref="JUS732:JUV732"/>
    <mergeCell ref="JUW732:JUZ732"/>
    <mergeCell ref="JVA732:JVD732"/>
    <mergeCell ref="JVE732:JVH732"/>
    <mergeCell ref="JTU732:JTX732"/>
    <mergeCell ref="JTY732:JUB732"/>
    <mergeCell ref="JUC732:JUF732"/>
    <mergeCell ref="JUG732:JUJ732"/>
    <mergeCell ref="JUK732:JUN732"/>
    <mergeCell ref="JTA732:JTD732"/>
    <mergeCell ref="JTE732:JTH732"/>
    <mergeCell ref="JTI732:JTL732"/>
    <mergeCell ref="JTM732:JTP732"/>
    <mergeCell ref="JTQ732:JTT732"/>
    <mergeCell ref="KDA732:KDD732"/>
    <mergeCell ref="KDE732:KDH732"/>
    <mergeCell ref="KDI732:KDL732"/>
    <mergeCell ref="KDM732:KDP732"/>
    <mergeCell ref="KDQ732:KDT732"/>
    <mergeCell ref="KCG732:KCJ732"/>
    <mergeCell ref="KCK732:KCN732"/>
    <mergeCell ref="KCO732:KCR732"/>
    <mergeCell ref="KCS732:KCV732"/>
    <mergeCell ref="KCW732:KCZ732"/>
    <mergeCell ref="KBM732:KBP732"/>
    <mergeCell ref="KBQ732:KBT732"/>
    <mergeCell ref="KBU732:KBX732"/>
    <mergeCell ref="KBY732:KCB732"/>
    <mergeCell ref="KCC732:KCF732"/>
    <mergeCell ref="KAS732:KAV732"/>
    <mergeCell ref="KAW732:KAZ732"/>
    <mergeCell ref="KBA732:KBD732"/>
    <mergeCell ref="KBE732:KBH732"/>
    <mergeCell ref="KBI732:KBL732"/>
    <mergeCell ref="JZY732:KAB732"/>
    <mergeCell ref="KAC732:KAF732"/>
    <mergeCell ref="KAG732:KAJ732"/>
    <mergeCell ref="KAK732:KAN732"/>
    <mergeCell ref="KAO732:KAR732"/>
    <mergeCell ref="JZE732:JZH732"/>
    <mergeCell ref="JZI732:JZL732"/>
    <mergeCell ref="JZM732:JZP732"/>
    <mergeCell ref="JZQ732:JZT732"/>
    <mergeCell ref="JZU732:JZX732"/>
    <mergeCell ref="JYK732:JYN732"/>
    <mergeCell ref="JYO732:JYR732"/>
    <mergeCell ref="JYS732:JYV732"/>
    <mergeCell ref="JYW732:JYZ732"/>
    <mergeCell ref="JZA732:JZD732"/>
    <mergeCell ref="KIK732:KIN732"/>
    <mergeCell ref="KIO732:KIR732"/>
    <mergeCell ref="KIS732:KIV732"/>
    <mergeCell ref="KIW732:KIZ732"/>
    <mergeCell ref="KJA732:KJD732"/>
    <mergeCell ref="KHQ732:KHT732"/>
    <mergeCell ref="KHU732:KHX732"/>
    <mergeCell ref="KHY732:KIB732"/>
    <mergeCell ref="KIC732:KIF732"/>
    <mergeCell ref="KIG732:KIJ732"/>
    <mergeCell ref="KGW732:KGZ732"/>
    <mergeCell ref="KHA732:KHD732"/>
    <mergeCell ref="KHE732:KHH732"/>
    <mergeCell ref="KHI732:KHL732"/>
    <mergeCell ref="KHM732:KHP732"/>
    <mergeCell ref="KGC732:KGF732"/>
    <mergeCell ref="KGG732:KGJ732"/>
    <mergeCell ref="KGK732:KGN732"/>
    <mergeCell ref="KGO732:KGR732"/>
    <mergeCell ref="KGS732:KGV732"/>
    <mergeCell ref="KFI732:KFL732"/>
    <mergeCell ref="KFM732:KFP732"/>
    <mergeCell ref="KFQ732:KFT732"/>
    <mergeCell ref="KFU732:KFX732"/>
    <mergeCell ref="KFY732:KGB732"/>
    <mergeCell ref="KEO732:KER732"/>
    <mergeCell ref="KES732:KEV732"/>
    <mergeCell ref="KEW732:KEZ732"/>
    <mergeCell ref="KFA732:KFD732"/>
    <mergeCell ref="KFE732:KFH732"/>
    <mergeCell ref="KDU732:KDX732"/>
    <mergeCell ref="KDY732:KEB732"/>
    <mergeCell ref="KEC732:KEF732"/>
    <mergeCell ref="KEG732:KEJ732"/>
    <mergeCell ref="KEK732:KEN732"/>
    <mergeCell ref="KNU732:KNX732"/>
    <mergeCell ref="KNY732:KOB732"/>
    <mergeCell ref="KOC732:KOF732"/>
    <mergeCell ref="KOG732:KOJ732"/>
    <mergeCell ref="KOK732:KON732"/>
    <mergeCell ref="KNA732:KND732"/>
    <mergeCell ref="KNE732:KNH732"/>
    <mergeCell ref="KNI732:KNL732"/>
    <mergeCell ref="KNM732:KNP732"/>
    <mergeCell ref="KNQ732:KNT732"/>
    <mergeCell ref="KMG732:KMJ732"/>
    <mergeCell ref="KMK732:KMN732"/>
    <mergeCell ref="KMO732:KMR732"/>
    <mergeCell ref="KMS732:KMV732"/>
    <mergeCell ref="KMW732:KMZ732"/>
    <mergeCell ref="KLM732:KLP732"/>
    <mergeCell ref="KLQ732:KLT732"/>
    <mergeCell ref="KLU732:KLX732"/>
    <mergeCell ref="KLY732:KMB732"/>
    <mergeCell ref="KMC732:KMF732"/>
    <mergeCell ref="KKS732:KKV732"/>
    <mergeCell ref="KKW732:KKZ732"/>
    <mergeCell ref="KLA732:KLD732"/>
    <mergeCell ref="KLE732:KLH732"/>
    <mergeCell ref="KLI732:KLL732"/>
    <mergeCell ref="KJY732:KKB732"/>
    <mergeCell ref="KKC732:KKF732"/>
    <mergeCell ref="KKG732:KKJ732"/>
    <mergeCell ref="KKK732:KKN732"/>
    <mergeCell ref="KKO732:KKR732"/>
    <mergeCell ref="KJE732:KJH732"/>
    <mergeCell ref="KJI732:KJL732"/>
    <mergeCell ref="KJM732:KJP732"/>
    <mergeCell ref="KJQ732:KJT732"/>
    <mergeCell ref="KJU732:KJX732"/>
    <mergeCell ref="KTE732:KTH732"/>
    <mergeCell ref="KTI732:KTL732"/>
    <mergeCell ref="KTM732:KTP732"/>
    <mergeCell ref="KTQ732:KTT732"/>
    <mergeCell ref="KTU732:KTX732"/>
    <mergeCell ref="KSK732:KSN732"/>
    <mergeCell ref="KSO732:KSR732"/>
    <mergeCell ref="KSS732:KSV732"/>
    <mergeCell ref="KSW732:KSZ732"/>
    <mergeCell ref="KTA732:KTD732"/>
    <mergeCell ref="KRQ732:KRT732"/>
    <mergeCell ref="KRU732:KRX732"/>
    <mergeCell ref="KRY732:KSB732"/>
    <mergeCell ref="KSC732:KSF732"/>
    <mergeCell ref="KSG732:KSJ732"/>
    <mergeCell ref="KQW732:KQZ732"/>
    <mergeCell ref="KRA732:KRD732"/>
    <mergeCell ref="KRE732:KRH732"/>
    <mergeCell ref="KRI732:KRL732"/>
    <mergeCell ref="KRM732:KRP732"/>
    <mergeCell ref="KQC732:KQF732"/>
    <mergeCell ref="KQG732:KQJ732"/>
    <mergeCell ref="KQK732:KQN732"/>
    <mergeCell ref="KQO732:KQR732"/>
    <mergeCell ref="KQS732:KQV732"/>
    <mergeCell ref="KPI732:KPL732"/>
    <mergeCell ref="KPM732:KPP732"/>
    <mergeCell ref="KPQ732:KPT732"/>
    <mergeCell ref="KPU732:KPX732"/>
    <mergeCell ref="KPY732:KQB732"/>
    <mergeCell ref="KOO732:KOR732"/>
    <mergeCell ref="KOS732:KOV732"/>
    <mergeCell ref="KOW732:KOZ732"/>
    <mergeCell ref="KPA732:KPD732"/>
    <mergeCell ref="KPE732:KPH732"/>
    <mergeCell ref="KYO732:KYR732"/>
    <mergeCell ref="KYS732:KYV732"/>
    <mergeCell ref="KYW732:KYZ732"/>
    <mergeCell ref="KZA732:KZD732"/>
    <mergeCell ref="KZE732:KZH732"/>
    <mergeCell ref="KXU732:KXX732"/>
    <mergeCell ref="KXY732:KYB732"/>
    <mergeCell ref="KYC732:KYF732"/>
    <mergeCell ref="KYG732:KYJ732"/>
    <mergeCell ref="KYK732:KYN732"/>
    <mergeCell ref="KXA732:KXD732"/>
    <mergeCell ref="KXE732:KXH732"/>
    <mergeCell ref="KXI732:KXL732"/>
    <mergeCell ref="KXM732:KXP732"/>
    <mergeCell ref="KXQ732:KXT732"/>
    <mergeCell ref="KWG732:KWJ732"/>
    <mergeCell ref="KWK732:KWN732"/>
    <mergeCell ref="KWO732:KWR732"/>
    <mergeCell ref="KWS732:KWV732"/>
    <mergeCell ref="KWW732:KWZ732"/>
    <mergeCell ref="KVM732:KVP732"/>
    <mergeCell ref="KVQ732:KVT732"/>
    <mergeCell ref="KVU732:KVX732"/>
    <mergeCell ref="KVY732:KWB732"/>
    <mergeCell ref="KWC732:KWF732"/>
    <mergeCell ref="KUS732:KUV732"/>
    <mergeCell ref="KUW732:KUZ732"/>
    <mergeCell ref="KVA732:KVD732"/>
    <mergeCell ref="KVE732:KVH732"/>
    <mergeCell ref="KVI732:KVL732"/>
    <mergeCell ref="KTY732:KUB732"/>
    <mergeCell ref="KUC732:KUF732"/>
    <mergeCell ref="KUG732:KUJ732"/>
    <mergeCell ref="KUK732:KUN732"/>
    <mergeCell ref="KUO732:KUR732"/>
    <mergeCell ref="LDY732:LEB732"/>
    <mergeCell ref="LEC732:LEF732"/>
    <mergeCell ref="LEG732:LEJ732"/>
    <mergeCell ref="LEK732:LEN732"/>
    <mergeCell ref="LEO732:LER732"/>
    <mergeCell ref="LDE732:LDH732"/>
    <mergeCell ref="LDI732:LDL732"/>
    <mergeCell ref="LDM732:LDP732"/>
    <mergeCell ref="LDQ732:LDT732"/>
    <mergeCell ref="LDU732:LDX732"/>
    <mergeCell ref="LCK732:LCN732"/>
    <mergeCell ref="LCO732:LCR732"/>
    <mergeCell ref="LCS732:LCV732"/>
    <mergeCell ref="LCW732:LCZ732"/>
    <mergeCell ref="LDA732:LDD732"/>
    <mergeCell ref="LBQ732:LBT732"/>
    <mergeCell ref="LBU732:LBX732"/>
    <mergeCell ref="LBY732:LCB732"/>
    <mergeCell ref="LCC732:LCF732"/>
    <mergeCell ref="LCG732:LCJ732"/>
    <mergeCell ref="LAW732:LAZ732"/>
    <mergeCell ref="LBA732:LBD732"/>
    <mergeCell ref="LBE732:LBH732"/>
    <mergeCell ref="LBI732:LBL732"/>
    <mergeCell ref="LBM732:LBP732"/>
    <mergeCell ref="LAC732:LAF732"/>
    <mergeCell ref="LAG732:LAJ732"/>
    <mergeCell ref="LAK732:LAN732"/>
    <mergeCell ref="LAO732:LAR732"/>
    <mergeCell ref="LAS732:LAV732"/>
    <mergeCell ref="KZI732:KZL732"/>
    <mergeCell ref="KZM732:KZP732"/>
    <mergeCell ref="KZQ732:KZT732"/>
    <mergeCell ref="KZU732:KZX732"/>
    <mergeCell ref="KZY732:LAB732"/>
    <mergeCell ref="LJI732:LJL732"/>
    <mergeCell ref="LJM732:LJP732"/>
    <mergeCell ref="LJQ732:LJT732"/>
    <mergeCell ref="LJU732:LJX732"/>
    <mergeCell ref="LJY732:LKB732"/>
    <mergeCell ref="LIO732:LIR732"/>
    <mergeCell ref="LIS732:LIV732"/>
    <mergeCell ref="LIW732:LIZ732"/>
    <mergeCell ref="LJA732:LJD732"/>
    <mergeCell ref="LJE732:LJH732"/>
    <mergeCell ref="LHU732:LHX732"/>
    <mergeCell ref="LHY732:LIB732"/>
    <mergeCell ref="LIC732:LIF732"/>
    <mergeCell ref="LIG732:LIJ732"/>
    <mergeCell ref="LIK732:LIN732"/>
    <mergeCell ref="LHA732:LHD732"/>
    <mergeCell ref="LHE732:LHH732"/>
    <mergeCell ref="LHI732:LHL732"/>
    <mergeCell ref="LHM732:LHP732"/>
    <mergeCell ref="LHQ732:LHT732"/>
    <mergeCell ref="LGG732:LGJ732"/>
    <mergeCell ref="LGK732:LGN732"/>
    <mergeCell ref="LGO732:LGR732"/>
    <mergeCell ref="LGS732:LGV732"/>
    <mergeCell ref="LGW732:LGZ732"/>
    <mergeCell ref="LFM732:LFP732"/>
    <mergeCell ref="LFQ732:LFT732"/>
    <mergeCell ref="LFU732:LFX732"/>
    <mergeCell ref="LFY732:LGB732"/>
    <mergeCell ref="LGC732:LGF732"/>
    <mergeCell ref="LES732:LEV732"/>
    <mergeCell ref="LEW732:LEZ732"/>
    <mergeCell ref="LFA732:LFD732"/>
    <mergeCell ref="LFE732:LFH732"/>
    <mergeCell ref="LFI732:LFL732"/>
    <mergeCell ref="LOS732:LOV732"/>
    <mergeCell ref="LOW732:LOZ732"/>
    <mergeCell ref="LPA732:LPD732"/>
    <mergeCell ref="LPE732:LPH732"/>
    <mergeCell ref="LPI732:LPL732"/>
    <mergeCell ref="LNY732:LOB732"/>
    <mergeCell ref="LOC732:LOF732"/>
    <mergeCell ref="LOG732:LOJ732"/>
    <mergeCell ref="LOK732:LON732"/>
    <mergeCell ref="LOO732:LOR732"/>
    <mergeCell ref="LNE732:LNH732"/>
    <mergeCell ref="LNI732:LNL732"/>
    <mergeCell ref="LNM732:LNP732"/>
    <mergeCell ref="LNQ732:LNT732"/>
    <mergeCell ref="LNU732:LNX732"/>
    <mergeCell ref="LMK732:LMN732"/>
    <mergeCell ref="LMO732:LMR732"/>
    <mergeCell ref="LMS732:LMV732"/>
    <mergeCell ref="LMW732:LMZ732"/>
    <mergeCell ref="LNA732:LND732"/>
    <mergeCell ref="LLQ732:LLT732"/>
    <mergeCell ref="LLU732:LLX732"/>
    <mergeCell ref="LLY732:LMB732"/>
    <mergeCell ref="LMC732:LMF732"/>
    <mergeCell ref="LMG732:LMJ732"/>
    <mergeCell ref="LKW732:LKZ732"/>
    <mergeCell ref="LLA732:LLD732"/>
    <mergeCell ref="LLE732:LLH732"/>
    <mergeCell ref="LLI732:LLL732"/>
    <mergeCell ref="LLM732:LLP732"/>
    <mergeCell ref="LKC732:LKF732"/>
    <mergeCell ref="LKG732:LKJ732"/>
    <mergeCell ref="LKK732:LKN732"/>
    <mergeCell ref="LKO732:LKR732"/>
    <mergeCell ref="LKS732:LKV732"/>
    <mergeCell ref="LUC732:LUF732"/>
    <mergeCell ref="LUG732:LUJ732"/>
    <mergeCell ref="LUK732:LUN732"/>
    <mergeCell ref="LUO732:LUR732"/>
    <mergeCell ref="LUS732:LUV732"/>
    <mergeCell ref="LTI732:LTL732"/>
    <mergeCell ref="LTM732:LTP732"/>
    <mergeCell ref="LTQ732:LTT732"/>
    <mergeCell ref="LTU732:LTX732"/>
    <mergeCell ref="LTY732:LUB732"/>
    <mergeCell ref="LSO732:LSR732"/>
    <mergeCell ref="LSS732:LSV732"/>
    <mergeCell ref="LSW732:LSZ732"/>
    <mergeCell ref="LTA732:LTD732"/>
    <mergeCell ref="LTE732:LTH732"/>
    <mergeCell ref="LRU732:LRX732"/>
    <mergeCell ref="LRY732:LSB732"/>
    <mergeCell ref="LSC732:LSF732"/>
    <mergeCell ref="LSG732:LSJ732"/>
    <mergeCell ref="LSK732:LSN732"/>
    <mergeCell ref="LRA732:LRD732"/>
    <mergeCell ref="LRE732:LRH732"/>
    <mergeCell ref="LRI732:LRL732"/>
    <mergeCell ref="LRM732:LRP732"/>
    <mergeCell ref="LRQ732:LRT732"/>
    <mergeCell ref="LQG732:LQJ732"/>
    <mergeCell ref="LQK732:LQN732"/>
    <mergeCell ref="LQO732:LQR732"/>
    <mergeCell ref="LQS732:LQV732"/>
    <mergeCell ref="LQW732:LQZ732"/>
    <mergeCell ref="LPM732:LPP732"/>
    <mergeCell ref="LPQ732:LPT732"/>
    <mergeCell ref="LPU732:LPX732"/>
    <mergeCell ref="LPY732:LQB732"/>
    <mergeCell ref="LQC732:LQF732"/>
    <mergeCell ref="LZM732:LZP732"/>
    <mergeCell ref="LZQ732:LZT732"/>
    <mergeCell ref="LZU732:LZX732"/>
    <mergeCell ref="LZY732:MAB732"/>
    <mergeCell ref="MAC732:MAF732"/>
    <mergeCell ref="LYS732:LYV732"/>
    <mergeCell ref="LYW732:LYZ732"/>
    <mergeCell ref="LZA732:LZD732"/>
    <mergeCell ref="LZE732:LZH732"/>
    <mergeCell ref="LZI732:LZL732"/>
    <mergeCell ref="LXY732:LYB732"/>
    <mergeCell ref="LYC732:LYF732"/>
    <mergeCell ref="LYG732:LYJ732"/>
    <mergeCell ref="LYK732:LYN732"/>
    <mergeCell ref="LYO732:LYR732"/>
    <mergeCell ref="LXE732:LXH732"/>
    <mergeCell ref="LXI732:LXL732"/>
    <mergeCell ref="LXM732:LXP732"/>
    <mergeCell ref="LXQ732:LXT732"/>
    <mergeCell ref="LXU732:LXX732"/>
    <mergeCell ref="LWK732:LWN732"/>
    <mergeCell ref="LWO732:LWR732"/>
    <mergeCell ref="LWS732:LWV732"/>
    <mergeCell ref="LWW732:LWZ732"/>
    <mergeCell ref="LXA732:LXD732"/>
    <mergeCell ref="LVQ732:LVT732"/>
    <mergeCell ref="LVU732:LVX732"/>
    <mergeCell ref="LVY732:LWB732"/>
    <mergeCell ref="LWC732:LWF732"/>
    <mergeCell ref="LWG732:LWJ732"/>
    <mergeCell ref="LUW732:LUZ732"/>
    <mergeCell ref="LVA732:LVD732"/>
    <mergeCell ref="LVE732:LVH732"/>
    <mergeCell ref="LVI732:LVL732"/>
    <mergeCell ref="LVM732:LVP732"/>
    <mergeCell ref="MEW732:MEZ732"/>
    <mergeCell ref="MFA732:MFD732"/>
    <mergeCell ref="MFE732:MFH732"/>
    <mergeCell ref="MFI732:MFL732"/>
    <mergeCell ref="MFM732:MFP732"/>
    <mergeCell ref="MEC732:MEF732"/>
    <mergeCell ref="MEG732:MEJ732"/>
    <mergeCell ref="MEK732:MEN732"/>
    <mergeCell ref="MEO732:MER732"/>
    <mergeCell ref="MES732:MEV732"/>
    <mergeCell ref="MDI732:MDL732"/>
    <mergeCell ref="MDM732:MDP732"/>
    <mergeCell ref="MDQ732:MDT732"/>
    <mergeCell ref="MDU732:MDX732"/>
    <mergeCell ref="MDY732:MEB732"/>
    <mergeCell ref="MCO732:MCR732"/>
    <mergeCell ref="MCS732:MCV732"/>
    <mergeCell ref="MCW732:MCZ732"/>
    <mergeCell ref="MDA732:MDD732"/>
    <mergeCell ref="MDE732:MDH732"/>
    <mergeCell ref="MBU732:MBX732"/>
    <mergeCell ref="MBY732:MCB732"/>
    <mergeCell ref="MCC732:MCF732"/>
    <mergeCell ref="MCG732:MCJ732"/>
    <mergeCell ref="MCK732:MCN732"/>
    <mergeCell ref="MBA732:MBD732"/>
    <mergeCell ref="MBE732:MBH732"/>
    <mergeCell ref="MBI732:MBL732"/>
    <mergeCell ref="MBM732:MBP732"/>
    <mergeCell ref="MBQ732:MBT732"/>
    <mergeCell ref="MAG732:MAJ732"/>
    <mergeCell ref="MAK732:MAN732"/>
    <mergeCell ref="MAO732:MAR732"/>
    <mergeCell ref="MAS732:MAV732"/>
    <mergeCell ref="MAW732:MAZ732"/>
    <mergeCell ref="MKG732:MKJ732"/>
    <mergeCell ref="MKK732:MKN732"/>
    <mergeCell ref="MKO732:MKR732"/>
    <mergeCell ref="MKS732:MKV732"/>
    <mergeCell ref="MKW732:MKZ732"/>
    <mergeCell ref="MJM732:MJP732"/>
    <mergeCell ref="MJQ732:MJT732"/>
    <mergeCell ref="MJU732:MJX732"/>
    <mergeCell ref="MJY732:MKB732"/>
    <mergeCell ref="MKC732:MKF732"/>
    <mergeCell ref="MIS732:MIV732"/>
    <mergeCell ref="MIW732:MIZ732"/>
    <mergeCell ref="MJA732:MJD732"/>
    <mergeCell ref="MJE732:MJH732"/>
    <mergeCell ref="MJI732:MJL732"/>
    <mergeCell ref="MHY732:MIB732"/>
    <mergeCell ref="MIC732:MIF732"/>
    <mergeCell ref="MIG732:MIJ732"/>
    <mergeCell ref="MIK732:MIN732"/>
    <mergeCell ref="MIO732:MIR732"/>
    <mergeCell ref="MHE732:MHH732"/>
    <mergeCell ref="MHI732:MHL732"/>
    <mergeCell ref="MHM732:MHP732"/>
    <mergeCell ref="MHQ732:MHT732"/>
    <mergeCell ref="MHU732:MHX732"/>
    <mergeCell ref="MGK732:MGN732"/>
    <mergeCell ref="MGO732:MGR732"/>
    <mergeCell ref="MGS732:MGV732"/>
    <mergeCell ref="MGW732:MGZ732"/>
    <mergeCell ref="MHA732:MHD732"/>
    <mergeCell ref="MFQ732:MFT732"/>
    <mergeCell ref="MFU732:MFX732"/>
    <mergeCell ref="MFY732:MGB732"/>
    <mergeCell ref="MGC732:MGF732"/>
    <mergeCell ref="MGG732:MGJ732"/>
    <mergeCell ref="MPQ732:MPT732"/>
    <mergeCell ref="MPU732:MPX732"/>
    <mergeCell ref="MPY732:MQB732"/>
    <mergeCell ref="MQC732:MQF732"/>
    <mergeCell ref="MQG732:MQJ732"/>
    <mergeCell ref="MOW732:MOZ732"/>
    <mergeCell ref="MPA732:MPD732"/>
    <mergeCell ref="MPE732:MPH732"/>
    <mergeCell ref="MPI732:MPL732"/>
    <mergeCell ref="MPM732:MPP732"/>
    <mergeCell ref="MOC732:MOF732"/>
    <mergeCell ref="MOG732:MOJ732"/>
    <mergeCell ref="MOK732:MON732"/>
    <mergeCell ref="MOO732:MOR732"/>
    <mergeCell ref="MOS732:MOV732"/>
    <mergeCell ref="MNI732:MNL732"/>
    <mergeCell ref="MNM732:MNP732"/>
    <mergeCell ref="MNQ732:MNT732"/>
    <mergeCell ref="MNU732:MNX732"/>
    <mergeCell ref="MNY732:MOB732"/>
    <mergeCell ref="MMO732:MMR732"/>
    <mergeCell ref="MMS732:MMV732"/>
    <mergeCell ref="MMW732:MMZ732"/>
    <mergeCell ref="MNA732:MND732"/>
    <mergeCell ref="MNE732:MNH732"/>
    <mergeCell ref="MLU732:MLX732"/>
    <mergeCell ref="MLY732:MMB732"/>
    <mergeCell ref="MMC732:MMF732"/>
    <mergeCell ref="MMG732:MMJ732"/>
    <mergeCell ref="MMK732:MMN732"/>
    <mergeCell ref="MLA732:MLD732"/>
    <mergeCell ref="MLE732:MLH732"/>
    <mergeCell ref="MLI732:MLL732"/>
    <mergeCell ref="MLM732:MLP732"/>
    <mergeCell ref="MLQ732:MLT732"/>
    <mergeCell ref="MVA732:MVD732"/>
    <mergeCell ref="MVE732:MVH732"/>
    <mergeCell ref="MVI732:MVL732"/>
    <mergeCell ref="MVM732:MVP732"/>
    <mergeCell ref="MVQ732:MVT732"/>
    <mergeCell ref="MUG732:MUJ732"/>
    <mergeCell ref="MUK732:MUN732"/>
    <mergeCell ref="MUO732:MUR732"/>
    <mergeCell ref="MUS732:MUV732"/>
    <mergeCell ref="MUW732:MUZ732"/>
    <mergeCell ref="MTM732:MTP732"/>
    <mergeCell ref="MTQ732:MTT732"/>
    <mergeCell ref="MTU732:MTX732"/>
    <mergeCell ref="MTY732:MUB732"/>
    <mergeCell ref="MUC732:MUF732"/>
    <mergeCell ref="MSS732:MSV732"/>
    <mergeCell ref="MSW732:MSZ732"/>
    <mergeCell ref="MTA732:MTD732"/>
    <mergeCell ref="MTE732:MTH732"/>
    <mergeCell ref="MTI732:MTL732"/>
    <mergeCell ref="MRY732:MSB732"/>
    <mergeCell ref="MSC732:MSF732"/>
    <mergeCell ref="MSG732:MSJ732"/>
    <mergeCell ref="MSK732:MSN732"/>
    <mergeCell ref="MSO732:MSR732"/>
    <mergeCell ref="MRE732:MRH732"/>
    <mergeCell ref="MRI732:MRL732"/>
    <mergeCell ref="MRM732:MRP732"/>
    <mergeCell ref="MRQ732:MRT732"/>
    <mergeCell ref="MRU732:MRX732"/>
    <mergeCell ref="MQK732:MQN732"/>
    <mergeCell ref="MQO732:MQR732"/>
    <mergeCell ref="MQS732:MQV732"/>
    <mergeCell ref="MQW732:MQZ732"/>
    <mergeCell ref="MRA732:MRD732"/>
    <mergeCell ref="NAK732:NAN732"/>
    <mergeCell ref="NAO732:NAR732"/>
    <mergeCell ref="NAS732:NAV732"/>
    <mergeCell ref="NAW732:NAZ732"/>
    <mergeCell ref="NBA732:NBD732"/>
    <mergeCell ref="MZQ732:MZT732"/>
    <mergeCell ref="MZU732:MZX732"/>
    <mergeCell ref="MZY732:NAB732"/>
    <mergeCell ref="NAC732:NAF732"/>
    <mergeCell ref="NAG732:NAJ732"/>
    <mergeCell ref="MYW732:MYZ732"/>
    <mergeCell ref="MZA732:MZD732"/>
    <mergeCell ref="MZE732:MZH732"/>
    <mergeCell ref="MZI732:MZL732"/>
    <mergeCell ref="MZM732:MZP732"/>
    <mergeCell ref="MYC732:MYF732"/>
    <mergeCell ref="MYG732:MYJ732"/>
    <mergeCell ref="MYK732:MYN732"/>
    <mergeCell ref="MYO732:MYR732"/>
    <mergeCell ref="MYS732:MYV732"/>
    <mergeCell ref="MXI732:MXL732"/>
    <mergeCell ref="MXM732:MXP732"/>
    <mergeCell ref="MXQ732:MXT732"/>
    <mergeCell ref="MXU732:MXX732"/>
    <mergeCell ref="MXY732:MYB732"/>
    <mergeCell ref="MWO732:MWR732"/>
    <mergeCell ref="MWS732:MWV732"/>
    <mergeCell ref="MWW732:MWZ732"/>
    <mergeCell ref="MXA732:MXD732"/>
    <mergeCell ref="MXE732:MXH732"/>
    <mergeCell ref="MVU732:MVX732"/>
    <mergeCell ref="MVY732:MWB732"/>
    <mergeCell ref="MWC732:MWF732"/>
    <mergeCell ref="MWG732:MWJ732"/>
    <mergeCell ref="MWK732:MWN732"/>
    <mergeCell ref="NFU732:NFX732"/>
    <mergeCell ref="NFY732:NGB732"/>
    <mergeCell ref="NGC732:NGF732"/>
    <mergeCell ref="NGG732:NGJ732"/>
    <mergeCell ref="NGK732:NGN732"/>
    <mergeCell ref="NFA732:NFD732"/>
    <mergeCell ref="NFE732:NFH732"/>
    <mergeCell ref="NFI732:NFL732"/>
    <mergeCell ref="NFM732:NFP732"/>
    <mergeCell ref="NFQ732:NFT732"/>
    <mergeCell ref="NEG732:NEJ732"/>
    <mergeCell ref="NEK732:NEN732"/>
    <mergeCell ref="NEO732:NER732"/>
    <mergeCell ref="NES732:NEV732"/>
    <mergeCell ref="NEW732:NEZ732"/>
    <mergeCell ref="NDM732:NDP732"/>
    <mergeCell ref="NDQ732:NDT732"/>
    <mergeCell ref="NDU732:NDX732"/>
    <mergeCell ref="NDY732:NEB732"/>
    <mergeCell ref="NEC732:NEF732"/>
    <mergeCell ref="NCS732:NCV732"/>
    <mergeCell ref="NCW732:NCZ732"/>
    <mergeCell ref="NDA732:NDD732"/>
    <mergeCell ref="NDE732:NDH732"/>
    <mergeCell ref="NDI732:NDL732"/>
    <mergeCell ref="NBY732:NCB732"/>
    <mergeCell ref="NCC732:NCF732"/>
    <mergeCell ref="NCG732:NCJ732"/>
    <mergeCell ref="NCK732:NCN732"/>
    <mergeCell ref="NCO732:NCR732"/>
    <mergeCell ref="NBE732:NBH732"/>
    <mergeCell ref="NBI732:NBL732"/>
    <mergeCell ref="NBM732:NBP732"/>
    <mergeCell ref="NBQ732:NBT732"/>
    <mergeCell ref="NBU732:NBX732"/>
    <mergeCell ref="NLE732:NLH732"/>
    <mergeCell ref="NLI732:NLL732"/>
    <mergeCell ref="NLM732:NLP732"/>
    <mergeCell ref="NLQ732:NLT732"/>
    <mergeCell ref="NLU732:NLX732"/>
    <mergeCell ref="NKK732:NKN732"/>
    <mergeCell ref="NKO732:NKR732"/>
    <mergeCell ref="NKS732:NKV732"/>
    <mergeCell ref="NKW732:NKZ732"/>
    <mergeCell ref="NLA732:NLD732"/>
    <mergeCell ref="NJQ732:NJT732"/>
    <mergeCell ref="NJU732:NJX732"/>
    <mergeCell ref="NJY732:NKB732"/>
    <mergeCell ref="NKC732:NKF732"/>
    <mergeCell ref="NKG732:NKJ732"/>
    <mergeCell ref="NIW732:NIZ732"/>
    <mergeCell ref="NJA732:NJD732"/>
    <mergeCell ref="NJE732:NJH732"/>
    <mergeCell ref="NJI732:NJL732"/>
    <mergeCell ref="NJM732:NJP732"/>
    <mergeCell ref="NIC732:NIF732"/>
    <mergeCell ref="NIG732:NIJ732"/>
    <mergeCell ref="NIK732:NIN732"/>
    <mergeCell ref="NIO732:NIR732"/>
    <mergeCell ref="NIS732:NIV732"/>
    <mergeCell ref="NHI732:NHL732"/>
    <mergeCell ref="NHM732:NHP732"/>
    <mergeCell ref="NHQ732:NHT732"/>
    <mergeCell ref="NHU732:NHX732"/>
    <mergeCell ref="NHY732:NIB732"/>
    <mergeCell ref="NGO732:NGR732"/>
    <mergeCell ref="NGS732:NGV732"/>
    <mergeCell ref="NGW732:NGZ732"/>
    <mergeCell ref="NHA732:NHD732"/>
    <mergeCell ref="NHE732:NHH732"/>
    <mergeCell ref="NQO732:NQR732"/>
    <mergeCell ref="NQS732:NQV732"/>
    <mergeCell ref="NQW732:NQZ732"/>
    <mergeCell ref="NRA732:NRD732"/>
    <mergeCell ref="NRE732:NRH732"/>
    <mergeCell ref="NPU732:NPX732"/>
    <mergeCell ref="NPY732:NQB732"/>
    <mergeCell ref="NQC732:NQF732"/>
    <mergeCell ref="NQG732:NQJ732"/>
    <mergeCell ref="NQK732:NQN732"/>
    <mergeCell ref="NPA732:NPD732"/>
    <mergeCell ref="NPE732:NPH732"/>
    <mergeCell ref="NPI732:NPL732"/>
    <mergeCell ref="NPM732:NPP732"/>
    <mergeCell ref="NPQ732:NPT732"/>
    <mergeCell ref="NOG732:NOJ732"/>
    <mergeCell ref="NOK732:NON732"/>
    <mergeCell ref="NOO732:NOR732"/>
    <mergeCell ref="NOS732:NOV732"/>
    <mergeCell ref="NOW732:NOZ732"/>
    <mergeCell ref="NNM732:NNP732"/>
    <mergeCell ref="NNQ732:NNT732"/>
    <mergeCell ref="NNU732:NNX732"/>
    <mergeCell ref="NNY732:NOB732"/>
    <mergeCell ref="NOC732:NOF732"/>
    <mergeCell ref="NMS732:NMV732"/>
    <mergeCell ref="NMW732:NMZ732"/>
    <mergeCell ref="NNA732:NND732"/>
    <mergeCell ref="NNE732:NNH732"/>
    <mergeCell ref="NNI732:NNL732"/>
    <mergeCell ref="NLY732:NMB732"/>
    <mergeCell ref="NMC732:NMF732"/>
    <mergeCell ref="NMG732:NMJ732"/>
    <mergeCell ref="NMK732:NMN732"/>
    <mergeCell ref="NMO732:NMR732"/>
    <mergeCell ref="NVY732:NWB732"/>
    <mergeCell ref="NWC732:NWF732"/>
    <mergeCell ref="NWG732:NWJ732"/>
    <mergeCell ref="NWK732:NWN732"/>
    <mergeCell ref="NWO732:NWR732"/>
    <mergeCell ref="NVE732:NVH732"/>
    <mergeCell ref="NVI732:NVL732"/>
    <mergeCell ref="NVM732:NVP732"/>
    <mergeCell ref="NVQ732:NVT732"/>
    <mergeCell ref="NVU732:NVX732"/>
    <mergeCell ref="NUK732:NUN732"/>
    <mergeCell ref="NUO732:NUR732"/>
    <mergeCell ref="NUS732:NUV732"/>
    <mergeCell ref="NUW732:NUZ732"/>
    <mergeCell ref="NVA732:NVD732"/>
    <mergeCell ref="NTQ732:NTT732"/>
    <mergeCell ref="NTU732:NTX732"/>
    <mergeCell ref="NTY732:NUB732"/>
    <mergeCell ref="NUC732:NUF732"/>
    <mergeCell ref="NUG732:NUJ732"/>
    <mergeCell ref="NSW732:NSZ732"/>
    <mergeCell ref="NTA732:NTD732"/>
    <mergeCell ref="NTE732:NTH732"/>
    <mergeCell ref="NTI732:NTL732"/>
    <mergeCell ref="NTM732:NTP732"/>
    <mergeCell ref="NSC732:NSF732"/>
    <mergeCell ref="NSG732:NSJ732"/>
    <mergeCell ref="NSK732:NSN732"/>
    <mergeCell ref="NSO732:NSR732"/>
    <mergeCell ref="NSS732:NSV732"/>
    <mergeCell ref="NRI732:NRL732"/>
    <mergeCell ref="NRM732:NRP732"/>
    <mergeCell ref="NRQ732:NRT732"/>
    <mergeCell ref="NRU732:NRX732"/>
    <mergeCell ref="NRY732:NSB732"/>
    <mergeCell ref="OBI732:OBL732"/>
    <mergeCell ref="OBM732:OBP732"/>
    <mergeCell ref="OBQ732:OBT732"/>
    <mergeCell ref="OBU732:OBX732"/>
    <mergeCell ref="OBY732:OCB732"/>
    <mergeCell ref="OAO732:OAR732"/>
    <mergeCell ref="OAS732:OAV732"/>
    <mergeCell ref="OAW732:OAZ732"/>
    <mergeCell ref="OBA732:OBD732"/>
    <mergeCell ref="OBE732:OBH732"/>
    <mergeCell ref="NZU732:NZX732"/>
    <mergeCell ref="NZY732:OAB732"/>
    <mergeCell ref="OAC732:OAF732"/>
    <mergeCell ref="OAG732:OAJ732"/>
    <mergeCell ref="OAK732:OAN732"/>
    <mergeCell ref="NZA732:NZD732"/>
    <mergeCell ref="NZE732:NZH732"/>
    <mergeCell ref="NZI732:NZL732"/>
    <mergeCell ref="NZM732:NZP732"/>
    <mergeCell ref="NZQ732:NZT732"/>
    <mergeCell ref="NYG732:NYJ732"/>
    <mergeCell ref="NYK732:NYN732"/>
    <mergeCell ref="NYO732:NYR732"/>
    <mergeCell ref="NYS732:NYV732"/>
    <mergeCell ref="NYW732:NYZ732"/>
    <mergeCell ref="NXM732:NXP732"/>
    <mergeCell ref="NXQ732:NXT732"/>
    <mergeCell ref="NXU732:NXX732"/>
    <mergeCell ref="NXY732:NYB732"/>
    <mergeCell ref="NYC732:NYF732"/>
    <mergeCell ref="NWS732:NWV732"/>
    <mergeCell ref="NWW732:NWZ732"/>
    <mergeCell ref="NXA732:NXD732"/>
    <mergeCell ref="NXE732:NXH732"/>
    <mergeCell ref="NXI732:NXL732"/>
    <mergeCell ref="OGS732:OGV732"/>
    <mergeCell ref="OGW732:OGZ732"/>
    <mergeCell ref="OHA732:OHD732"/>
    <mergeCell ref="OHE732:OHH732"/>
    <mergeCell ref="OHI732:OHL732"/>
    <mergeCell ref="OFY732:OGB732"/>
    <mergeCell ref="OGC732:OGF732"/>
    <mergeCell ref="OGG732:OGJ732"/>
    <mergeCell ref="OGK732:OGN732"/>
    <mergeCell ref="OGO732:OGR732"/>
    <mergeCell ref="OFE732:OFH732"/>
    <mergeCell ref="OFI732:OFL732"/>
    <mergeCell ref="OFM732:OFP732"/>
    <mergeCell ref="OFQ732:OFT732"/>
    <mergeCell ref="OFU732:OFX732"/>
    <mergeCell ref="OEK732:OEN732"/>
    <mergeCell ref="OEO732:OER732"/>
    <mergeCell ref="OES732:OEV732"/>
    <mergeCell ref="OEW732:OEZ732"/>
    <mergeCell ref="OFA732:OFD732"/>
    <mergeCell ref="ODQ732:ODT732"/>
    <mergeCell ref="ODU732:ODX732"/>
    <mergeCell ref="ODY732:OEB732"/>
    <mergeCell ref="OEC732:OEF732"/>
    <mergeCell ref="OEG732:OEJ732"/>
    <mergeCell ref="OCW732:OCZ732"/>
    <mergeCell ref="ODA732:ODD732"/>
    <mergeCell ref="ODE732:ODH732"/>
    <mergeCell ref="ODI732:ODL732"/>
    <mergeCell ref="ODM732:ODP732"/>
    <mergeCell ref="OCC732:OCF732"/>
    <mergeCell ref="OCG732:OCJ732"/>
    <mergeCell ref="OCK732:OCN732"/>
    <mergeCell ref="OCO732:OCR732"/>
    <mergeCell ref="OCS732:OCV732"/>
    <mergeCell ref="OMC732:OMF732"/>
    <mergeCell ref="OMG732:OMJ732"/>
    <mergeCell ref="OMK732:OMN732"/>
    <mergeCell ref="OMO732:OMR732"/>
    <mergeCell ref="OMS732:OMV732"/>
    <mergeCell ref="OLI732:OLL732"/>
    <mergeCell ref="OLM732:OLP732"/>
    <mergeCell ref="OLQ732:OLT732"/>
    <mergeCell ref="OLU732:OLX732"/>
    <mergeCell ref="OLY732:OMB732"/>
    <mergeCell ref="OKO732:OKR732"/>
    <mergeCell ref="OKS732:OKV732"/>
    <mergeCell ref="OKW732:OKZ732"/>
    <mergeCell ref="OLA732:OLD732"/>
    <mergeCell ref="OLE732:OLH732"/>
    <mergeCell ref="OJU732:OJX732"/>
    <mergeCell ref="OJY732:OKB732"/>
    <mergeCell ref="OKC732:OKF732"/>
    <mergeCell ref="OKG732:OKJ732"/>
    <mergeCell ref="OKK732:OKN732"/>
    <mergeCell ref="OJA732:OJD732"/>
    <mergeCell ref="OJE732:OJH732"/>
    <mergeCell ref="OJI732:OJL732"/>
    <mergeCell ref="OJM732:OJP732"/>
    <mergeCell ref="OJQ732:OJT732"/>
    <mergeCell ref="OIG732:OIJ732"/>
    <mergeCell ref="OIK732:OIN732"/>
    <mergeCell ref="OIO732:OIR732"/>
    <mergeCell ref="OIS732:OIV732"/>
    <mergeCell ref="OIW732:OIZ732"/>
    <mergeCell ref="OHM732:OHP732"/>
    <mergeCell ref="OHQ732:OHT732"/>
    <mergeCell ref="OHU732:OHX732"/>
    <mergeCell ref="OHY732:OIB732"/>
    <mergeCell ref="OIC732:OIF732"/>
    <mergeCell ref="ORM732:ORP732"/>
    <mergeCell ref="ORQ732:ORT732"/>
    <mergeCell ref="ORU732:ORX732"/>
    <mergeCell ref="ORY732:OSB732"/>
    <mergeCell ref="OSC732:OSF732"/>
    <mergeCell ref="OQS732:OQV732"/>
    <mergeCell ref="OQW732:OQZ732"/>
    <mergeCell ref="ORA732:ORD732"/>
    <mergeCell ref="ORE732:ORH732"/>
    <mergeCell ref="ORI732:ORL732"/>
    <mergeCell ref="OPY732:OQB732"/>
    <mergeCell ref="OQC732:OQF732"/>
    <mergeCell ref="OQG732:OQJ732"/>
    <mergeCell ref="OQK732:OQN732"/>
    <mergeCell ref="OQO732:OQR732"/>
    <mergeCell ref="OPE732:OPH732"/>
    <mergeCell ref="OPI732:OPL732"/>
    <mergeCell ref="OPM732:OPP732"/>
    <mergeCell ref="OPQ732:OPT732"/>
    <mergeCell ref="OPU732:OPX732"/>
    <mergeCell ref="OOK732:OON732"/>
    <mergeCell ref="OOO732:OOR732"/>
    <mergeCell ref="OOS732:OOV732"/>
    <mergeCell ref="OOW732:OOZ732"/>
    <mergeCell ref="OPA732:OPD732"/>
    <mergeCell ref="ONQ732:ONT732"/>
    <mergeCell ref="ONU732:ONX732"/>
    <mergeCell ref="ONY732:OOB732"/>
    <mergeCell ref="OOC732:OOF732"/>
    <mergeCell ref="OOG732:OOJ732"/>
    <mergeCell ref="OMW732:OMZ732"/>
    <mergeCell ref="ONA732:OND732"/>
    <mergeCell ref="ONE732:ONH732"/>
    <mergeCell ref="ONI732:ONL732"/>
    <mergeCell ref="ONM732:ONP732"/>
    <mergeCell ref="OWW732:OWZ732"/>
    <mergeCell ref="OXA732:OXD732"/>
    <mergeCell ref="OXE732:OXH732"/>
    <mergeCell ref="OXI732:OXL732"/>
    <mergeCell ref="OXM732:OXP732"/>
    <mergeCell ref="OWC732:OWF732"/>
    <mergeCell ref="OWG732:OWJ732"/>
    <mergeCell ref="OWK732:OWN732"/>
    <mergeCell ref="OWO732:OWR732"/>
    <mergeCell ref="OWS732:OWV732"/>
    <mergeCell ref="OVI732:OVL732"/>
    <mergeCell ref="OVM732:OVP732"/>
    <mergeCell ref="OVQ732:OVT732"/>
    <mergeCell ref="OVU732:OVX732"/>
    <mergeCell ref="OVY732:OWB732"/>
    <mergeCell ref="OUO732:OUR732"/>
    <mergeCell ref="OUS732:OUV732"/>
    <mergeCell ref="OUW732:OUZ732"/>
    <mergeCell ref="OVA732:OVD732"/>
    <mergeCell ref="OVE732:OVH732"/>
    <mergeCell ref="OTU732:OTX732"/>
    <mergeCell ref="OTY732:OUB732"/>
    <mergeCell ref="OUC732:OUF732"/>
    <mergeCell ref="OUG732:OUJ732"/>
    <mergeCell ref="OUK732:OUN732"/>
    <mergeCell ref="OTA732:OTD732"/>
    <mergeCell ref="OTE732:OTH732"/>
    <mergeCell ref="OTI732:OTL732"/>
    <mergeCell ref="OTM732:OTP732"/>
    <mergeCell ref="OTQ732:OTT732"/>
    <mergeCell ref="OSG732:OSJ732"/>
    <mergeCell ref="OSK732:OSN732"/>
    <mergeCell ref="OSO732:OSR732"/>
    <mergeCell ref="OSS732:OSV732"/>
    <mergeCell ref="OSW732:OSZ732"/>
    <mergeCell ref="PCG732:PCJ732"/>
    <mergeCell ref="PCK732:PCN732"/>
    <mergeCell ref="PCO732:PCR732"/>
    <mergeCell ref="PCS732:PCV732"/>
    <mergeCell ref="PCW732:PCZ732"/>
    <mergeCell ref="PBM732:PBP732"/>
    <mergeCell ref="PBQ732:PBT732"/>
    <mergeCell ref="PBU732:PBX732"/>
    <mergeCell ref="PBY732:PCB732"/>
    <mergeCell ref="PCC732:PCF732"/>
    <mergeCell ref="PAS732:PAV732"/>
    <mergeCell ref="PAW732:PAZ732"/>
    <mergeCell ref="PBA732:PBD732"/>
    <mergeCell ref="PBE732:PBH732"/>
    <mergeCell ref="PBI732:PBL732"/>
    <mergeCell ref="OZY732:PAB732"/>
    <mergeCell ref="PAC732:PAF732"/>
    <mergeCell ref="PAG732:PAJ732"/>
    <mergeCell ref="PAK732:PAN732"/>
    <mergeCell ref="PAO732:PAR732"/>
    <mergeCell ref="OZE732:OZH732"/>
    <mergeCell ref="OZI732:OZL732"/>
    <mergeCell ref="OZM732:OZP732"/>
    <mergeCell ref="OZQ732:OZT732"/>
    <mergeCell ref="OZU732:OZX732"/>
    <mergeCell ref="OYK732:OYN732"/>
    <mergeCell ref="OYO732:OYR732"/>
    <mergeCell ref="OYS732:OYV732"/>
    <mergeCell ref="OYW732:OYZ732"/>
    <mergeCell ref="OZA732:OZD732"/>
    <mergeCell ref="OXQ732:OXT732"/>
    <mergeCell ref="OXU732:OXX732"/>
    <mergeCell ref="OXY732:OYB732"/>
    <mergeCell ref="OYC732:OYF732"/>
    <mergeCell ref="OYG732:OYJ732"/>
    <mergeCell ref="PHQ732:PHT732"/>
    <mergeCell ref="PHU732:PHX732"/>
    <mergeCell ref="PHY732:PIB732"/>
    <mergeCell ref="PIC732:PIF732"/>
    <mergeCell ref="PIG732:PIJ732"/>
    <mergeCell ref="PGW732:PGZ732"/>
    <mergeCell ref="PHA732:PHD732"/>
    <mergeCell ref="PHE732:PHH732"/>
    <mergeCell ref="PHI732:PHL732"/>
    <mergeCell ref="PHM732:PHP732"/>
    <mergeCell ref="PGC732:PGF732"/>
    <mergeCell ref="PGG732:PGJ732"/>
    <mergeCell ref="PGK732:PGN732"/>
    <mergeCell ref="PGO732:PGR732"/>
    <mergeCell ref="PGS732:PGV732"/>
    <mergeCell ref="PFI732:PFL732"/>
    <mergeCell ref="PFM732:PFP732"/>
    <mergeCell ref="PFQ732:PFT732"/>
    <mergeCell ref="PFU732:PFX732"/>
    <mergeCell ref="PFY732:PGB732"/>
    <mergeCell ref="PEO732:PER732"/>
    <mergeCell ref="PES732:PEV732"/>
    <mergeCell ref="PEW732:PEZ732"/>
    <mergeCell ref="PFA732:PFD732"/>
    <mergeCell ref="PFE732:PFH732"/>
    <mergeCell ref="PDU732:PDX732"/>
    <mergeCell ref="PDY732:PEB732"/>
    <mergeCell ref="PEC732:PEF732"/>
    <mergeCell ref="PEG732:PEJ732"/>
    <mergeCell ref="PEK732:PEN732"/>
    <mergeCell ref="PDA732:PDD732"/>
    <mergeCell ref="PDE732:PDH732"/>
    <mergeCell ref="PDI732:PDL732"/>
    <mergeCell ref="PDM732:PDP732"/>
    <mergeCell ref="PDQ732:PDT732"/>
    <mergeCell ref="PNA732:PND732"/>
    <mergeCell ref="PNE732:PNH732"/>
    <mergeCell ref="PNI732:PNL732"/>
    <mergeCell ref="PNM732:PNP732"/>
    <mergeCell ref="PNQ732:PNT732"/>
    <mergeCell ref="PMG732:PMJ732"/>
    <mergeCell ref="PMK732:PMN732"/>
    <mergeCell ref="PMO732:PMR732"/>
    <mergeCell ref="PMS732:PMV732"/>
    <mergeCell ref="PMW732:PMZ732"/>
    <mergeCell ref="PLM732:PLP732"/>
    <mergeCell ref="PLQ732:PLT732"/>
    <mergeCell ref="PLU732:PLX732"/>
    <mergeCell ref="PLY732:PMB732"/>
    <mergeCell ref="PMC732:PMF732"/>
    <mergeCell ref="PKS732:PKV732"/>
    <mergeCell ref="PKW732:PKZ732"/>
    <mergeCell ref="PLA732:PLD732"/>
    <mergeCell ref="PLE732:PLH732"/>
    <mergeCell ref="PLI732:PLL732"/>
    <mergeCell ref="PJY732:PKB732"/>
    <mergeCell ref="PKC732:PKF732"/>
    <mergeCell ref="PKG732:PKJ732"/>
    <mergeCell ref="PKK732:PKN732"/>
    <mergeCell ref="PKO732:PKR732"/>
    <mergeCell ref="PJE732:PJH732"/>
    <mergeCell ref="PJI732:PJL732"/>
    <mergeCell ref="PJM732:PJP732"/>
    <mergeCell ref="PJQ732:PJT732"/>
    <mergeCell ref="PJU732:PJX732"/>
    <mergeCell ref="PIK732:PIN732"/>
    <mergeCell ref="PIO732:PIR732"/>
    <mergeCell ref="PIS732:PIV732"/>
    <mergeCell ref="PIW732:PIZ732"/>
    <mergeCell ref="PJA732:PJD732"/>
    <mergeCell ref="PSK732:PSN732"/>
    <mergeCell ref="PSO732:PSR732"/>
    <mergeCell ref="PSS732:PSV732"/>
    <mergeCell ref="PSW732:PSZ732"/>
    <mergeCell ref="PTA732:PTD732"/>
    <mergeCell ref="PRQ732:PRT732"/>
    <mergeCell ref="PRU732:PRX732"/>
    <mergeCell ref="PRY732:PSB732"/>
    <mergeCell ref="PSC732:PSF732"/>
    <mergeCell ref="PSG732:PSJ732"/>
    <mergeCell ref="PQW732:PQZ732"/>
    <mergeCell ref="PRA732:PRD732"/>
    <mergeCell ref="PRE732:PRH732"/>
    <mergeCell ref="PRI732:PRL732"/>
    <mergeCell ref="PRM732:PRP732"/>
    <mergeCell ref="PQC732:PQF732"/>
    <mergeCell ref="PQG732:PQJ732"/>
    <mergeCell ref="PQK732:PQN732"/>
    <mergeCell ref="PQO732:PQR732"/>
    <mergeCell ref="PQS732:PQV732"/>
    <mergeCell ref="PPI732:PPL732"/>
    <mergeCell ref="PPM732:PPP732"/>
    <mergeCell ref="PPQ732:PPT732"/>
    <mergeCell ref="PPU732:PPX732"/>
    <mergeCell ref="PPY732:PQB732"/>
    <mergeCell ref="POO732:POR732"/>
    <mergeCell ref="POS732:POV732"/>
    <mergeCell ref="POW732:POZ732"/>
    <mergeCell ref="PPA732:PPD732"/>
    <mergeCell ref="PPE732:PPH732"/>
    <mergeCell ref="PNU732:PNX732"/>
    <mergeCell ref="PNY732:POB732"/>
    <mergeCell ref="POC732:POF732"/>
    <mergeCell ref="POG732:POJ732"/>
    <mergeCell ref="POK732:PON732"/>
    <mergeCell ref="PXU732:PXX732"/>
    <mergeCell ref="PXY732:PYB732"/>
    <mergeCell ref="PYC732:PYF732"/>
    <mergeCell ref="PYG732:PYJ732"/>
    <mergeCell ref="PYK732:PYN732"/>
    <mergeCell ref="PXA732:PXD732"/>
    <mergeCell ref="PXE732:PXH732"/>
    <mergeCell ref="PXI732:PXL732"/>
    <mergeCell ref="PXM732:PXP732"/>
    <mergeCell ref="PXQ732:PXT732"/>
    <mergeCell ref="PWG732:PWJ732"/>
    <mergeCell ref="PWK732:PWN732"/>
    <mergeCell ref="PWO732:PWR732"/>
    <mergeCell ref="PWS732:PWV732"/>
    <mergeCell ref="PWW732:PWZ732"/>
    <mergeCell ref="PVM732:PVP732"/>
    <mergeCell ref="PVQ732:PVT732"/>
    <mergeCell ref="PVU732:PVX732"/>
    <mergeCell ref="PVY732:PWB732"/>
    <mergeCell ref="PWC732:PWF732"/>
    <mergeCell ref="PUS732:PUV732"/>
    <mergeCell ref="PUW732:PUZ732"/>
    <mergeCell ref="PVA732:PVD732"/>
    <mergeCell ref="PVE732:PVH732"/>
    <mergeCell ref="PVI732:PVL732"/>
    <mergeCell ref="PTY732:PUB732"/>
    <mergeCell ref="PUC732:PUF732"/>
    <mergeCell ref="PUG732:PUJ732"/>
    <mergeCell ref="PUK732:PUN732"/>
    <mergeCell ref="PUO732:PUR732"/>
    <mergeCell ref="PTE732:PTH732"/>
    <mergeCell ref="PTI732:PTL732"/>
    <mergeCell ref="PTM732:PTP732"/>
    <mergeCell ref="PTQ732:PTT732"/>
    <mergeCell ref="PTU732:PTX732"/>
    <mergeCell ref="QDE732:QDH732"/>
    <mergeCell ref="QDI732:QDL732"/>
    <mergeCell ref="QDM732:QDP732"/>
    <mergeCell ref="QDQ732:QDT732"/>
    <mergeCell ref="QDU732:QDX732"/>
    <mergeCell ref="QCK732:QCN732"/>
    <mergeCell ref="QCO732:QCR732"/>
    <mergeCell ref="QCS732:QCV732"/>
    <mergeCell ref="QCW732:QCZ732"/>
    <mergeCell ref="QDA732:QDD732"/>
    <mergeCell ref="QBQ732:QBT732"/>
    <mergeCell ref="QBU732:QBX732"/>
    <mergeCell ref="QBY732:QCB732"/>
    <mergeCell ref="QCC732:QCF732"/>
    <mergeCell ref="QCG732:QCJ732"/>
    <mergeCell ref="QAW732:QAZ732"/>
    <mergeCell ref="QBA732:QBD732"/>
    <mergeCell ref="QBE732:QBH732"/>
    <mergeCell ref="QBI732:QBL732"/>
    <mergeCell ref="QBM732:QBP732"/>
    <mergeCell ref="QAC732:QAF732"/>
    <mergeCell ref="QAG732:QAJ732"/>
    <mergeCell ref="QAK732:QAN732"/>
    <mergeCell ref="QAO732:QAR732"/>
    <mergeCell ref="QAS732:QAV732"/>
    <mergeCell ref="PZI732:PZL732"/>
    <mergeCell ref="PZM732:PZP732"/>
    <mergeCell ref="PZQ732:PZT732"/>
    <mergeCell ref="PZU732:PZX732"/>
    <mergeCell ref="PZY732:QAB732"/>
    <mergeCell ref="PYO732:PYR732"/>
    <mergeCell ref="PYS732:PYV732"/>
    <mergeCell ref="PYW732:PYZ732"/>
    <mergeCell ref="PZA732:PZD732"/>
    <mergeCell ref="PZE732:PZH732"/>
    <mergeCell ref="QIO732:QIR732"/>
    <mergeCell ref="QIS732:QIV732"/>
    <mergeCell ref="QIW732:QIZ732"/>
    <mergeCell ref="QJA732:QJD732"/>
    <mergeCell ref="QJE732:QJH732"/>
    <mergeCell ref="QHU732:QHX732"/>
    <mergeCell ref="QHY732:QIB732"/>
    <mergeCell ref="QIC732:QIF732"/>
    <mergeCell ref="QIG732:QIJ732"/>
    <mergeCell ref="QIK732:QIN732"/>
    <mergeCell ref="QHA732:QHD732"/>
    <mergeCell ref="QHE732:QHH732"/>
    <mergeCell ref="QHI732:QHL732"/>
    <mergeCell ref="QHM732:QHP732"/>
    <mergeCell ref="QHQ732:QHT732"/>
    <mergeCell ref="QGG732:QGJ732"/>
    <mergeCell ref="QGK732:QGN732"/>
    <mergeCell ref="QGO732:QGR732"/>
    <mergeCell ref="QGS732:QGV732"/>
    <mergeCell ref="QGW732:QGZ732"/>
    <mergeCell ref="QFM732:QFP732"/>
    <mergeCell ref="QFQ732:QFT732"/>
    <mergeCell ref="QFU732:QFX732"/>
    <mergeCell ref="QFY732:QGB732"/>
    <mergeCell ref="QGC732:QGF732"/>
    <mergeCell ref="QES732:QEV732"/>
    <mergeCell ref="QEW732:QEZ732"/>
    <mergeCell ref="QFA732:QFD732"/>
    <mergeCell ref="QFE732:QFH732"/>
    <mergeCell ref="QFI732:QFL732"/>
    <mergeCell ref="QDY732:QEB732"/>
    <mergeCell ref="QEC732:QEF732"/>
    <mergeCell ref="QEG732:QEJ732"/>
    <mergeCell ref="QEK732:QEN732"/>
    <mergeCell ref="QEO732:QER732"/>
    <mergeCell ref="QNY732:QOB732"/>
    <mergeCell ref="QOC732:QOF732"/>
    <mergeCell ref="QOG732:QOJ732"/>
    <mergeCell ref="QOK732:QON732"/>
    <mergeCell ref="QOO732:QOR732"/>
    <mergeCell ref="QNE732:QNH732"/>
    <mergeCell ref="QNI732:QNL732"/>
    <mergeCell ref="QNM732:QNP732"/>
    <mergeCell ref="QNQ732:QNT732"/>
    <mergeCell ref="QNU732:QNX732"/>
    <mergeCell ref="QMK732:QMN732"/>
    <mergeCell ref="QMO732:QMR732"/>
    <mergeCell ref="QMS732:QMV732"/>
    <mergeCell ref="QMW732:QMZ732"/>
    <mergeCell ref="QNA732:QND732"/>
    <mergeCell ref="QLQ732:QLT732"/>
    <mergeCell ref="QLU732:QLX732"/>
    <mergeCell ref="QLY732:QMB732"/>
    <mergeCell ref="QMC732:QMF732"/>
    <mergeCell ref="QMG732:QMJ732"/>
    <mergeCell ref="QKW732:QKZ732"/>
    <mergeCell ref="QLA732:QLD732"/>
    <mergeCell ref="QLE732:QLH732"/>
    <mergeCell ref="QLI732:QLL732"/>
    <mergeCell ref="QLM732:QLP732"/>
    <mergeCell ref="QKC732:QKF732"/>
    <mergeCell ref="QKG732:QKJ732"/>
    <mergeCell ref="QKK732:QKN732"/>
    <mergeCell ref="QKO732:QKR732"/>
    <mergeCell ref="QKS732:QKV732"/>
    <mergeCell ref="QJI732:QJL732"/>
    <mergeCell ref="QJM732:QJP732"/>
    <mergeCell ref="QJQ732:QJT732"/>
    <mergeCell ref="QJU732:QJX732"/>
    <mergeCell ref="QJY732:QKB732"/>
    <mergeCell ref="QTI732:QTL732"/>
    <mergeCell ref="QTM732:QTP732"/>
    <mergeCell ref="QTQ732:QTT732"/>
    <mergeCell ref="QTU732:QTX732"/>
    <mergeCell ref="QTY732:QUB732"/>
    <mergeCell ref="QSO732:QSR732"/>
    <mergeCell ref="QSS732:QSV732"/>
    <mergeCell ref="QSW732:QSZ732"/>
    <mergeCell ref="QTA732:QTD732"/>
    <mergeCell ref="QTE732:QTH732"/>
    <mergeCell ref="QRU732:QRX732"/>
    <mergeCell ref="QRY732:QSB732"/>
    <mergeCell ref="QSC732:QSF732"/>
    <mergeCell ref="QSG732:QSJ732"/>
    <mergeCell ref="QSK732:QSN732"/>
    <mergeCell ref="QRA732:QRD732"/>
    <mergeCell ref="QRE732:QRH732"/>
    <mergeCell ref="QRI732:QRL732"/>
    <mergeCell ref="QRM732:QRP732"/>
    <mergeCell ref="QRQ732:QRT732"/>
    <mergeCell ref="QQG732:QQJ732"/>
    <mergeCell ref="QQK732:QQN732"/>
    <mergeCell ref="QQO732:QQR732"/>
    <mergeCell ref="QQS732:QQV732"/>
    <mergeCell ref="QQW732:QQZ732"/>
    <mergeCell ref="QPM732:QPP732"/>
    <mergeCell ref="QPQ732:QPT732"/>
    <mergeCell ref="QPU732:QPX732"/>
    <mergeCell ref="QPY732:QQB732"/>
    <mergeCell ref="QQC732:QQF732"/>
    <mergeCell ref="QOS732:QOV732"/>
    <mergeCell ref="QOW732:QOZ732"/>
    <mergeCell ref="QPA732:QPD732"/>
    <mergeCell ref="QPE732:QPH732"/>
    <mergeCell ref="QPI732:QPL732"/>
    <mergeCell ref="QYS732:QYV732"/>
    <mergeCell ref="QYW732:QYZ732"/>
    <mergeCell ref="QZA732:QZD732"/>
    <mergeCell ref="QZE732:QZH732"/>
    <mergeCell ref="QZI732:QZL732"/>
    <mergeCell ref="QXY732:QYB732"/>
    <mergeCell ref="QYC732:QYF732"/>
    <mergeCell ref="QYG732:QYJ732"/>
    <mergeCell ref="QYK732:QYN732"/>
    <mergeCell ref="QYO732:QYR732"/>
    <mergeCell ref="QXE732:QXH732"/>
    <mergeCell ref="QXI732:QXL732"/>
    <mergeCell ref="QXM732:QXP732"/>
    <mergeCell ref="QXQ732:QXT732"/>
    <mergeCell ref="QXU732:QXX732"/>
    <mergeCell ref="QWK732:QWN732"/>
    <mergeCell ref="QWO732:QWR732"/>
    <mergeCell ref="QWS732:QWV732"/>
    <mergeCell ref="QWW732:QWZ732"/>
    <mergeCell ref="QXA732:QXD732"/>
    <mergeCell ref="QVQ732:QVT732"/>
    <mergeCell ref="QVU732:QVX732"/>
    <mergeCell ref="QVY732:QWB732"/>
    <mergeCell ref="QWC732:QWF732"/>
    <mergeCell ref="QWG732:QWJ732"/>
    <mergeCell ref="QUW732:QUZ732"/>
    <mergeCell ref="QVA732:QVD732"/>
    <mergeCell ref="QVE732:QVH732"/>
    <mergeCell ref="QVI732:QVL732"/>
    <mergeCell ref="QVM732:QVP732"/>
    <mergeCell ref="QUC732:QUF732"/>
    <mergeCell ref="QUG732:QUJ732"/>
    <mergeCell ref="QUK732:QUN732"/>
    <mergeCell ref="QUO732:QUR732"/>
    <mergeCell ref="QUS732:QUV732"/>
    <mergeCell ref="REC732:REF732"/>
    <mergeCell ref="REG732:REJ732"/>
    <mergeCell ref="REK732:REN732"/>
    <mergeCell ref="REO732:RER732"/>
    <mergeCell ref="RES732:REV732"/>
    <mergeCell ref="RDI732:RDL732"/>
    <mergeCell ref="RDM732:RDP732"/>
    <mergeCell ref="RDQ732:RDT732"/>
    <mergeCell ref="RDU732:RDX732"/>
    <mergeCell ref="RDY732:REB732"/>
    <mergeCell ref="RCO732:RCR732"/>
    <mergeCell ref="RCS732:RCV732"/>
    <mergeCell ref="RCW732:RCZ732"/>
    <mergeCell ref="RDA732:RDD732"/>
    <mergeCell ref="RDE732:RDH732"/>
    <mergeCell ref="RBU732:RBX732"/>
    <mergeCell ref="RBY732:RCB732"/>
    <mergeCell ref="RCC732:RCF732"/>
    <mergeCell ref="RCG732:RCJ732"/>
    <mergeCell ref="RCK732:RCN732"/>
    <mergeCell ref="RBA732:RBD732"/>
    <mergeCell ref="RBE732:RBH732"/>
    <mergeCell ref="RBI732:RBL732"/>
    <mergeCell ref="RBM732:RBP732"/>
    <mergeCell ref="RBQ732:RBT732"/>
    <mergeCell ref="RAG732:RAJ732"/>
    <mergeCell ref="RAK732:RAN732"/>
    <mergeCell ref="RAO732:RAR732"/>
    <mergeCell ref="RAS732:RAV732"/>
    <mergeCell ref="RAW732:RAZ732"/>
    <mergeCell ref="QZM732:QZP732"/>
    <mergeCell ref="QZQ732:QZT732"/>
    <mergeCell ref="QZU732:QZX732"/>
    <mergeCell ref="QZY732:RAB732"/>
    <mergeCell ref="RAC732:RAF732"/>
    <mergeCell ref="RJM732:RJP732"/>
    <mergeCell ref="RJQ732:RJT732"/>
    <mergeCell ref="RJU732:RJX732"/>
    <mergeCell ref="RJY732:RKB732"/>
    <mergeCell ref="RKC732:RKF732"/>
    <mergeCell ref="RIS732:RIV732"/>
    <mergeCell ref="RIW732:RIZ732"/>
    <mergeCell ref="RJA732:RJD732"/>
    <mergeCell ref="RJE732:RJH732"/>
    <mergeCell ref="RJI732:RJL732"/>
    <mergeCell ref="RHY732:RIB732"/>
    <mergeCell ref="RIC732:RIF732"/>
    <mergeCell ref="RIG732:RIJ732"/>
    <mergeCell ref="RIK732:RIN732"/>
    <mergeCell ref="RIO732:RIR732"/>
    <mergeCell ref="RHE732:RHH732"/>
    <mergeCell ref="RHI732:RHL732"/>
    <mergeCell ref="RHM732:RHP732"/>
    <mergeCell ref="RHQ732:RHT732"/>
    <mergeCell ref="RHU732:RHX732"/>
    <mergeCell ref="RGK732:RGN732"/>
    <mergeCell ref="RGO732:RGR732"/>
    <mergeCell ref="RGS732:RGV732"/>
    <mergeCell ref="RGW732:RGZ732"/>
    <mergeCell ref="RHA732:RHD732"/>
    <mergeCell ref="RFQ732:RFT732"/>
    <mergeCell ref="RFU732:RFX732"/>
    <mergeCell ref="RFY732:RGB732"/>
    <mergeCell ref="RGC732:RGF732"/>
    <mergeCell ref="RGG732:RGJ732"/>
    <mergeCell ref="REW732:REZ732"/>
    <mergeCell ref="RFA732:RFD732"/>
    <mergeCell ref="RFE732:RFH732"/>
    <mergeCell ref="RFI732:RFL732"/>
    <mergeCell ref="RFM732:RFP732"/>
    <mergeCell ref="ROW732:ROZ732"/>
    <mergeCell ref="RPA732:RPD732"/>
    <mergeCell ref="RPE732:RPH732"/>
    <mergeCell ref="RPI732:RPL732"/>
    <mergeCell ref="RPM732:RPP732"/>
    <mergeCell ref="ROC732:ROF732"/>
    <mergeCell ref="ROG732:ROJ732"/>
    <mergeCell ref="ROK732:RON732"/>
    <mergeCell ref="ROO732:ROR732"/>
    <mergeCell ref="ROS732:ROV732"/>
    <mergeCell ref="RNI732:RNL732"/>
    <mergeCell ref="RNM732:RNP732"/>
    <mergeCell ref="RNQ732:RNT732"/>
    <mergeCell ref="RNU732:RNX732"/>
    <mergeCell ref="RNY732:ROB732"/>
    <mergeCell ref="RMO732:RMR732"/>
    <mergeCell ref="RMS732:RMV732"/>
    <mergeCell ref="RMW732:RMZ732"/>
    <mergeCell ref="RNA732:RND732"/>
    <mergeCell ref="RNE732:RNH732"/>
    <mergeCell ref="RLU732:RLX732"/>
    <mergeCell ref="RLY732:RMB732"/>
    <mergeCell ref="RMC732:RMF732"/>
    <mergeCell ref="RMG732:RMJ732"/>
    <mergeCell ref="RMK732:RMN732"/>
    <mergeCell ref="RLA732:RLD732"/>
    <mergeCell ref="RLE732:RLH732"/>
    <mergeCell ref="RLI732:RLL732"/>
    <mergeCell ref="RLM732:RLP732"/>
    <mergeCell ref="RLQ732:RLT732"/>
    <mergeCell ref="RKG732:RKJ732"/>
    <mergeCell ref="RKK732:RKN732"/>
    <mergeCell ref="RKO732:RKR732"/>
    <mergeCell ref="RKS732:RKV732"/>
    <mergeCell ref="RKW732:RKZ732"/>
    <mergeCell ref="RUG732:RUJ732"/>
    <mergeCell ref="RUK732:RUN732"/>
    <mergeCell ref="RUO732:RUR732"/>
    <mergeCell ref="RUS732:RUV732"/>
    <mergeCell ref="RUW732:RUZ732"/>
    <mergeCell ref="RTM732:RTP732"/>
    <mergeCell ref="RTQ732:RTT732"/>
    <mergeCell ref="RTU732:RTX732"/>
    <mergeCell ref="RTY732:RUB732"/>
    <mergeCell ref="RUC732:RUF732"/>
    <mergeCell ref="RSS732:RSV732"/>
    <mergeCell ref="RSW732:RSZ732"/>
    <mergeCell ref="RTA732:RTD732"/>
    <mergeCell ref="RTE732:RTH732"/>
    <mergeCell ref="RTI732:RTL732"/>
    <mergeCell ref="RRY732:RSB732"/>
    <mergeCell ref="RSC732:RSF732"/>
    <mergeCell ref="RSG732:RSJ732"/>
    <mergeCell ref="RSK732:RSN732"/>
    <mergeCell ref="RSO732:RSR732"/>
    <mergeCell ref="RRE732:RRH732"/>
    <mergeCell ref="RRI732:RRL732"/>
    <mergeCell ref="RRM732:RRP732"/>
    <mergeCell ref="RRQ732:RRT732"/>
    <mergeCell ref="RRU732:RRX732"/>
    <mergeCell ref="RQK732:RQN732"/>
    <mergeCell ref="RQO732:RQR732"/>
    <mergeCell ref="RQS732:RQV732"/>
    <mergeCell ref="RQW732:RQZ732"/>
    <mergeCell ref="RRA732:RRD732"/>
    <mergeCell ref="RPQ732:RPT732"/>
    <mergeCell ref="RPU732:RPX732"/>
    <mergeCell ref="RPY732:RQB732"/>
    <mergeCell ref="RQC732:RQF732"/>
    <mergeCell ref="RQG732:RQJ732"/>
    <mergeCell ref="RZQ732:RZT732"/>
    <mergeCell ref="RZU732:RZX732"/>
    <mergeCell ref="RZY732:SAB732"/>
    <mergeCell ref="SAC732:SAF732"/>
    <mergeCell ref="SAG732:SAJ732"/>
    <mergeCell ref="RYW732:RYZ732"/>
    <mergeCell ref="RZA732:RZD732"/>
    <mergeCell ref="RZE732:RZH732"/>
    <mergeCell ref="RZI732:RZL732"/>
    <mergeCell ref="RZM732:RZP732"/>
    <mergeCell ref="RYC732:RYF732"/>
    <mergeCell ref="RYG732:RYJ732"/>
    <mergeCell ref="RYK732:RYN732"/>
    <mergeCell ref="RYO732:RYR732"/>
    <mergeCell ref="RYS732:RYV732"/>
    <mergeCell ref="RXI732:RXL732"/>
    <mergeCell ref="RXM732:RXP732"/>
    <mergeCell ref="RXQ732:RXT732"/>
    <mergeCell ref="RXU732:RXX732"/>
    <mergeCell ref="RXY732:RYB732"/>
    <mergeCell ref="RWO732:RWR732"/>
    <mergeCell ref="RWS732:RWV732"/>
    <mergeCell ref="RWW732:RWZ732"/>
    <mergeCell ref="RXA732:RXD732"/>
    <mergeCell ref="RXE732:RXH732"/>
    <mergeCell ref="RVU732:RVX732"/>
    <mergeCell ref="RVY732:RWB732"/>
    <mergeCell ref="RWC732:RWF732"/>
    <mergeCell ref="RWG732:RWJ732"/>
    <mergeCell ref="RWK732:RWN732"/>
    <mergeCell ref="RVA732:RVD732"/>
    <mergeCell ref="RVE732:RVH732"/>
    <mergeCell ref="RVI732:RVL732"/>
    <mergeCell ref="RVM732:RVP732"/>
    <mergeCell ref="RVQ732:RVT732"/>
    <mergeCell ref="SFA732:SFD732"/>
    <mergeCell ref="SFE732:SFH732"/>
    <mergeCell ref="SFI732:SFL732"/>
    <mergeCell ref="SFM732:SFP732"/>
    <mergeCell ref="SFQ732:SFT732"/>
    <mergeCell ref="SEG732:SEJ732"/>
    <mergeCell ref="SEK732:SEN732"/>
    <mergeCell ref="SEO732:SER732"/>
    <mergeCell ref="SES732:SEV732"/>
    <mergeCell ref="SEW732:SEZ732"/>
    <mergeCell ref="SDM732:SDP732"/>
    <mergeCell ref="SDQ732:SDT732"/>
    <mergeCell ref="SDU732:SDX732"/>
    <mergeCell ref="SDY732:SEB732"/>
    <mergeCell ref="SEC732:SEF732"/>
    <mergeCell ref="SCS732:SCV732"/>
    <mergeCell ref="SCW732:SCZ732"/>
    <mergeCell ref="SDA732:SDD732"/>
    <mergeCell ref="SDE732:SDH732"/>
    <mergeCell ref="SDI732:SDL732"/>
    <mergeCell ref="SBY732:SCB732"/>
    <mergeCell ref="SCC732:SCF732"/>
    <mergeCell ref="SCG732:SCJ732"/>
    <mergeCell ref="SCK732:SCN732"/>
    <mergeCell ref="SCO732:SCR732"/>
    <mergeCell ref="SBE732:SBH732"/>
    <mergeCell ref="SBI732:SBL732"/>
    <mergeCell ref="SBM732:SBP732"/>
    <mergeCell ref="SBQ732:SBT732"/>
    <mergeCell ref="SBU732:SBX732"/>
    <mergeCell ref="SAK732:SAN732"/>
    <mergeCell ref="SAO732:SAR732"/>
    <mergeCell ref="SAS732:SAV732"/>
    <mergeCell ref="SAW732:SAZ732"/>
    <mergeCell ref="SBA732:SBD732"/>
    <mergeCell ref="SKK732:SKN732"/>
    <mergeCell ref="SKO732:SKR732"/>
    <mergeCell ref="SKS732:SKV732"/>
    <mergeCell ref="SKW732:SKZ732"/>
    <mergeCell ref="SLA732:SLD732"/>
    <mergeCell ref="SJQ732:SJT732"/>
    <mergeCell ref="SJU732:SJX732"/>
    <mergeCell ref="SJY732:SKB732"/>
    <mergeCell ref="SKC732:SKF732"/>
    <mergeCell ref="SKG732:SKJ732"/>
    <mergeCell ref="SIW732:SIZ732"/>
    <mergeCell ref="SJA732:SJD732"/>
    <mergeCell ref="SJE732:SJH732"/>
    <mergeCell ref="SJI732:SJL732"/>
    <mergeCell ref="SJM732:SJP732"/>
    <mergeCell ref="SIC732:SIF732"/>
    <mergeCell ref="SIG732:SIJ732"/>
    <mergeCell ref="SIK732:SIN732"/>
    <mergeCell ref="SIO732:SIR732"/>
    <mergeCell ref="SIS732:SIV732"/>
    <mergeCell ref="SHI732:SHL732"/>
    <mergeCell ref="SHM732:SHP732"/>
    <mergeCell ref="SHQ732:SHT732"/>
    <mergeCell ref="SHU732:SHX732"/>
    <mergeCell ref="SHY732:SIB732"/>
    <mergeCell ref="SGO732:SGR732"/>
    <mergeCell ref="SGS732:SGV732"/>
    <mergeCell ref="SGW732:SGZ732"/>
    <mergeCell ref="SHA732:SHD732"/>
    <mergeCell ref="SHE732:SHH732"/>
    <mergeCell ref="SFU732:SFX732"/>
    <mergeCell ref="SFY732:SGB732"/>
    <mergeCell ref="SGC732:SGF732"/>
    <mergeCell ref="SGG732:SGJ732"/>
    <mergeCell ref="SGK732:SGN732"/>
    <mergeCell ref="SPU732:SPX732"/>
    <mergeCell ref="SPY732:SQB732"/>
    <mergeCell ref="SQC732:SQF732"/>
    <mergeCell ref="SQG732:SQJ732"/>
    <mergeCell ref="SQK732:SQN732"/>
    <mergeCell ref="SPA732:SPD732"/>
    <mergeCell ref="SPE732:SPH732"/>
    <mergeCell ref="SPI732:SPL732"/>
    <mergeCell ref="SPM732:SPP732"/>
    <mergeCell ref="SPQ732:SPT732"/>
    <mergeCell ref="SOG732:SOJ732"/>
    <mergeCell ref="SOK732:SON732"/>
    <mergeCell ref="SOO732:SOR732"/>
    <mergeCell ref="SOS732:SOV732"/>
    <mergeCell ref="SOW732:SOZ732"/>
    <mergeCell ref="SNM732:SNP732"/>
    <mergeCell ref="SNQ732:SNT732"/>
    <mergeCell ref="SNU732:SNX732"/>
    <mergeCell ref="SNY732:SOB732"/>
    <mergeCell ref="SOC732:SOF732"/>
    <mergeCell ref="SMS732:SMV732"/>
    <mergeCell ref="SMW732:SMZ732"/>
    <mergeCell ref="SNA732:SND732"/>
    <mergeCell ref="SNE732:SNH732"/>
    <mergeCell ref="SNI732:SNL732"/>
    <mergeCell ref="SLY732:SMB732"/>
    <mergeCell ref="SMC732:SMF732"/>
    <mergeCell ref="SMG732:SMJ732"/>
    <mergeCell ref="SMK732:SMN732"/>
    <mergeCell ref="SMO732:SMR732"/>
    <mergeCell ref="SLE732:SLH732"/>
    <mergeCell ref="SLI732:SLL732"/>
    <mergeCell ref="SLM732:SLP732"/>
    <mergeCell ref="SLQ732:SLT732"/>
    <mergeCell ref="SLU732:SLX732"/>
    <mergeCell ref="SVE732:SVH732"/>
    <mergeCell ref="SVI732:SVL732"/>
    <mergeCell ref="SVM732:SVP732"/>
    <mergeCell ref="SVQ732:SVT732"/>
    <mergeCell ref="SVU732:SVX732"/>
    <mergeCell ref="SUK732:SUN732"/>
    <mergeCell ref="SUO732:SUR732"/>
    <mergeCell ref="SUS732:SUV732"/>
    <mergeCell ref="SUW732:SUZ732"/>
    <mergeCell ref="SVA732:SVD732"/>
    <mergeCell ref="STQ732:STT732"/>
    <mergeCell ref="STU732:STX732"/>
    <mergeCell ref="STY732:SUB732"/>
    <mergeCell ref="SUC732:SUF732"/>
    <mergeCell ref="SUG732:SUJ732"/>
    <mergeCell ref="SSW732:SSZ732"/>
    <mergeCell ref="STA732:STD732"/>
    <mergeCell ref="STE732:STH732"/>
    <mergeCell ref="STI732:STL732"/>
    <mergeCell ref="STM732:STP732"/>
    <mergeCell ref="SSC732:SSF732"/>
    <mergeCell ref="SSG732:SSJ732"/>
    <mergeCell ref="SSK732:SSN732"/>
    <mergeCell ref="SSO732:SSR732"/>
    <mergeCell ref="SSS732:SSV732"/>
    <mergeCell ref="SRI732:SRL732"/>
    <mergeCell ref="SRM732:SRP732"/>
    <mergeCell ref="SRQ732:SRT732"/>
    <mergeCell ref="SRU732:SRX732"/>
    <mergeCell ref="SRY732:SSB732"/>
    <mergeCell ref="SQO732:SQR732"/>
    <mergeCell ref="SQS732:SQV732"/>
    <mergeCell ref="SQW732:SQZ732"/>
    <mergeCell ref="SRA732:SRD732"/>
    <mergeCell ref="SRE732:SRH732"/>
    <mergeCell ref="TAO732:TAR732"/>
    <mergeCell ref="TAS732:TAV732"/>
    <mergeCell ref="TAW732:TAZ732"/>
    <mergeCell ref="TBA732:TBD732"/>
    <mergeCell ref="TBE732:TBH732"/>
    <mergeCell ref="SZU732:SZX732"/>
    <mergeCell ref="SZY732:TAB732"/>
    <mergeCell ref="TAC732:TAF732"/>
    <mergeCell ref="TAG732:TAJ732"/>
    <mergeCell ref="TAK732:TAN732"/>
    <mergeCell ref="SZA732:SZD732"/>
    <mergeCell ref="SZE732:SZH732"/>
    <mergeCell ref="SZI732:SZL732"/>
    <mergeCell ref="SZM732:SZP732"/>
    <mergeCell ref="SZQ732:SZT732"/>
    <mergeCell ref="SYG732:SYJ732"/>
    <mergeCell ref="SYK732:SYN732"/>
    <mergeCell ref="SYO732:SYR732"/>
    <mergeCell ref="SYS732:SYV732"/>
    <mergeCell ref="SYW732:SYZ732"/>
    <mergeCell ref="SXM732:SXP732"/>
    <mergeCell ref="SXQ732:SXT732"/>
    <mergeCell ref="SXU732:SXX732"/>
    <mergeCell ref="SXY732:SYB732"/>
    <mergeCell ref="SYC732:SYF732"/>
    <mergeCell ref="SWS732:SWV732"/>
    <mergeCell ref="SWW732:SWZ732"/>
    <mergeCell ref="SXA732:SXD732"/>
    <mergeCell ref="SXE732:SXH732"/>
    <mergeCell ref="SXI732:SXL732"/>
    <mergeCell ref="SVY732:SWB732"/>
    <mergeCell ref="SWC732:SWF732"/>
    <mergeCell ref="SWG732:SWJ732"/>
    <mergeCell ref="SWK732:SWN732"/>
    <mergeCell ref="SWO732:SWR732"/>
    <mergeCell ref="TFY732:TGB732"/>
    <mergeCell ref="TGC732:TGF732"/>
    <mergeCell ref="TGG732:TGJ732"/>
    <mergeCell ref="TGK732:TGN732"/>
    <mergeCell ref="TGO732:TGR732"/>
    <mergeCell ref="TFE732:TFH732"/>
    <mergeCell ref="TFI732:TFL732"/>
    <mergeCell ref="TFM732:TFP732"/>
    <mergeCell ref="TFQ732:TFT732"/>
    <mergeCell ref="TFU732:TFX732"/>
    <mergeCell ref="TEK732:TEN732"/>
    <mergeCell ref="TEO732:TER732"/>
    <mergeCell ref="TES732:TEV732"/>
    <mergeCell ref="TEW732:TEZ732"/>
    <mergeCell ref="TFA732:TFD732"/>
    <mergeCell ref="TDQ732:TDT732"/>
    <mergeCell ref="TDU732:TDX732"/>
    <mergeCell ref="TDY732:TEB732"/>
    <mergeCell ref="TEC732:TEF732"/>
    <mergeCell ref="TEG732:TEJ732"/>
    <mergeCell ref="TCW732:TCZ732"/>
    <mergeCell ref="TDA732:TDD732"/>
    <mergeCell ref="TDE732:TDH732"/>
    <mergeCell ref="TDI732:TDL732"/>
    <mergeCell ref="TDM732:TDP732"/>
    <mergeCell ref="TCC732:TCF732"/>
    <mergeCell ref="TCG732:TCJ732"/>
    <mergeCell ref="TCK732:TCN732"/>
    <mergeCell ref="TCO732:TCR732"/>
    <mergeCell ref="TCS732:TCV732"/>
    <mergeCell ref="TBI732:TBL732"/>
    <mergeCell ref="TBM732:TBP732"/>
    <mergeCell ref="TBQ732:TBT732"/>
    <mergeCell ref="TBU732:TBX732"/>
    <mergeCell ref="TBY732:TCB732"/>
    <mergeCell ref="TLI732:TLL732"/>
    <mergeCell ref="TLM732:TLP732"/>
    <mergeCell ref="TLQ732:TLT732"/>
    <mergeCell ref="TLU732:TLX732"/>
    <mergeCell ref="TLY732:TMB732"/>
    <mergeCell ref="TKO732:TKR732"/>
    <mergeCell ref="TKS732:TKV732"/>
    <mergeCell ref="TKW732:TKZ732"/>
    <mergeCell ref="TLA732:TLD732"/>
    <mergeCell ref="TLE732:TLH732"/>
    <mergeCell ref="TJU732:TJX732"/>
    <mergeCell ref="TJY732:TKB732"/>
    <mergeCell ref="TKC732:TKF732"/>
    <mergeCell ref="TKG732:TKJ732"/>
    <mergeCell ref="TKK732:TKN732"/>
    <mergeCell ref="TJA732:TJD732"/>
    <mergeCell ref="TJE732:TJH732"/>
    <mergeCell ref="TJI732:TJL732"/>
    <mergeCell ref="TJM732:TJP732"/>
    <mergeCell ref="TJQ732:TJT732"/>
    <mergeCell ref="TIG732:TIJ732"/>
    <mergeCell ref="TIK732:TIN732"/>
    <mergeCell ref="TIO732:TIR732"/>
    <mergeCell ref="TIS732:TIV732"/>
    <mergeCell ref="TIW732:TIZ732"/>
    <mergeCell ref="THM732:THP732"/>
    <mergeCell ref="THQ732:THT732"/>
    <mergeCell ref="THU732:THX732"/>
    <mergeCell ref="THY732:TIB732"/>
    <mergeCell ref="TIC732:TIF732"/>
    <mergeCell ref="TGS732:TGV732"/>
    <mergeCell ref="TGW732:TGZ732"/>
    <mergeCell ref="THA732:THD732"/>
    <mergeCell ref="THE732:THH732"/>
    <mergeCell ref="THI732:THL732"/>
    <mergeCell ref="TQS732:TQV732"/>
    <mergeCell ref="TQW732:TQZ732"/>
    <mergeCell ref="TRA732:TRD732"/>
    <mergeCell ref="TRE732:TRH732"/>
    <mergeCell ref="TRI732:TRL732"/>
    <mergeCell ref="TPY732:TQB732"/>
    <mergeCell ref="TQC732:TQF732"/>
    <mergeCell ref="TQG732:TQJ732"/>
    <mergeCell ref="TQK732:TQN732"/>
    <mergeCell ref="TQO732:TQR732"/>
    <mergeCell ref="TPE732:TPH732"/>
    <mergeCell ref="TPI732:TPL732"/>
    <mergeCell ref="TPM732:TPP732"/>
    <mergeCell ref="TPQ732:TPT732"/>
    <mergeCell ref="TPU732:TPX732"/>
    <mergeCell ref="TOK732:TON732"/>
    <mergeCell ref="TOO732:TOR732"/>
    <mergeCell ref="TOS732:TOV732"/>
    <mergeCell ref="TOW732:TOZ732"/>
    <mergeCell ref="TPA732:TPD732"/>
    <mergeCell ref="TNQ732:TNT732"/>
    <mergeCell ref="TNU732:TNX732"/>
    <mergeCell ref="TNY732:TOB732"/>
    <mergeCell ref="TOC732:TOF732"/>
    <mergeCell ref="TOG732:TOJ732"/>
    <mergeCell ref="TMW732:TMZ732"/>
    <mergeCell ref="TNA732:TND732"/>
    <mergeCell ref="TNE732:TNH732"/>
    <mergeCell ref="TNI732:TNL732"/>
    <mergeCell ref="TNM732:TNP732"/>
    <mergeCell ref="TMC732:TMF732"/>
    <mergeCell ref="TMG732:TMJ732"/>
    <mergeCell ref="TMK732:TMN732"/>
    <mergeCell ref="TMO732:TMR732"/>
    <mergeCell ref="TMS732:TMV732"/>
    <mergeCell ref="TWC732:TWF732"/>
    <mergeCell ref="TWG732:TWJ732"/>
    <mergeCell ref="TWK732:TWN732"/>
    <mergeCell ref="TWO732:TWR732"/>
    <mergeCell ref="TWS732:TWV732"/>
    <mergeCell ref="TVI732:TVL732"/>
    <mergeCell ref="TVM732:TVP732"/>
    <mergeCell ref="TVQ732:TVT732"/>
    <mergeCell ref="TVU732:TVX732"/>
    <mergeCell ref="TVY732:TWB732"/>
    <mergeCell ref="TUO732:TUR732"/>
    <mergeCell ref="TUS732:TUV732"/>
    <mergeCell ref="TUW732:TUZ732"/>
    <mergeCell ref="TVA732:TVD732"/>
    <mergeCell ref="TVE732:TVH732"/>
    <mergeCell ref="TTU732:TTX732"/>
    <mergeCell ref="TTY732:TUB732"/>
    <mergeCell ref="TUC732:TUF732"/>
    <mergeCell ref="TUG732:TUJ732"/>
    <mergeCell ref="TUK732:TUN732"/>
    <mergeCell ref="TTA732:TTD732"/>
    <mergeCell ref="TTE732:TTH732"/>
    <mergeCell ref="TTI732:TTL732"/>
    <mergeCell ref="TTM732:TTP732"/>
    <mergeCell ref="TTQ732:TTT732"/>
    <mergeCell ref="TSG732:TSJ732"/>
    <mergeCell ref="TSK732:TSN732"/>
    <mergeCell ref="TSO732:TSR732"/>
    <mergeCell ref="TSS732:TSV732"/>
    <mergeCell ref="TSW732:TSZ732"/>
    <mergeCell ref="TRM732:TRP732"/>
    <mergeCell ref="TRQ732:TRT732"/>
    <mergeCell ref="TRU732:TRX732"/>
    <mergeCell ref="TRY732:TSB732"/>
    <mergeCell ref="TSC732:TSF732"/>
    <mergeCell ref="UBM732:UBP732"/>
    <mergeCell ref="UBQ732:UBT732"/>
    <mergeCell ref="UBU732:UBX732"/>
    <mergeCell ref="UBY732:UCB732"/>
    <mergeCell ref="UCC732:UCF732"/>
    <mergeCell ref="UAS732:UAV732"/>
    <mergeCell ref="UAW732:UAZ732"/>
    <mergeCell ref="UBA732:UBD732"/>
    <mergeCell ref="UBE732:UBH732"/>
    <mergeCell ref="UBI732:UBL732"/>
    <mergeCell ref="TZY732:UAB732"/>
    <mergeCell ref="UAC732:UAF732"/>
    <mergeCell ref="UAG732:UAJ732"/>
    <mergeCell ref="UAK732:UAN732"/>
    <mergeCell ref="UAO732:UAR732"/>
    <mergeCell ref="TZE732:TZH732"/>
    <mergeCell ref="TZI732:TZL732"/>
    <mergeCell ref="TZM732:TZP732"/>
    <mergeCell ref="TZQ732:TZT732"/>
    <mergeCell ref="TZU732:TZX732"/>
    <mergeCell ref="TYK732:TYN732"/>
    <mergeCell ref="TYO732:TYR732"/>
    <mergeCell ref="TYS732:TYV732"/>
    <mergeCell ref="TYW732:TYZ732"/>
    <mergeCell ref="TZA732:TZD732"/>
    <mergeCell ref="TXQ732:TXT732"/>
    <mergeCell ref="TXU732:TXX732"/>
    <mergeCell ref="TXY732:TYB732"/>
    <mergeCell ref="TYC732:TYF732"/>
    <mergeCell ref="TYG732:TYJ732"/>
    <mergeCell ref="TWW732:TWZ732"/>
    <mergeCell ref="TXA732:TXD732"/>
    <mergeCell ref="TXE732:TXH732"/>
    <mergeCell ref="TXI732:TXL732"/>
    <mergeCell ref="TXM732:TXP732"/>
    <mergeCell ref="UGW732:UGZ732"/>
    <mergeCell ref="UHA732:UHD732"/>
    <mergeCell ref="UHE732:UHH732"/>
    <mergeCell ref="UHI732:UHL732"/>
    <mergeCell ref="UHM732:UHP732"/>
    <mergeCell ref="UGC732:UGF732"/>
    <mergeCell ref="UGG732:UGJ732"/>
    <mergeCell ref="UGK732:UGN732"/>
    <mergeCell ref="UGO732:UGR732"/>
    <mergeCell ref="UGS732:UGV732"/>
    <mergeCell ref="UFI732:UFL732"/>
    <mergeCell ref="UFM732:UFP732"/>
    <mergeCell ref="UFQ732:UFT732"/>
    <mergeCell ref="UFU732:UFX732"/>
    <mergeCell ref="UFY732:UGB732"/>
    <mergeCell ref="UEO732:UER732"/>
    <mergeCell ref="UES732:UEV732"/>
    <mergeCell ref="UEW732:UEZ732"/>
    <mergeCell ref="UFA732:UFD732"/>
    <mergeCell ref="UFE732:UFH732"/>
    <mergeCell ref="UDU732:UDX732"/>
    <mergeCell ref="UDY732:UEB732"/>
    <mergeCell ref="UEC732:UEF732"/>
    <mergeCell ref="UEG732:UEJ732"/>
    <mergeCell ref="UEK732:UEN732"/>
    <mergeCell ref="UDA732:UDD732"/>
    <mergeCell ref="UDE732:UDH732"/>
    <mergeCell ref="UDI732:UDL732"/>
    <mergeCell ref="UDM732:UDP732"/>
    <mergeCell ref="UDQ732:UDT732"/>
    <mergeCell ref="UCG732:UCJ732"/>
    <mergeCell ref="UCK732:UCN732"/>
    <mergeCell ref="UCO732:UCR732"/>
    <mergeCell ref="UCS732:UCV732"/>
    <mergeCell ref="UCW732:UCZ732"/>
    <mergeCell ref="UMG732:UMJ732"/>
    <mergeCell ref="UMK732:UMN732"/>
    <mergeCell ref="UMO732:UMR732"/>
    <mergeCell ref="UMS732:UMV732"/>
    <mergeCell ref="UMW732:UMZ732"/>
    <mergeCell ref="ULM732:ULP732"/>
    <mergeCell ref="ULQ732:ULT732"/>
    <mergeCell ref="ULU732:ULX732"/>
    <mergeCell ref="ULY732:UMB732"/>
    <mergeCell ref="UMC732:UMF732"/>
    <mergeCell ref="UKS732:UKV732"/>
    <mergeCell ref="UKW732:UKZ732"/>
    <mergeCell ref="ULA732:ULD732"/>
    <mergeCell ref="ULE732:ULH732"/>
    <mergeCell ref="ULI732:ULL732"/>
    <mergeCell ref="UJY732:UKB732"/>
    <mergeCell ref="UKC732:UKF732"/>
    <mergeCell ref="UKG732:UKJ732"/>
    <mergeCell ref="UKK732:UKN732"/>
    <mergeCell ref="UKO732:UKR732"/>
    <mergeCell ref="UJE732:UJH732"/>
    <mergeCell ref="UJI732:UJL732"/>
    <mergeCell ref="UJM732:UJP732"/>
    <mergeCell ref="UJQ732:UJT732"/>
    <mergeCell ref="UJU732:UJX732"/>
    <mergeCell ref="UIK732:UIN732"/>
    <mergeCell ref="UIO732:UIR732"/>
    <mergeCell ref="UIS732:UIV732"/>
    <mergeCell ref="UIW732:UIZ732"/>
    <mergeCell ref="UJA732:UJD732"/>
    <mergeCell ref="UHQ732:UHT732"/>
    <mergeCell ref="UHU732:UHX732"/>
    <mergeCell ref="UHY732:UIB732"/>
    <mergeCell ref="UIC732:UIF732"/>
    <mergeCell ref="UIG732:UIJ732"/>
    <mergeCell ref="URQ732:URT732"/>
    <mergeCell ref="URU732:URX732"/>
    <mergeCell ref="URY732:USB732"/>
    <mergeCell ref="USC732:USF732"/>
    <mergeCell ref="USG732:USJ732"/>
    <mergeCell ref="UQW732:UQZ732"/>
    <mergeCell ref="URA732:URD732"/>
    <mergeCell ref="URE732:URH732"/>
    <mergeCell ref="URI732:URL732"/>
    <mergeCell ref="URM732:URP732"/>
    <mergeCell ref="UQC732:UQF732"/>
    <mergeCell ref="UQG732:UQJ732"/>
    <mergeCell ref="UQK732:UQN732"/>
    <mergeCell ref="UQO732:UQR732"/>
    <mergeCell ref="UQS732:UQV732"/>
    <mergeCell ref="UPI732:UPL732"/>
    <mergeCell ref="UPM732:UPP732"/>
    <mergeCell ref="UPQ732:UPT732"/>
    <mergeCell ref="UPU732:UPX732"/>
    <mergeCell ref="UPY732:UQB732"/>
    <mergeCell ref="UOO732:UOR732"/>
    <mergeCell ref="UOS732:UOV732"/>
    <mergeCell ref="UOW732:UOZ732"/>
    <mergeCell ref="UPA732:UPD732"/>
    <mergeCell ref="UPE732:UPH732"/>
    <mergeCell ref="UNU732:UNX732"/>
    <mergeCell ref="UNY732:UOB732"/>
    <mergeCell ref="UOC732:UOF732"/>
    <mergeCell ref="UOG732:UOJ732"/>
    <mergeCell ref="UOK732:UON732"/>
    <mergeCell ref="UNA732:UND732"/>
    <mergeCell ref="UNE732:UNH732"/>
    <mergeCell ref="UNI732:UNL732"/>
    <mergeCell ref="UNM732:UNP732"/>
    <mergeCell ref="UNQ732:UNT732"/>
    <mergeCell ref="UXA732:UXD732"/>
    <mergeCell ref="UXE732:UXH732"/>
    <mergeCell ref="UXI732:UXL732"/>
    <mergeCell ref="UXM732:UXP732"/>
    <mergeCell ref="UXQ732:UXT732"/>
    <mergeCell ref="UWG732:UWJ732"/>
    <mergeCell ref="UWK732:UWN732"/>
    <mergeCell ref="UWO732:UWR732"/>
    <mergeCell ref="UWS732:UWV732"/>
    <mergeCell ref="UWW732:UWZ732"/>
    <mergeCell ref="UVM732:UVP732"/>
    <mergeCell ref="UVQ732:UVT732"/>
    <mergeCell ref="UVU732:UVX732"/>
    <mergeCell ref="UVY732:UWB732"/>
    <mergeCell ref="UWC732:UWF732"/>
    <mergeCell ref="UUS732:UUV732"/>
    <mergeCell ref="UUW732:UUZ732"/>
    <mergeCell ref="UVA732:UVD732"/>
    <mergeCell ref="UVE732:UVH732"/>
    <mergeCell ref="UVI732:UVL732"/>
    <mergeCell ref="UTY732:UUB732"/>
    <mergeCell ref="UUC732:UUF732"/>
    <mergeCell ref="UUG732:UUJ732"/>
    <mergeCell ref="UUK732:UUN732"/>
    <mergeCell ref="UUO732:UUR732"/>
    <mergeCell ref="UTE732:UTH732"/>
    <mergeCell ref="UTI732:UTL732"/>
    <mergeCell ref="UTM732:UTP732"/>
    <mergeCell ref="UTQ732:UTT732"/>
    <mergeCell ref="UTU732:UTX732"/>
    <mergeCell ref="USK732:USN732"/>
    <mergeCell ref="USO732:USR732"/>
    <mergeCell ref="USS732:USV732"/>
    <mergeCell ref="USW732:USZ732"/>
    <mergeCell ref="UTA732:UTD732"/>
    <mergeCell ref="VCK732:VCN732"/>
    <mergeCell ref="VCO732:VCR732"/>
    <mergeCell ref="VCS732:VCV732"/>
    <mergeCell ref="VCW732:VCZ732"/>
    <mergeCell ref="VDA732:VDD732"/>
    <mergeCell ref="VBQ732:VBT732"/>
    <mergeCell ref="VBU732:VBX732"/>
    <mergeCell ref="VBY732:VCB732"/>
    <mergeCell ref="VCC732:VCF732"/>
    <mergeCell ref="VCG732:VCJ732"/>
    <mergeCell ref="VAW732:VAZ732"/>
    <mergeCell ref="VBA732:VBD732"/>
    <mergeCell ref="VBE732:VBH732"/>
    <mergeCell ref="VBI732:VBL732"/>
    <mergeCell ref="VBM732:VBP732"/>
    <mergeCell ref="VAC732:VAF732"/>
    <mergeCell ref="VAG732:VAJ732"/>
    <mergeCell ref="VAK732:VAN732"/>
    <mergeCell ref="VAO732:VAR732"/>
    <mergeCell ref="VAS732:VAV732"/>
    <mergeCell ref="UZI732:UZL732"/>
    <mergeCell ref="UZM732:UZP732"/>
    <mergeCell ref="UZQ732:UZT732"/>
    <mergeCell ref="UZU732:UZX732"/>
    <mergeCell ref="UZY732:VAB732"/>
    <mergeCell ref="UYO732:UYR732"/>
    <mergeCell ref="UYS732:UYV732"/>
    <mergeCell ref="UYW732:UYZ732"/>
    <mergeCell ref="UZA732:UZD732"/>
    <mergeCell ref="UZE732:UZH732"/>
    <mergeCell ref="UXU732:UXX732"/>
    <mergeCell ref="UXY732:UYB732"/>
    <mergeCell ref="UYC732:UYF732"/>
    <mergeCell ref="UYG732:UYJ732"/>
    <mergeCell ref="UYK732:UYN732"/>
    <mergeCell ref="VHU732:VHX732"/>
    <mergeCell ref="VHY732:VIB732"/>
    <mergeCell ref="VIC732:VIF732"/>
    <mergeCell ref="VIG732:VIJ732"/>
    <mergeCell ref="VIK732:VIN732"/>
    <mergeCell ref="VHA732:VHD732"/>
    <mergeCell ref="VHE732:VHH732"/>
    <mergeCell ref="VHI732:VHL732"/>
    <mergeCell ref="VHM732:VHP732"/>
    <mergeCell ref="VHQ732:VHT732"/>
    <mergeCell ref="VGG732:VGJ732"/>
    <mergeCell ref="VGK732:VGN732"/>
    <mergeCell ref="VGO732:VGR732"/>
    <mergeCell ref="VGS732:VGV732"/>
    <mergeCell ref="VGW732:VGZ732"/>
    <mergeCell ref="VFM732:VFP732"/>
    <mergeCell ref="VFQ732:VFT732"/>
    <mergeCell ref="VFU732:VFX732"/>
    <mergeCell ref="VFY732:VGB732"/>
    <mergeCell ref="VGC732:VGF732"/>
    <mergeCell ref="VES732:VEV732"/>
    <mergeCell ref="VEW732:VEZ732"/>
    <mergeCell ref="VFA732:VFD732"/>
    <mergeCell ref="VFE732:VFH732"/>
    <mergeCell ref="VFI732:VFL732"/>
    <mergeCell ref="VDY732:VEB732"/>
    <mergeCell ref="VEC732:VEF732"/>
    <mergeCell ref="VEG732:VEJ732"/>
    <mergeCell ref="VEK732:VEN732"/>
    <mergeCell ref="VEO732:VER732"/>
    <mergeCell ref="VDE732:VDH732"/>
    <mergeCell ref="VDI732:VDL732"/>
    <mergeCell ref="VDM732:VDP732"/>
    <mergeCell ref="VDQ732:VDT732"/>
    <mergeCell ref="VDU732:VDX732"/>
    <mergeCell ref="VNE732:VNH732"/>
    <mergeCell ref="VNI732:VNL732"/>
    <mergeCell ref="VNM732:VNP732"/>
    <mergeCell ref="VNQ732:VNT732"/>
    <mergeCell ref="VNU732:VNX732"/>
    <mergeCell ref="VMK732:VMN732"/>
    <mergeCell ref="VMO732:VMR732"/>
    <mergeCell ref="VMS732:VMV732"/>
    <mergeCell ref="VMW732:VMZ732"/>
    <mergeCell ref="VNA732:VND732"/>
    <mergeCell ref="VLQ732:VLT732"/>
    <mergeCell ref="VLU732:VLX732"/>
    <mergeCell ref="VLY732:VMB732"/>
    <mergeCell ref="VMC732:VMF732"/>
    <mergeCell ref="VMG732:VMJ732"/>
    <mergeCell ref="VKW732:VKZ732"/>
    <mergeCell ref="VLA732:VLD732"/>
    <mergeCell ref="VLE732:VLH732"/>
    <mergeCell ref="VLI732:VLL732"/>
    <mergeCell ref="VLM732:VLP732"/>
    <mergeCell ref="VKC732:VKF732"/>
    <mergeCell ref="VKG732:VKJ732"/>
    <mergeCell ref="VKK732:VKN732"/>
    <mergeCell ref="VKO732:VKR732"/>
    <mergeCell ref="VKS732:VKV732"/>
    <mergeCell ref="VJI732:VJL732"/>
    <mergeCell ref="VJM732:VJP732"/>
    <mergeCell ref="VJQ732:VJT732"/>
    <mergeCell ref="VJU732:VJX732"/>
    <mergeCell ref="VJY732:VKB732"/>
    <mergeCell ref="VIO732:VIR732"/>
    <mergeCell ref="VIS732:VIV732"/>
    <mergeCell ref="VIW732:VIZ732"/>
    <mergeCell ref="VJA732:VJD732"/>
    <mergeCell ref="VJE732:VJH732"/>
    <mergeCell ref="VSO732:VSR732"/>
    <mergeCell ref="VSS732:VSV732"/>
    <mergeCell ref="VSW732:VSZ732"/>
    <mergeCell ref="VTA732:VTD732"/>
    <mergeCell ref="VTE732:VTH732"/>
    <mergeCell ref="VRU732:VRX732"/>
    <mergeCell ref="VRY732:VSB732"/>
    <mergeCell ref="VSC732:VSF732"/>
    <mergeCell ref="VSG732:VSJ732"/>
    <mergeCell ref="VSK732:VSN732"/>
    <mergeCell ref="VRA732:VRD732"/>
    <mergeCell ref="VRE732:VRH732"/>
    <mergeCell ref="VRI732:VRL732"/>
    <mergeCell ref="VRM732:VRP732"/>
    <mergeCell ref="VRQ732:VRT732"/>
    <mergeCell ref="VQG732:VQJ732"/>
    <mergeCell ref="VQK732:VQN732"/>
    <mergeCell ref="VQO732:VQR732"/>
    <mergeCell ref="VQS732:VQV732"/>
    <mergeCell ref="VQW732:VQZ732"/>
    <mergeCell ref="VPM732:VPP732"/>
    <mergeCell ref="VPQ732:VPT732"/>
    <mergeCell ref="VPU732:VPX732"/>
    <mergeCell ref="VPY732:VQB732"/>
    <mergeCell ref="VQC732:VQF732"/>
    <mergeCell ref="VOS732:VOV732"/>
    <mergeCell ref="VOW732:VOZ732"/>
    <mergeCell ref="VPA732:VPD732"/>
    <mergeCell ref="VPE732:VPH732"/>
    <mergeCell ref="VPI732:VPL732"/>
    <mergeCell ref="VNY732:VOB732"/>
    <mergeCell ref="VOC732:VOF732"/>
    <mergeCell ref="VOG732:VOJ732"/>
    <mergeCell ref="VOK732:VON732"/>
    <mergeCell ref="VOO732:VOR732"/>
    <mergeCell ref="VXY732:VYB732"/>
    <mergeCell ref="VYC732:VYF732"/>
    <mergeCell ref="VYG732:VYJ732"/>
    <mergeCell ref="VYK732:VYN732"/>
    <mergeCell ref="VYO732:VYR732"/>
    <mergeCell ref="VXE732:VXH732"/>
    <mergeCell ref="VXI732:VXL732"/>
    <mergeCell ref="VXM732:VXP732"/>
    <mergeCell ref="VXQ732:VXT732"/>
    <mergeCell ref="VXU732:VXX732"/>
    <mergeCell ref="VWK732:VWN732"/>
    <mergeCell ref="VWO732:VWR732"/>
    <mergeCell ref="VWS732:VWV732"/>
    <mergeCell ref="VWW732:VWZ732"/>
    <mergeCell ref="VXA732:VXD732"/>
    <mergeCell ref="VVQ732:VVT732"/>
    <mergeCell ref="VVU732:VVX732"/>
    <mergeCell ref="VVY732:VWB732"/>
    <mergeCell ref="VWC732:VWF732"/>
    <mergeCell ref="VWG732:VWJ732"/>
    <mergeCell ref="VUW732:VUZ732"/>
    <mergeCell ref="VVA732:VVD732"/>
    <mergeCell ref="VVE732:VVH732"/>
    <mergeCell ref="VVI732:VVL732"/>
    <mergeCell ref="VVM732:VVP732"/>
    <mergeCell ref="VUC732:VUF732"/>
    <mergeCell ref="VUG732:VUJ732"/>
    <mergeCell ref="VUK732:VUN732"/>
    <mergeCell ref="VUO732:VUR732"/>
    <mergeCell ref="VUS732:VUV732"/>
    <mergeCell ref="VTI732:VTL732"/>
    <mergeCell ref="VTM732:VTP732"/>
    <mergeCell ref="VTQ732:VTT732"/>
    <mergeCell ref="VTU732:VTX732"/>
    <mergeCell ref="VTY732:VUB732"/>
    <mergeCell ref="WDI732:WDL732"/>
    <mergeCell ref="WDM732:WDP732"/>
    <mergeCell ref="WDQ732:WDT732"/>
    <mergeCell ref="WDU732:WDX732"/>
    <mergeCell ref="WDY732:WEB732"/>
    <mergeCell ref="WCO732:WCR732"/>
    <mergeCell ref="WCS732:WCV732"/>
    <mergeCell ref="WCW732:WCZ732"/>
    <mergeCell ref="WDA732:WDD732"/>
    <mergeCell ref="WDE732:WDH732"/>
    <mergeCell ref="WBU732:WBX732"/>
    <mergeCell ref="WBY732:WCB732"/>
    <mergeCell ref="WCC732:WCF732"/>
    <mergeCell ref="WCG732:WCJ732"/>
    <mergeCell ref="WCK732:WCN732"/>
    <mergeCell ref="WBA732:WBD732"/>
    <mergeCell ref="WBE732:WBH732"/>
    <mergeCell ref="WBI732:WBL732"/>
    <mergeCell ref="WBM732:WBP732"/>
    <mergeCell ref="WBQ732:WBT732"/>
    <mergeCell ref="WAG732:WAJ732"/>
    <mergeCell ref="WAK732:WAN732"/>
    <mergeCell ref="WAO732:WAR732"/>
    <mergeCell ref="WAS732:WAV732"/>
    <mergeCell ref="WAW732:WAZ732"/>
    <mergeCell ref="VZM732:VZP732"/>
    <mergeCell ref="VZQ732:VZT732"/>
    <mergeCell ref="VZU732:VZX732"/>
    <mergeCell ref="VZY732:WAB732"/>
    <mergeCell ref="WAC732:WAF732"/>
    <mergeCell ref="VYS732:VYV732"/>
    <mergeCell ref="VYW732:VYZ732"/>
    <mergeCell ref="VZA732:VZD732"/>
    <mergeCell ref="VZE732:VZH732"/>
    <mergeCell ref="VZI732:VZL732"/>
    <mergeCell ref="WIS732:WIV732"/>
    <mergeCell ref="WIW732:WIZ732"/>
    <mergeCell ref="WJA732:WJD732"/>
    <mergeCell ref="WJE732:WJH732"/>
    <mergeCell ref="WJI732:WJL732"/>
    <mergeCell ref="WHY732:WIB732"/>
    <mergeCell ref="WIC732:WIF732"/>
    <mergeCell ref="WIG732:WIJ732"/>
    <mergeCell ref="WIK732:WIN732"/>
    <mergeCell ref="WIO732:WIR732"/>
    <mergeCell ref="WHE732:WHH732"/>
    <mergeCell ref="WHI732:WHL732"/>
    <mergeCell ref="WHM732:WHP732"/>
    <mergeCell ref="WHQ732:WHT732"/>
    <mergeCell ref="WHU732:WHX732"/>
    <mergeCell ref="WGK732:WGN732"/>
    <mergeCell ref="WGO732:WGR732"/>
    <mergeCell ref="WGS732:WGV732"/>
    <mergeCell ref="WGW732:WGZ732"/>
    <mergeCell ref="WHA732:WHD732"/>
    <mergeCell ref="WFQ732:WFT732"/>
    <mergeCell ref="WFU732:WFX732"/>
    <mergeCell ref="WFY732:WGB732"/>
    <mergeCell ref="WGC732:WGF732"/>
    <mergeCell ref="WGG732:WGJ732"/>
    <mergeCell ref="WEW732:WEZ732"/>
    <mergeCell ref="WFA732:WFD732"/>
    <mergeCell ref="WFE732:WFH732"/>
    <mergeCell ref="WFI732:WFL732"/>
    <mergeCell ref="WFM732:WFP732"/>
    <mergeCell ref="WEC732:WEF732"/>
    <mergeCell ref="WEG732:WEJ732"/>
    <mergeCell ref="WEK732:WEN732"/>
    <mergeCell ref="WEO732:WER732"/>
    <mergeCell ref="WES732:WEV732"/>
    <mergeCell ref="WOC732:WOF732"/>
    <mergeCell ref="WOG732:WOJ732"/>
    <mergeCell ref="WOK732:WON732"/>
    <mergeCell ref="WOO732:WOR732"/>
    <mergeCell ref="WOS732:WOV732"/>
    <mergeCell ref="WNI732:WNL732"/>
    <mergeCell ref="WNM732:WNP732"/>
    <mergeCell ref="WNQ732:WNT732"/>
    <mergeCell ref="WNU732:WNX732"/>
    <mergeCell ref="WNY732:WOB732"/>
    <mergeCell ref="WMO732:WMR732"/>
    <mergeCell ref="WMS732:WMV732"/>
    <mergeCell ref="WMW732:WMZ732"/>
    <mergeCell ref="WNA732:WND732"/>
    <mergeCell ref="WNE732:WNH732"/>
    <mergeCell ref="WLU732:WLX732"/>
    <mergeCell ref="WLY732:WMB732"/>
    <mergeCell ref="WMC732:WMF732"/>
    <mergeCell ref="WMG732:WMJ732"/>
    <mergeCell ref="WMK732:WMN732"/>
    <mergeCell ref="WLA732:WLD732"/>
    <mergeCell ref="WLE732:WLH732"/>
    <mergeCell ref="WLI732:WLL732"/>
    <mergeCell ref="WLM732:WLP732"/>
    <mergeCell ref="WLQ732:WLT732"/>
    <mergeCell ref="WKG732:WKJ732"/>
    <mergeCell ref="WKK732:WKN732"/>
    <mergeCell ref="WKO732:WKR732"/>
    <mergeCell ref="WKS732:WKV732"/>
    <mergeCell ref="WKW732:WKZ732"/>
    <mergeCell ref="WJM732:WJP732"/>
    <mergeCell ref="WJQ732:WJT732"/>
    <mergeCell ref="WJU732:WJX732"/>
    <mergeCell ref="WJY732:WKB732"/>
    <mergeCell ref="WKC732:WKF732"/>
    <mergeCell ref="WTM732:WTP732"/>
    <mergeCell ref="WTQ732:WTT732"/>
    <mergeCell ref="WTU732:WTX732"/>
    <mergeCell ref="WTY732:WUB732"/>
    <mergeCell ref="WUC732:WUF732"/>
    <mergeCell ref="WSS732:WSV732"/>
    <mergeCell ref="WSW732:WSZ732"/>
    <mergeCell ref="WTA732:WTD732"/>
    <mergeCell ref="WTE732:WTH732"/>
    <mergeCell ref="WTI732:WTL732"/>
    <mergeCell ref="WRY732:WSB732"/>
    <mergeCell ref="WSC732:WSF732"/>
    <mergeCell ref="WSG732:WSJ732"/>
    <mergeCell ref="WSK732:WSN732"/>
    <mergeCell ref="WSO732:WSR732"/>
    <mergeCell ref="WRE732:WRH732"/>
    <mergeCell ref="WRI732:WRL732"/>
    <mergeCell ref="WRM732:WRP732"/>
    <mergeCell ref="WRQ732:WRT732"/>
    <mergeCell ref="WRU732:WRX732"/>
    <mergeCell ref="WQK732:WQN732"/>
    <mergeCell ref="WQO732:WQR732"/>
    <mergeCell ref="WQS732:WQV732"/>
    <mergeCell ref="WQW732:WQZ732"/>
    <mergeCell ref="WRA732:WRD732"/>
    <mergeCell ref="WPQ732:WPT732"/>
    <mergeCell ref="WPU732:WPX732"/>
    <mergeCell ref="WPY732:WQB732"/>
    <mergeCell ref="WQC732:WQF732"/>
    <mergeCell ref="WQG732:WQJ732"/>
    <mergeCell ref="WOW732:WOZ732"/>
    <mergeCell ref="WPA732:WPD732"/>
    <mergeCell ref="WPE732:WPH732"/>
    <mergeCell ref="WPI732:WPL732"/>
    <mergeCell ref="WPM732:WPP732"/>
    <mergeCell ref="XAC732:XAF732"/>
    <mergeCell ref="XAG732:XAJ732"/>
    <mergeCell ref="WYW732:WYZ732"/>
    <mergeCell ref="WZA732:WZD732"/>
    <mergeCell ref="WZE732:WZH732"/>
    <mergeCell ref="WZI732:WZL732"/>
    <mergeCell ref="WZM732:WZP732"/>
    <mergeCell ref="WYC732:WYF732"/>
    <mergeCell ref="WYG732:WYJ732"/>
    <mergeCell ref="WYK732:WYN732"/>
    <mergeCell ref="WYO732:WYR732"/>
    <mergeCell ref="WYS732:WYV732"/>
    <mergeCell ref="WXI732:WXL732"/>
    <mergeCell ref="WXM732:WXP732"/>
    <mergeCell ref="WXQ732:WXT732"/>
    <mergeCell ref="WXU732:WXX732"/>
    <mergeCell ref="WXY732:WYB732"/>
    <mergeCell ref="WWO732:WWR732"/>
    <mergeCell ref="WWS732:WWV732"/>
    <mergeCell ref="WWW732:WWZ732"/>
    <mergeCell ref="WXA732:WXD732"/>
    <mergeCell ref="WXE732:WXH732"/>
    <mergeCell ref="WVU732:WVX732"/>
    <mergeCell ref="WVY732:WWB732"/>
    <mergeCell ref="WWC732:WWF732"/>
    <mergeCell ref="WWG732:WWJ732"/>
    <mergeCell ref="WWK732:WWN732"/>
    <mergeCell ref="WVA732:WVD732"/>
    <mergeCell ref="WVE732:WVH732"/>
    <mergeCell ref="WVI732:WVL732"/>
    <mergeCell ref="WVM732:WVP732"/>
    <mergeCell ref="WVQ732:WVT732"/>
    <mergeCell ref="WUG732:WUJ732"/>
    <mergeCell ref="WUK732:WUN732"/>
    <mergeCell ref="WUO732:WUR732"/>
    <mergeCell ref="WUS732:WUV732"/>
    <mergeCell ref="WUW732:WUZ732"/>
    <mergeCell ref="CW733:CZ733"/>
    <mergeCell ref="DA733:DD733"/>
    <mergeCell ref="DE733:DH733"/>
    <mergeCell ref="DI733:DL733"/>
    <mergeCell ref="DM733:DP733"/>
    <mergeCell ref="CC733:CF733"/>
    <mergeCell ref="CG733:CJ733"/>
    <mergeCell ref="CK733:CN733"/>
    <mergeCell ref="CO733:CR733"/>
    <mergeCell ref="CS733:CV733"/>
    <mergeCell ref="BI733:BL733"/>
    <mergeCell ref="BM733:BP733"/>
    <mergeCell ref="BQ733:BT733"/>
    <mergeCell ref="BU733:BX733"/>
    <mergeCell ref="BY733:CB733"/>
    <mergeCell ref="XFA732:XFD732"/>
    <mergeCell ref="A733:D733"/>
    <mergeCell ref="E733:H733"/>
    <mergeCell ref="I733:L733"/>
    <mergeCell ref="M733:P733"/>
    <mergeCell ref="Q733:T733"/>
    <mergeCell ref="U733:X733"/>
    <mergeCell ref="Y733:AB733"/>
    <mergeCell ref="AC733:AF733"/>
    <mergeCell ref="AG733:AJ733"/>
    <mergeCell ref="AK733:AN733"/>
    <mergeCell ref="AO733:AR733"/>
    <mergeCell ref="AS733:AV733"/>
    <mergeCell ref="AW733:AZ733"/>
    <mergeCell ref="BA733:BD733"/>
    <mergeCell ref="BE733:BH733"/>
    <mergeCell ref="XEG732:XEJ732"/>
    <mergeCell ref="XEK732:XEN732"/>
    <mergeCell ref="XEO732:XER732"/>
    <mergeCell ref="XES732:XEV732"/>
    <mergeCell ref="XEW732:XEZ732"/>
    <mergeCell ref="XDM732:XDP732"/>
    <mergeCell ref="XDQ732:XDT732"/>
    <mergeCell ref="XDU732:XDX732"/>
    <mergeCell ref="XDY732:XEB732"/>
    <mergeCell ref="XEC732:XEF732"/>
    <mergeCell ref="XCS732:XCV732"/>
    <mergeCell ref="XCW732:XCZ732"/>
    <mergeCell ref="XDA732:XDD732"/>
    <mergeCell ref="XDE732:XDH732"/>
    <mergeCell ref="XDI732:XDL732"/>
    <mergeCell ref="XBY732:XCB732"/>
    <mergeCell ref="XCC732:XCF732"/>
    <mergeCell ref="XCG732:XCJ732"/>
    <mergeCell ref="XCK732:XCN732"/>
    <mergeCell ref="XCO732:XCR732"/>
    <mergeCell ref="XBE732:XBH732"/>
    <mergeCell ref="XBI732:XBL732"/>
    <mergeCell ref="XBM732:XBP732"/>
    <mergeCell ref="XBQ732:XBT732"/>
    <mergeCell ref="XBU732:XBX732"/>
    <mergeCell ref="XAK732:XAN732"/>
    <mergeCell ref="XAO732:XAR732"/>
    <mergeCell ref="XAS732:XAV732"/>
    <mergeCell ref="XAW732:XAZ732"/>
    <mergeCell ref="XBA732:XBD732"/>
    <mergeCell ref="WZQ732:WZT732"/>
    <mergeCell ref="WZU732:WZX732"/>
    <mergeCell ref="WZY732:XAB732"/>
    <mergeCell ref="IG733:IJ733"/>
    <mergeCell ref="IK733:IN733"/>
    <mergeCell ref="IO733:IR733"/>
    <mergeCell ref="IS733:IV733"/>
    <mergeCell ref="IW733:IZ733"/>
    <mergeCell ref="HM733:HP733"/>
    <mergeCell ref="HQ733:HT733"/>
    <mergeCell ref="HU733:HX733"/>
    <mergeCell ref="HY733:IB733"/>
    <mergeCell ref="IC733:IF733"/>
    <mergeCell ref="GS733:GV733"/>
    <mergeCell ref="GW733:GZ733"/>
    <mergeCell ref="HA733:HD733"/>
    <mergeCell ref="HE733:HH733"/>
    <mergeCell ref="HI733:HL733"/>
    <mergeCell ref="FY733:GB733"/>
    <mergeCell ref="GC733:GF733"/>
    <mergeCell ref="GG733:GJ733"/>
    <mergeCell ref="GK733:GN733"/>
    <mergeCell ref="GO733:GR733"/>
    <mergeCell ref="FE733:FH733"/>
    <mergeCell ref="FI733:FL733"/>
    <mergeCell ref="FM733:FP733"/>
    <mergeCell ref="FQ733:FT733"/>
    <mergeCell ref="FU733:FX733"/>
    <mergeCell ref="EK733:EN733"/>
    <mergeCell ref="EO733:ER733"/>
    <mergeCell ref="ES733:EV733"/>
    <mergeCell ref="EW733:EZ733"/>
    <mergeCell ref="FA733:FD733"/>
    <mergeCell ref="DQ733:DT733"/>
    <mergeCell ref="DU733:DX733"/>
    <mergeCell ref="DY733:EB733"/>
    <mergeCell ref="EC733:EF733"/>
    <mergeCell ref="EG733:EJ733"/>
    <mergeCell ref="NQ733:NT733"/>
    <mergeCell ref="NU733:NX733"/>
    <mergeCell ref="NY733:OB733"/>
    <mergeCell ref="OC733:OF733"/>
    <mergeCell ref="OG733:OJ733"/>
    <mergeCell ref="MW733:MZ733"/>
    <mergeCell ref="NA733:ND733"/>
    <mergeCell ref="NE733:NH733"/>
    <mergeCell ref="NI733:NL733"/>
    <mergeCell ref="NM733:NP733"/>
    <mergeCell ref="MC733:MF733"/>
    <mergeCell ref="MG733:MJ733"/>
    <mergeCell ref="MK733:MN733"/>
    <mergeCell ref="MO733:MR733"/>
    <mergeCell ref="MS733:MV733"/>
    <mergeCell ref="LI733:LL733"/>
    <mergeCell ref="LM733:LP733"/>
    <mergeCell ref="LQ733:LT733"/>
    <mergeCell ref="LU733:LX733"/>
    <mergeCell ref="LY733:MB733"/>
    <mergeCell ref="KO733:KR733"/>
    <mergeCell ref="KS733:KV733"/>
    <mergeCell ref="KW733:KZ733"/>
    <mergeCell ref="LA733:LD733"/>
    <mergeCell ref="LE733:LH733"/>
    <mergeCell ref="JU733:JX733"/>
    <mergeCell ref="JY733:KB733"/>
    <mergeCell ref="KC733:KF733"/>
    <mergeCell ref="KG733:KJ733"/>
    <mergeCell ref="KK733:KN733"/>
    <mergeCell ref="JA733:JD733"/>
    <mergeCell ref="JE733:JH733"/>
    <mergeCell ref="JI733:JL733"/>
    <mergeCell ref="JM733:JP733"/>
    <mergeCell ref="JQ733:JT733"/>
    <mergeCell ref="TA733:TD733"/>
    <mergeCell ref="TE733:TH733"/>
    <mergeCell ref="TI733:TL733"/>
    <mergeCell ref="TM733:TP733"/>
    <mergeCell ref="TQ733:TT733"/>
    <mergeCell ref="SG733:SJ733"/>
    <mergeCell ref="SK733:SN733"/>
    <mergeCell ref="SO733:SR733"/>
    <mergeCell ref="SS733:SV733"/>
    <mergeCell ref="SW733:SZ733"/>
    <mergeCell ref="RM733:RP733"/>
    <mergeCell ref="RQ733:RT733"/>
    <mergeCell ref="RU733:RX733"/>
    <mergeCell ref="RY733:SB733"/>
    <mergeCell ref="SC733:SF733"/>
    <mergeCell ref="QS733:QV733"/>
    <mergeCell ref="QW733:QZ733"/>
    <mergeCell ref="RA733:RD733"/>
    <mergeCell ref="RE733:RH733"/>
    <mergeCell ref="RI733:RL733"/>
    <mergeCell ref="PY733:QB733"/>
    <mergeCell ref="QC733:QF733"/>
    <mergeCell ref="QG733:QJ733"/>
    <mergeCell ref="QK733:QN733"/>
    <mergeCell ref="QO733:QR733"/>
    <mergeCell ref="PE733:PH733"/>
    <mergeCell ref="PI733:PL733"/>
    <mergeCell ref="PM733:PP733"/>
    <mergeCell ref="PQ733:PT733"/>
    <mergeCell ref="PU733:PX733"/>
    <mergeCell ref="OK733:ON733"/>
    <mergeCell ref="OO733:OR733"/>
    <mergeCell ref="OS733:OV733"/>
    <mergeCell ref="OW733:OZ733"/>
    <mergeCell ref="PA733:PD733"/>
    <mergeCell ref="YK733:YN733"/>
    <mergeCell ref="YO733:YR733"/>
    <mergeCell ref="YS733:YV733"/>
    <mergeCell ref="YW733:YZ733"/>
    <mergeCell ref="ZA733:ZD733"/>
    <mergeCell ref="XQ733:XT733"/>
    <mergeCell ref="XU733:XX733"/>
    <mergeCell ref="XY733:YB733"/>
    <mergeCell ref="YC733:YF733"/>
    <mergeCell ref="YG733:YJ733"/>
    <mergeCell ref="WW733:WZ733"/>
    <mergeCell ref="XA733:XD733"/>
    <mergeCell ref="XE733:XH733"/>
    <mergeCell ref="XI733:XL733"/>
    <mergeCell ref="XM733:XP733"/>
    <mergeCell ref="WC733:WF733"/>
    <mergeCell ref="WG733:WJ733"/>
    <mergeCell ref="WK733:WN733"/>
    <mergeCell ref="WO733:WR733"/>
    <mergeCell ref="WS733:WV733"/>
    <mergeCell ref="VI733:VL733"/>
    <mergeCell ref="VM733:VP733"/>
    <mergeCell ref="VQ733:VT733"/>
    <mergeCell ref="VU733:VX733"/>
    <mergeCell ref="VY733:WB733"/>
    <mergeCell ref="UO733:UR733"/>
    <mergeCell ref="US733:UV733"/>
    <mergeCell ref="UW733:UZ733"/>
    <mergeCell ref="VA733:VD733"/>
    <mergeCell ref="VE733:VH733"/>
    <mergeCell ref="TU733:TX733"/>
    <mergeCell ref="TY733:UB733"/>
    <mergeCell ref="UC733:UF733"/>
    <mergeCell ref="UG733:UJ733"/>
    <mergeCell ref="UK733:UN733"/>
    <mergeCell ref="ADU733:ADX733"/>
    <mergeCell ref="ADY733:AEB733"/>
    <mergeCell ref="AEC733:AEF733"/>
    <mergeCell ref="AEG733:AEJ733"/>
    <mergeCell ref="AEK733:AEN733"/>
    <mergeCell ref="ADA733:ADD733"/>
    <mergeCell ref="ADE733:ADH733"/>
    <mergeCell ref="ADI733:ADL733"/>
    <mergeCell ref="ADM733:ADP733"/>
    <mergeCell ref="ADQ733:ADT733"/>
    <mergeCell ref="ACG733:ACJ733"/>
    <mergeCell ref="ACK733:ACN733"/>
    <mergeCell ref="ACO733:ACR733"/>
    <mergeCell ref="ACS733:ACV733"/>
    <mergeCell ref="ACW733:ACZ733"/>
    <mergeCell ref="ABM733:ABP733"/>
    <mergeCell ref="ABQ733:ABT733"/>
    <mergeCell ref="ABU733:ABX733"/>
    <mergeCell ref="ABY733:ACB733"/>
    <mergeCell ref="ACC733:ACF733"/>
    <mergeCell ref="AAS733:AAV733"/>
    <mergeCell ref="AAW733:AAZ733"/>
    <mergeCell ref="ABA733:ABD733"/>
    <mergeCell ref="ABE733:ABH733"/>
    <mergeCell ref="ABI733:ABL733"/>
    <mergeCell ref="ZY733:AAB733"/>
    <mergeCell ref="AAC733:AAF733"/>
    <mergeCell ref="AAG733:AAJ733"/>
    <mergeCell ref="AAK733:AAN733"/>
    <mergeCell ref="AAO733:AAR733"/>
    <mergeCell ref="ZE733:ZH733"/>
    <mergeCell ref="ZI733:ZL733"/>
    <mergeCell ref="ZM733:ZP733"/>
    <mergeCell ref="ZQ733:ZT733"/>
    <mergeCell ref="ZU733:ZX733"/>
    <mergeCell ref="AJE733:AJH733"/>
    <mergeCell ref="AJI733:AJL733"/>
    <mergeCell ref="AJM733:AJP733"/>
    <mergeCell ref="AJQ733:AJT733"/>
    <mergeCell ref="AJU733:AJX733"/>
    <mergeCell ref="AIK733:AIN733"/>
    <mergeCell ref="AIO733:AIR733"/>
    <mergeCell ref="AIS733:AIV733"/>
    <mergeCell ref="AIW733:AIZ733"/>
    <mergeCell ref="AJA733:AJD733"/>
    <mergeCell ref="AHQ733:AHT733"/>
    <mergeCell ref="AHU733:AHX733"/>
    <mergeCell ref="AHY733:AIB733"/>
    <mergeCell ref="AIC733:AIF733"/>
    <mergeCell ref="AIG733:AIJ733"/>
    <mergeCell ref="AGW733:AGZ733"/>
    <mergeCell ref="AHA733:AHD733"/>
    <mergeCell ref="AHE733:AHH733"/>
    <mergeCell ref="AHI733:AHL733"/>
    <mergeCell ref="AHM733:AHP733"/>
    <mergeCell ref="AGC733:AGF733"/>
    <mergeCell ref="AGG733:AGJ733"/>
    <mergeCell ref="AGK733:AGN733"/>
    <mergeCell ref="AGO733:AGR733"/>
    <mergeCell ref="AGS733:AGV733"/>
    <mergeCell ref="AFI733:AFL733"/>
    <mergeCell ref="AFM733:AFP733"/>
    <mergeCell ref="AFQ733:AFT733"/>
    <mergeCell ref="AFU733:AFX733"/>
    <mergeCell ref="AFY733:AGB733"/>
    <mergeCell ref="AEO733:AER733"/>
    <mergeCell ref="AES733:AEV733"/>
    <mergeCell ref="AEW733:AEZ733"/>
    <mergeCell ref="AFA733:AFD733"/>
    <mergeCell ref="AFE733:AFH733"/>
    <mergeCell ref="AOO733:AOR733"/>
    <mergeCell ref="AOS733:AOV733"/>
    <mergeCell ref="AOW733:AOZ733"/>
    <mergeCell ref="APA733:APD733"/>
    <mergeCell ref="APE733:APH733"/>
    <mergeCell ref="ANU733:ANX733"/>
    <mergeCell ref="ANY733:AOB733"/>
    <mergeCell ref="AOC733:AOF733"/>
    <mergeCell ref="AOG733:AOJ733"/>
    <mergeCell ref="AOK733:AON733"/>
    <mergeCell ref="ANA733:AND733"/>
    <mergeCell ref="ANE733:ANH733"/>
    <mergeCell ref="ANI733:ANL733"/>
    <mergeCell ref="ANM733:ANP733"/>
    <mergeCell ref="ANQ733:ANT733"/>
    <mergeCell ref="AMG733:AMJ733"/>
    <mergeCell ref="AMK733:AMN733"/>
    <mergeCell ref="AMO733:AMR733"/>
    <mergeCell ref="AMS733:AMV733"/>
    <mergeCell ref="AMW733:AMZ733"/>
    <mergeCell ref="ALM733:ALP733"/>
    <mergeCell ref="ALQ733:ALT733"/>
    <mergeCell ref="ALU733:ALX733"/>
    <mergeCell ref="ALY733:AMB733"/>
    <mergeCell ref="AMC733:AMF733"/>
    <mergeCell ref="AKS733:AKV733"/>
    <mergeCell ref="AKW733:AKZ733"/>
    <mergeCell ref="ALA733:ALD733"/>
    <mergeCell ref="ALE733:ALH733"/>
    <mergeCell ref="ALI733:ALL733"/>
    <mergeCell ref="AJY733:AKB733"/>
    <mergeCell ref="AKC733:AKF733"/>
    <mergeCell ref="AKG733:AKJ733"/>
    <mergeCell ref="AKK733:AKN733"/>
    <mergeCell ref="AKO733:AKR733"/>
    <mergeCell ref="ATY733:AUB733"/>
    <mergeCell ref="AUC733:AUF733"/>
    <mergeCell ref="AUG733:AUJ733"/>
    <mergeCell ref="AUK733:AUN733"/>
    <mergeCell ref="AUO733:AUR733"/>
    <mergeCell ref="ATE733:ATH733"/>
    <mergeCell ref="ATI733:ATL733"/>
    <mergeCell ref="ATM733:ATP733"/>
    <mergeCell ref="ATQ733:ATT733"/>
    <mergeCell ref="ATU733:ATX733"/>
    <mergeCell ref="ASK733:ASN733"/>
    <mergeCell ref="ASO733:ASR733"/>
    <mergeCell ref="ASS733:ASV733"/>
    <mergeCell ref="ASW733:ASZ733"/>
    <mergeCell ref="ATA733:ATD733"/>
    <mergeCell ref="ARQ733:ART733"/>
    <mergeCell ref="ARU733:ARX733"/>
    <mergeCell ref="ARY733:ASB733"/>
    <mergeCell ref="ASC733:ASF733"/>
    <mergeCell ref="ASG733:ASJ733"/>
    <mergeCell ref="AQW733:AQZ733"/>
    <mergeCell ref="ARA733:ARD733"/>
    <mergeCell ref="ARE733:ARH733"/>
    <mergeCell ref="ARI733:ARL733"/>
    <mergeCell ref="ARM733:ARP733"/>
    <mergeCell ref="AQC733:AQF733"/>
    <mergeCell ref="AQG733:AQJ733"/>
    <mergeCell ref="AQK733:AQN733"/>
    <mergeCell ref="AQO733:AQR733"/>
    <mergeCell ref="AQS733:AQV733"/>
    <mergeCell ref="API733:APL733"/>
    <mergeCell ref="APM733:APP733"/>
    <mergeCell ref="APQ733:APT733"/>
    <mergeCell ref="APU733:APX733"/>
    <mergeCell ref="APY733:AQB733"/>
    <mergeCell ref="AZI733:AZL733"/>
    <mergeCell ref="AZM733:AZP733"/>
    <mergeCell ref="AZQ733:AZT733"/>
    <mergeCell ref="AZU733:AZX733"/>
    <mergeCell ref="AZY733:BAB733"/>
    <mergeCell ref="AYO733:AYR733"/>
    <mergeCell ref="AYS733:AYV733"/>
    <mergeCell ref="AYW733:AYZ733"/>
    <mergeCell ref="AZA733:AZD733"/>
    <mergeCell ref="AZE733:AZH733"/>
    <mergeCell ref="AXU733:AXX733"/>
    <mergeCell ref="AXY733:AYB733"/>
    <mergeCell ref="AYC733:AYF733"/>
    <mergeCell ref="AYG733:AYJ733"/>
    <mergeCell ref="AYK733:AYN733"/>
    <mergeCell ref="AXA733:AXD733"/>
    <mergeCell ref="AXE733:AXH733"/>
    <mergeCell ref="AXI733:AXL733"/>
    <mergeCell ref="AXM733:AXP733"/>
    <mergeCell ref="AXQ733:AXT733"/>
    <mergeCell ref="AWG733:AWJ733"/>
    <mergeCell ref="AWK733:AWN733"/>
    <mergeCell ref="AWO733:AWR733"/>
    <mergeCell ref="AWS733:AWV733"/>
    <mergeCell ref="AWW733:AWZ733"/>
    <mergeCell ref="AVM733:AVP733"/>
    <mergeCell ref="AVQ733:AVT733"/>
    <mergeCell ref="AVU733:AVX733"/>
    <mergeCell ref="AVY733:AWB733"/>
    <mergeCell ref="AWC733:AWF733"/>
    <mergeCell ref="AUS733:AUV733"/>
    <mergeCell ref="AUW733:AUZ733"/>
    <mergeCell ref="AVA733:AVD733"/>
    <mergeCell ref="AVE733:AVH733"/>
    <mergeCell ref="AVI733:AVL733"/>
    <mergeCell ref="BES733:BEV733"/>
    <mergeCell ref="BEW733:BEZ733"/>
    <mergeCell ref="BFA733:BFD733"/>
    <mergeCell ref="BFE733:BFH733"/>
    <mergeCell ref="BFI733:BFL733"/>
    <mergeCell ref="BDY733:BEB733"/>
    <mergeCell ref="BEC733:BEF733"/>
    <mergeCell ref="BEG733:BEJ733"/>
    <mergeCell ref="BEK733:BEN733"/>
    <mergeCell ref="BEO733:BER733"/>
    <mergeCell ref="BDE733:BDH733"/>
    <mergeCell ref="BDI733:BDL733"/>
    <mergeCell ref="BDM733:BDP733"/>
    <mergeCell ref="BDQ733:BDT733"/>
    <mergeCell ref="BDU733:BDX733"/>
    <mergeCell ref="BCK733:BCN733"/>
    <mergeCell ref="BCO733:BCR733"/>
    <mergeCell ref="BCS733:BCV733"/>
    <mergeCell ref="BCW733:BCZ733"/>
    <mergeCell ref="BDA733:BDD733"/>
    <mergeCell ref="BBQ733:BBT733"/>
    <mergeCell ref="BBU733:BBX733"/>
    <mergeCell ref="BBY733:BCB733"/>
    <mergeCell ref="BCC733:BCF733"/>
    <mergeCell ref="BCG733:BCJ733"/>
    <mergeCell ref="BAW733:BAZ733"/>
    <mergeCell ref="BBA733:BBD733"/>
    <mergeCell ref="BBE733:BBH733"/>
    <mergeCell ref="BBI733:BBL733"/>
    <mergeCell ref="BBM733:BBP733"/>
    <mergeCell ref="BAC733:BAF733"/>
    <mergeCell ref="BAG733:BAJ733"/>
    <mergeCell ref="BAK733:BAN733"/>
    <mergeCell ref="BAO733:BAR733"/>
    <mergeCell ref="BAS733:BAV733"/>
    <mergeCell ref="BKC733:BKF733"/>
    <mergeCell ref="BKG733:BKJ733"/>
    <mergeCell ref="BKK733:BKN733"/>
    <mergeCell ref="BKO733:BKR733"/>
    <mergeCell ref="BKS733:BKV733"/>
    <mergeCell ref="BJI733:BJL733"/>
    <mergeCell ref="BJM733:BJP733"/>
    <mergeCell ref="BJQ733:BJT733"/>
    <mergeCell ref="BJU733:BJX733"/>
    <mergeCell ref="BJY733:BKB733"/>
    <mergeCell ref="BIO733:BIR733"/>
    <mergeCell ref="BIS733:BIV733"/>
    <mergeCell ref="BIW733:BIZ733"/>
    <mergeCell ref="BJA733:BJD733"/>
    <mergeCell ref="BJE733:BJH733"/>
    <mergeCell ref="BHU733:BHX733"/>
    <mergeCell ref="BHY733:BIB733"/>
    <mergeCell ref="BIC733:BIF733"/>
    <mergeCell ref="BIG733:BIJ733"/>
    <mergeCell ref="BIK733:BIN733"/>
    <mergeCell ref="BHA733:BHD733"/>
    <mergeCell ref="BHE733:BHH733"/>
    <mergeCell ref="BHI733:BHL733"/>
    <mergeCell ref="BHM733:BHP733"/>
    <mergeCell ref="BHQ733:BHT733"/>
    <mergeCell ref="BGG733:BGJ733"/>
    <mergeCell ref="BGK733:BGN733"/>
    <mergeCell ref="BGO733:BGR733"/>
    <mergeCell ref="BGS733:BGV733"/>
    <mergeCell ref="BGW733:BGZ733"/>
    <mergeCell ref="BFM733:BFP733"/>
    <mergeCell ref="BFQ733:BFT733"/>
    <mergeCell ref="BFU733:BFX733"/>
    <mergeCell ref="BFY733:BGB733"/>
    <mergeCell ref="BGC733:BGF733"/>
    <mergeCell ref="BPM733:BPP733"/>
    <mergeCell ref="BPQ733:BPT733"/>
    <mergeCell ref="BPU733:BPX733"/>
    <mergeCell ref="BPY733:BQB733"/>
    <mergeCell ref="BQC733:BQF733"/>
    <mergeCell ref="BOS733:BOV733"/>
    <mergeCell ref="BOW733:BOZ733"/>
    <mergeCell ref="BPA733:BPD733"/>
    <mergeCell ref="BPE733:BPH733"/>
    <mergeCell ref="BPI733:BPL733"/>
    <mergeCell ref="BNY733:BOB733"/>
    <mergeCell ref="BOC733:BOF733"/>
    <mergeCell ref="BOG733:BOJ733"/>
    <mergeCell ref="BOK733:BON733"/>
    <mergeCell ref="BOO733:BOR733"/>
    <mergeCell ref="BNE733:BNH733"/>
    <mergeCell ref="BNI733:BNL733"/>
    <mergeCell ref="BNM733:BNP733"/>
    <mergeCell ref="BNQ733:BNT733"/>
    <mergeCell ref="BNU733:BNX733"/>
    <mergeCell ref="BMK733:BMN733"/>
    <mergeCell ref="BMO733:BMR733"/>
    <mergeCell ref="BMS733:BMV733"/>
    <mergeCell ref="BMW733:BMZ733"/>
    <mergeCell ref="BNA733:BND733"/>
    <mergeCell ref="BLQ733:BLT733"/>
    <mergeCell ref="BLU733:BLX733"/>
    <mergeCell ref="BLY733:BMB733"/>
    <mergeCell ref="BMC733:BMF733"/>
    <mergeCell ref="BMG733:BMJ733"/>
    <mergeCell ref="BKW733:BKZ733"/>
    <mergeCell ref="BLA733:BLD733"/>
    <mergeCell ref="BLE733:BLH733"/>
    <mergeCell ref="BLI733:BLL733"/>
    <mergeCell ref="BLM733:BLP733"/>
    <mergeCell ref="BUW733:BUZ733"/>
    <mergeCell ref="BVA733:BVD733"/>
    <mergeCell ref="BVE733:BVH733"/>
    <mergeCell ref="BVI733:BVL733"/>
    <mergeCell ref="BVM733:BVP733"/>
    <mergeCell ref="BUC733:BUF733"/>
    <mergeCell ref="BUG733:BUJ733"/>
    <mergeCell ref="BUK733:BUN733"/>
    <mergeCell ref="BUO733:BUR733"/>
    <mergeCell ref="BUS733:BUV733"/>
    <mergeCell ref="BTI733:BTL733"/>
    <mergeCell ref="BTM733:BTP733"/>
    <mergeCell ref="BTQ733:BTT733"/>
    <mergeCell ref="BTU733:BTX733"/>
    <mergeCell ref="BTY733:BUB733"/>
    <mergeCell ref="BSO733:BSR733"/>
    <mergeCell ref="BSS733:BSV733"/>
    <mergeCell ref="BSW733:BSZ733"/>
    <mergeCell ref="BTA733:BTD733"/>
    <mergeCell ref="BTE733:BTH733"/>
    <mergeCell ref="BRU733:BRX733"/>
    <mergeCell ref="BRY733:BSB733"/>
    <mergeCell ref="BSC733:BSF733"/>
    <mergeCell ref="BSG733:BSJ733"/>
    <mergeCell ref="BSK733:BSN733"/>
    <mergeCell ref="BRA733:BRD733"/>
    <mergeCell ref="BRE733:BRH733"/>
    <mergeCell ref="BRI733:BRL733"/>
    <mergeCell ref="BRM733:BRP733"/>
    <mergeCell ref="BRQ733:BRT733"/>
    <mergeCell ref="BQG733:BQJ733"/>
    <mergeCell ref="BQK733:BQN733"/>
    <mergeCell ref="BQO733:BQR733"/>
    <mergeCell ref="BQS733:BQV733"/>
    <mergeCell ref="BQW733:BQZ733"/>
    <mergeCell ref="CAG733:CAJ733"/>
    <mergeCell ref="CAK733:CAN733"/>
    <mergeCell ref="CAO733:CAR733"/>
    <mergeCell ref="CAS733:CAV733"/>
    <mergeCell ref="CAW733:CAZ733"/>
    <mergeCell ref="BZM733:BZP733"/>
    <mergeCell ref="BZQ733:BZT733"/>
    <mergeCell ref="BZU733:BZX733"/>
    <mergeCell ref="BZY733:CAB733"/>
    <mergeCell ref="CAC733:CAF733"/>
    <mergeCell ref="BYS733:BYV733"/>
    <mergeCell ref="BYW733:BYZ733"/>
    <mergeCell ref="BZA733:BZD733"/>
    <mergeCell ref="BZE733:BZH733"/>
    <mergeCell ref="BZI733:BZL733"/>
    <mergeCell ref="BXY733:BYB733"/>
    <mergeCell ref="BYC733:BYF733"/>
    <mergeCell ref="BYG733:BYJ733"/>
    <mergeCell ref="BYK733:BYN733"/>
    <mergeCell ref="BYO733:BYR733"/>
    <mergeCell ref="BXE733:BXH733"/>
    <mergeCell ref="BXI733:BXL733"/>
    <mergeCell ref="BXM733:BXP733"/>
    <mergeCell ref="BXQ733:BXT733"/>
    <mergeCell ref="BXU733:BXX733"/>
    <mergeCell ref="BWK733:BWN733"/>
    <mergeCell ref="BWO733:BWR733"/>
    <mergeCell ref="BWS733:BWV733"/>
    <mergeCell ref="BWW733:BWZ733"/>
    <mergeCell ref="BXA733:BXD733"/>
    <mergeCell ref="BVQ733:BVT733"/>
    <mergeCell ref="BVU733:BVX733"/>
    <mergeCell ref="BVY733:BWB733"/>
    <mergeCell ref="BWC733:BWF733"/>
    <mergeCell ref="BWG733:BWJ733"/>
    <mergeCell ref="CFQ733:CFT733"/>
    <mergeCell ref="CFU733:CFX733"/>
    <mergeCell ref="CFY733:CGB733"/>
    <mergeCell ref="CGC733:CGF733"/>
    <mergeCell ref="CGG733:CGJ733"/>
    <mergeCell ref="CEW733:CEZ733"/>
    <mergeCell ref="CFA733:CFD733"/>
    <mergeCell ref="CFE733:CFH733"/>
    <mergeCell ref="CFI733:CFL733"/>
    <mergeCell ref="CFM733:CFP733"/>
    <mergeCell ref="CEC733:CEF733"/>
    <mergeCell ref="CEG733:CEJ733"/>
    <mergeCell ref="CEK733:CEN733"/>
    <mergeCell ref="CEO733:CER733"/>
    <mergeCell ref="CES733:CEV733"/>
    <mergeCell ref="CDI733:CDL733"/>
    <mergeCell ref="CDM733:CDP733"/>
    <mergeCell ref="CDQ733:CDT733"/>
    <mergeCell ref="CDU733:CDX733"/>
    <mergeCell ref="CDY733:CEB733"/>
    <mergeCell ref="CCO733:CCR733"/>
    <mergeCell ref="CCS733:CCV733"/>
    <mergeCell ref="CCW733:CCZ733"/>
    <mergeCell ref="CDA733:CDD733"/>
    <mergeCell ref="CDE733:CDH733"/>
    <mergeCell ref="CBU733:CBX733"/>
    <mergeCell ref="CBY733:CCB733"/>
    <mergeCell ref="CCC733:CCF733"/>
    <mergeCell ref="CCG733:CCJ733"/>
    <mergeCell ref="CCK733:CCN733"/>
    <mergeCell ref="CBA733:CBD733"/>
    <mergeCell ref="CBE733:CBH733"/>
    <mergeCell ref="CBI733:CBL733"/>
    <mergeCell ref="CBM733:CBP733"/>
    <mergeCell ref="CBQ733:CBT733"/>
    <mergeCell ref="CLA733:CLD733"/>
    <mergeCell ref="CLE733:CLH733"/>
    <mergeCell ref="CLI733:CLL733"/>
    <mergeCell ref="CLM733:CLP733"/>
    <mergeCell ref="CLQ733:CLT733"/>
    <mergeCell ref="CKG733:CKJ733"/>
    <mergeCell ref="CKK733:CKN733"/>
    <mergeCell ref="CKO733:CKR733"/>
    <mergeCell ref="CKS733:CKV733"/>
    <mergeCell ref="CKW733:CKZ733"/>
    <mergeCell ref="CJM733:CJP733"/>
    <mergeCell ref="CJQ733:CJT733"/>
    <mergeCell ref="CJU733:CJX733"/>
    <mergeCell ref="CJY733:CKB733"/>
    <mergeCell ref="CKC733:CKF733"/>
    <mergeCell ref="CIS733:CIV733"/>
    <mergeCell ref="CIW733:CIZ733"/>
    <mergeCell ref="CJA733:CJD733"/>
    <mergeCell ref="CJE733:CJH733"/>
    <mergeCell ref="CJI733:CJL733"/>
    <mergeCell ref="CHY733:CIB733"/>
    <mergeCell ref="CIC733:CIF733"/>
    <mergeCell ref="CIG733:CIJ733"/>
    <mergeCell ref="CIK733:CIN733"/>
    <mergeCell ref="CIO733:CIR733"/>
    <mergeCell ref="CHE733:CHH733"/>
    <mergeCell ref="CHI733:CHL733"/>
    <mergeCell ref="CHM733:CHP733"/>
    <mergeCell ref="CHQ733:CHT733"/>
    <mergeCell ref="CHU733:CHX733"/>
    <mergeCell ref="CGK733:CGN733"/>
    <mergeCell ref="CGO733:CGR733"/>
    <mergeCell ref="CGS733:CGV733"/>
    <mergeCell ref="CGW733:CGZ733"/>
    <mergeCell ref="CHA733:CHD733"/>
    <mergeCell ref="CQK733:CQN733"/>
    <mergeCell ref="CQO733:CQR733"/>
    <mergeCell ref="CQS733:CQV733"/>
    <mergeCell ref="CQW733:CQZ733"/>
    <mergeCell ref="CRA733:CRD733"/>
    <mergeCell ref="CPQ733:CPT733"/>
    <mergeCell ref="CPU733:CPX733"/>
    <mergeCell ref="CPY733:CQB733"/>
    <mergeCell ref="CQC733:CQF733"/>
    <mergeCell ref="CQG733:CQJ733"/>
    <mergeCell ref="COW733:COZ733"/>
    <mergeCell ref="CPA733:CPD733"/>
    <mergeCell ref="CPE733:CPH733"/>
    <mergeCell ref="CPI733:CPL733"/>
    <mergeCell ref="CPM733:CPP733"/>
    <mergeCell ref="COC733:COF733"/>
    <mergeCell ref="COG733:COJ733"/>
    <mergeCell ref="COK733:CON733"/>
    <mergeCell ref="COO733:COR733"/>
    <mergeCell ref="COS733:COV733"/>
    <mergeCell ref="CNI733:CNL733"/>
    <mergeCell ref="CNM733:CNP733"/>
    <mergeCell ref="CNQ733:CNT733"/>
    <mergeCell ref="CNU733:CNX733"/>
    <mergeCell ref="CNY733:COB733"/>
    <mergeCell ref="CMO733:CMR733"/>
    <mergeCell ref="CMS733:CMV733"/>
    <mergeCell ref="CMW733:CMZ733"/>
    <mergeCell ref="CNA733:CND733"/>
    <mergeCell ref="CNE733:CNH733"/>
    <mergeCell ref="CLU733:CLX733"/>
    <mergeCell ref="CLY733:CMB733"/>
    <mergeCell ref="CMC733:CMF733"/>
    <mergeCell ref="CMG733:CMJ733"/>
    <mergeCell ref="CMK733:CMN733"/>
    <mergeCell ref="CVU733:CVX733"/>
    <mergeCell ref="CVY733:CWB733"/>
    <mergeCell ref="CWC733:CWF733"/>
    <mergeCell ref="CWG733:CWJ733"/>
    <mergeCell ref="CWK733:CWN733"/>
    <mergeCell ref="CVA733:CVD733"/>
    <mergeCell ref="CVE733:CVH733"/>
    <mergeCell ref="CVI733:CVL733"/>
    <mergeCell ref="CVM733:CVP733"/>
    <mergeCell ref="CVQ733:CVT733"/>
    <mergeCell ref="CUG733:CUJ733"/>
    <mergeCell ref="CUK733:CUN733"/>
    <mergeCell ref="CUO733:CUR733"/>
    <mergeCell ref="CUS733:CUV733"/>
    <mergeCell ref="CUW733:CUZ733"/>
    <mergeCell ref="CTM733:CTP733"/>
    <mergeCell ref="CTQ733:CTT733"/>
    <mergeCell ref="CTU733:CTX733"/>
    <mergeCell ref="CTY733:CUB733"/>
    <mergeCell ref="CUC733:CUF733"/>
    <mergeCell ref="CSS733:CSV733"/>
    <mergeCell ref="CSW733:CSZ733"/>
    <mergeCell ref="CTA733:CTD733"/>
    <mergeCell ref="CTE733:CTH733"/>
    <mergeCell ref="CTI733:CTL733"/>
    <mergeCell ref="CRY733:CSB733"/>
    <mergeCell ref="CSC733:CSF733"/>
    <mergeCell ref="CSG733:CSJ733"/>
    <mergeCell ref="CSK733:CSN733"/>
    <mergeCell ref="CSO733:CSR733"/>
    <mergeCell ref="CRE733:CRH733"/>
    <mergeCell ref="CRI733:CRL733"/>
    <mergeCell ref="CRM733:CRP733"/>
    <mergeCell ref="CRQ733:CRT733"/>
    <mergeCell ref="CRU733:CRX733"/>
    <mergeCell ref="DBE733:DBH733"/>
    <mergeCell ref="DBI733:DBL733"/>
    <mergeCell ref="DBM733:DBP733"/>
    <mergeCell ref="DBQ733:DBT733"/>
    <mergeCell ref="DBU733:DBX733"/>
    <mergeCell ref="DAK733:DAN733"/>
    <mergeCell ref="DAO733:DAR733"/>
    <mergeCell ref="DAS733:DAV733"/>
    <mergeCell ref="DAW733:DAZ733"/>
    <mergeCell ref="DBA733:DBD733"/>
    <mergeCell ref="CZQ733:CZT733"/>
    <mergeCell ref="CZU733:CZX733"/>
    <mergeCell ref="CZY733:DAB733"/>
    <mergeCell ref="DAC733:DAF733"/>
    <mergeCell ref="DAG733:DAJ733"/>
    <mergeCell ref="CYW733:CYZ733"/>
    <mergeCell ref="CZA733:CZD733"/>
    <mergeCell ref="CZE733:CZH733"/>
    <mergeCell ref="CZI733:CZL733"/>
    <mergeCell ref="CZM733:CZP733"/>
    <mergeCell ref="CYC733:CYF733"/>
    <mergeCell ref="CYG733:CYJ733"/>
    <mergeCell ref="CYK733:CYN733"/>
    <mergeCell ref="CYO733:CYR733"/>
    <mergeCell ref="CYS733:CYV733"/>
    <mergeCell ref="CXI733:CXL733"/>
    <mergeCell ref="CXM733:CXP733"/>
    <mergeCell ref="CXQ733:CXT733"/>
    <mergeCell ref="CXU733:CXX733"/>
    <mergeCell ref="CXY733:CYB733"/>
    <mergeCell ref="CWO733:CWR733"/>
    <mergeCell ref="CWS733:CWV733"/>
    <mergeCell ref="CWW733:CWZ733"/>
    <mergeCell ref="CXA733:CXD733"/>
    <mergeCell ref="CXE733:CXH733"/>
    <mergeCell ref="DGO733:DGR733"/>
    <mergeCell ref="DGS733:DGV733"/>
    <mergeCell ref="DGW733:DGZ733"/>
    <mergeCell ref="DHA733:DHD733"/>
    <mergeCell ref="DHE733:DHH733"/>
    <mergeCell ref="DFU733:DFX733"/>
    <mergeCell ref="DFY733:DGB733"/>
    <mergeCell ref="DGC733:DGF733"/>
    <mergeCell ref="DGG733:DGJ733"/>
    <mergeCell ref="DGK733:DGN733"/>
    <mergeCell ref="DFA733:DFD733"/>
    <mergeCell ref="DFE733:DFH733"/>
    <mergeCell ref="DFI733:DFL733"/>
    <mergeCell ref="DFM733:DFP733"/>
    <mergeCell ref="DFQ733:DFT733"/>
    <mergeCell ref="DEG733:DEJ733"/>
    <mergeCell ref="DEK733:DEN733"/>
    <mergeCell ref="DEO733:DER733"/>
    <mergeCell ref="DES733:DEV733"/>
    <mergeCell ref="DEW733:DEZ733"/>
    <mergeCell ref="DDM733:DDP733"/>
    <mergeCell ref="DDQ733:DDT733"/>
    <mergeCell ref="DDU733:DDX733"/>
    <mergeCell ref="DDY733:DEB733"/>
    <mergeCell ref="DEC733:DEF733"/>
    <mergeCell ref="DCS733:DCV733"/>
    <mergeCell ref="DCW733:DCZ733"/>
    <mergeCell ref="DDA733:DDD733"/>
    <mergeCell ref="DDE733:DDH733"/>
    <mergeCell ref="DDI733:DDL733"/>
    <mergeCell ref="DBY733:DCB733"/>
    <mergeCell ref="DCC733:DCF733"/>
    <mergeCell ref="DCG733:DCJ733"/>
    <mergeCell ref="DCK733:DCN733"/>
    <mergeCell ref="DCO733:DCR733"/>
    <mergeCell ref="DLY733:DMB733"/>
    <mergeCell ref="DMC733:DMF733"/>
    <mergeCell ref="DMG733:DMJ733"/>
    <mergeCell ref="DMK733:DMN733"/>
    <mergeCell ref="DMO733:DMR733"/>
    <mergeCell ref="DLE733:DLH733"/>
    <mergeCell ref="DLI733:DLL733"/>
    <mergeCell ref="DLM733:DLP733"/>
    <mergeCell ref="DLQ733:DLT733"/>
    <mergeCell ref="DLU733:DLX733"/>
    <mergeCell ref="DKK733:DKN733"/>
    <mergeCell ref="DKO733:DKR733"/>
    <mergeCell ref="DKS733:DKV733"/>
    <mergeCell ref="DKW733:DKZ733"/>
    <mergeCell ref="DLA733:DLD733"/>
    <mergeCell ref="DJQ733:DJT733"/>
    <mergeCell ref="DJU733:DJX733"/>
    <mergeCell ref="DJY733:DKB733"/>
    <mergeCell ref="DKC733:DKF733"/>
    <mergeCell ref="DKG733:DKJ733"/>
    <mergeCell ref="DIW733:DIZ733"/>
    <mergeCell ref="DJA733:DJD733"/>
    <mergeCell ref="DJE733:DJH733"/>
    <mergeCell ref="DJI733:DJL733"/>
    <mergeCell ref="DJM733:DJP733"/>
    <mergeCell ref="DIC733:DIF733"/>
    <mergeCell ref="DIG733:DIJ733"/>
    <mergeCell ref="DIK733:DIN733"/>
    <mergeCell ref="DIO733:DIR733"/>
    <mergeCell ref="DIS733:DIV733"/>
    <mergeCell ref="DHI733:DHL733"/>
    <mergeCell ref="DHM733:DHP733"/>
    <mergeCell ref="DHQ733:DHT733"/>
    <mergeCell ref="DHU733:DHX733"/>
    <mergeCell ref="DHY733:DIB733"/>
    <mergeCell ref="DRI733:DRL733"/>
    <mergeCell ref="DRM733:DRP733"/>
    <mergeCell ref="DRQ733:DRT733"/>
    <mergeCell ref="DRU733:DRX733"/>
    <mergeCell ref="DRY733:DSB733"/>
    <mergeCell ref="DQO733:DQR733"/>
    <mergeCell ref="DQS733:DQV733"/>
    <mergeCell ref="DQW733:DQZ733"/>
    <mergeCell ref="DRA733:DRD733"/>
    <mergeCell ref="DRE733:DRH733"/>
    <mergeCell ref="DPU733:DPX733"/>
    <mergeCell ref="DPY733:DQB733"/>
    <mergeCell ref="DQC733:DQF733"/>
    <mergeCell ref="DQG733:DQJ733"/>
    <mergeCell ref="DQK733:DQN733"/>
    <mergeCell ref="DPA733:DPD733"/>
    <mergeCell ref="DPE733:DPH733"/>
    <mergeCell ref="DPI733:DPL733"/>
    <mergeCell ref="DPM733:DPP733"/>
    <mergeCell ref="DPQ733:DPT733"/>
    <mergeCell ref="DOG733:DOJ733"/>
    <mergeCell ref="DOK733:DON733"/>
    <mergeCell ref="DOO733:DOR733"/>
    <mergeCell ref="DOS733:DOV733"/>
    <mergeCell ref="DOW733:DOZ733"/>
    <mergeCell ref="DNM733:DNP733"/>
    <mergeCell ref="DNQ733:DNT733"/>
    <mergeCell ref="DNU733:DNX733"/>
    <mergeCell ref="DNY733:DOB733"/>
    <mergeCell ref="DOC733:DOF733"/>
    <mergeCell ref="DMS733:DMV733"/>
    <mergeCell ref="DMW733:DMZ733"/>
    <mergeCell ref="DNA733:DND733"/>
    <mergeCell ref="DNE733:DNH733"/>
    <mergeCell ref="DNI733:DNL733"/>
    <mergeCell ref="DWS733:DWV733"/>
    <mergeCell ref="DWW733:DWZ733"/>
    <mergeCell ref="DXA733:DXD733"/>
    <mergeCell ref="DXE733:DXH733"/>
    <mergeCell ref="DXI733:DXL733"/>
    <mergeCell ref="DVY733:DWB733"/>
    <mergeCell ref="DWC733:DWF733"/>
    <mergeCell ref="DWG733:DWJ733"/>
    <mergeCell ref="DWK733:DWN733"/>
    <mergeCell ref="DWO733:DWR733"/>
    <mergeCell ref="DVE733:DVH733"/>
    <mergeCell ref="DVI733:DVL733"/>
    <mergeCell ref="DVM733:DVP733"/>
    <mergeCell ref="DVQ733:DVT733"/>
    <mergeCell ref="DVU733:DVX733"/>
    <mergeCell ref="DUK733:DUN733"/>
    <mergeCell ref="DUO733:DUR733"/>
    <mergeCell ref="DUS733:DUV733"/>
    <mergeCell ref="DUW733:DUZ733"/>
    <mergeCell ref="DVA733:DVD733"/>
    <mergeCell ref="DTQ733:DTT733"/>
    <mergeCell ref="DTU733:DTX733"/>
    <mergeCell ref="DTY733:DUB733"/>
    <mergeCell ref="DUC733:DUF733"/>
    <mergeCell ref="DUG733:DUJ733"/>
    <mergeCell ref="DSW733:DSZ733"/>
    <mergeCell ref="DTA733:DTD733"/>
    <mergeCell ref="DTE733:DTH733"/>
    <mergeCell ref="DTI733:DTL733"/>
    <mergeCell ref="DTM733:DTP733"/>
    <mergeCell ref="DSC733:DSF733"/>
    <mergeCell ref="DSG733:DSJ733"/>
    <mergeCell ref="DSK733:DSN733"/>
    <mergeCell ref="DSO733:DSR733"/>
    <mergeCell ref="DSS733:DSV733"/>
    <mergeCell ref="ECC733:ECF733"/>
    <mergeCell ref="ECG733:ECJ733"/>
    <mergeCell ref="ECK733:ECN733"/>
    <mergeCell ref="ECO733:ECR733"/>
    <mergeCell ref="ECS733:ECV733"/>
    <mergeCell ref="EBI733:EBL733"/>
    <mergeCell ref="EBM733:EBP733"/>
    <mergeCell ref="EBQ733:EBT733"/>
    <mergeCell ref="EBU733:EBX733"/>
    <mergeCell ref="EBY733:ECB733"/>
    <mergeCell ref="EAO733:EAR733"/>
    <mergeCell ref="EAS733:EAV733"/>
    <mergeCell ref="EAW733:EAZ733"/>
    <mergeCell ref="EBA733:EBD733"/>
    <mergeCell ref="EBE733:EBH733"/>
    <mergeCell ref="DZU733:DZX733"/>
    <mergeCell ref="DZY733:EAB733"/>
    <mergeCell ref="EAC733:EAF733"/>
    <mergeCell ref="EAG733:EAJ733"/>
    <mergeCell ref="EAK733:EAN733"/>
    <mergeCell ref="DZA733:DZD733"/>
    <mergeCell ref="DZE733:DZH733"/>
    <mergeCell ref="DZI733:DZL733"/>
    <mergeCell ref="DZM733:DZP733"/>
    <mergeCell ref="DZQ733:DZT733"/>
    <mergeCell ref="DYG733:DYJ733"/>
    <mergeCell ref="DYK733:DYN733"/>
    <mergeCell ref="DYO733:DYR733"/>
    <mergeCell ref="DYS733:DYV733"/>
    <mergeCell ref="DYW733:DYZ733"/>
    <mergeCell ref="DXM733:DXP733"/>
    <mergeCell ref="DXQ733:DXT733"/>
    <mergeCell ref="DXU733:DXX733"/>
    <mergeCell ref="DXY733:DYB733"/>
    <mergeCell ref="DYC733:DYF733"/>
    <mergeCell ref="EHM733:EHP733"/>
    <mergeCell ref="EHQ733:EHT733"/>
    <mergeCell ref="EHU733:EHX733"/>
    <mergeCell ref="EHY733:EIB733"/>
    <mergeCell ref="EIC733:EIF733"/>
    <mergeCell ref="EGS733:EGV733"/>
    <mergeCell ref="EGW733:EGZ733"/>
    <mergeCell ref="EHA733:EHD733"/>
    <mergeCell ref="EHE733:EHH733"/>
    <mergeCell ref="EHI733:EHL733"/>
    <mergeCell ref="EFY733:EGB733"/>
    <mergeCell ref="EGC733:EGF733"/>
    <mergeCell ref="EGG733:EGJ733"/>
    <mergeCell ref="EGK733:EGN733"/>
    <mergeCell ref="EGO733:EGR733"/>
    <mergeCell ref="EFE733:EFH733"/>
    <mergeCell ref="EFI733:EFL733"/>
    <mergeCell ref="EFM733:EFP733"/>
    <mergeCell ref="EFQ733:EFT733"/>
    <mergeCell ref="EFU733:EFX733"/>
    <mergeCell ref="EEK733:EEN733"/>
    <mergeCell ref="EEO733:EER733"/>
    <mergeCell ref="EES733:EEV733"/>
    <mergeCell ref="EEW733:EEZ733"/>
    <mergeCell ref="EFA733:EFD733"/>
    <mergeCell ref="EDQ733:EDT733"/>
    <mergeCell ref="EDU733:EDX733"/>
    <mergeCell ref="EDY733:EEB733"/>
    <mergeCell ref="EEC733:EEF733"/>
    <mergeCell ref="EEG733:EEJ733"/>
    <mergeCell ref="ECW733:ECZ733"/>
    <mergeCell ref="EDA733:EDD733"/>
    <mergeCell ref="EDE733:EDH733"/>
    <mergeCell ref="EDI733:EDL733"/>
    <mergeCell ref="EDM733:EDP733"/>
    <mergeCell ref="EMW733:EMZ733"/>
    <mergeCell ref="ENA733:END733"/>
    <mergeCell ref="ENE733:ENH733"/>
    <mergeCell ref="ENI733:ENL733"/>
    <mergeCell ref="ENM733:ENP733"/>
    <mergeCell ref="EMC733:EMF733"/>
    <mergeCell ref="EMG733:EMJ733"/>
    <mergeCell ref="EMK733:EMN733"/>
    <mergeCell ref="EMO733:EMR733"/>
    <mergeCell ref="EMS733:EMV733"/>
    <mergeCell ref="ELI733:ELL733"/>
    <mergeCell ref="ELM733:ELP733"/>
    <mergeCell ref="ELQ733:ELT733"/>
    <mergeCell ref="ELU733:ELX733"/>
    <mergeCell ref="ELY733:EMB733"/>
    <mergeCell ref="EKO733:EKR733"/>
    <mergeCell ref="EKS733:EKV733"/>
    <mergeCell ref="EKW733:EKZ733"/>
    <mergeCell ref="ELA733:ELD733"/>
    <mergeCell ref="ELE733:ELH733"/>
    <mergeCell ref="EJU733:EJX733"/>
    <mergeCell ref="EJY733:EKB733"/>
    <mergeCell ref="EKC733:EKF733"/>
    <mergeCell ref="EKG733:EKJ733"/>
    <mergeCell ref="EKK733:EKN733"/>
    <mergeCell ref="EJA733:EJD733"/>
    <mergeCell ref="EJE733:EJH733"/>
    <mergeCell ref="EJI733:EJL733"/>
    <mergeCell ref="EJM733:EJP733"/>
    <mergeCell ref="EJQ733:EJT733"/>
    <mergeCell ref="EIG733:EIJ733"/>
    <mergeCell ref="EIK733:EIN733"/>
    <mergeCell ref="EIO733:EIR733"/>
    <mergeCell ref="EIS733:EIV733"/>
    <mergeCell ref="EIW733:EIZ733"/>
    <mergeCell ref="ESG733:ESJ733"/>
    <mergeCell ref="ESK733:ESN733"/>
    <mergeCell ref="ESO733:ESR733"/>
    <mergeCell ref="ESS733:ESV733"/>
    <mergeCell ref="ESW733:ESZ733"/>
    <mergeCell ref="ERM733:ERP733"/>
    <mergeCell ref="ERQ733:ERT733"/>
    <mergeCell ref="ERU733:ERX733"/>
    <mergeCell ref="ERY733:ESB733"/>
    <mergeCell ref="ESC733:ESF733"/>
    <mergeCell ref="EQS733:EQV733"/>
    <mergeCell ref="EQW733:EQZ733"/>
    <mergeCell ref="ERA733:ERD733"/>
    <mergeCell ref="ERE733:ERH733"/>
    <mergeCell ref="ERI733:ERL733"/>
    <mergeCell ref="EPY733:EQB733"/>
    <mergeCell ref="EQC733:EQF733"/>
    <mergeCell ref="EQG733:EQJ733"/>
    <mergeCell ref="EQK733:EQN733"/>
    <mergeCell ref="EQO733:EQR733"/>
    <mergeCell ref="EPE733:EPH733"/>
    <mergeCell ref="EPI733:EPL733"/>
    <mergeCell ref="EPM733:EPP733"/>
    <mergeCell ref="EPQ733:EPT733"/>
    <mergeCell ref="EPU733:EPX733"/>
    <mergeCell ref="EOK733:EON733"/>
    <mergeCell ref="EOO733:EOR733"/>
    <mergeCell ref="EOS733:EOV733"/>
    <mergeCell ref="EOW733:EOZ733"/>
    <mergeCell ref="EPA733:EPD733"/>
    <mergeCell ref="ENQ733:ENT733"/>
    <mergeCell ref="ENU733:ENX733"/>
    <mergeCell ref="ENY733:EOB733"/>
    <mergeCell ref="EOC733:EOF733"/>
    <mergeCell ref="EOG733:EOJ733"/>
    <mergeCell ref="EXQ733:EXT733"/>
    <mergeCell ref="EXU733:EXX733"/>
    <mergeCell ref="EXY733:EYB733"/>
    <mergeCell ref="EYC733:EYF733"/>
    <mergeCell ref="EYG733:EYJ733"/>
    <mergeCell ref="EWW733:EWZ733"/>
    <mergeCell ref="EXA733:EXD733"/>
    <mergeCell ref="EXE733:EXH733"/>
    <mergeCell ref="EXI733:EXL733"/>
    <mergeCell ref="EXM733:EXP733"/>
    <mergeCell ref="EWC733:EWF733"/>
    <mergeCell ref="EWG733:EWJ733"/>
    <mergeCell ref="EWK733:EWN733"/>
    <mergeCell ref="EWO733:EWR733"/>
    <mergeCell ref="EWS733:EWV733"/>
    <mergeCell ref="EVI733:EVL733"/>
    <mergeCell ref="EVM733:EVP733"/>
    <mergeCell ref="EVQ733:EVT733"/>
    <mergeCell ref="EVU733:EVX733"/>
    <mergeCell ref="EVY733:EWB733"/>
    <mergeCell ref="EUO733:EUR733"/>
    <mergeCell ref="EUS733:EUV733"/>
    <mergeCell ref="EUW733:EUZ733"/>
    <mergeCell ref="EVA733:EVD733"/>
    <mergeCell ref="EVE733:EVH733"/>
    <mergeCell ref="ETU733:ETX733"/>
    <mergeCell ref="ETY733:EUB733"/>
    <mergeCell ref="EUC733:EUF733"/>
    <mergeCell ref="EUG733:EUJ733"/>
    <mergeCell ref="EUK733:EUN733"/>
    <mergeCell ref="ETA733:ETD733"/>
    <mergeCell ref="ETE733:ETH733"/>
    <mergeCell ref="ETI733:ETL733"/>
    <mergeCell ref="ETM733:ETP733"/>
    <mergeCell ref="ETQ733:ETT733"/>
    <mergeCell ref="FDA733:FDD733"/>
    <mergeCell ref="FDE733:FDH733"/>
    <mergeCell ref="FDI733:FDL733"/>
    <mergeCell ref="FDM733:FDP733"/>
    <mergeCell ref="FDQ733:FDT733"/>
    <mergeCell ref="FCG733:FCJ733"/>
    <mergeCell ref="FCK733:FCN733"/>
    <mergeCell ref="FCO733:FCR733"/>
    <mergeCell ref="FCS733:FCV733"/>
    <mergeCell ref="FCW733:FCZ733"/>
    <mergeCell ref="FBM733:FBP733"/>
    <mergeCell ref="FBQ733:FBT733"/>
    <mergeCell ref="FBU733:FBX733"/>
    <mergeCell ref="FBY733:FCB733"/>
    <mergeCell ref="FCC733:FCF733"/>
    <mergeCell ref="FAS733:FAV733"/>
    <mergeCell ref="FAW733:FAZ733"/>
    <mergeCell ref="FBA733:FBD733"/>
    <mergeCell ref="FBE733:FBH733"/>
    <mergeCell ref="FBI733:FBL733"/>
    <mergeCell ref="EZY733:FAB733"/>
    <mergeCell ref="FAC733:FAF733"/>
    <mergeCell ref="FAG733:FAJ733"/>
    <mergeCell ref="FAK733:FAN733"/>
    <mergeCell ref="FAO733:FAR733"/>
    <mergeCell ref="EZE733:EZH733"/>
    <mergeCell ref="EZI733:EZL733"/>
    <mergeCell ref="EZM733:EZP733"/>
    <mergeCell ref="EZQ733:EZT733"/>
    <mergeCell ref="EZU733:EZX733"/>
    <mergeCell ref="EYK733:EYN733"/>
    <mergeCell ref="EYO733:EYR733"/>
    <mergeCell ref="EYS733:EYV733"/>
    <mergeCell ref="EYW733:EYZ733"/>
    <mergeCell ref="EZA733:EZD733"/>
    <mergeCell ref="FIK733:FIN733"/>
    <mergeCell ref="FIO733:FIR733"/>
    <mergeCell ref="FIS733:FIV733"/>
    <mergeCell ref="FIW733:FIZ733"/>
    <mergeCell ref="FJA733:FJD733"/>
    <mergeCell ref="FHQ733:FHT733"/>
    <mergeCell ref="FHU733:FHX733"/>
    <mergeCell ref="FHY733:FIB733"/>
    <mergeCell ref="FIC733:FIF733"/>
    <mergeCell ref="FIG733:FIJ733"/>
    <mergeCell ref="FGW733:FGZ733"/>
    <mergeCell ref="FHA733:FHD733"/>
    <mergeCell ref="FHE733:FHH733"/>
    <mergeCell ref="FHI733:FHL733"/>
    <mergeCell ref="FHM733:FHP733"/>
    <mergeCell ref="FGC733:FGF733"/>
    <mergeCell ref="FGG733:FGJ733"/>
    <mergeCell ref="FGK733:FGN733"/>
    <mergeCell ref="FGO733:FGR733"/>
    <mergeCell ref="FGS733:FGV733"/>
    <mergeCell ref="FFI733:FFL733"/>
    <mergeCell ref="FFM733:FFP733"/>
    <mergeCell ref="FFQ733:FFT733"/>
    <mergeCell ref="FFU733:FFX733"/>
    <mergeCell ref="FFY733:FGB733"/>
    <mergeCell ref="FEO733:FER733"/>
    <mergeCell ref="FES733:FEV733"/>
    <mergeCell ref="FEW733:FEZ733"/>
    <mergeCell ref="FFA733:FFD733"/>
    <mergeCell ref="FFE733:FFH733"/>
    <mergeCell ref="FDU733:FDX733"/>
    <mergeCell ref="FDY733:FEB733"/>
    <mergeCell ref="FEC733:FEF733"/>
    <mergeCell ref="FEG733:FEJ733"/>
    <mergeCell ref="FEK733:FEN733"/>
    <mergeCell ref="FNU733:FNX733"/>
    <mergeCell ref="FNY733:FOB733"/>
    <mergeCell ref="FOC733:FOF733"/>
    <mergeCell ref="FOG733:FOJ733"/>
    <mergeCell ref="FOK733:FON733"/>
    <mergeCell ref="FNA733:FND733"/>
    <mergeCell ref="FNE733:FNH733"/>
    <mergeCell ref="FNI733:FNL733"/>
    <mergeCell ref="FNM733:FNP733"/>
    <mergeCell ref="FNQ733:FNT733"/>
    <mergeCell ref="FMG733:FMJ733"/>
    <mergeCell ref="FMK733:FMN733"/>
    <mergeCell ref="FMO733:FMR733"/>
    <mergeCell ref="FMS733:FMV733"/>
    <mergeCell ref="FMW733:FMZ733"/>
    <mergeCell ref="FLM733:FLP733"/>
    <mergeCell ref="FLQ733:FLT733"/>
    <mergeCell ref="FLU733:FLX733"/>
    <mergeCell ref="FLY733:FMB733"/>
    <mergeCell ref="FMC733:FMF733"/>
    <mergeCell ref="FKS733:FKV733"/>
    <mergeCell ref="FKW733:FKZ733"/>
    <mergeCell ref="FLA733:FLD733"/>
    <mergeCell ref="FLE733:FLH733"/>
    <mergeCell ref="FLI733:FLL733"/>
    <mergeCell ref="FJY733:FKB733"/>
    <mergeCell ref="FKC733:FKF733"/>
    <mergeCell ref="FKG733:FKJ733"/>
    <mergeCell ref="FKK733:FKN733"/>
    <mergeCell ref="FKO733:FKR733"/>
    <mergeCell ref="FJE733:FJH733"/>
    <mergeCell ref="FJI733:FJL733"/>
    <mergeCell ref="FJM733:FJP733"/>
    <mergeCell ref="FJQ733:FJT733"/>
    <mergeCell ref="FJU733:FJX733"/>
    <mergeCell ref="FTE733:FTH733"/>
    <mergeCell ref="FTI733:FTL733"/>
    <mergeCell ref="FTM733:FTP733"/>
    <mergeCell ref="FTQ733:FTT733"/>
    <mergeCell ref="FTU733:FTX733"/>
    <mergeCell ref="FSK733:FSN733"/>
    <mergeCell ref="FSO733:FSR733"/>
    <mergeCell ref="FSS733:FSV733"/>
    <mergeCell ref="FSW733:FSZ733"/>
    <mergeCell ref="FTA733:FTD733"/>
    <mergeCell ref="FRQ733:FRT733"/>
    <mergeCell ref="FRU733:FRX733"/>
    <mergeCell ref="FRY733:FSB733"/>
    <mergeCell ref="FSC733:FSF733"/>
    <mergeCell ref="FSG733:FSJ733"/>
    <mergeCell ref="FQW733:FQZ733"/>
    <mergeCell ref="FRA733:FRD733"/>
    <mergeCell ref="FRE733:FRH733"/>
    <mergeCell ref="FRI733:FRL733"/>
    <mergeCell ref="FRM733:FRP733"/>
    <mergeCell ref="FQC733:FQF733"/>
    <mergeCell ref="FQG733:FQJ733"/>
    <mergeCell ref="FQK733:FQN733"/>
    <mergeCell ref="FQO733:FQR733"/>
    <mergeCell ref="FQS733:FQV733"/>
    <mergeCell ref="FPI733:FPL733"/>
    <mergeCell ref="FPM733:FPP733"/>
    <mergeCell ref="FPQ733:FPT733"/>
    <mergeCell ref="FPU733:FPX733"/>
    <mergeCell ref="FPY733:FQB733"/>
    <mergeCell ref="FOO733:FOR733"/>
    <mergeCell ref="FOS733:FOV733"/>
    <mergeCell ref="FOW733:FOZ733"/>
    <mergeCell ref="FPA733:FPD733"/>
    <mergeCell ref="FPE733:FPH733"/>
    <mergeCell ref="FYO733:FYR733"/>
    <mergeCell ref="FYS733:FYV733"/>
    <mergeCell ref="FYW733:FYZ733"/>
    <mergeCell ref="FZA733:FZD733"/>
    <mergeCell ref="FZE733:FZH733"/>
    <mergeCell ref="FXU733:FXX733"/>
    <mergeCell ref="FXY733:FYB733"/>
    <mergeCell ref="FYC733:FYF733"/>
    <mergeCell ref="FYG733:FYJ733"/>
    <mergeCell ref="FYK733:FYN733"/>
    <mergeCell ref="FXA733:FXD733"/>
    <mergeCell ref="FXE733:FXH733"/>
    <mergeCell ref="FXI733:FXL733"/>
    <mergeCell ref="FXM733:FXP733"/>
    <mergeCell ref="FXQ733:FXT733"/>
    <mergeCell ref="FWG733:FWJ733"/>
    <mergeCell ref="FWK733:FWN733"/>
    <mergeCell ref="FWO733:FWR733"/>
    <mergeCell ref="FWS733:FWV733"/>
    <mergeCell ref="FWW733:FWZ733"/>
    <mergeCell ref="FVM733:FVP733"/>
    <mergeCell ref="FVQ733:FVT733"/>
    <mergeCell ref="FVU733:FVX733"/>
    <mergeCell ref="FVY733:FWB733"/>
    <mergeCell ref="FWC733:FWF733"/>
    <mergeCell ref="FUS733:FUV733"/>
    <mergeCell ref="FUW733:FUZ733"/>
    <mergeCell ref="FVA733:FVD733"/>
    <mergeCell ref="FVE733:FVH733"/>
    <mergeCell ref="FVI733:FVL733"/>
    <mergeCell ref="FTY733:FUB733"/>
    <mergeCell ref="FUC733:FUF733"/>
    <mergeCell ref="FUG733:FUJ733"/>
    <mergeCell ref="FUK733:FUN733"/>
    <mergeCell ref="FUO733:FUR733"/>
    <mergeCell ref="GDY733:GEB733"/>
    <mergeCell ref="GEC733:GEF733"/>
    <mergeCell ref="GEG733:GEJ733"/>
    <mergeCell ref="GEK733:GEN733"/>
    <mergeCell ref="GEO733:GER733"/>
    <mergeCell ref="GDE733:GDH733"/>
    <mergeCell ref="GDI733:GDL733"/>
    <mergeCell ref="GDM733:GDP733"/>
    <mergeCell ref="GDQ733:GDT733"/>
    <mergeCell ref="GDU733:GDX733"/>
    <mergeCell ref="GCK733:GCN733"/>
    <mergeCell ref="GCO733:GCR733"/>
    <mergeCell ref="GCS733:GCV733"/>
    <mergeCell ref="GCW733:GCZ733"/>
    <mergeCell ref="GDA733:GDD733"/>
    <mergeCell ref="GBQ733:GBT733"/>
    <mergeCell ref="GBU733:GBX733"/>
    <mergeCell ref="GBY733:GCB733"/>
    <mergeCell ref="GCC733:GCF733"/>
    <mergeCell ref="GCG733:GCJ733"/>
    <mergeCell ref="GAW733:GAZ733"/>
    <mergeCell ref="GBA733:GBD733"/>
    <mergeCell ref="GBE733:GBH733"/>
    <mergeCell ref="GBI733:GBL733"/>
    <mergeCell ref="GBM733:GBP733"/>
    <mergeCell ref="GAC733:GAF733"/>
    <mergeCell ref="GAG733:GAJ733"/>
    <mergeCell ref="GAK733:GAN733"/>
    <mergeCell ref="GAO733:GAR733"/>
    <mergeCell ref="GAS733:GAV733"/>
    <mergeCell ref="FZI733:FZL733"/>
    <mergeCell ref="FZM733:FZP733"/>
    <mergeCell ref="FZQ733:FZT733"/>
    <mergeCell ref="FZU733:FZX733"/>
    <mergeCell ref="FZY733:GAB733"/>
    <mergeCell ref="GJI733:GJL733"/>
    <mergeCell ref="GJM733:GJP733"/>
    <mergeCell ref="GJQ733:GJT733"/>
    <mergeCell ref="GJU733:GJX733"/>
    <mergeCell ref="GJY733:GKB733"/>
    <mergeCell ref="GIO733:GIR733"/>
    <mergeCell ref="GIS733:GIV733"/>
    <mergeCell ref="GIW733:GIZ733"/>
    <mergeCell ref="GJA733:GJD733"/>
    <mergeCell ref="GJE733:GJH733"/>
    <mergeCell ref="GHU733:GHX733"/>
    <mergeCell ref="GHY733:GIB733"/>
    <mergeCell ref="GIC733:GIF733"/>
    <mergeCell ref="GIG733:GIJ733"/>
    <mergeCell ref="GIK733:GIN733"/>
    <mergeCell ref="GHA733:GHD733"/>
    <mergeCell ref="GHE733:GHH733"/>
    <mergeCell ref="GHI733:GHL733"/>
    <mergeCell ref="GHM733:GHP733"/>
    <mergeCell ref="GHQ733:GHT733"/>
    <mergeCell ref="GGG733:GGJ733"/>
    <mergeCell ref="GGK733:GGN733"/>
    <mergeCell ref="GGO733:GGR733"/>
    <mergeCell ref="GGS733:GGV733"/>
    <mergeCell ref="GGW733:GGZ733"/>
    <mergeCell ref="GFM733:GFP733"/>
    <mergeCell ref="GFQ733:GFT733"/>
    <mergeCell ref="GFU733:GFX733"/>
    <mergeCell ref="GFY733:GGB733"/>
    <mergeCell ref="GGC733:GGF733"/>
    <mergeCell ref="GES733:GEV733"/>
    <mergeCell ref="GEW733:GEZ733"/>
    <mergeCell ref="GFA733:GFD733"/>
    <mergeCell ref="GFE733:GFH733"/>
    <mergeCell ref="GFI733:GFL733"/>
    <mergeCell ref="GOS733:GOV733"/>
    <mergeCell ref="GOW733:GOZ733"/>
    <mergeCell ref="GPA733:GPD733"/>
    <mergeCell ref="GPE733:GPH733"/>
    <mergeCell ref="GPI733:GPL733"/>
    <mergeCell ref="GNY733:GOB733"/>
    <mergeCell ref="GOC733:GOF733"/>
    <mergeCell ref="GOG733:GOJ733"/>
    <mergeCell ref="GOK733:GON733"/>
    <mergeCell ref="GOO733:GOR733"/>
    <mergeCell ref="GNE733:GNH733"/>
    <mergeCell ref="GNI733:GNL733"/>
    <mergeCell ref="GNM733:GNP733"/>
    <mergeCell ref="GNQ733:GNT733"/>
    <mergeCell ref="GNU733:GNX733"/>
    <mergeCell ref="GMK733:GMN733"/>
    <mergeCell ref="GMO733:GMR733"/>
    <mergeCell ref="GMS733:GMV733"/>
    <mergeCell ref="GMW733:GMZ733"/>
    <mergeCell ref="GNA733:GND733"/>
    <mergeCell ref="GLQ733:GLT733"/>
    <mergeCell ref="GLU733:GLX733"/>
    <mergeCell ref="GLY733:GMB733"/>
    <mergeCell ref="GMC733:GMF733"/>
    <mergeCell ref="GMG733:GMJ733"/>
    <mergeCell ref="GKW733:GKZ733"/>
    <mergeCell ref="GLA733:GLD733"/>
    <mergeCell ref="GLE733:GLH733"/>
    <mergeCell ref="GLI733:GLL733"/>
    <mergeCell ref="GLM733:GLP733"/>
    <mergeCell ref="GKC733:GKF733"/>
    <mergeCell ref="GKG733:GKJ733"/>
    <mergeCell ref="GKK733:GKN733"/>
    <mergeCell ref="GKO733:GKR733"/>
    <mergeCell ref="GKS733:GKV733"/>
    <mergeCell ref="GUC733:GUF733"/>
    <mergeCell ref="GUG733:GUJ733"/>
    <mergeCell ref="GUK733:GUN733"/>
    <mergeCell ref="GUO733:GUR733"/>
    <mergeCell ref="GUS733:GUV733"/>
    <mergeCell ref="GTI733:GTL733"/>
    <mergeCell ref="GTM733:GTP733"/>
    <mergeCell ref="GTQ733:GTT733"/>
    <mergeCell ref="GTU733:GTX733"/>
    <mergeCell ref="GTY733:GUB733"/>
    <mergeCell ref="GSO733:GSR733"/>
    <mergeCell ref="GSS733:GSV733"/>
    <mergeCell ref="GSW733:GSZ733"/>
    <mergeCell ref="GTA733:GTD733"/>
    <mergeCell ref="GTE733:GTH733"/>
    <mergeCell ref="GRU733:GRX733"/>
    <mergeCell ref="GRY733:GSB733"/>
    <mergeCell ref="GSC733:GSF733"/>
    <mergeCell ref="GSG733:GSJ733"/>
    <mergeCell ref="GSK733:GSN733"/>
    <mergeCell ref="GRA733:GRD733"/>
    <mergeCell ref="GRE733:GRH733"/>
    <mergeCell ref="GRI733:GRL733"/>
    <mergeCell ref="GRM733:GRP733"/>
    <mergeCell ref="GRQ733:GRT733"/>
    <mergeCell ref="GQG733:GQJ733"/>
    <mergeCell ref="GQK733:GQN733"/>
    <mergeCell ref="GQO733:GQR733"/>
    <mergeCell ref="GQS733:GQV733"/>
    <mergeCell ref="GQW733:GQZ733"/>
    <mergeCell ref="GPM733:GPP733"/>
    <mergeCell ref="GPQ733:GPT733"/>
    <mergeCell ref="GPU733:GPX733"/>
    <mergeCell ref="GPY733:GQB733"/>
    <mergeCell ref="GQC733:GQF733"/>
    <mergeCell ref="GZM733:GZP733"/>
    <mergeCell ref="GZQ733:GZT733"/>
    <mergeCell ref="GZU733:GZX733"/>
    <mergeCell ref="GZY733:HAB733"/>
    <mergeCell ref="HAC733:HAF733"/>
    <mergeCell ref="GYS733:GYV733"/>
    <mergeCell ref="GYW733:GYZ733"/>
    <mergeCell ref="GZA733:GZD733"/>
    <mergeCell ref="GZE733:GZH733"/>
    <mergeCell ref="GZI733:GZL733"/>
    <mergeCell ref="GXY733:GYB733"/>
    <mergeCell ref="GYC733:GYF733"/>
    <mergeCell ref="GYG733:GYJ733"/>
    <mergeCell ref="GYK733:GYN733"/>
    <mergeCell ref="GYO733:GYR733"/>
    <mergeCell ref="GXE733:GXH733"/>
    <mergeCell ref="GXI733:GXL733"/>
    <mergeCell ref="GXM733:GXP733"/>
    <mergeCell ref="GXQ733:GXT733"/>
    <mergeCell ref="GXU733:GXX733"/>
    <mergeCell ref="GWK733:GWN733"/>
    <mergeCell ref="GWO733:GWR733"/>
    <mergeCell ref="GWS733:GWV733"/>
    <mergeCell ref="GWW733:GWZ733"/>
    <mergeCell ref="GXA733:GXD733"/>
    <mergeCell ref="GVQ733:GVT733"/>
    <mergeCell ref="GVU733:GVX733"/>
    <mergeCell ref="GVY733:GWB733"/>
    <mergeCell ref="GWC733:GWF733"/>
    <mergeCell ref="GWG733:GWJ733"/>
    <mergeCell ref="GUW733:GUZ733"/>
    <mergeCell ref="GVA733:GVD733"/>
    <mergeCell ref="GVE733:GVH733"/>
    <mergeCell ref="GVI733:GVL733"/>
    <mergeCell ref="GVM733:GVP733"/>
    <mergeCell ref="HEW733:HEZ733"/>
    <mergeCell ref="HFA733:HFD733"/>
    <mergeCell ref="HFE733:HFH733"/>
    <mergeCell ref="HFI733:HFL733"/>
    <mergeCell ref="HFM733:HFP733"/>
    <mergeCell ref="HEC733:HEF733"/>
    <mergeCell ref="HEG733:HEJ733"/>
    <mergeCell ref="HEK733:HEN733"/>
    <mergeCell ref="HEO733:HER733"/>
    <mergeCell ref="HES733:HEV733"/>
    <mergeCell ref="HDI733:HDL733"/>
    <mergeCell ref="HDM733:HDP733"/>
    <mergeCell ref="HDQ733:HDT733"/>
    <mergeCell ref="HDU733:HDX733"/>
    <mergeCell ref="HDY733:HEB733"/>
    <mergeCell ref="HCO733:HCR733"/>
    <mergeCell ref="HCS733:HCV733"/>
    <mergeCell ref="HCW733:HCZ733"/>
    <mergeCell ref="HDA733:HDD733"/>
    <mergeCell ref="HDE733:HDH733"/>
    <mergeCell ref="HBU733:HBX733"/>
    <mergeCell ref="HBY733:HCB733"/>
    <mergeCell ref="HCC733:HCF733"/>
    <mergeCell ref="HCG733:HCJ733"/>
    <mergeCell ref="HCK733:HCN733"/>
    <mergeCell ref="HBA733:HBD733"/>
    <mergeCell ref="HBE733:HBH733"/>
    <mergeCell ref="HBI733:HBL733"/>
    <mergeCell ref="HBM733:HBP733"/>
    <mergeCell ref="HBQ733:HBT733"/>
    <mergeCell ref="HAG733:HAJ733"/>
    <mergeCell ref="HAK733:HAN733"/>
    <mergeCell ref="HAO733:HAR733"/>
    <mergeCell ref="HAS733:HAV733"/>
    <mergeCell ref="HAW733:HAZ733"/>
    <mergeCell ref="HKG733:HKJ733"/>
    <mergeCell ref="HKK733:HKN733"/>
    <mergeCell ref="HKO733:HKR733"/>
    <mergeCell ref="HKS733:HKV733"/>
    <mergeCell ref="HKW733:HKZ733"/>
    <mergeCell ref="HJM733:HJP733"/>
    <mergeCell ref="HJQ733:HJT733"/>
    <mergeCell ref="HJU733:HJX733"/>
    <mergeCell ref="HJY733:HKB733"/>
    <mergeCell ref="HKC733:HKF733"/>
    <mergeCell ref="HIS733:HIV733"/>
    <mergeCell ref="HIW733:HIZ733"/>
    <mergeCell ref="HJA733:HJD733"/>
    <mergeCell ref="HJE733:HJH733"/>
    <mergeCell ref="HJI733:HJL733"/>
    <mergeCell ref="HHY733:HIB733"/>
    <mergeCell ref="HIC733:HIF733"/>
    <mergeCell ref="HIG733:HIJ733"/>
    <mergeCell ref="HIK733:HIN733"/>
    <mergeCell ref="HIO733:HIR733"/>
    <mergeCell ref="HHE733:HHH733"/>
    <mergeCell ref="HHI733:HHL733"/>
    <mergeCell ref="HHM733:HHP733"/>
    <mergeCell ref="HHQ733:HHT733"/>
    <mergeCell ref="HHU733:HHX733"/>
    <mergeCell ref="HGK733:HGN733"/>
    <mergeCell ref="HGO733:HGR733"/>
    <mergeCell ref="HGS733:HGV733"/>
    <mergeCell ref="HGW733:HGZ733"/>
    <mergeCell ref="HHA733:HHD733"/>
    <mergeCell ref="HFQ733:HFT733"/>
    <mergeCell ref="HFU733:HFX733"/>
    <mergeCell ref="HFY733:HGB733"/>
    <mergeCell ref="HGC733:HGF733"/>
    <mergeCell ref="HGG733:HGJ733"/>
    <mergeCell ref="HPQ733:HPT733"/>
    <mergeCell ref="HPU733:HPX733"/>
    <mergeCell ref="HPY733:HQB733"/>
    <mergeCell ref="HQC733:HQF733"/>
    <mergeCell ref="HQG733:HQJ733"/>
    <mergeCell ref="HOW733:HOZ733"/>
    <mergeCell ref="HPA733:HPD733"/>
    <mergeCell ref="HPE733:HPH733"/>
    <mergeCell ref="HPI733:HPL733"/>
    <mergeCell ref="HPM733:HPP733"/>
    <mergeCell ref="HOC733:HOF733"/>
    <mergeCell ref="HOG733:HOJ733"/>
    <mergeCell ref="HOK733:HON733"/>
    <mergeCell ref="HOO733:HOR733"/>
    <mergeCell ref="HOS733:HOV733"/>
    <mergeCell ref="HNI733:HNL733"/>
    <mergeCell ref="HNM733:HNP733"/>
    <mergeCell ref="HNQ733:HNT733"/>
    <mergeCell ref="HNU733:HNX733"/>
    <mergeCell ref="HNY733:HOB733"/>
    <mergeCell ref="HMO733:HMR733"/>
    <mergeCell ref="HMS733:HMV733"/>
    <mergeCell ref="HMW733:HMZ733"/>
    <mergeCell ref="HNA733:HND733"/>
    <mergeCell ref="HNE733:HNH733"/>
    <mergeCell ref="HLU733:HLX733"/>
    <mergeCell ref="HLY733:HMB733"/>
    <mergeCell ref="HMC733:HMF733"/>
    <mergeCell ref="HMG733:HMJ733"/>
    <mergeCell ref="HMK733:HMN733"/>
    <mergeCell ref="HLA733:HLD733"/>
    <mergeCell ref="HLE733:HLH733"/>
    <mergeCell ref="HLI733:HLL733"/>
    <mergeCell ref="HLM733:HLP733"/>
    <mergeCell ref="HLQ733:HLT733"/>
    <mergeCell ref="HVA733:HVD733"/>
    <mergeCell ref="HVE733:HVH733"/>
    <mergeCell ref="HVI733:HVL733"/>
    <mergeCell ref="HVM733:HVP733"/>
    <mergeCell ref="HVQ733:HVT733"/>
    <mergeCell ref="HUG733:HUJ733"/>
    <mergeCell ref="HUK733:HUN733"/>
    <mergeCell ref="HUO733:HUR733"/>
    <mergeCell ref="HUS733:HUV733"/>
    <mergeCell ref="HUW733:HUZ733"/>
    <mergeCell ref="HTM733:HTP733"/>
    <mergeCell ref="HTQ733:HTT733"/>
    <mergeCell ref="HTU733:HTX733"/>
    <mergeCell ref="HTY733:HUB733"/>
    <mergeCell ref="HUC733:HUF733"/>
    <mergeCell ref="HSS733:HSV733"/>
    <mergeCell ref="HSW733:HSZ733"/>
    <mergeCell ref="HTA733:HTD733"/>
    <mergeCell ref="HTE733:HTH733"/>
    <mergeCell ref="HTI733:HTL733"/>
    <mergeCell ref="HRY733:HSB733"/>
    <mergeCell ref="HSC733:HSF733"/>
    <mergeCell ref="HSG733:HSJ733"/>
    <mergeCell ref="HSK733:HSN733"/>
    <mergeCell ref="HSO733:HSR733"/>
    <mergeCell ref="HRE733:HRH733"/>
    <mergeCell ref="HRI733:HRL733"/>
    <mergeCell ref="HRM733:HRP733"/>
    <mergeCell ref="HRQ733:HRT733"/>
    <mergeCell ref="HRU733:HRX733"/>
    <mergeCell ref="HQK733:HQN733"/>
    <mergeCell ref="HQO733:HQR733"/>
    <mergeCell ref="HQS733:HQV733"/>
    <mergeCell ref="HQW733:HQZ733"/>
    <mergeCell ref="HRA733:HRD733"/>
    <mergeCell ref="IAK733:IAN733"/>
    <mergeCell ref="IAO733:IAR733"/>
    <mergeCell ref="IAS733:IAV733"/>
    <mergeCell ref="IAW733:IAZ733"/>
    <mergeCell ref="IBA733:IBD733"/>
    <mergeCell ref="HZQ733:HZT733"/>
    <mergeCell ref="HZU733:HZX733"/>
    <mergeCell ref="HZY733:IAB733"/>
    <mergeCell ref="IAC733:IAF733"/>
    <mergeCell ref="IAG733:IAJ733"/>
    <mergeCell ref="HYW733:HYZ733"/>
    <mergeCell ref="HZA733:HZD733"/>
    <mergeCell ref="HZE733:HZH733"/>
    <mergeCell ref="HZI733:HZL733"/>
    <mergeCell ref="HZM733:HZP733"/>
    <mergeCell ref="HYC733:HYF733"/>
    <mergeCell ref="HYG733:HYJ733"/>
    <mergeCell ref="HYK733:HYN733"/>
    <mergeCell ref="HYO733:HYR733"/>
    <mergeCell ref="HYS733:HYV733"/>
    <mergeCell ref="HXI733:HXL733"/>
    <mergeCell ref="HXM733:HXP733"/>
    <mergeCell ref="HXQ733:HXT733"/>
    <mergeCell ref="HXU733:HXX733"/>
    <mergeCell ref="HXY733:HYB733"/>
    <mergeCell ref="HWO733:HWR733"/>
    <mergeCell ref="HWS733:HWV733"/>
    <mergeCell ref="HWW733:HWZ733"/>
    <mergeCell ref="HXA733:HXD733"/>
    <mergeCell ref="HXE733:HXH733"/>
    <mergeCell ref="HVU733:HVX733"/>
    <mergeCell ref="HVY733:HWB733"/>
    <mergeCell ref="HWC733:HWF733"/>
    <mergeCell ref="HWG733:HWJ733"/>
    <mergeCell ref="HWK733:HWN733"/>
    <mergeCell ref="IFU733:IFX733"/>
    <mergeCell ref="IFY733:IGB733"/>
    <mergeCell ref="IGC733:IGF733"/>
    <mergeCell ref="IGG733:IGJ733"/>
    <mergeCell ref="IGK733:IGN733"/>
    <mergeCell ref="IFA733:IFD733"/>
    <mergeCell ref="IFE733:IFH733"/>
    <mergeCell ref="IFI733:IFL733"/>
    <mergeCell ref="IFM733:IFP733"/>
    <mergeCell ref="IFQ733:IFT733"/>
    <mergeCell ref="IEG733:IEJ733"/>
    <mergeCell ref="IEK733:IEN733"/>
    <mergeCell ref="IEO733:IER733"/>
    <mergeCell ref="IES733:IEV733"/>
    <mergeCell ref="IEW733:IEZ733"/>
    <mergeCell ref="IDM733:IDP733"/>
    <mergeCell ref="IDQ733:IDT733"/>
    <mergeCell ref="IDU733:IDX733"/>
    <mergeCell ref="IDY733:IEB733"/>
    <mergeCell ref="IEC733:IEF733"/>
    <mergeCell ref="ICS733:ICV733"/>
    <mergeCell ref="ICW733:ICZ733"/>
    <mergeCell ref="IDA733:IDD733"/>
    <mergeCell ref="IDE733:IDH733"/>
    <mergeCell ref="IDI733:IDL733"/>
    <mergeCell ref="IBY733:ICB733"/>
    <mergeCell ref="ICC733:ICF733"/>
    <mergeCell ref="ICG733:ICJ733"/>
    <mergeCell ref="ICK733:ICN733"/>
    <mergeCell ref="ICO733:ICR733"/>
    <mergeCell ref="IBE733:IBH733"/>
    <mergeCell ref="IBI733:IBL733"/>
    <mergeCell ref="IBM733:IBP733"/>
    <mergeCell ref="IBQ733:IBT733"/>
    <mergeCell ref="IBU733:IBX733"/>
    <mergeCell ref="ILE733:ILH733"/>
    <mergeCell ref="ILI733:ILL733"/>
    <mergeCell ref="ILM733:ILP733"/>
    <mergeCell ref="ILQ733:ILT733"/>
    <mergeCell ref="ILU733:ILX733"/>
    <mergeCell ref="IKK733:IKN733"/>
    <mergeCell ref="IKO733:IKR733"/>
    <mergeCell ref="IKS733:IKV733"/>
    <mergeCell ref="IKW733:IKZ733"/>
    <mergeCell ref="ILA733:ILD733"/>
    <mergeCell ref="IJQ733:IJT733"/>
    <mergeCell ref="IJU733:IJX733"/>
    <mergeCell ref="IJY733:IKB733"/>
    <mergeCell ref="IKC733:IKF733"/>
    <mergeCell ref="IKG733:IKJ733"/>
    <mergeCell ref="IIW733:IIZ733"/>
    <mergeCell ref="IJA733:IJD733"/>
    <mergeCell ref="IJE733:IJH733"/>
    <mergeCell ref="IJI733:IJL733"/>
    <mergeCell ref="IJM733:IJP733"/>
    <mergeCell ref="IIC733:IIF733"/>
    <mergeCell ref="IIG733:IIJ733"/>
    <mergeCell ref="IIK733:IIN733"/>
    <mergeCell ref="IIO733:IIR733"/>
    <mergeCell ref="IIS733:IIV733"/>
    <mergeCell ref="IHI733:IHL733"/>
    <mergeCell ref="IHM733:IHP733"/>
    <mergeCell ref="IHQ733:IHT733"/>
    <mergeCell ref="IHU733:IHX733"/>
    <mergeCell ref="IHY733:IIB733"/>
    <mergeCell ref="IGO733:IGR733"/>
    <mergeCell ref="IGS733:IGV733"/>
    <mergeCell ref="IGW733:IGZ733"/>
    <mergeCell ref="IHA733:IHD733"/>
    <mergeCell ref="IHE733:IHH733"/>
    <mergeCell ref="IQO733:IQR733"/>
    <mergeCell ref="IQS733:IQV733"/>
    <mergeCell ref="IQW733:IQZ733"/>
    <mergeCell ref="IRA733:IRD733"/>
    <mergeCell ref="IRE733:IRH733"/>
    <mergeCell ref="IPU733:IPX733"/>
    <mergeCell ref="IPY733:IQB733"/>
    <mergeCell ref="IQC733:IQF733"/>
    <mergeCell ref="IQG733:IQJ733"/>
    <mergeCell ref="IQK733:IQN733"/>
    <mergeCell ref="IPA733:IPD733"/>
    <mergeCell ref="IPE733:IPH733"/>
    <mergeCell ref="IPI733:IPL733"/>
    <mergeCell ref="IPM733:IPP733"/>
    <mergeCell ref="IPQ733:IPT733"/>
    <mergeCell ref="IOG733:IOJ733"/>
    <mergeCell ref="IOK733:ION733"/>
    <mergeCell ref="IOO733:IOR733"/>
    <mergeCell ref="IOS733:IOV733"/>
    <mergeCell ref="IOW733:IOZ733"/>
    <mergeCell ref="INM733:INP733"/>
    <mergeCell ref="INQ733:INT733"/>
    <mergeCell ref="INU733:INX733"/>
    <mergeCell ref="INY733:IOB733"/>
    <mergeCell ref="IOC733:IOF733"/>
    <mergeCell ref="IMS733:IMV733"/>
    <mergeCell ref="IMW733:IMZ733"/>
    <mergeCell ref="INA733:IND733"/>
    <mergeCell ref="INE733:INH733"/>
    <mergeCell ref="INI733:INL733"/>
    <mergeCell ref="ILY733:IMB733"/>
    <mergeCell ref="IMC733:IMF733"/>
    <mergeCell ref="IMG733:IMJ733"/>
    <mergeCell ref="IMK733:IMN733"/>
    <mergeCell ref="IMO733:IMR733"/>
    <mergeCell ref="IVY733:IWB733"/>
    <mergeCell ref="IWC733:IWF733"/>
    <mergeCell ref="IWG733:IWJ733"/>
    <mergeCell ref="IWK733:IWN733"/>
    <mergeCell ref="IWO733:IWR733"/>
    <mergeCell ref="IVE733:IVH733"/>
    <mergeCell ref="IVI733:IVL733"/>
    <mergeCell ref="IVM733:IVP733"/>
    <mergeCell ref="IVQ733:IVT733"/>
    <mergeCell ref="IVU733:IVX733"/>
    <mergeCell ref="IUK733:IUN733"/>
    <mergeCell ref="IUO733:IUR733"/>
    <mergeCell ref="IUS733:IUV733"/>
    <mergeCell ref="IUW733:IUZ733"/>
    <mergeCell ref="IVA733:IVD733"/>
    <mergeCell ref="ITQ733:ITT733"/>
    <mergeCell ref="ITU733:ITX733"/>
    <mergeCell ref="ITY733:IUB733"/>
    <mergeCell ref="IUC733:IUF733"/>
    <mergeCell ref="IUG733:IUJ733"/>
    <mergeCell ref="ISW733:ISZ733"/>
    <mergeCell ref="ITA733:ITD733"/>
    <mergeCell ref="ITE733:ITH733"/>
    <mergeCell ref="ITI733:ITL733"/>
    <mergeCell ref="ITM733:ITP733"/>
    <mergeCell ref="ISC733:ISF733"/>
    <mergeCell ref="ISG733:ISJ733"/>
    <mergeCell ref="ISK733:ISN733"/>
    <mergeCell ref="ISO733:ISR733"/>
    <mergeCell ref="ISS733:ISV733"/>
    <mergeCell ref="IRI733:IRL733"/>
    <mergeCell ref="IRM733:IRP733"/>
    <mergeCell ref="IRQ733:IRT733"/>
    <mergeCell ref="IRU733:IRX733"/>
    <mergeCell ref="IRY733:ISB733"/>
    <mergeCell ref="JBI733:JBL733"/>
    <mergeCell ref="JBM733:JBP733"/>
    <mergeCell ref="JBQ733:JBT733"/>
    <mergeCell ref="JBU733:JBX733"/>
    <mergeCell ref="JBY733:JCB733"/>
    <mergeCell ref="JAO733:JAR733"/>
    <mergeCell ref="JAS733:JAV733"/>
    <mergeCell ref="JAW733:JAZ733"/>
    <mergeCell ref="JBA733:JBD733"/>
    <mergeCell ref="JBE733:JBH733"/>
    <mergeCell ref="IZU733:IZX733"/>
    <mergeCell ref="IZY733:JAB733"/>
    <mergeCell ref="JAC733:JAF733"/>
    <mergeCell ref="JAG733:JAJ733"/>
    <mergeCell ref="JAK733:JAN733"/>
    <mergeCell ref="IZA733:IZD733"/>
    <mergeCell ref="IZE733:IZH733"/>
    <mergeCell ref="IZI733:IZL733"/>
    <mergeCell ref="IZM733:IZP733"/>
    <mergeCell ref="IZQ733:IZT733"/>
    <mergeCell ref="IYG733:IYJ733"/>
    <mergeCell ref="IYK733:IYN733"/>
    <mergeCell ref="IYO733:IYR733"/>
    <mergeCell ref="IYS733:IYV733"/>
    <mergeCell ref="IYW733:IYZ733"/>
    <mergeCell ref="IXM733:IXP733"/>
    <mergeCell ref="IXQ733:IXT733"/>
    <mergeCell ref="IXU733:IXX733"/>
    <mergeCell ref="IXY733:IYB733"/>
    <mergeCell ref="IYC733:IYF733"/>
    <mergeCell ref="IWS733:IWV733"/>
    <mergeCell ref="IWW733:IWZ733"/>
    <mergeCell ref="IXA733:IXD733"/>
    <mergeCell ref="IXE733:IXH733"/>
    <mergeCell ref="IXI733:IXL733"/>
    <mergeCell ref="JGS733:JGV733"/>
    <mergeCell ref="JGW733:JGZ733"/>
    <mergeCell ref="JHA733:JHD733"/>
    <mergeCell ref="JHE733:JHH733"/>
    <mergeCell ref="JHI733:JHL733"/>
    <mergeCell ref="JFY733:JGB733"/>
    <mergeCell ref="JGC733:JGF733"/>
    <mergeCell ref="JGG733:JGJ733"/>
    <mergeCell ref="JGK733:JGN733"/>
    <mergeCell ref="JGO733:JGR733"/>
    <mergeCell ref="JFE733:JFH733"/>
    <mergeCell ref="JFI733:JFL733"/>
    <mergeCell ref="JFM733:JFP733"/>
    <mergeCell ref="JFQ733:JFT733"/>
    <mergeCell ref="JFU733:JFX733"/>
    <mergeCell ref="JEK733:JEN733"/>
    <mergeCell ref="JEO733:JER733"/>
    <mergeCell ref="JES733:JEV733"/>
    <mergeCell ref="JEW733:JEZ733"/>
    <mergeCell ref="JFA733:JFD733"/>
    <mergeCell ref="JDQ733:JDT733"/>
    <mergeCell ref="JDU733:JDX733"/>
    <mergeCell ref="JDY733:JEB733"/>
    <mergeCell ref="JEC733:JEF733"/>
    <mergeCell ref="JEG733:JEJ733"/>
    <mergeCell ref="JCW733:JCZ733"/>
    <mergeCell ref="JDA733:JDD733"/>
    <mergeCell ref="JDE733:JDH733"/>
    <mergeCell ref="JDI733:JDL733"/>
    <mergeCell ref="JDM733:JDP733"/>
    <mergeCell ref="JCC733:JCF733"/>
    <mergeCell ref="JCG733:JCJ733"/>
    <mergeCell ref="JCK733:JCN733"/>
    <mergeCell ref="JCO733:JCR733"/>
    <mergeCell ref="JCS733:JCV733"/>
    <mergeCell ref="JMC733:JMF733"/>
    <mergeCell ref="JMG733:JMJ733"/>
    <mergeCell ref="JMK733:JMN733"/>
    <mergeCell ref="JMO733:JMR733"/>
    <mergeCell ref="JMS733:JMV733"/>
    <mergeCell ref="JLI733:JLL733"/>
    <mergeCell ref="JLM733:JLP733"/>
    <mergeCell ref="JLQ733:JLT733"/>
    <mergeCell ref="JLU733:JLX733"/>
    <mergeCell ref="JLY733:JMB733"/>
    <mergeCell ref="JKO733:JKR733"/>
    <mergeCell ref="JKS733:JKV733"/>
    <mergeCell ref="JKW733:JKZ733"/>
    <mergeCell ref="JLA733:JLD733"/>
    <mergeCell ref="JLE733:JLH733"/>
    <mergeCell ref="JJU733:JJX733"/>
    <mergeCell ref="JJY733:JKB733"/>
    <mergeCell ref="JKC733:JKF733"/>
    <mergeCell ref="JKG733:JKJ733"/>
    <mergeCell ref="JKK733:JKN733"/>
    <mergeCell ref="JJA733:JJD733"/>
    <mergeCell ref="JJE733:JJH733"/>
    <mergeCell ref="JJI733:JJL733"/>
    <mergeCell ref="JJM733:JJP733"/>
    <mergeCell ref="JJQ733:JJT733"/>
    <mergeCell ref="JIG733:JIJ733"/>
    <mergeCell ref="JIK733:JIN733"/>
    <mergeCell ref="JIO733:JIR733"/>
    <mergeCell ref="JIS733:JIV733"/>
    <mergeCell ref="JIW733:JIZ733"/>
    <mergeCell ref="JHM733:JHP733"/>
    <mergeCell ref="JHQ733:JHT733"/>
    <mergeCell ref="JHU733:JHX733"/>
    <mergeCell ref="JHY733:JIB733"/>
    <mergeCell ref="JIC733:JIF733"/>
    <mergeCell ref="JRM733:JRP733"/>
    <mergeCell ref="JRQ733:JRT733"/>
    <mergeCell ref="JRU733:JRX733"/>
    <mergeCell ref="JRY733:JSB733"/>
    <mergeCell ref="JSC733:JSF733"/>
    <mergeCell ref="JQS733:JQV733"/>
    <mergeCell ref="JQW733:JQZ733"/>
    <mergeCell ref="JRA733:JRD733"/>
    <mergeCell ref="JRE733:JRH733"/>
    <mergeCell ref="JRI733:JRL733"/>
    <mergeCell ref="JPY733:JQB733"/>
    <mergeCell ref="JQC733:JQF733"/>
    <mergeCell ref="JQG733:JQJ733"/>
    <mergeCell ref="JQK733:JQN733"/>
    <mergeCell ref="JQO733:JQR733"/>
    <mergeCell ref="JPE733:JPH733"/>
    <mergeCell ref="JPI733:JPL733"/>
    <mergeCell ref="JPM733:JPP733"/>
    <mergeCell ref="JPQ733:JPT733"/>
    <mergeCell ref="JPU733:JPX733"/>
    <mergeCell ref="JOK733:JON733"/>
    <mergeCell ref="JOO733:JOR733"/>
    <mergeCell ref="JOS733:JOV733"/>
    <mergeCell ref="JOW733:JOZ733"/>
    <mergeCell ref="JPA733:JPD733"/>
    <mergeCell ref="JNQ733:JNT733"/>
    <mergeCell ref="JNU733:JNX733"/>
    <mergeCell ref="JNY733:JOB733"/>
    <mergeCell ref="JOC733:JOF733"/>
    <mergeCell ref="JOG733:JOJ733"/>
    <mergeCell ref="JMW733:JMZ733"/>
    <mergeCell ref="JNA733:JND733"/>
    <mergeCell ref="JNE733:JNH733"/>
    <mergeCell ref="JNI733:JNL733"/>
    <mergeCell ref="JNM733:JNP733"/>
    <mergeCell ref="JWW733:JWZ733"/>
    <mergeCell ref="JXA733:JXD733"/>
    <mergeCell ref="JXE733:JXH733"/>
    <mergeCell ref="JXI733:JXL733"/>
    <mergeCell ref="JXM733:JXP733"/>
    <mergeCell ref="JWC733:JWF733"/>
    <mergeCell ref="JWG733:JWJ733"/>
    <mergeCell ref="JWK733:JWN733"/>
    <mergeCell ref="JWO733:JWR733"/>
    <mergeCell ref="JWS733:JWV733"/>
    <mergeCell ref="JVI733:JVL733"/>
    <mergeCell ref="JVM733:JVP733"/>
    <mergeCell ref="JVQ733:JVT733"/>
    <mergeCell ref="JVU733:JVX733"/>
    <mergeCell ref="JVY733:JWB733"/>
    <mergeCell ref="JUO733:JUR733"/>
    <mergeCell ref="JUS733:JUV733"/>
    <mergeCell ref="JUW733:JUZ733"/>
    <mergeCell ref="JVA733:JVD733"/>
    <mergeCell ref="JVE733:JVH733"/>
    <mergeCell ref="JTU733:JTX733"/>
    <mergeCell ref="JTY733:JUB733"/>
    <mergeCell ref="JUC733:JUF733"/>
    <mergeCell ref="JUG733:JUJ733"/>
    <mergeCell ref="JUK733:JUN733"/>
    <mergeCell ref="JTA733:JTD733"/>
    <mergeCell ref="JTE733:JTH733"/>
    <mergeCell ref="JTI733:JTL733"/>
    <mergeCell ref="JTM733:JTP733"/>
    <mergeCell ref="JTQ733:JTT733"/>
    <mergeCell ref="JSG733:JSJ733"/>
    <mergeCell ref="JSK733:JSN733"/>
    <mergeCell ref="JSO733:JSR733"/>
    <mergeCell ref="JSS733:JSV733"/>
    <mergeCell ref="JSW733:JSZ733"/>
    <mergeCell ref="KCG733:KCJ733"/>
    <mergeCell ref="KCK733:KCN733"/>
    <mergeCell ref="KCO733:KCR733"/>
    <mergeCell ref="KCS733:KCV733"/>
    <mergeCell ref="KCW733:KCZ733"/>
    <mergeCell ref="KBM733:KBP733"/>
    <mergeCell ref="KBQ733:KBT733"/>
    <mergeCell ref="KBU733:KBX733"/>
    <mergeCell ref="KBY733:KCB733"/>
    <mergeCell ref="KCC733:KCF733"/>
    <mergeCell ref="KAS733:KAV733"/>
    <mergeCell ref="KAW733:KAZ733"/>
    <mergeCell ref="KBA733:KBD733"/>
    <mergeCell ref="KBE733:KBH733"/>
    <mergeCell ref="KBI733:KBL733"/>
    <mergeCell ref="JZY733:KAB733"/>
    <mergeCell ref="KAC733:KAF733"/>
    <mergeCell ref="KAG733:KAJ733"/>
    <mergeCell ref="KAK733:KAN733"/>
    <mergeCell ref="KAO733:KAR733"/>
    <mergeCell ref="JZE733:JZH733"/>
    <mergeCell ref="JZI733:JZL733"/>
    <mergeCell ref="JZM733:JZP733"/>
    <mergeCell ref="JZQ733:JZT733"/>
    <mergeCell ref="JZU733:JZX733"/>
    <mergeCell ref="JYK733:JYN733"/>
    <mergeCell ref="JYO733:JYR733"/>
    <mergeCell ref="JYS733:JYV733"/>
    <mergeCell ref="JYW733:JYZ733"/>
    <mergeCell ref="JZA733:JZD733"/>
    <mergeCell ref="JXQ733:JXT733"/>
    <mergeCell ref="JXU733:JXX733"/>
    <mergeCell ref="JXY733:JYB733"/>
    <mergeCell ref="JYC733:JYF733"/>
    <mergeCell ref="JYG733:JYJ733"/>
    <mergeCell ref="KHQ733:KHT733"/>
    <mergeCell ref="KHU733:KHX733"/>
    <mergeCell ref="KHY733:KIB733"/>
    <mergeCell ref="KIC733:KIF733"/>
    <mergeCell ref="KIG733:KIJ733"/>
    <mergeCell ref="KGW733:KGZ733"/>
    <mergeCell ref="KHA733:KHD733"/>
    <mergeCell ref="KHE733:KHH733"/>
    <mergeCell ref="KHI733:KHL733"/>
    <mergeCell ref="KHM733:KHP733"/>
    <mergeCell ref="KGC733:KGF733"/>
    <mergeCell ref="KGG733:KGJ733"/>
    <mergeCell ref="KGK733:KGN733"/>
    <mergeCell ref="KGO733:KGR733"/>
    <mergeCell ref="KGS733:KGV733"/>
    <mergeCell ref="KFI733:KFL733"/>
    <mergeCell ref="KFM733:KFP733"/>
    <mergeCell ref="KFQ733:KFT733"/>
    <mergeCell ref="KFU733:KFX733"/>
    <mergeCell ref="KFY733:KGB733"/>
    <mergeCell ref="KEO733:KER733"/>
    <mergeCell ref="KES733:KEV733"/>
    <mergeCell ref="KEW733:KEZ733"/>
    <mergeCell ref="KFA733:KFD733"/>
    <mergeCell ref="KFE733:KFH733"/>
    <mergeCell ref="KDU733:KDX733"/>
    <mergeCell ref="KDY733:KEB733"/>
    <mergeCell ref="KEC733:KEF733"/>
    <mergeCell ref="KEG733:KEJ733"/>
    <mergeCell ref="KEK733:KEN733"/>
    <mergeCell ref="KDA733:KDD733"/>
    <mergeCell ref="KDE733:KDH733"/>
    <mergeCell ref="KDI733:KDL733"/>
    <mergeCell ref="KDM733:KDP733"/>
    <mergeCell ref="KDQ733:KDT733"/>
    <mergeCell ref="KNA733:KND733"/>
    <mergeCell ref="KNE733:KNH733"/>
    <mergeCell ref="KNI733:KNL733"/>
    <mergeCell ref="KNM733:KNP733"/>
    <mergeCell ref="KNQ733:KNT733"/>
    <mergeCell ref="KMG733:KMJ733"/>
    <mergeCell ref="KMK733:KMN733"/>
    <mergeCell ref="KMO733:KMR733"/>
    <mergeCell ref="KMS733:KMV733"/>
    <mergeCell ref="KMW733:KMZ733"/>
    <mergeCell ref="KLM733:KLP733"/>
    <mergeCell ref="KLQ733:KLT733"/>
    <mergeCell ref="KLU733:KLX733"/>
    <mergeCell ref="KLY733:KMB733"/>
    <mergeCell ref="KMC733:KMF733"/>
    <mergeCell ref="KKS733:KKV733"/>
    <mergeCell ref="KKW733:KKZ733"/>
    <mergeCell ref="KLA733:KLD733"/>
    <mergeCell ref="KLE733:KLH733"/>
    <mergeCell ref="KLI733:KLL733"/>
    <mergeCell ref="KJY733:KKB733"/>
    <mergeCell ref="KKC733:KKF733"/>
    <mergeCell ref="KKG733:KKJ733"/>
    <mergeCell ref="KKK733:KKN733"/>
    <mergeCell ref="KKO733:KKR733"/>
    <mergeCell ref="KJE733:KJH733"/>
    <mergeCell ref="KJI733:KJL733"/>
    <mergeCell ref="KJM733:KJP733"/>
    <mergeCell ref="KJQ733:KJT733"/>
    <mergeCell ref="KJU733:KJX733"/>
    <mergeCell ref="KIK733:KIN733"/>
    <mergeCell ref="KIO733:KIR733"/>
    <mergeCell ref="KIS733:KIV733"/>
    <mergeCell ref="KIW733:KIZ733"/>
    <mergeCell ref="KJA733:KJD733"/>
    <mergeCell ref="KSK733:KSN733"/>
    <mergeCell ref="KSO733:KSR733"/>
    <mergeCell ref="KSS733:KSV733"/>
    <mergeCell ref="KSW733:KSZ733"/>
    <mergeCell ref="KTA733:KTD733"/>
    <mergeCell ref="KRQ733:KRT733"/>
    <mergeCell ref="KRU733:KRX733"/>
    <mergeCell ref="KRY733:KSB733"/>
    <mergeCell ref="KSC733:KSF733"/>
    <mergeCell ref="KSG733:KSJ733"/>
    <mergeCell ref="KQW733:KQZ733"/>
    <mergeCell ref="KRA733:KRD733"/>
    <mergeCell ref="KRE733:KRH733"/>
    <mergeCell ref="KRI733:KRL733"/>
    <mergeCell ref="KRM733:KRP733"/>
    <mergeCell ref="KQC733:KQF733"/>
    <mergeCell ref="KQG733:KQJ733"/>
    <mergeCell ref="KQK733:KQN733"/>
    <mergeCell ref="KQO733:KQR733"/>
    <mergeCell ref="KQS733:KQV733"/>
    <mergeCell ref="KPI733:KPL733"/>
    <mergeCell ref="KPM733:KPP733"/>
    <mergeCell ref="KPQ733:KPT733"/>
    <mergeCell ref="KPU733:KPX733"/>
    <mergeCell ref="KPY733:KQB733"/>
    <mergeCell ref="KOO733:KOR733"/>
    <mergeCell ref="KOS733:KOV733"/>
    <mergeCell ref="KOW733:KOZ733"/>
    <mergeCell ref="KPA733:KPD733"/>
    <mergeCell ref="KPE733:KPH733"/>
    <mergeCell ref="KNU733:KNX733"/>
    <mergeCell ref="KNY733:KOB733"/>
    <mergeCell ref="KOC733:KOF733"/>
    <mergeCell ref="KOG733:KOJ733"/>
    <mergeCell ref="KOK733:KON733"/>
    <mergeCell ref="KXU733:KXX733"/>
    <mergeCell ref="KXY733:KYB733"/>
    <mergeCell ref="KYC733:KYF733"/>
    <mergeCell ref="KYG733:KYJ733"/>
    <mergeCell ref="KYK733:KYN733"/>
    <mergeCell ref="KXA733:KXD733"/>
    <mergeCell ref="KXE733:KXH733"/>
    <mergeCell ref="KXI733:KXL733"/>
    <mergeCell ref="KXM733:KXP733"/>
    <mergeCell ref="KXQ733:KXT733"/>
    <mergeCell ref="KWG733:KWJ733"/>
    <mergeCell ref="KWK733:KWN733"/>
    <mergeCell ref="KWO733:KWR733"/>
    <mergeCell ref="KWS733:KWV733"/>
    <mergeCell ref="KWW733:KWZ733"/>
    <mergeCell ref="KVM733:KVP733"/>
    <mergeCell ref="KVQ733:KVT733"/>
    <mergeCell ref="KVU733:KVX733"/>
    <mergeCell ref="KVY733:KWB733"/>
    <mergeCell ref="KWC733:KWF733"/>
    <mergeCell ref="KUS733:KUV733"/>
    <mergeCell ref="KUW733:KUZ733"/>
    <mergeCell ref="KVA733:KVD733"/>
    <mergeCell ref="KVE733:KVH733"/>
    <mergeCell ref="KVI733:KVL733"/>
    <mergeCell ref="KTY733:KUB733"/>
    <mergeCell ref="KUC733:KUF733"/>
    <mergeCell ref="KUG733:KUJ733"/>
    <mergeCell ref="KUK733:KUN733"/>
    <mergeCell ref="KUO733:KUR733"/>
    <mergeCell ref="KTE733:KTH733"/>
    <mergeCell ref="KTI733:KTL733"/>
    <mergeCell ref="KTM733:KTP733"/>
    <mergeCell ref="KTQ733:KTT733"/>
    <mergeCell ref="KTU733:KTX733"/>
    <mergeCell ref="LDE733:LDH733"/>
    <mergeCell ref="LDI733:LDL733"/>
    <mergeCell ref="LDM733:LDP733"/>
    <mergeCell ref="LDQ733:LDT733"/>
    <mergeCell ref="LDU733:LDX733"/>
    <mergeCell ref="LCK733:LCN733"/>
    <mergeCell ref="LCO733:LCR733"/>
    <mergeCell ref="LCS733:LCV733"/>
    <mergeCell ref="LCW733:LCZ733"/>
    <mergeCell ref="LDA733:LDD733"/>
    <mergeCell ref="LBQ733:LBT733"/>
    <mergeCell ref="LBU733:LBX733"/>
    <mergeCell ref="LBY733:LCB733"/>
    <mergeCell ref="LCC733:LCF733"/>
    <mergeCell ref="LCG733:LCJ733"/>
    <mergeCell ref="LAW733:LAZ733"/>
    <mergeCell ref="LBA733:LBD733"/>
    <mergeCell ref="LBE733:LBH733"/>
    <mergeCell ref="LBI733:LBL733"/>
    <mergeCell ref="LBM733:LBP733"/>
    <mergeCell ref="LAC733:LAF733"/>
    <mergeCell ref="LAG733:LAJ733"/>
    <mergeCell ref="LAK733:LAN733"/>
    <mergeCell ref="LAO733:LAR733"/>
    <mergeCell ref="LAS733:LAV733"/>
    <mergeCell ref="KZI733:KZL733"/>
    <mergeCell ref="KZM733:KZP733"/>
    <mergeCell ref="KZQ733:KZT733"/>
    <mergeCell ref="KZU733:KZX733"/>
    <mergeCell ref="KZY733:LAB733"/>
    <mergeCell ref="KYO733:KYR733"/>
    <mergeCell ref="KYS733:KYV733"/>
    <mergeCell ref="KYW733:KYZ733"/>
    <mergeCell ref="KZA733:KZD733"/>
    <mergeCell ref="KZE733:KZH733"/>
    <mergeCell ref="LIO733:LIR733"/>
    <mergeCell ref="LIS733:LIV733"/>
    <mergeCell ref="LIW733:LIZ733"/>
    <mergeCell ref="LJA733:LJD733"/>
    <mergeCell ref="LJE733:LJH733"/>
    <mergeCell ref="LHU733:LHX733"/>
    <mergeCell ref="LHY733:LIB733"/>
    <mergeCell ref="LIC733:LIF733"/>
    <mergeCell ref="LIG733:LIJ733"/>
    <mergeCell ref="LIK733:LIN733"/>
    <mergeCell ref="LHA733:LHD733"/>
    <mergeCell ref="LHE733:LHH733"/>
    <mergeCell ref="LHI733:LHL733"/>
    <mergeCell ref="LHM733:LHP733"/>
    <mergeCell ref="LHQ733:LHT733"/>
    <mergeCell ref="LGG733:LGJ733"/>
    <mergeCell ref="LGK733:LGN733"/>
    <mergeCell ref="LGO733:LGR733"/>
    <mergeCell ref="LGS733:LGV733"/>
    <mergeCell ref="LGW733:LGZ733"/>
    <mergeCell ref="LFM733:LFP733"/>
    <mergeCell ref="LFQ733:LFT733"/>
    <mergeCell ref="LFU733:LFX733"/>
    <mergeCell ref="LFY733:LGB733"/>
    <mergeCell ref="LGC733:LGF733"/>
    <mergeCell ref="LES733:LEV733"/>
    <mergeCell ref="LEW733:LEZ733"/>
    <mergeCell ref="LFA733:LFD733"/>
    <mergeCell ref="LFE733:LFH733"/>
    <mergeCell ref="LFI733:LFL733"/>
    <mergeCell ref="LDY733:LEB733"/>
    <mergeCell ref="LEC733:LEF733"/>
    <mergeCell ref="LEG733:LEJ733"/>
    <mergeCell ref="LEK733:LEN733"/>
    <mergeCell ref="LEO733:LER733"/>
    <mergeCell ref="LNY733:LOB733"/>
    <mergeCell ref="LOC733:LOF733"/>
    <mergeCell ref="LOG733:LOJ733"/>
    <mergeCell ref="LOK733:LON733"/>
    <mergeCell ref="LOO733:LOR733"/>
    <mergeCell ref="LNE733:LNH733"/>
    <mergeCell ref="LNI733:LNL733"/>
    <mergeCell ref="LNM733:LNP733"/>
    <mergeCell ref="LNQ733:LNT733"/>
    <mergeCell ref="LNU733:LNX733"/>
    <mergeCell ref="LMK733:LMN733"/>
    <mergeCell ref="LMO733:LMR733"/>
    <mergeCell ref="LMS733:LMV733"/>
    <mergeCell ref="LMW733:LMZ733"/>
    <mergeCell ref="LNA733:LND733"/>
    <mergeCell ref="LLQ733:LLT733"/>
    <mergeCell ref="LLU733:LLX733"/>
    <mergeCell ref="LLY733:LMB733"/>
    <mergeCell ref="LMC733:LMF733"/>
    <mergeCell ref="LMG733:LMJ733"/>
    <mergeCell ref="LKW733:LKZ733"/>
    <mergeCell ref="LLA733:LLD733"/>
    <mergeCell ref="LLE733:LLH733"/>
    <mergeCell ref="LLI733:LLL733"/>
    <mergeCell ref="LLM733:LLP733"/>
    <mergeCell ref="LKC733:LKF733"/>
    <mergeCell ref="LKG733:LKJ733"/>
    <mergeCell ref="LKK733:LKN733"/>
    <mergeCell ref="LKO733:LKR733"/>
    <mergeCell ref="LKS733:LKV733"/>
    <mergeCell ref="LJI733:LJL733"/>
    <mergeCell ref="LJM733:LJP733"/>
    <mergeCell ref="LJQ733:LJT733"/>
    <mergeCell ref="LJU733:LJX733"/>
    <mergeCell ref="LJY733:LKB733"/>
    <mergeCell ref="LTI733:LTL733"/>
    <mergeCell ref="LTM733:LTP733"/>
    <mergeCell ref="LTQ733:LTT733"/>
    <mergeCell ref="LTU733:LTX733"/>
    <mergeCell ref="LTY733:LUB733"/>
    <mergeCell ref="LSO733:LSR733"/>
    <mergeCell ref="LSS733:LSV733"/>
    <mergeCell ref="LSW733:LSZ733"/>
    <mergeCell ref="LTA733:LTD733"/>
    <mergeCell ref="LTE733:LTH733"/>
    <mergeCell ref="LRU733:LRX733"/>
    <mergeCell ref="LRY733:LSB733"/>
    <mergeCell ref="LSC733:LSF733"/>
    <mergeCell ref="LSG733:LSJ733"/>
    <mergeCell ref="LSK733:LSN733"/>
    <mergeCell ref="LRA733:LRD733"/>
    <mergeCell ref="LRE733:LRH733"/>
    <mergeCell ref="LRI733:LRL733"/>
    <mergeCell ref="LRM733:LRP733"/>
    <mergeCell ref="LRQ733:LRT733"/>
    <mergeCell ref="LQG733:LQJ733"/>
    <mergeCell ref="LQK733:LQN733"/>
    <mergeCell ref="LQO733:LQR733"/>
    <mergeCell ref="LQS733:LQV733"/>
    <mergeCell ref="LQW733:LQZ733"/>
    <mergeCell ref="LPM733:LPP733"/>
    <mergeCell ref="LPQ733:LPT733"/>
    <mergeCell ref="LPU733:LPX733"/>
    <mergeCell ref="LPY733:LQB733"/>
    <mergeCell ref="LQC733:LQF733"/>
    <mergeCell ref="LOS733:LOV733"/>
    <mergeCell ref="LOW733:LOZ733"/>
    <mergeCell ref="LPA733:LPD733"/>
    <mergeCell ref="LPE733:LPH733"/>
    <mergeCell ref="LPI733:LPL733"/>
    <mergeCell ref="LYS733:LYV733"/>
    <mergeCell ref="LYW733:LYZ733"/>
    <mergeCell ref="LZA733:LZD733"/>
    <mergeCell ref="LZE733:LZH733"/>
    <mergeCell ref="LZI733:LZL733"/>
    <mergeCell ref="LXY733:LYB733"/>
    <mergeCell ref="LYC733:LYF733"/>
    <mergeCell ref="LYG733:LYJ733"/>
    <mergeCell ref="LYK733:LYN733"/>
    <mergeCell ref="LYO733:LYR733"/>
    <mergeCell ref="LXE733:LXH733"/>
    <mergeCell ref="LXI733:LXL733"/>
    <mergeCell ref="LXM733:LXP733"/>
    <mergeCell ref="LXQ733:LXT733"/>
    <mergeCell ref="LXU733:LXX733"/>
    <mergeCell ref="LWK733:LWN733"/>
    <mergeCell ref="LWO733:LWR733"/>
    <mergeCell ref="LWS733:LWV733"/>
    <mergeCell ref="LWW733:LWZ733"/>
    <mergeCell ref="LXA733:LXD733"/>
    <mergeCell ref="LVQ733:LVT733"/>
    <mergeCell ref="LVU733:LVX733"/>
    <mergeCell ref="LVY733:LWB733"/>
    <mergeCell ref="LWC733:LWF733"/>
    <mergeCell ref="LWG733:LWJ733"/>
    <mergeCell ref="LUW733:LUZ733"/>
    <mergeCell ref="LVA733:LVD733"/>
    <mergeCell ref="LVE733:LVH733"/>
    <mergeCell ref="LVI733:LVL733"/>
    <mergeCell ref="LVM733:LVP733"/>
    <mergeCell ref="LUC733:LUF733"/>
    <mergeCell ref="LUG733:LUJ733"/>
    <mergeCell ref="LUK733:LUN733"/>
    <mergeCell ref="LUO733:LUR733"/>
    <mergeCell ref="LUS733:LUV733"/>
    <mergeCell ref="MEC733:MEF733"/>
    <mergeCell ref="MEG733:MEJ733"/>
    <mergeCell ref="MEK733:MEN733"/>
    <mergeCell ref="MEO733:MER733"/>
    <mergeCell ref="MES733:MEV733"/>
    <mergeCell ref="MDI733:MDL733"/>
    <mergeCell ref="MDM733:MDP733"/>
    <mergeCell ref="MDQ733:MDT733"/>
    <mergeCell ref="MDU733:MDX733"/>
    <mergeCell ref="MDY733:MEB733"/>
    <mergeCell ref="MCO733:MCR733"/>
    <mergeCell ref="MCS733:MCV733"/>
    <mergeCell ref="MCW733:MCZ733"/>
    <mergeCell ref="MDA733:MDD733"/>
    <mergeCell ref="MDE733:MDH733"/>
    <mergeCell ref="MBU733:MBX733"/>
    <mergeCell ref="MBY733:MCB733"/>
    <mergeCell ref="MCC733:MCF733"/>
    <mergeCell ref="MCG733:MCJ733"/>
    <mergeCell ref="MCK733:MCN733"/>
    <mergeCell ref="MBA733:MBD733"/>
    <mergeCell ref="MBE733:MBH733"/>
    <mergeCell ref="MBI733:MBL733"/>
    <mergeCell ref="MBM733:MBP733"/>
    <mergeCell ref="MBQ733:MBT733"/>
    <mergeCell ref="MAG733:MAJ733"/>
    <mergeCell ref="MAK733:MAN733"/>
    <mergeCell ref="MAO733:MAR733"/>
    <mergeCell ref="MAS733:MAV733"/>
    <mergeCell ref="MAW733:MAZ733"/>
    <mergeCell ref="LZM733:LZP733"/>
    <mergeCell ref="LZQ733:LZT733"/>
    <mergeCell ref="LZU733:LZX733"/>
    <mergeCell ref="LZY733:MAB733"/>
    <mergeCell ref="MAC733:MAF733"/>
    <mergeCell ref="MJM733:MJP733"/>
    <mergeCell ref="MJQ733:MJT733"/>
    <mergeCell ref="MJU733:MJX733"/>
    <mergeCell ref="MJY733:MKB733"/>
    <mergeCell ref="MKC733:MKF733"/>
    <mergeCell ref="MIS733:MIV733"/>
    <mergeCell ref="MIW733:MIZ733"/>
    <mergeCell ref="MJA733:MJD733"/>
    <mergeCell ref="MJE733:MJH733"/>
    <mergeCell ref="MJI733:MJL733"/>
    <mergeCell ref="MHY733:MIB733"/>
    <mergeCell ref="MIC733:MIF733"/>
    <mergeCell ref="MIG733:MIJ733"/>
    <mergeCell ref="MIK733:MIN733"/>
    <mergeCell ref="MIO733:MIR733"/>
    <mergeCell ref="MHE733:MHH733"/>
    <mergeCell ref="MHI733:MHL733"/>
    <mergeCell ref="MHM733:MHP733"/>
    <mergeCell ref="MHQ733:MHT733"/>
    <mergeCell ref="MHU733:MHX733"/>
    <mergeCell ref="MGK733:MGN733"/>
    <mergeCell ref="MGO733:MGR733"/>
    <mergeCell ref="MGS733:MGV733"/>
    <mergeCell ref="MGW733:MGZ733"/>
    <mergeCell ref="MHA733:MHD733"/>
    <mergeCell ref="MFQ733:MFT733"/>
    <mergeCell ref="MFU733:MFX733"/>
    <mergeCell ref="MFY733:MGB733"/>
    <mergeCell ref="MGC733:MGF733"/>
    <mergeCell ref="MGG733:MGJ733"/>
    <mergeCell ref="MEW733:MEZ733"/>
    <mergeCell ref="MFA733:MFD733"/>
    <mergeCell ref="MFE733:MFH733"/>
    <mergeCell ref="MFI733:MFL733"/>
    <mergeCell ref="MFM733:MFP733"/>
    <mergeCell ref="MOW733:MOZ733"/>
    <mergeCell ref="MPA733:MPD733"/>
    <mergeCell ref="MPE733:MPH733"/>
    <mergeCell ref="MPI733:MPL733"/>
    <mergeCell ref="MPM733:MPP733"/>
    <mergeCell ref="MOC733:MOF733"/>
    <mergeCell ref="MOG733:MOJ733"/>
    <mergeCell ref="MOK733:MON733"/>
    <mergeCell ref="MOO733:MOR733"/>
    <mergeCell ref="MOS733:MOV733"/>
    <mergeCell ref="MNI733:MNL733"/>
    <mergeCell ref="MNM733:MNP733"/>
    <mergeCell ref="MNQ733:MNT733"/>
    <mergeCell ref="MNU733:MNX733"/>
    <mergeCell ref="MNY733:MOB733"/>
    <mergeCell ref="MMO733:MMR733"/>
    <mergeCell ref="MMS733:MMV733"/>
    <mergeCell ref="MMW733:MMZ733"/>
    <mergeCell ref="MNA733:MND733"/>
    <mergeCell ref="MNE733:MNH733"/>
    <mergeCell ref="MLU733:MLX733"/>
    <mergeCell ref="MLY733:MMB733"/>
    <mergeCell ref="MMC733:MMF733"/>
    <mergeCell ref="MMG733:MMJ733"/>
    <mergeCell ref="MMK733:MMN733"/>
    <mergeCell ref="MLA733:MLD733"/>
    <mergeCell ref="MLE733:MLH733"/>
    <mergeCell ref="MLI733:MLL733"/>
    <mergeCell ref="MLM733:MLP733"/>
    <mergeCell ref="MLQ733:MLT733"/>
    <mergeCell ref="MKG733:MKJ733"/>
    <mergeCell ref="MKK733:MKN733"/>
    <mergeCell ref="MKO733:MKR733"/>
    <mergeCell ref="MKS733:MKV733"/>
    <mergeCell ref="MKW733:MKZ733"/>
    <mergeCell ref="MUG733:MUJ733"/>
    <mergeCell ref="MUK733:MUN733"/>
    <mergeCell ref="MUO733:MUR733"/>
    <mergeCell ref="MUS733:MUV733"/>
    <mergeCell ref="MUW733:MUZ733"/>
    <mergeCell ref="MTM733:MTP733"/>
    <mergeCell ref="MTQ733:MTT733"/>
    <mergeCell ref="MTU733:MTX733"/>
    <mergeCell ref="MTY733:MUB733"/>
    <mergeCell ref="MUC733:MUF733"/>
    <mergeCell ref="MSS733:MSV733"/>
    <mergeCell ref="MSW733:MSZ733"/>
    <mergeCell ref="MTA733:MTD733"/>
    <mergeCell ref="MTE733:MTH733"/>
    <mergeCell ref="MTI733:MTL733"/>
    <mergeCell ref="MRY733:MSB733"/>
    <mergeCell ref="MSC733:MSF733"/>
    <mergeCell ref="MSG733:MSJ733"/>
    <mergeCell ref="MSK733:MSN733"/>
    <mergeCell ref="MSO733:MSR733"/>
    <mergeCell ref="MRE733:MRH733"/>
    <mergeCell ref="MRI733:MRL733"/>
    <mergeCell ref="MRM733:MRP733"/>
    <mergeCell ref="MRQ733:MRT733"/>
    <mergeCell ref="MRU733:MRX733"/>
    <mergeCell ref="MQK733:MQN733"/>
    <mergeCell ref="MQO733:MQR733"/>
    <mergeCell ref="MQS733:MQV733"/>
    <mergeCell ref="MQW733:MQZ733"/>
    <mergeCell ref="MRA733:MRD733"/>
    <mergeCell ref="MPQ733:MPT733"/>
    <mergeCell ref="MPU733:MPX733"/>
    <mergeCell ref="MPY733:MQB733"/>
    <mergeCell ref="MQC733:MQF733"/>
    <mergeCell ref="MQG733:MQJ733"/>
    <mergeCell ref="MZQ733:MZT733"/>
    <mergeCell ref="MZU733:MZX733"/>
    <mergeCell ref="MZY733:NAB733"/>
    <mergeCell ref="NAC733:NAF733"/>
    <mergeCell ref="NAG733:NAJ733"/>
    <mergeCell ref="MYW733:MYZ733"/>
    <mergeCell ref="MZA733:MZD733"/>
    <mergeCell ref="MZE733:MZH733"/>
    <mergeCell ref="MZI733:MZL733"/>
    <mergeCell ref="MZM733:MZP733"/>
    <mergeCell ref="MYC733:MYF733"/>
    <mergeCell ref="MYG733:MYJ733"/>
    <mergeCell ref="MYK733:MYN733"/>
    <mergeCell ref="MYO733:MYR733"/>
    <mergeCell ref="MYS733:MYV733"/>
    <mergeCell ref="MXI733:MXL733"/>
    <mergeCell ref="MXM733:MXP733"/>
    <mergeCell ref="MXQ733:MXT733"/>
    <mergeCell ref="MXU733:MXX733"/>
    <mergeCell ref="MXY733:MYB733"/>
    <mergeCell ref="MWO733:MWR733"/>
    <mergeCell ref="MWS733:MWV733"/>
    <mergeCell ref="MWW733:MWZ733"/>
    <mergeCell ref="MXA733:MXD733"/>
    <mergeCell ref="MXE733:MXH733"/>
    <mergeCell ref="MVU733:MVX733"/>
    <mergeCell ref="MVY733:MWB733"/>
    <mergeCell ref="MWC733:MWF733"/>
    <mergeCell ref="MWG733:MWJ733"/>
    <mergeCell ref="MWK733:MWN733"/>
    <mergeCell ref="MVA733:MVD733"/>
    <mergeCell ref="MVE733:MVH733"/>
    <mergeCell ref="MVI733:MVL733"/>
    <mergeCell ref="MVM733:MVP733"/>
    <mergeCell ref="MVQ733:MVT733"/>
    <mergeCell ref="NFA733:NFD733"/>
    <mergeCell ref="NFE733:NFH733"/>
    <mergeCell ref="NFI733:NFL733"/>
    <mergeCell ref="NFM733:NFP733"/>
    <mergeCell ref="NFQ733:NFT733"/>
    <mergeCell ref="NEG733:NEJ733"/>
    <mergeCell ref="NEK733:NEN733"/>
    <mergeCell ref="NEO733:NER733"/>
    <mergeCell ref="NES733:NEV733"/>
    <mergeCell ref="NEW733:NEZ733"/>
    <mergeCell ref="NDM733:NDP733"/>
    <mergeCell ref="NDQ733:NDT733"/>
    <mergeCell ref="NDU733:NDX733"/>
    <mergeCell ref="NDY733:NEB733"/>
    <mergeCell ref="NEC733:NEF733"/>
    <mergeCell ref="NCS733:NCV733"/>
    <mergeCell ref="NCW733:NCZ733"/>
    <mergeCell ref="NDA733:NDD733"/>
    <mergeCell ref="NDE733:NDH733"/>
    <mergeCell ref="NDI733:NDL733"/>
    <mergeCell ref="NBY733:NCB733"/>
    <mergeCell ref="NCC733:NCF733"/>
    <mergeCell ref="NCG733:NCJ733"/>
    <mergeCell ref="NCK733:NCN733"/>
    <mergeCell ref="NCO733:NCR733"/>
    <mergeCell ref="NBE733:NBH733"/>
    <mergeCell ref="NBI733:NBL733"/>
    <mergeCell ref="NBM733:NBP733"/>
    <mergeCell ref="NBQ733:NBT733"/>
    <mergeCell ref="NBU733:NBX733"/>
    <mergeCell ref="NAK733:NAN733"/>
    <mergeCell ref="NAO733:NAR733"/>
    <mergeCell ref="NAS733:NAV733"/>
    <mergeCell ref="NAW733:NAZ733"/>
    <mergeCell ref="NBA733:NBD733"/>
    <mergeCell ref="NKK733:NKN733"/>
    <mergeCell ref="NKO733:NKR733"/>
    <mergeCell ref="NKS733:NKV733"/>
    <mergeCell ref="NKW733:NKZ733"/>
    <mergeCell ref="NLA733:NLD733"/>
    <mergeCell ref="NJQ733:NJT733"/>
    <mergeCell ref="NJU733:NJX733"/>
    <mergeCell ref="NJY733:NKB733"/>
    <mergeCell ref="NKC733:NKF733"/>
    <mergeCell ref="NKG733:NKJ733"/>
    <mergeCell ref="NIW733:NIZ733"/>
    <mergeCell ref="NJA733:NJD733"/>
    <mergeCell ref="NJE733:NJH733"/>
    <mergeCell ref="NJI733:NJL733"/>
    <mergeCell ref="NJM733:NJP733"/>
    <mergeCell ref="NIC733:NIF733"/>
    <mergeCell ref="NIG733:NIJ733"/>
    <mergeCell ref="NIK733:NIN733"/>
    <mergeCell ref="NIO733:NIR733"/>
    <mergeCell ref="NIS733:NIV733"/>
    <mergeCell ref="NHI733:NHL733"/>
    <mergeCell ref="NHM733:NHP733"/>
    <mergeCell ref="NHQ733:NHT733"/>
    <mergeCell ref="NHU733:NHX733"/>
    <mergeCell ref="NHY733:NIB733"/>
    <mergeCell ref="NGO733:NGR733"/>
    <mergeCell ref="NGS733:NGV733"/>
    <mergeCell ref="NGW733:NGZ733"/>
    <mergeCell ref="NHA733:NHD733"/>
    <mergeCell ref="NHE733:NHH733"/>
    <mergeCell ref="NFU733:NFX733"/>
    <mergeCell ref="NFY733:NGB733"/>
    <mergeCell ref="NGC733:NGF733"/>
    <mergeCell ref="NGG733:NGJ733"/>
    <mergeCell ref="NGK733:NGN733"/>
    <mergeCell ref="NPU733:NPX733"/>
    <mergeCell ref="NPY733:NQB733"/>
    <mergeCell ref="NQC733:NQF733"/>
    <mergeCell ref="NQG733:NQJ733"/>
    <mergeCell ref="NQK733:NQN733"/>
    <mergeCell ref="NPA733:NPD733"/>
    <mergeCell ref="NPE733:NPH733"/>
    <mergeCell ref="NPI733:NPL733"/>
    <mergeCell ref="NPM733:NPP733"/>
    <mergeCell ref="NPQ733:NPT733"/>
    <mergeCell ref="NOG733:NOJ733"/>
    <mergeCell ref="NOK733:NON733"/>
    <mergeCell ref="NOO733:NOR733"/>
    <mergeCell ref="NOS733:NOV733"/>
    <mergeCell ref="NOW733:NOZ733"/>
    <mergeCell ref="NNM733:NNP733"/>
    <mergeCell ref="NNQ733:NNT733"/>
    <mergeCell ref="NNU733:NNX733"/>
    <mergeCell ref="NNY733:NOB733"/>
    <mergeCell ref="NOC733:NOF733"/>
    <mergeCell ref="NMS733:NMV733"/>
    <mergeCell ref="NMW733:NMZ733"/>
    <mergeCell ref="NNA733:NND733"/>
    <mergeCell ref="NNE733:NNH733"/>
    <mergeCell ref="NNI733:NNL733"/>
    <mergeCell ref="NLY733:NMB733"/>
    <mergeCell ref="NMC733:NMF733"/>
    <mergeCell ref="NMG733:NMJ733"/>
    <mergeCell ref="NMK733:NMN733"/>
    <mergeCell ref="NMO733:NMR733"/>
    <mergeCell ref="NLE733:NLH733"/>
    <mergeCell ref="NLI733:NLL733"/>
    <mergeCell ref="NLM733:NLP733"/>
    <mergeCell ref="NLQ733:NLT733"/>
    <mergeCell ref="NLU733:NLX733"/>
    <mergeCell ref="NVE733:NVH733"/>
    <mergeCell ref="NVI733:NVL733"/>
    <mergeCell ref="NVM733:NVP733"/>
    <mergeCell ref="NVQ733:NVT733"/>
    <mergeCell ref="NVU733:NVX733"/>
    <mergeCell ref="NUK733:NUN733"/>
    <mergeCell ref="NUO733:NUR733"/>
    <mergeCell ref="NUS733:NUV733"/>
    <mergeCell ref="NUW733:NUZ733"/>
    <mergeCell ref="NVA733:NVD733"/>
    <mergeCell ref="NTQ733:NTT733"/>
    <mergeCell ref="NTU733:NTX733"/>
    <mergeCell ref="NTY733:NUB733"/>
    <mergeCell ref="NUC733:NUF733"/>
    <mergeCell ref="NUG733:NUJ733"/>
    <mergeCell ref="NSW733:NSZ733"/>
    <mergeCell ref="NTA733:NTD733"/>
    <mergeCell ref="NTE733:NTH733"/>
    <mergeCell ref="NTI733:NTL733"/>
    <mergeCell ref="NTM733:NTP733"/>
    <mergeCell ref="NSC733:NSF733"/>
    <mergeCell ref="NSG733:NSJ733"/>
    <mergeCell ref="NSK733:NSN733"/>
    <mergeCell ref="NSO733:NSR733"/>
    <mergeCell ref="NSS733:NSV733"/>
    <mergeCell ref="NRI733:NRL733"/>
    <mergeCell ref="NRM733:NRP733"/>
    <mergeCell ref="NRQ733:NRT733"/>
    <mergeCell ref="NRU733:NRX733"/>
    <mergeCell ref="NRY733:NSB733"/>
    <mergeCell ref="NQO733:NQR733"/>
    <mergeCell ref="NQS733:NQV733"/>
    <mergeCell ref="NQW733:NQZ733"/>
    <mergeCell ref="NRA733:NRD733"/>
    <mergeCell ref="NRE733:NRH733"/>
    <mergeCell ref="OAO733:OAR733"/>
    <mergeCell ref="OAS733:OAV733"/>
    <mergeCell ref="OAW733:OAZ733"/>
    <mergeCell ref="OBA733:OBD733"/>
    <mergeCell ref="OBE733:OBH733"/>
    <mergeCell ref="NZU733:NZX733"/>
    <mergeCell ref="NZY733:OAB733"/>
    <mergeCell ref="OAC733:OAF733"/>
    <mergeCell ref="OAG733:OAJ733"/>
    <mergeCell ref="OAK733:OAN733"/>
    <mergeCell ref="NZA733:NZD733"/>
    <mergeCell ref="NZE733:NZH733"/>
    <mergeCell ref="NZI733:NZL733"/>
    <mergeCell ref="NZM733:NZP733"/>
    <mergeCell ref="NZQ733:NZT733"/>
    <mergeCell ref="NYG733:NYJ733"/>
    <mergeCell ref="NYK733:NYN733"/>
    <mergeCell ref="NYO733:NYR733"/>
    <mergeCell ref="NYS733:NYV733"/>
    <mergeCell ref="NYW733:NYZ733"/>
    <mergeCell ref="NXM733:NXP733"/>
    <mergeCell ref="NXQ733:NXT733"/>
    <mergeCell ref="NXU733:NXX733"/>
    <mergeCell ref="NXY733:NYB733"/>
    <mergeCell ref="NYC733:NYF733"/>
    <mergeCell ref="NWS733:NWV733"/>
    <mergeCell ref="NWW733:NWZ733"/>
    <mergeCell ref="NXA733:NXD733"/>
    <mergeCell ref="NXE733:NXH733"/>
    <mergeCell ref="NXI733:NXL733"/>
    <mergeCell ref="NVY733:NWB733"/>
    <mergeCell ref="NWC733:NWF733"/>
    <mergeCell ref="NWG733:NWJ733"/>
    <mergeCell ref="NWK733:NWN733"/>
    <mergeCell ref="NWO733:NWR733"/>
    <mergeCell ref="OFY733:OGB733"/>
    <mergeCell ref="OGC733:OGF733"/>
    <mergeCell ref="OGG733:OGJ733"/>
    <mergeCell ref="OGK733:OGN733"/>
    <mergeCell ref="OGO733:OGR733"/>
    <mergeCell ref="OFE733:OFH733"/>
    <mergeCell ref="OFI733:OFL733"/>
    <mergeCell ref="OFM733:OFP733"/>
    <mergeCell ref="OFQ733:OFT733"/>
    <mergeCell ref="OFU733:OFX733"/>
    <mergeCell ref="OEK733:OEN733"/>
    <mergeCell ref="OEO733:OER733"/>
    <mergeCell ref="OES733:OEV733"/>
    <mergeCell ref="OEW733:OEZ733"/>
    <mergeCell ref="OFA733:OFD733"/>
    <mergeCell ref="ODQ733:ODT733"/>
    <mergeCell ref="ODU733:ODX733"/>
    <mergeCell ref="ODY733:OEB733"/>
    <mergeCell ref="OEC733:OEF733"/>
    <mergeCell ref="OEG733:OEJ733"/>
    <mergeCell ref="OCW733:OCZ733"/>
    <mergeCell ref="ODA733:ODD733"/>
    <mergeCell ref="ODE733:ODH733"/>
    <mergeCell ref="ODI733:ODL733"/>
    <mergeCell ref="ODM733:ODP733"/>
    <mergeCell ref="OCC733:OCF733"/>
    <mergeCell ref="OCG733:OCJ733"/>
    <mergeCell ref="OCK733:OCN733"/>
    <mergeCell ref="OCO733:OCR733"/>
    <mergeCell ref="OCS733:OCV733"/>
    <mergeCell ref="OBI733:OBL733"/>
    <mergeCell ref="OBM733:OBP733"/>
    <mergeCell ref="OBQ733:OBT733"/>
    <mergeCell ref="OBU733:OBX733"/>
    <mergeCell ref="OBY733:OCB733"/>
    <mergeCell ref="OLI733:OLL733"/>
    <mergeCell ref="OLM733:OLP733"/>
    <mergeCell ref="OLQ733:OLT733"/>
    <mergeCell ref="OLU733:OLX733"/>
    <mergeCell ref="OLY733:OMB733"/>
    <mergeCell ref="OKO733:OKR733"/>
    <mergeCell ref="OKS733:OKV733"/>
    <mergeCell ref="OKW733:OKZ733"/>
    <mergeCell ref="OLA733:OLD733"/>
    <mergeCell ref="OLE733:OLH733"/>
    <mergeCell ref="OJU733:OJX733"/>
    <mergeCell ref="OJY733:OKB733"/>
    <mergeCell ref="OKC733:OKF733"/>
    <mergeCell ref="OKG733:OKJ733"/>
    <mergeCell ref="OKK733:OKN733"/>
    <mergeCell ref="OJA733:OJD733"/>
    <mergeCell ref="OJE733:OJH733"/>
    <mergeCell ref="OJI733:OJL733"/>
    <mergeCell ref="OJM733:OJP733"/>
    <mergeCell ref="OJQ733:OJT733"/>
    <mergeCell ref="OIG733:OIJ733"/>
    <mergeCell ref="OIK733:OIN733"/>
    <mergeCell ref="OIO733:OIR733"/>
    <mergeCell ref="OIS733:OIV733"/>
    <mergeCell ref="OIW733:OIZ733"/>
    <mergeCell ref="OHM733:OHP733"/>
    <mergeCell ref="OHQ733:OHT733"/>
    <mergeCell ref="OHU733:OHX733"/>
    <mergeCell ref="OHY733:OIB733"/>
    <mergeCell ref="OIC733:OIF733"/>
    <mergeCell ref="OGS733:OGV733"/>
    <mergeCell ref="OGW733:OGZ733"/>
    <mergeCell ref="OHA733:OHD733"/>
    <mergeCell ref="OHE733:OHH733"/>
    <mergeCell ref="OHI733:OHL733"/>
    <mergeCell ref="OQS733:OQV733"/>
    <mergeCell ref="OQW733:OQZ733"/>
    <mergeCell ref="ORA733:ORD733"/>
    <mergeCell ref="ORE733:ORH733"/>
    <mergeCell ref="ORI733:ORL733"/>
    <mergeCell ref="OPY733:OQB733"/>
    <mergeCell ref="OQC733:OQF733"/>
    <mergeCell ref="OQG733:OQJ733"/>
    <mergeCell ref="OQK733:OQN733"/>
    <mergeCell ref="OQO733:OQR733"/>
    <mergeCell ref="OPE733:OPH733"/>
    <mergeCell ref="OPI733:OPL733"/>
    <mergeCell ref="OPM733:OPP733"/>
    <mergeCell ref="OPQ733:OPT733"/>
    <mergeCell ref="OPU733:OPX733"/>
    <mergeCell ref="OOK733:OON733"/>
    <mergeCell ref="OOO733:OOR733"/>
    <mergeCell ref="OOS733:OOV733"/>
    <mergeCell ref="OOW733:OOZ733"/>
    <mergeCell ref="OPA733:OPD733"/>
    <mergeCell ref="ONQ733:ONT733"/>
    <mergeCell ref="ONU733:ONX733"/>
    <mergeCell ref="ONY733:OOB733"/>
    <mergeCell ref="OOC733:OOF733"/>
    <mergeCell ref="OOG733:OOJ733"/>
    <mergeCell ref="OMW733:OMZ733"/>
    <mergeCell ref="ONA733:OND733"/>
    <mergeCell ref="ONE733:ONH733"/>
    <mergeCell ref="ONI733:ONL733"/>
    <mergeCell ref="ONM733:ONP733"/>
    <mergeCell ref="OMC733:OMF733"/>
    <mergeCell ref="OMG733:OMJ733"/>
    <mergeCell ref="OMK733:OMN733"/>
    <mergeCell ref="OMO733:OMR733"/>
    <mergeCell ref="OMS733:OMV733"/>
    <mergeCell ref="OWC733:OWF733"/>
    <mergeCell ref="OWG733:OWJ733"/>
    <mergeCell ref="OWK733:OWN733"/>
    <mergeCell ref="OWO733:OWR733"/>
    <mergeCell ref="OWS733:OWV733"/>
    <mergeCell ref="OVI733:OVL733"/>
    <mergeCell ref="OVM733:OVP733"/>
    <mergeCell ref="OVQ733:OVT733"/>
    <mergeCell ref="OVU733:OVX733"/>
    <mergeCell ref="OVY733:OWB733"/>
    <mergeCell ref="OUO733:OUR733"/>
    <mergeCell ref="OUS733:OUV733"/>
    <mergeCell ref="OUW733:OUZ733"/>
    <mergeCell ref="OVA733:OVD733"/>
    <mergeCell ref="OVE733:OVH733"/>
    <mergeCell ref="OTU733:OTX733"/>
    <mergeCell ref="OTY733:OUB733"/>
    <mergeCell ref="OUC733:OUF733"/>
    <mergeCell ref="OUG733:OUJ733"/>
    <mergeCell ref="OUK733:OUN733"/>
    <mergeCell ref="OTA733:OTD733"/>
    <mergeCell ref="OTE733:OTH733"/>
    <mergeCell ref="OTI733:OTL733"/>
    <mergeCell ref="OTM733:OTP733"/>
    <mergeCell ref="OTQ733:OTT733"/>
    <mergeCell ref="OSG733:OSJ733"/>
    <mergeCell ref="OSK733:OSN733"/>
    <mergeCell ref="OSO733:OSR733"/>
    <mergeCell ref="OSS733:OSV733"/>
    <mergeCell ref="OSW733:OSZ733"/>
    <mergeCell ref="ORM733:ORP733"/>
    <mergeCell ref="ORQ733:ORT733"/>
    <mergeCell ref="ORU733:ORX733"/>
    <mergeCell ref="ORY733:OSB733"/>
    <mergeCell ref="OSC733:OSF733"/>
    <mergeCell ref="PBM733:PBP733"/>
    <mergeCell ref="PBQ733:PBT733"/>
    <mergeCell ref="PBU733:PBX733"/>
    <mergeCell ref="PBY733:PCB733"/>
    <mergeCell ref="PCC733:PCF733"/>
    <mergeCell ref="PAS733:PAV733"/>
    <mergeCell ref="PAW733:PAZ733"/>
    <mergeCell ref="PBA733:PBD733"/>
    <mergeCell ref="PBE733:PBH733"/>
    <mergeCell ref="PBI733:PBL733"/>
    <mergeCell ref="OZY733:PAB733"/>
    <mergeCell ref="PAC733:PAF733"/>
    <mergeCell ref="PAG733:PAJ733"/>
    <mergeCell ref="PAK733:PAN733"/>
    <mergeCell ref="PAO733:PAR733"/>
    <mergeCell ref="OZE733:OZH733"/>
    <mergeCell ref="OZI733:OZL733"/>
    <mergeCell ref="OZM733:OZP733"/>
    <mergeCell ref="OZQ733:OZT733"/>
    <mergeCell ref="OZU733:OZX733"/>
    <mergeCell ref="OYK733:OYN733"/>
    <mergeCell ref="OYO733:OYR733"/>
    <mergeCell ref="OYS733:OYV733"/>
    <mergeCell ref="OYW733:OYZ733"/>
    <mergeCell ref="OZA733:OZD733"/>
    <mergeCell ref="OXQ733:OXT733"/>
    <mergeCell ref="OXU733:OXX733"/>
    <mergeCell ref="OXY733:OYB733"/>
    <mergeCell ref="OYC733:OYF733"/>
    <mergeCell ref="OYG733:OYJ733"/>
    <mergeCell ref="OWW733:OWZ733"/>
    <mergeCell ref="OXA733:OXD733"/>
    <mergeCell ref="OXE733:OXH733"/>
    <mergeCell ref="OXI733:OXL733"/>
    <mergeCell ref="OXM733:OXP733"/>
    <mergeCell ref="PGW733:PGZ733"/>
    <mergeCell ref="PHA733:PHD733"/>
    <mergeCell ref="PHE733:PHH733"/>
    <mergeCell ref="PHI733:PHL733"/>
    <mergeCell ref="PHM733:PHP733"/>
    <mergeCell ref="PGC733:PGF733"/>
    <mergeCell ref="PGG733:PGJ733"/>
    <mergeCell ref="PGK733:PGN733"/>
    <mergeCell ref="PGO733:PGR733"/>
    <mergeCell ref="PGS733:PGV733"/>
    <mergeCell ref="PFI733:PFL733"/>
    <mergeCell ref="PFM733:PFP733"/>
    <mergeCell ref="PFQ733:PFT733"/>
    <mergeCell ref="PFU733:PFX733"/>
    <mergeCell ref="PFY733:PGB733"/>
    <mergeCell ref="PEO733:PER733"/>
    <mergeCell ref="PES733:PEV733"/>
    <mergeCell ref="PEW733:PEZ733"/>
    <mergeCell ref="PFA733:PFD733"/>
    <mergeCell ref="PFE733:PFH733"/>
    <mergeCell ref="PDU733:PDX733"/>
    <mergeCell ref="PDY733:PEB733"/>
    <mergeCell ref="PEC733:PEF733"/>
    <mergeCell ref="PEG733:PEJ733"/>
    <mergeCell ref="PEK733:PEN733"/>
    <mergeCell ref="PDA733:PDD733"/>
    <mergeCell ref="PDE733:PDH733"/>
    <mergeCell ref="PDI733:PDL733"/>
    <mergeCell ref="PDM733:PDP733"/>
    <mergeCell ref="PDQ733:PDT733"/>
    <mergeCell ref="PCG733:PCJ733"/>
    <mergeCell ref="PCK733:PCN733"/>
    <mergeCell ref="PCO733:PCR733"/>
    <mergeCell ref="PCS733:PCV733"/>
    <mergeCell ref="PCW733:PCZ733"/>
    <mergeCell ref="PMG733:PMJ733"/>
    <mergeCell ref="PMK733:PMN733"/>
    <mergeCell ref="PMO733:PMR733"/>
    <mergeCell ref="PMS733:PMV733"/>
    <mergeCell ref="PMW733:PMZ733"/>
    <mergeCell ref="PLM733:PLP733"/>
    <mergeCell ref="PLQ733:PLT733"/>
    <mergeCell ref="PLU733:PLX733"/>
    <mergeCell ref="PLY733:PMB733"/>
    <mergeCell ref="PMC733:PMF733"/>
    <mergeCell ref="PKS733:PKV733"/>
    <mergeCell ref="PKW733:PKZ733"/>
    <mergeCell ref="PLA733:PLD733"/>
    <mergeCell ref="PLE733:PLH733"/>
    <mergeCell ref="PLI733:PLL733"/>
    <mergeCell ref="PJY733:PKB733"/>
    <mergeCell ref="PKC733:PKF733"/>
    <mergeCell ref="PKG733:PKJ733"/>
    <mergeCell ref="PKK733:PKN733"/>
    <mergeCell ref="PKO733:PKR733"/>
    <mergeCell ref="PJE733:PJH733"/>
    <mergeCell ref="PJI733:PJL733"/>
    <mergeCell ref="PJM733:PJP733"/>
    <mergeCell ref="PJQ733:PJT733"/>
    <mergeCell ref="PJU733:PJX733"/>
    <mergeCell ref="PIK733:PIN733"/>
    <mergeCell ref="PIO733:PIR733"/>
    <mergeCell ref="PIS733:PIV733"/>
    <mergeCell ref="PIW733:PIZ733"/>
    <mergeCell ref="PJA733:PJD733"/>
    <mergeCell ref="PHQ733:PHT733"/>
    <mergeCell ref="PHU733:PHX733"/>
    <mergeCell ref="PHY733:PIB733"/>
    <mergeCell ref="PIC733:PIF733"/>
    <mergeCell ref="PIG733:PIJ733"/>
    <mergeCell ref="PRQ733:PRT733"/>
    <mergeCell ref="PRU733:PRX733"/>
    <mergeCell ref="PRY733:PSB733"/>
    <mergeCell ref="PSC733:PSF733"/>
    <mergeCell ref="PSG733:PSJ733"/>
    <mergeCell ref="PQW733:PQZ733"/>
    <mergeCell ref="PRA733:PRD733"/>
    <mergeCell ref="PRE733:PRH733"/>
    <mergeCell ref="PRI733:PRL733"/>
    <mergeCell ref="PRM733:PRP733"/>
    <mergeCell ref="PQC733:PQF733"/>
    <mergeCell ref="PQG733:PQJ733"/>
    <mergeCell ref="PQK733:PQN733"/>
    <mergeCell ref="PQO733:PQR733"/>
    <mergeCell ref="PQS733:PQV733"/>
    <mergeCell ref="PPI733:PPL733"/>
    <mergeCell ref="PPM733:PPP733"/>
    <mergeCell ref="PPQ733:PPT733"/>
    <mergeCell ref="PPU733:PPX733"/>
    <mergeCell ref="PPY733:PQB733"/>
    <mergeCell ref="POO733:POR733"/>
    <mergeCell ref="POS733:POV733"/>
    <mergeCell ref="POW733:POZ733"/>
    <mergeCell ref="PPA733:PPD733"/>
    <mergeCell ref="PPE733:PPH733"/>
    <mergeCell ref="PNU733:PNX733"/>
    <mergeCell ref="PNY733:POB733"/>
    <mergeCell ref="POC733:POF733"/>
    <mergeCell ref="POG733:POJ733"/>
    <mergeCell ref="POK733:PON733"/>
    <mergeCell ref="PNA733:PND733"/>
    <mergeCell ref="PNE733:PNH733"/>
    <mergeCell ref="PNI733:PNL733"/>
    <mergeCell ref="PNM733:PNP733"/>
    <mergeCell ref="PNQ733:PNT733"/>
    <mergeCell ref="PXA733:PXD733"/>
    <mergeCell ref="PXE733:PXH733"/>
    <mergeCell ref="PXI733:PXL733"/>
    <mergeCell ref="PXM733:PXP733"/>
    <mergeCell ref="PXQ733:PXT733"/>
    <mergeCell ref="PWG733:PWJ733"/>
    <mergeCell ref="PWK733:PWN733"/>
    <mergeCell ref="PWO733:PWR733"/>
    <mergeCell ref="PWS733:PWV733"/>
    <mergeCell ref="PWW733:PWZ733"/>
    <mergeCell ref="PVM733:PVP733"/>
    <mergeCell ref="PVQ733:PVT733"/>
    <mergeCell ref="PVU733:PVX733"/>
    <mergeCell ref="PVY733:PWB733"/>
    <mergeCell ref="PWC733:PWF733"/>
    <mergeCell ref="PUS733:PUV733"/>
    <mergeCell ref="PUW733:PUZ733"/>
    <mergeCell ref="PVA733:PVD733"/>
    <mergeCell ref="PVE733:PVH733"/>
    <mergeCell ref="PVI733:PVL733"/>
    <mergeCell ref="PTY733:PUB733"/>
    <mergeCell ref="PUC733:PUF733"/>
    <mergeCell ref="PUG733:PUJ733"/>
    <mergeCell ref="PUK733:PUN733"/>
    <mergeCell ref="PUO733:PUR733"/>
    <mergeCell ref="PTE733:PTH733"/>
    <mergeCell ref="PTI733:PTL733"/>
    <mergeCell ref="PTM733:PTP733"/>
    <mergeCell ref="PTQ733:PTT733"/>
    <mergeCell ref="PTU733:PTX733"/>
    <mergeCell ref="PSK733:PSN733"/>
    <mergeCell ref="PSO733:PSR733"/>
    <mergeCell ref="PSS733:PSV733"/>
    <mergeCell ref="PSW733:PSZ733"/>
    <mergeCell ref="PTA733:PTD733"/>
    <mergeCell ref="QCK733:QCN733"/>
    <mergeCell ref="QCO733:QCR733"/>
    <mergeCell ref="QCS733:QCV733"/>
    <mergeCell ref="QCW733:QCZ733"/>
    <mergeCell ref="QDA733:QDD733"/>
    <mergeCell ref="QBQ733:QBT733"/>
    <mergeCell ref="QBU733:QBX733"/>
    <mergeCell ref="QBY733:QCB733"/>
    <mergeCell ref="QCC733:QCF733"/>
    <mergeCell ref="QCG733:QCJ733"/>
    <mergeCell ref="QAW733:QAZ733"/>
    <mergeCell ref="QBA733:QBD733"/>
    <mergeCell ref="QBE733:QBH733"/>
    <mergeCell ref="QBI733:QBL733"/>
    <mergeCell ref="QBM733:QBP733"/>
    <mergeCell ref="QAC733:QAF733"/>
    <mergeCell ref="QAG733:QAJ733"/>
    <mergeCell ref="QAK733:QAN733"/>
    <mergeCell ref="QAO733:QAR733"/>
    <mergeCell ref="QAS733:QAV733"/>
    <mergeCell ref="PZI733:PZL733"/>
    <mergeCell ref="PZM733:PZP733"/>
    <mergeCell ref="PZQ733:PZT733"/>
    <mergeCell ref="PZU733:PZX733"/>
    <mergeCell ref="PZY733:QAB733"/>
    <mergeCell ref="PYO733:PYR733"/>
    <mergeCell ref="PYS733:PYV733"/>
    <mergeCell ref="PYW733:PYZ733"/>
    <mergeCell ref="PZA733:PZD733"/>
    <mergeCell ref="PZE733:PZH733"/>
    <mergeCell ref="PXU733:PXX733"/>
    <mergeCell ref="PXY733:PYB733"/>
    <mergeCell ref="PYC733:PYF733"/>
    <mergeCell ref="PYG733:PYJ733"/>
    <mergeCell ref="PYK733:PYN733"/>
    <mergeCell ref="QHU733:QHX733"/>
    <mergeCell ref="QHY733:QIB733"/>
    <mergeCell ref="QIC733:QIF733"/>
    <mergeCell ref="QIG733:QIJ733"/>
    <mergeCell ref="QIK733:QIN733"/>
    <mergeCell ref="QHA733:QHD733"/>
    <mergeCell ref="QHE733:QHH733"/>
    <mergeCell ref="QHI733:QHL733"/>
    <mergeCell ref="QHM733:QHP733"/>
    <mergeCell ref="QHQ733:QHT733"/>
    <mergeCell ref="QGG733:QGJ733"/>
    <mergeCell ref="QGK733:QGN733"/>
    <mergeCell ref="QGO733:QGR733"/>
    <mergeCell ref="QGS733:QGV733"/>
    <mergeCell ref="QGW733:QGZ733"/>
    <mergeCell ref="QFM733:QFP733"/>
    <mergeCell ref="QFQ733:QFT733"/>
    <mergeCell ref="QFU733:QFX733"/>
    <mergeCell ref="QFY733:QGB733"/>
    <mergeCell ref="QGC733:QGF733"/>
    <mergeCell ref="QES733:QEV733"/>
    <mergeCell ref="QEW733:QEZ733"/>
    <mergeCell ref="QFA733:QFD733"/>
    <mergeCell ref="QFE733:QFH733"/>
    <mergeCell ref="QFI733:QFL733"/>
    <mergeCell ref="QDY733:QEB733"/>
    <mergeCell ref="QEC733:QEF733"/>
    <mergeCell ref="QEG733:QEJ733"/>
    <mergeCell ref="QEK733:QEN733"/>
    <mergeCell ref="QEO733:QER733"/>
    <mergeCell ref="QDE733:QDH733"/>
    <mergeCell ref="QDI733:QDL733"/>
    <mergeCell ref="QDM733:QDP733"/>
    <mergeCell ref="QDQ733:QDT733"/>
    <mergeCell ref="QDU733:QDX733"/>
    <mergeCell ref="QNE733:QNH733"/>
    <mergeCell ref="QNI733:QNL733"/>
    <mergeCell ref="QNM733:QNP733"/>
    <mergeCell ref="QNQ733:QNT733"/>
    <mergeCell ref="QNU733:QNX733"/>
    <mergeCell ref="QMK733:QMN733"/>
    <mergeCell ref="QMO733:QMR733"/>
    <mergeCell ref="QMS733:QMV733"/>
    <mergeCell ref="QMW733:QMZ733"/>
    <mergeCell ref="QNA733:QND733"/>
    <mergeCell ref="QLQ733:QLT733"/>
    <mergeCell ref="QLU733:QLX733"/>
    <mergeCell ref="QLY733:QMB733"/>
    <mergeCell ref="QMC733:QMF733"/>
    <mergeCell ref="QMG733:QMJ733"/>
    <mergeCell ref="QKW733:QKZ733"/>
    <mergeCell ref="QLA733:QLD733"/>
    <mergeCell ref="QLE733:QLH733"/>
    <mergeCell ref="QLI733:QLL733"/>
    <mergeCell ref="QLM733:QLP733"/>
    <mergeCell ref="QKC733:QKF733"/>
    <mergeCell ref="QKG733:QKJ733"/>
    <mergeCell ref="QKK733:QKN733"/>
    <mergeCell ref="QKO733:QKR733"/>
    <mergeCell ref="QKS733:QKV733"/>
    <mergeCell ref="QJI733:QJL733"/>
    <mergeCell ref="QJM733:QJP733"/>
    <mergeCell ref="QJQ733:QJT733"/>
    <mergeCell ref="QJU733:QJX733"/>
    <mergeCell ref="QJY733:QKB733"/>
    <mergeCell ref="QIO733:QIR733"/>
    <mergeCell ref="QIS733:QIV733"/>
    <mergeCell ref="QIW733:QIZ733"/>
    <mergeCell ref="QJA733:QJD733"/>
    <mergeCell ref="QJE733:QJH733"/>
    <mergeCell ref="QSO733:QSR733"/>
    <mergeCell ref="QSS733:QSV733"/>
    <mergeCell ref="QSW733:QSZ733"/>
    <mergeCell ref="QTA733:QTD733"/>
    <mergeCell ref="QTE733:QTH733"/>
    <mergeCell ref="QRU733:QRX733"/>
    <mergeCell ref="QRY733:QSB733"/>
    <mergeCell ref="QSC733:QSF733"/>
    <mergeCell ref="QSG733:QSJ733"/>
    <mergeCell ref="QSK733:QSN733"/>
    <mergeCell ref="QRA733:QRD733"/>
    <mergeCell ref="QRE733:QRH733"/>
    <mergeCell ref="QRI733:QRL733"/>
    <mergeCell ref="QRM733:QRP733"/>
    <mergeCell ref="QRQ733:QRT733"/>
    <mergeCell ref="QQG733:QQJ733"/>
    <mergeCell ref="QQK733:QQN733"/>
    <mergeCell ref="QQO733:QQR733"/>
    <mergeCell ref="QQS733:QQV733"/>
    <mergeCell ref="QQW733:QQZ733"/>
    <mergeCell ref="QPM733:QPP733"/>
    <mergeCell ref="QPQ733:QPT733"/>
    <mergeCell ref="QPU733:QPX733"/>
    <mergeCell ref="QPY733:QQB733"/>
    <mergeCell ref="QQC733:QQF733"/>
    <mergeCell ref="QOS733:QOV733"/>
    <mergeCell ref="QOW733:QOZ733"/>
    <mergeCell ref="QPA733:QPD733"/>
    <mergeCell ref="QPE733:QPH733"/>
    <mergeCell ref="QPI733:QPL733"/>
    <mergeCell ref="QNY733:QOB733"/>
    <mergeCell ref="QOC733:QOF733"/>
    <mergeCell ref="QOG733:QOJ733"/>
    <mergeCell ref="QOK733:QON733"/>
    <mergeCell ref="QOO733:QOR733"/>
    <mergeCell ref="QXY733:QYB733"/>
    <mergeCell ref="QYC733:QYF733"/>
    <mergeCell ref="QYG733:QYJ733"/>
    <mergeCell ref="QYK733:QYN733"/>
    <mergeCell ref="QYO733:QYR733"/>
    <mergeCell ref="QXE733:QXH733"/>
    <mergeCell ref="QXI733:QXL733"/>
    <mergeCell ref="QXM733:QXP733"/>
    <mergeCell ref="QXQ733:QXT733"/>
    <mergeCell ref="QXU733:QXX733"/>
    <mergeCell ref="QWK733:QWN733"/>
    <mergeCell ref="QWO733:QWR733"/>
    <mergeCell ref="QWS733:QWV733"/>
    <mergeCell ref="QWW733:QWZ733"/>
    <mergeCell ref="QXA733:QXD733"/>
    <mergeCell ref="QVQ733:QVT733"/>
    <mergeCell ref="QVU733:QVX733"/>
    <mergeCell ref="QVY733:QWB733"/>
    <mergeCell ref="QWC733:QWF733"/>
    <mergeCell ref="QWG733:QWJ733"/>
    <mergeCell ref="QUW733:QUZ733"/>
    <mergeCell ref="QVA733:QVD733"/>
    <mergeCell ref="QVE733:QVH733"/>
    <mergeCell ref="QVI733:QVL733"/>
    <mergeCell ref="QVM733:QVP733"/>
    <mergeCell ref="QUC733:QUF733"/>
    <mergeCell ref="QUG733:QUJ733"/>
    <mergeCell ref="QUK733:QUN733"/>
    <mergeCell ref="QUO733:QUR733"/>
    <mergeCell ref="QUS733:QUV733"/>
    <mergeCell ref="QTI733:QTL733"/>
    <mergeCell ref="QTM733:QTP733"/>
    <mergeCell ref="QTQ733:QTT733"/>
    <mergeCell ref="QTU733:QTX733"/>
    <mergeCell ref="QTY733:QUB733"/>
    <mergeCell ref="RDI733:RDL733"/>
    <mergeCell ref="RDM733:RDP733"/>
    <mergeCell ref="RDQ733:RDT733"/>
    <mergeCell ref="RDU733:RDX733"/>
    <mergeCell ref="RDY733:REB733"/>
    <mergeCell ref="RCO733:RCR733"/>
    <mergeCell ref="RCS733:RCV733"/>
    <mergeCell ref="RCW733:RCZ733"/>
    <mergeCell ref="RDA733:RDD733"/>
    <mergeCell ref="RDE733:RDH733"/>
    <mergeCell ref="RBU733:RBX733"/>
    <mergeCell ref="RBY733:RCB733"/>
    <mergeCell ref="RCC733:RCF733"/>
    <mergeCell ref="RCG733:RCJ733"/>
    <mergeCell ref="RCK733:RCN733"/>
    <mergeCell ref="RBA733:RBD733"/>
    <mergeCell ref="RBE733:RBH733"/>
    <mergeCell ref="RBI733:RBL733"/>
    <mergeCell ref="RBM733:RBP733"/>
    <mergeCell ref="RBQ733:RBT733"/>
    <mergeCell ref="RAG733:RAJ733"/>
    <mergeCell ref="RAK733:RAN733"/>
    <mergeCell ref="RAO733:RAR733"/>
    <mergeCell ref="RAS733:RAV733"/>
    <mergeCell ref="RAW733:RAZ733"/>
    <mergeCell ref="QZM733:QZP733"/>
    <mergeCell ref="QZQ733:QZT733"/>
    <mergeCell ref="QZU733:QZX733"/>
    <mergeCell ref="QZY733:RAB733"/>
    <mergeCell ref="RAC733:RAF733"/>
    <mergeCell ref="QYS733:QYV733"/>
    <mergeCell ref="QYW733:QYZ733"/>
    <mergeCell ref="QZA733:QZD733"/>
    <mergeCell ref="QZE733:QZH733"/>
    <mergeCell ref="QZI733:QZL733"/>
    <mergeCell ref="RIS733:RIV733"/>
    <mergeCell ref="RIW733:RIZ733"/>
    <mergeCell ref="RJA733:RJD733"/>
    <mergeCell ref="RJE733:RJH733"/>
    <mergeCell ref="RJI733:RJL733"/>
    <mergeCell ref="RHY733:RIB733"/>
    <mergeCell ref="RIC733:RIF733"/>
    <mergeCell ref="RIG733:RIJ733"/>
    <mergeCell ref="RIK733:RIN733"/>
    <mergeCell ref="RIO733:RIR733"/>
    <mergeCell ref="RHE733:RHH733"/>
    <mergeCell ref="RHI733:RHL733"/>
    <mergeCell ref="RHM733:RHP733"/>
    <mergeCell ref="RHQ733:RHT733"/>
    <mergeCell ref="RHU733:RHX733"/>
    <mergeCell ref="RGK733:RGN733"/>
    <mergeCell ref="RGO733:RGR733"/>
    <mergeCell ref="RGS733:RGV733"/>
    <mergeCell ref="RGW733:RGZ733"/>
    <mergeCell ref="RHA733:RHD733"/>
    <mergeCell ref="RFQ733:RFT733"/>
    <mergeCell ref="RFU733:RFX733"/>
    <mergeCell ref="RFY733:RGB733"/>
    <mergeCell ref="RGC733:RGF733"/>
    <mergeCell ref="RGG733:RGJ733"/>
    <mergeCell ref="REW733:REZ733"/>
    <mergeCell ref="RFA733:RFD733"/>
    <mergeCell ref="RFE733:RFH733"/>
    <mergeCell ref="RFI733:RFL733"/>
    <mergeCell ref="RFM733:RFP733"/>
    <mergeCell ref="REC733:REF733"/>
    <mergeCell ref="REG733:REJ733"/>
    <mergeCell ref="REK733:REN733"/>
    <mergeCell ref="REO733:RER733"/>
    <mergeCell ref="RES733:REV733"/>
    <mergeCell ref="ROC733:ROF733"/>
    <mergeCell ref="ROG733:ROJ733"/>
    <mergeCell ref="ROK733:RON733"/>
    <mergeCell ref="ROO733:ROR733"/>
    <mergeCell ref="ROS733:ROV733"/>
    <mergeCell ref="RNI733:RNL733"/>
    <mergeCell ref="RNM733:RNP733"/>
    <mergeCell ref="RNQ733:RNT733"/>
    <mergeCell ref="RNU733:RNX733"/>
    <mergeCell ref="RNY733:ROB733"/>
    <mergeCell ref="RMO733:RMR733"/>
    <mergeCell ref="RMS733:RMV733"/>
    <mergeCell ref="RMW733:RMZ733"/>
    <mergeCell ref="RNA733:RND733"/>
    <mergeCell ref="RNE733:RNH733"/>
    <mergeCell ref="RLU733:RLX733"/>
    <mergeCell ref="RLY733:RMB733"/>
    <mergeCell ref="RMC733:RMF733"/>
    <mergeCell ref="RMG733:RMJ733"/>
    <mergeCell ref="RMK733:RMN733"/>
    <mergeCell ref="RLA733:RLD733"/>
    <mergeCell ref="RLE733:RLH733"/>
    <mergeCell ref="RLI733:RLL733"/>
    <mergeCell ref="RLM733:RLP733"/>
    <mergeCell ref="RLQ733:RLT733"/>
    <mergeCell ref="RKG733:RKJ733"/>
    <mergeCell ref="RKK733:RKN733"/>
    <mergeCell ref="RKO733:RKR733"/>
    <mergeCell ref="RKS733:RKV733"/>
    <mergeCell ref="RKW733:RKZ733"/>
    <mergeCell ref="RJM733:RJP733"/>
    <mergeCell ref="RJQ733:RJT733"/>
    <mergeCell ref="RJU733:RJX733"/>
    <mergeCell ref="RJY733:RKB733"/>
    <mergeCell ref="RKC733:RKF733"/>
    <mergeCell ref="RTM733:RTP733"/>
    <mergeCell ref="RTQ733:RTT733"/>
    <mergeCell ref="RTU733:RTX733"/>
    <mergeCell ref="RTY733:RUB733"/>
    <mergeCell ref="RUC733:RUF733"/>
    <mergeCell ref="RSS733:RSV733"/>
    <mergeCell ref="RSW733:RSZ733"/>
    <mergeCell ref="RTA733:RTD733"/>
    <mergeCell ref="RTE733:RTH733"/>
    <mergeCell ref="RTI733:RTL733"/>
    <mergeCell ref="RRY733:RSB733"/>
    <mergeCell ref="RSC733:RSF733"/>
    <mergeCell ref="RSG733:RSJ733"/>
    <mergeCell ref="RSK733:RSN733"/>
    <mergeCell ref="RSO733:RSR733"/>
    <mergeCell ref="RRE733:RRH733"/>
    <mergeCell ref="RRI733:RRL733"/>
    <mergeCell ref="RRM733:RRP733"/>
    <mergeCell ref="RRQ733:RRT733"/>
    <mergeCell ref="RRU733:RRX733"/>
    <mergeCell ref="RQK733:RQN733"/>
    <mergeCell ref="RQO733:RQR733"/>
    <mergeCell ref="RQS733:RQV733"/>
    <mergeCell ref="RQW733:RQZ733"/>
    <mergeCell ref="RRA733:RRD733"/>
    <mergeCell ref="RPQ733:RPT733"/>
    <mergeCell ref="RPU733:RPX733"/>
    <mergeCell ref="RPY733:RQB733"/>
    <mergeCell ref="RQC733:RQF733"/>
    <mergeCell ref="RQG733:RQJ733"/>
    <mergeCell ref="ROW733:ROZ733"/>
    <mergeCell ref="RPA733:RPD733"/>
    <mergeCell ref="RPE733:RPH733"/>
    <mergeCell ref="RPI733:RPL733"/>
    <mergeCell ref="RPM733:RPP733"/>
    <mergeCell ref="RYW733:RYZ733"/>
    <mergeCell ref="RZA733:RZD733"/>
    <mergeCell ref="RZE733:RZH733"/>
    <mergeCell ref="RZI733:RZL733"/>
    <mergeCell ref="RZM733:RZP733"/>
    <mergeCell ref="RYC733:RYF733"/>
    <mergeCell ref="RYG733:RYJ733"/>
    <mergeCell ref="RYK733:RYN733"/>
    <mergeCell ref="RYO733:RYR733"/>
    <mergeCell ref="RYS733:RYV733"/>
    <mergeCell ref="RXI733:RXL733"/>
    <mergeCell ref="RXM733:RXP733"/>
    <mergeCell ref="RXQ733:RXT733"/>
    <mergeCell ref="RXU733:RXX733"/>
    <mergeCell ref="RXY733:RYB733"/>
    <mergeCell ref="RWO733:RWR733"/>
    <mergeCell ref="RWS733:RWV733"/>
    <mergeCell ref="RWW733:RWZ733"/>
    <mergeCell ref="RXA733:RXD733"/>
    <mergeCell ref="RXE733:RXH733"/>
    <mergeCell ref="RVU733:RVX733"/>
    <mergeCell ref="RVY733:RWB733"/>
    <mergeCell ref="RWC733:RWF733"/>
    <mergeCell ref="RWG733:RWJ733"/>
    <mergeCell ref="RWK733:RWN733"/>
    <mergeCell ref="RVA733:RVD733"/>
    <mergeCell ref="RVE733:RVH733"/>
    <mergeCell ref="RVI733:RVL733"/>
    <mergeCell ref="RVM733:RVP733"/>
    <mergeCell ref="RVQ733:RVT733"/>
    <mergeCell ref="RUG733:RUJ733"/>
    <mergeCell ref="RUK733:RUN733"/>
    <mergeCell ref="RUO733:RUR733"/>
    <mergeCell ref="RUS733:RUV733"/>
    <mergeCell ref="RUW733:RUZ733"/>
    <mergeCell ref="SEG733:SEJ733"/>
    <mergeCell ref="SEK733:SEN733"/>
    <mergeCell ref="SEO733:SER733"/>
    <mergeCell ref="SES733:SEV733"/>
    <mergeCell ref="SEW733:SEZ733"/>
    <mergeCell ref="SDM733:SDP733"/>
    <mergeCell ref="SDQ733:SDT733"/>
    <mergeCell ref="SDU733:SDX733"/>
    <mergeCell ref="SDY733:SEB733"/>
    <mergeCell ref="SEC733:SEF733"/>
    <mergeCell ref="SCS733:SCV733"/>
    <mergeCell ref="SCW733:SCZ733"/>
    <mergeCell ref="SDA733:SDD733"/>
    <mergeCell ref="SDE733:SDH733"/>
    <mergeCell ref="SDI733:SDL733"/>
    <mergeCell ref="SBY733:SCB733"/>
    <mergeCell ref="SCC733:SCF733"/>
    <mergeCell ref="SCG733:SCJ733"/>
    <mergeCell ref="SCK733:SCN733"/>
    <mergeCell ref="SCO733:SCR733"/>
    <mergeCell ref="SBE733:SBH733"/>
    <mergeCell ref="SBI733:SBL733"/>
    <mergeCell ref="SBM733:SBP733"/>
    <mergeCell ref="SBQ733:SBT733"/>
    <mergeCell ref="SBU733:SBX733"/>
    <mergeCell ref="SAK733:SAN733"/>
    <mergeCell ref="SAO733:SAR733"/>
    <mergeCell ref="SAS733:SAV733"/>
    <mergeCell ref="SAW733:SAZ733"/>
    <mergeCell ref="SBA733:SBD733"/>
    <mergeCell ref="RZQ733:RZT733"/>
    <mergeCell ref="RZU733:RZX733"/>
    <mergeCell ref="RZY733:SAB733"/>
    <mergeCell ref="SAC733:SAF733"/>
    <mergeCell ref="SAG733:SAJ733"/>
    <mergeCell ref="SJQ733:SJT733"/>
    <mergeCell ref="SJU733:SJX733"/>
    <mergeCell ref="SJY733:SKB733"/>
    <mergeCell ref="SKC733:SKF733"/>
    <mergeCell ref="SKG733:SKJ733"/>
    <mergeCell ref="SIW733:SIZ733"/>
    <mergeCell ref="SJA733:SJD733"/>
    <mergeCell ref="SJE733:SJH733"/>
    <mergeCell ref="SJI733:SJL733"/>
    <mergeCell ref="SJM733:SJP733"/>
    <mergeCell ref="SIC733:SIF733"/>
    <mergeCell ref="SIG733:SIJ733"/>
    <mergeCell ref="SIK733:SIN733"/>
    <mergeCell ref="SIO733:SIR733"/>
    <mergeCell ref="SIS733:SIV733"/>
    <mergeCell ref="SHI733:SHL733"/>
    <mergeCell ref="SHM733:SHP733"/>
    <mergeCell ref="SHQ733:SHT733"/>
    <mergeCell ref="SHU733:SHX733"/>
    <mergeCell ref="SHY733:SIB733"/>
    <mergeCell ref="SGO733:SGR733"/>
    <mergeCell ref="SGS733:SGV733"/>
    <mergeCell ref="SGW733:SGZ733"/>
    <mergeCell ref="SHA733:SHD733"/>
    <mergeCell ref="SHE733:SHH733"/>
    <mergeCell ref="SFU733:SFX733"/>
    <mergeCell ref="SFY733:SGB733"/>
    <mergeCell ref="SGC733:SGF733"/>
    <mergeCell ref="SGG733:SGJ733"/>
    <mergeCell ref="SGK733:SGN733"/>
    <mergeCell ref="SFA733:SFD733"/>
    <mergeCell ref="SFE733:SFH733"/>
    <mergeCell ref="SFI733:SFL733"/>
    <mergeCell ref="SFM733:SFP733"/>
    <mergeCell ref="SFQ733:SFT733"/>
    <mergeCell ref="SPA733:SPD733"/>
    <mergeCell ref="SPE733:SPH733"/>
    <mergeCell ref="SPI733:SPL733"/>
    <mergeCell ref="SPM733:SPP733"/>
    <mergeCell ref="SPQ733:SPT733"/>
    <mergeCell ref="SOG733:SOJ733"/>
    <mergeCell ref="SOK733:SON733"/>
    <mergeCell ref="SOO733:SOR733"/>
    <mergeCell ref="SOS733:SOV733"/>
    <mergeCell ref="SOW733:SOZ733"/>
    <mergeCell ref="SNM733:SNP733"/>
    <mergeCell ref="SNQ733:SNT733"/>
    <mergeCell ref="SNU733:SNX733"/>
    <mergeCell ref="SNY733:SOB733"/>
    <mergeCell ref="SOC733:SOF733"/>
    <mergeCell ref="SMS733:SMV733"/>
    <mergeCell ref="SMW733:SMZ733"/>
    <mergeCell ref="SNA733:SND733"/>
    <mergeCell ref="SNE733:SNH733"/>
    <mergeCell ref="SNI733:SNL733"/>
    <mergeCell ref="SLY733:SMB733"/>
    <mergeCell ref="SMC733:SMF733"/>
    <mergeCell ref="SMG733:SMJ733"/>
    <mergeCell ref="SMK733:SMN733"/>
    <mergeCell ref="SMO733:SMR733"/>
    <mergeCell ref="SLE733:SLH733"/>
    <mergeCell ref="SLI733:SLL733"/>
    <mergeCell ref="SLM733:SLP733"/>
    <mergeCell ref="SLQ733:SLT733"/>
    <mergeCell ref="SLU733:SLX733"/>
    <mergeCell ref="SKK733:SKN733"/>
    <mergeCell ref="SKO733:SKR733"/>
    <mergeCell ref="SKS733:SKV733"/>
    <mergeCell ref="SKW733:SKZ733"/>
    <mergeCell ref="SLA733:SLD733"/>
    <mergeCell ref="SUK733:SUN733"/>
    <mergeCell ref="SUO733:SUR733"/>
    <mergeCell ref="SUS733:SUV733"/>
    <mergeCell ref="SUW733:SUZ733"/>
    <mergeCell ref="SVA733:SVD733"/>
    <mergeCell ref="STQ733:STT733"/>
    <mergeCell ref="STU733:STX733"/>
    <mergeCell ref="STY733:SUB733"/>
    <mergeCell ref="SUC733:SUF733"/>
    <mergeCell ref="SUG733:SUJ733"/>
    <mergeCell ref="SSW733:SSZ733"/>
    <mergeCell ref="STA733:STD733"/>
    <mergeCell ref="STE733:STH733"/>
    <mergeCell ref="STI733:STL733"/>
    <mergeCell ref="STM733:STP733"/>
    <mergeCell ref="SSC733:SSF733"/>
    <mergeCell ref="SSG733:SSJ733"/>
    <mergeCell ref="SSK733:SSN733"/>
    <mergeCell ref="SSO733:SSR733"/>
    <mergeCell ref="SSS733:SSV733"/>
    <mergeCell ref="SRI733:SRL733"/>
    <mergeCell ref="SRM733:SRP733"/>
    <mergeCell ref="SRQ733:SRT733"/>
    <mergeCell ref="SRU733:SRX733"/>
    <mergeCell ref="SRY733:SSB733"/>
    <mergeCell ref="SQO733:SQR733"/>
    <mergeCell ref="SQS733:SQV733"/>
    <mergeCell ref="SQW733:SQZ733"/>
    <mergeCell ref="SRA733:SRD733"/>
    <mergeCell ref="SRE733:SRH733"/>
    <mergeCell ref="SPU733:SPX733"/>
    <mergeCell ref="SPY733:SQB733"/>
    <mergeCell ref="SQC733:SQF733"/>
    <mergeCell ref="SQG733:SQJ733"/>
    <mergeCell ref="SQK733:SQN733"/>
    <mergeCell ref="SZU733:SZX733"/>
    <mergeCell ref="SZY733:TAB733"/>
    <mergeCell ref="TAC733:TAF733"/>
    <mergeCell ref="TAG733:TAJ733"/>
    <mergeCell ref="TAK733:TAN733"/>
    <mergeCell ref="SZA733:SZD733"/>
    <mergeCell ref="SZE733:SZH733"/>
    <mergeCell ref="SZI733:SZL733"/>
    <mergeCell ref="SZM733:SZP733"/>
    <mergeCell ref="SZQ733:SZT733"/>
    <mergeCell ref="SYG733:SYJ733"/>
    <mergeCell ref="SYK733:SYN733"/>
    <mergeCell ref="SYO733:SYR733"/>
    <mergeCell ref="SYS733:SYV733"/>
    <mergeCell ref="SYW733:SYZ733"/>
    <mergeCell ref="SXM733:SXP733"/>
    <mergeCell ref="SXQ733:SXT733"/>
    <mergeCell ref="SXU733:SXX733"/>
    <mergeCell ref="SXY733:SYB733"/>
    <mergeCell ref="SYC733:SYF733"/>
    <mergeCell ref="SWS733:SWV733"/>
    <mergeCell ref="SWW733:SWZ733"/>
    <mergeCell ref="SXA733:SXD733"/>
    <mergeCell ref="SXE733:SXH733"/>
    <mergeCell ref="SXI733:SXL733"/>
    <mergeCell ref="SVY733:SWB733"/>
    <mergeCell ref="SWC733:SWF733"/>
    <mergeCell ref="SWG733:SWJ733"/>
    <mergeCell ref="SWK733:SWN733"/>
    <mergeCell ref="SWO733:SWR733"/>
    <mergeCell ref="SVE733:SVH733"/>
    <mergeCell ref="SVI733:SVL733"/>
    <mergeCell ref="SVM733:SVP733"/>
    <mergeCell ref="SVQ733:SVT733"/>
    <mergeCell ref="SVU733:SVX733"/>
    <mergeCell ref="TFE733:TFH733"/>
    <mergeCell ref="TFI733:TFL733"/>
    <mergeCell ref="TFM733:TFP733"/>
    <mergeCell ref="TFQ733:TFT733"/>
    <mergeCell ref="TFU733:TFX733"/>
    <mergeCell ref="TEK733:TEN733"/>
    <mergeCell ref="TEO733:TER733"/>
    <mergeCell ref="TES733:TEV733"/>
    <mergeCell ref="TEW733:TEZ733"/>
    <mergeCell ref="TFA733:TFD733"/>
    <mergeCell ref="TDQ733:TDT733"/>
    <mergeCell ref="TDU733:TDX733"/>
    <mergeCell ref="TDY733:TEB733"/>
    <mergeCell ref="TEC733:TEF733"/>
    <mergeCell ref="TEG733:TEJ733"/>
    <mergeCell ref="TCW733:TCZ733"/>
    <mergeCell ref="TDA733:TDD733"/>
    <mergeCell ref="TDE733:TDH733"/>
    <mergeCell ref="TDI733:TDL733"/>
    <mergeCell ref="TDM733:TDP733"/>
    <mergeCell ref="TCC733:TCF733"/>
    <mergeCell ref="TCG733:TCJ733"/>
    <mergeCell ref="TCK733:TCN733"/>
    <mergeCell ref="TCO733:TCR733"/>
    <mergeCell ref="TCS733:TCV733"/>
    <mergeCell ref="TBI733:TBL733"/>
    <mergeCell ref="TBM733:TBP733"/>
    <mergeCell ref="TBQ733:TBT733"/>
    <mergeCell ref="TBU733:TBX733"/>
    <mergeCell ref="TBY733:TCB733"/>
    <mergeCell ref="TAO733:TAR733"/>
    <mergeCell ref="TAS733:TAV733"/>
    <mergeCell ref="TAW733:TAZ733"/>
    <mergeCell ref="TBA733:TBD733"/>
    <mergeCell ref="TBE733:TBH733"/>
    <mergeCell ref="TKO733:TKR733"/>
    <mergeCell ref="TKS733:TKV733"/>
    <mergeCell ref="TKW733:TKZ733"/>
    <mergeCell ref="TLA733:TLD733"/>
    <mergeCell ref="TLE733:TLH733"/>
    <mergeCell ref="TJU733:TJX733"/>
    <mergeCell ref="TJY733:TKB733"/>
    <mergeCell ref="TKC733:TKF733"/>
    <mergeCell ref="TKG733:TKJ733"/>
    <mergeCell ref="TKK733:TKN733"/>
    <mergeCell ref="TJA733:TJD733"/>
    <mergeCell ref="TJE733:TJH733"/>
    <mergeCell ref="TJI733:TJL733"/>
    <mergeCell ref="TJM733:TJP733"/>
    <mergeCell ref="TJQ733:TJT733"/>
    <mergeCell ref="TIG733:TIJ733"/>
    <mergeCell ref="TIK733:TIN733"/>
    <mergeCell ref="TIO733:TIR733"/>
    <mergeCell ref="TIS733:TIV733"/>
    <mergeCell ref="TIW733:TIZ733"/>
    <mergeCell ref="THM733:THP733"/>
    <mergeCell ref="THQ733:THT733"/>
    <mergeCell ref="THU733:THX733"/>
    <mergeCell ref="THY733:TIB733"/>
    <mergeCell ref="TIC733:TIF733"/>
    <mergeCell ref="TGS733:TGV733"/>
    <mergeCell ref="TGW733:TGZ733"/>
    <mergeCell ref="THA733:THD733"/>
    <mergeCell ref="THE733:THH733"/>
    <mergeCell ref="THI733:THL733"/>
    <mergeCell ref="TFY733:TGB733"/>
    <mergeCell ref="TGC733:TGF733"/>
    <mergeCell ref="TGG733:TGJ733"/>
    <mergeCell ref="TGK733:TGN733"/>
    <mergeCell ref="TGO733:TGR733"/>
    <mergeCell ref="TPY733:TQB733"/>
    <mergeCell ref="TQC733:TQF733"/>
    <mergeCell ref="TQG733:TQJ733"/>
    <mergeCell ref="TQK733:TQN733"/>
    <mergeCell ref="TQO733:TQR733"/>
    <mergeCell ref="TPE733:TPH733"/>
    <mergeCell ref="TPI733:TPL733"/>
    <mergeCell ref="TPM733:TPP733"/>
    <mergeCell ref="TPQ733:TPT733"/>
    <mergeCell ref="TPU733:TPX733"/>
    <mergeCell ref="TOK733:TON733"/>
    <mergeCell ref="TOO733:TOR733"/>
    <mergeCell ref="TOS733:TOV733"/>
    <mergeCell ref="TOW733:TOZ733"/>
    <mergeCell ref="TPA733:TPD733"/>
    <mergeCell ref="TNQ733:TNT733"/>
    <mergeCell ref="TNU733:TNX733"/>
    <mergeCell ref="TNY733:TOB733"/>
    <mergeCell ref="TOC733:TOF733"/>
    <mergeCell ref="TOG733:TOJ733"/>
    <mergeCell ref="TMW733:TMZ733"/>
    <mergeCell ref="TNA733:TND733"/>
    <mergeCell ref="TNE733:TNH733"/>
    <mergeCell ref="TNI733:TNL733"/>
    <mergeCell ref="TNM733:TNP733"/>
    <mergeCell ref="TMC733:TMF733"/>
    <mergeCell ref="TMG733:TMJ733"/>
    <mergeCell ref="TMK733:TMN733"/>
    <mergeCell ref="TMO733:TMR733"/>
    <mergeCell ref="TMS733:TMV733"/>
    <mergeCell ref="TLI733:TLL733"/>
    <mergeCell ref="TLM733:TLP733"/>
    <mergeCell ref="TLQ733:TLT733"/>
    <mergeCell ref="TLU733:TLX733"/>
    <mergeCell ref="TLY733:TMB733"/>
    <mergeCell ref="TVI733:TVL733"/>
    <mergeCell ref="TVM733:TVP733"/>
    <mergeCell ref="TVQ733:TVT733"/>
    <mergeCell ref="TVU733:TVX733"/>
    <mergeCell ref="TVY733:TWB733"/>
    <mergeCell ref="TUO733:TUR733"/>
    <mergeCell ref="TUS733:TUV733"/>
    <mergeCell ref="TUW733:TUZ733"/>
    <mergeCell ref="TVA733:TVD733"/>
    <mergeCell ref="TVE733:TVH733"/>
    <mergeCell ref="TTU733:TTX733"/>
    <mergeCell ref="TTY733:TUB733"/>
    <mergeCell ref="TUC733:TUF733"/>
    <mergeCell ref="TUG733:TUJ733"/>
    <mergeCell ref="TUK733:TUN733"/>
    <mergeCell ref="TTA733:TTD733"/>
    <mergeCell ref="TTE733:TTH733"/>
    <mergeCell ref="TTI733:TTL733"/>
    <mergeCell ref="TTM733:TTP733"/>
    <mergeCell ref="TTQ733:TTT733"/>
    <mergeCell ref="TSG733:TSJ733"/>
    <mergeCell ref="TSK733:TSN733"/>
    <mergeCell ref="TSO733:TSR733"/>
    <mergeCell ref="TSS733:TSV733"/>
    <mergeCell ref="TSW733:TSZ733"/>
    <mergeCell ref="TRM733:TRP733"/>
    <mergeCell ref="TRQ733:TRT733"/>
    <mergeCell ref="TRU733:TRX733"/>
    <mergeCell ref="TRY733:TSB733"/>
    <mergeCell ref="TSC733:TSF733"/>
    <mergeCell ref="TQS733:TQV733"/>
    <mergeCell ref="TQW733:TQZ733"/>
    <mergeCell ref="TRA733:TRD733"/>
    <mergeCell ref="TRE733:TRH733"/>
    <mergeCell ref="TRI733:TRL733"/>
    <mergeCell ref="UAS733:UAV733"/>
    <mergeCell ref="UAW733:UAZ733"/>
    <mergeCell ref="UBA733:UBD733"/>
    <mergeCell ref="UBE733:UBH733"/>
    <mergeCell ref="UBI733:UBL733"/>
    <mergeCell ref="TZY733:UAB733"/>
    <mergeCell ref="UAC733:UAF733"/>
    <mergeCell ref="UAG733:UAJ733"/>
    <mergeCell ref="UAK733:UAN733"/>
    <mergeCell ref="UAO733:UAR733"/>
    <mergeCell ref="TZE733:TZH733"/>
    <mergeCell ref="TZI733:TZL733"/>
    <mergeCell ref="TZM733:TZP733"/>
    <mergeCell ref="TZQ733:TZT733"/>
    <mergeCell ref="TZU733:TZX733"/>
    <mergeCell ref="TYK733:TYN733"/>
    <mergeCell ref="TYO733:TYR733"/>
    <mergeCell ref="TYS733:TYV733"/>
    <mergeCell ref="TYW733:TYZ733"/>
    <mergeCell ref="TZA733:TZD733"/>
    <mergeCell ref="TXQ733:TXT733"/>
    <mergeCell ref="TXU733:TXX733"/>
    <mergeCell ref="TXY733:TYB733"/>
    <mergeCell ref="TYC733:TYF733"/>
    <mergeCell ref="TYG733:TYJ733"/>
    <mergeCell ref="TWW733:TWZ733"/>
    <mergeCell ref="TXA733:TXD733"/>
    <mergeCell ref="TXE733:TXH733"/>
    <mergeCell ref="TXI733:TXL733"/>
    <mergeCell ref="TXM733:TXP733"/>
    <mergeCell ref="TWC733:TWF733"/>
    <mergeCell ref="TWG733:TWJ733"/>
    <mergeCell ref="TWK733:TWN733"/>
    <mergeCell ref="TWO733:TWR733"/>
    <mergeCell ref="TWS733:TWV733"/>
    <mergeCell ref="UGC733:UGF733"/>
    <mergeCell ref="UGG733:UGJ733"/>
    <mergeCell ref="UGK733:UGN733"/>
    <mergeCell ref="UGO733:UGR733"/>
    <mergeCell ref="UGS733:UGV733"/>
    <mergeCell ref="UFI733:UFL733"/>
    <mergeCell ref="UFM733:UFP733"/>
    <mergeCell ref="UFQ733:UFT733"/>
    <mergeCell ref="UFU733:UFX733"/>
    <mergeCell ref="UFY733:UGB733"/>
    <mergeCell ref="UEO733:UER733"/>
    <mergeCell ref="UES733:UEV733"/>
    <mergeCell ref="UEW733:UEZ733"/>
    <mergeCell ref="UFA733:UFD733"/>
    <mergeCell ref="UFE733:UFH733"/>
    <mergeCell ref="UDU733:UDX733"/>
    <mergeCell ref="UDY733:UEB733"/>
    <mergeCell ref="UEC733:UEF733"/>
    <mergeCell ref="UEG733:UEJ733"/>
    <mergeCell ref="UEK733:UEN733"/>
    <mergeCell ref="UDA733:UDD733"/>
    <mergeCell ref="UDE733:UDH733"/>
    <mergeCell ref="UDI733:UDL733"/>
    <mergeCell ref="UDM733:UDP733"/>
    <mergeCell ref="UDQ733:UDT733"/>
    <mergeCell ref="UCG733:UCJ733"/>
    <mergeCell ref="UCK733:UCN733"/>
    <mergeCell ref="UCO733:UCR733"/>
    <mergeCell ref="UCS733:UCV733"/>
    <mergeCell ref="UCW733:UCZ733"/>
    <mergeCell ref="UBM733:UBP733"/>
    <mergeCell ref="UBQ733:UBT733"/>
    <mergeCell ref="UBU733:UBX733"/>
    <mergeCell ref="UBY733:UCB733"/>
    <mergeCell ref="UCC733:UCF733"/>
    <mergeCell ref="ULM733:ULP733"/>
    <mergeCell ref="ULQ733:ULT733"/>
    <mergeCell ref="ULU733:ULX733"/>
    <mergeCell ref="ULY733:UMB733"/>
    <mergeCell ref="UMC733:UMF733"/>
    <mergeCell ref="UKS733:UKV733"/>
    <mergeCell ref="UKW733:UKZ733"/>
    <mergeCell ref="ULA733:ULD733"/>
    <mergeCell ref="ULE733:ULH733"/>
    <mergeCell ref="ULI733:ULL733"/>
    <mergeCell ref="UJY733:UKB733"/>
    <mergeCell ref="UKC733:UKF733"/>
    <mergeCell ref="UKG733:UKJ733"/>
    <mergeCell ref="UKK733:UKN733"/>
    <mergeCell ref="UKO733:UKR733"/>
    <mergeCell ref="UJE733:UJH733"/>
    <mergeCell ref="UJI733:UJL733"/>
    <mergeCell ref="UJM733:UJP733"/>
    <mergeCell ref="UJQ733:UJT733"/>
    <mergeCell ref="UJU733:UJX733"/>
    <mergeCell ref="UIK733:UIN733"/>
    <mergeCell ref="UIO733:UIR733"/>
    <mergeCell ref="UIS733:UIV733"/>
    <mergeCell ref="UIW733:UIZ733"/>
    <mergeCell ref="UJA733:UJD733"/>
    <mergeCell ref="UHQ733:UHT733"/>
    <mergeCell ref="UHU733:UHX733"/>
    <mergeCell ref="UHY733:UIB733"/>
    <mergeCell ref="UIC733:UIF733"/>
    <mergeCell ref="UIG733:UIJ733"/>
    <mergeCell ref="UGW733:UGZ733"/>
    <mergeCell ref="UHA733:UHD733"/>
    <mergeCell ref="UHE733:UHH733"/>
    <mergeCell ref="UHI733:UHL733"/>
    <mergeCell ref="UHM733:UHP733"/>
    <mergeCell ref="UQW733:UQZ733"/>
    <mergeCell ref="URA733:URD733"/>
    <mergeCell ref="URE733:URH733"/>
    <mergeCell ref="URI733:URL733"/>
    <mergeCell ref="URM733:URP733"/>
    <mergeCell ref="UQC733:UQF733"/>
    <mergeCell ref="UQG733:UQJ733"/>
    <mergeCell ref="UQK733:UQN733"/>
    <mergeCell ref="UQO733:UQR733"/>
    <mergeCell ref="UQS733:UQV733"/>
    <mergeCell ref="UPI733:UPL733"/>
    <mergeCell ref="UPM733:UPP733"/>
    <mergeCell ref="UPQ733:UPT733"/>
    <mergeCell ref="UPU733:UPX733"/>
    <mergeCell ref="UPY733:UQB733"/>
    <mergeCell ref="UOO733:UOR733"/>
    <mergeCell ref="UOS733:UOV733"/>
    <mergeCell ref="UOW733:UOZ733"/>
    <mergeCell ref="UPA733:UPD733"/>
    <mergeCell ref="UPE733:UPH733"/>
    <mergeCell ref="UNU733:UNX733"/>
    <mergeCell ref="UNY733:UOB733"/>
    <mergeCell ref="UOC733:UOF733"/>
    <mergeCell ref="UOG733:UOJ733"/>
    <mergeCell ref="UOK733:UON733"/>
    <mergeCell ref="UNA733:UND733"/>
    <mergeCell ref="UNE733:UNH733"/>
    <mergeCell ref="UNI733:UNL733"/>
    <mergeCell ref="UNM733:UNP733"/>
    <mergeCell ref="UNQ733:UNT733"/>
    <mergeCell ref="UMG733:UMJ733"/>
    <mergeCell ref="UMK733:UMN733"/>
    <mergeCell ref="UMO733:UMR733"/>
    <mergeCell ref="UMS733:UMV733"/>
    <mergeCell ref="UMW733:UMZ733"/>
    <mergeCell ref="UWG733:UWJ733"/>
    <mergeCell ref="UWK733:UWN733"/>
    <mergeCell ref="UWO733:UWR733"/>
    <mergeCell ref="UWS733:UWV733"/>
    <mergeCell ref="UWW733:UWZ733"/>
    <mergeCell ref="UVM733:UVP733"/>
    <mergeCell ref="UVQ733:UVT733"/>
    <mergeCell ref="UVU733:UVX733"/>
    <mergeCell ref="UVY733:UWB733"/>
    <mergeCell ref="UWC733:UWF733"/>
    <mergeCell ref="UUS733:UUV733"/>
    <mergeCell ref="UUW733:UUZ733"/>
    <mergeCell ref="UVA733:UVD733"/>
    <mergeCell ref="UVE733:UVH733"/>
    <mergeCell ref="UVI733:UVL733"/>
    <mergeCell ref="UTY733:UUB733"/>
    <mergeCell ref="UUC733:UUF733"/>
    <mergeCell ref="UUG733:UUJ733"/>
    <mergeCell ref="UUK733:UUN733"/>
    <mergeCell ref="UUO733:UUR733"/>
    <mergeCell ref="UTE733:UTH733"/>
    <mergeCell ref="UTI733:UTL733"/>
    <mergeCell ref="UTM733:UTP733"/>
    <mergeCell ref="UTQ733:UTT733"/>
    <mergeCell ref="UTU733:UTX733"/>
    <mergeCell ref="USK733:USN733"/>
    <mergeCell ref="USO733:USR733"/>
    <mergeCell ref="USS733:USV733"/>
    <mergeCell ref="USW733:USZ733"/>
    <mergeCell ref="UTA733:UTD733"/>
    <mergeCell ref="URQ733:URT733"/>
    <mergeCell ref="URU733:URX733"/>
    <mergeCell ref="URY733:USB733"/>
    <mergeCell ref="USC733:USF733"/>
    <mergeCell ref="USG733:USJ733"/>
    <mergeCell ref="VBQ733:VBT733"/>
    <mergeCell ref="VBU733:VBX733"/>
    <mergeCell ref="VBY733:VCB733"/>
    <mergeCell ref="VCC733:VCF733"/>
    <mergeCell ref="VCG733:VCJ733"/>
    <mergeCell ref="VAW733:VAZ733"/>
    <mergeCell ref="VBA733:VBD733"/>
    <mergeCell ref="VBE733:VBH733"/>
    <mergeCell ref="VBI733:VBL733"/>
    <mergeCell ref="VBM733:VBP733"/>
    <mergeCell ref="VAC733:VAF733"/>
    <mergeCell ref="VAG733:VAJ733"/>
    <mergeCell ref="VAK733:VAN733"/>
    <mergeCell ref="VAO733:VAR733"/>
    <mergeCell ref="VAS733:VAV733"/>
    <mergeCell ref="UZI733:UZL733"/>
    <mergeCell ref="UZM733:UZP733"/>
    <mergeCell ref="UZQ733:UZT733"/>
    <mergeCell ref="UZU733:UZX733"/>
    <mergeCell ref="UZY733:VAB733"/>
    <mergeCell ref="UYO733:UYR733"/>
    <mergeCell ref="UYS733:UYV733"/>
    <mergeCell ref="UYW733:UYZ733"/>
    <mergeCell ref="UZA733:UZD733"/>
    <mergeCell ref="UZE733:UZH733"/>
    <mergeCell ref="UXU733:UXX733"/>
    <mergeCell ref="UXY733:UYB733"/>
    <mergeCell ref="UYC733:UYF733"/>
    <mergeCell ref="UYG733:UYJ733"/>
    <mergeCell ref="UYK733:UYN733"/>
    <mergeCell ref="UXA733:UXD733"/>
    <mergeCell ref="UXE733:UXH733"/>
    <mergeCell ref="UXI733:UXL733"/>
    <mergeCell ref="UXM733:UXP733"/>
    <mergeCell ref="UXQ733:UXT733"/>
    <mergeCell ref="VHA733:VHD733"/>
    <mergeCell ref="VHE733:VHH733"/>
    <mergeCell ref="VHI733:VHL733"/>
    <mergeCell ref="VHM733:VHP733"/>
    <mergeCell ref="VHQ733:VHT733"/>
    <mergeCell ref="VGG733:VGJ733"/>
    <mergeCell ref="VGK733:VGN733"/>
    <mergeCell ref="VGO733:VGR733"/>
    <mergeCell ref="VGS733:VGV733"/>
    <mergeCell ref="VGW733:VGZ733"/>
    <mergeCell ref="VFM733:VFP733"/>
    <mergeCell ref="VFQ733:VFT733"/>
    <mergeCell ref="VFU733:VFX733"/>
    <mergeCell ref="VFY733:VGB733"/>
    <mergeCell ref="VGC733:VGF733"/>
    <mergeCell ref="VES733:VEV733"/>
    <mergeCell ref="VEW733:VEZ733"/>
    <mergeCell ref="VFA733:VFD733"/>
    <mergeCell ref="VFE733:VFH733"/>
    <mergeCell ref="VFI733:VFL733"/>
    <mergeCell ref="VDY733:VEB733"/>
    <mergeCell ref="VEC733:VEF733"/>
    <mergeCell ref="VEG733:VEJ733"/>
    <mergeCell ref="VEK733:VEN733"/>
    <mergeCell ref="VEO733:VER733"/>
    <mergeCell ref="VDE733:VDH733"/>
    <mergeCell ref="VDI733:VDL733"/>
    <mergeCell ref="VDM733:VDP733"/>
    <mergeCell ref="VDQ733:VDT733"/>
    <mergeCell ref="VDU733:VDX733"/>
    <mergeCell ref="VCK733:VCN733"/>
    <mergeCell ref="VCO733:VCR733"/>
    <mergeCell ref="VCS733:VCV733"/>
    <mergeCell ref="VCW733:VCZ733"/>
    <mergeCell ref="VDA733:VDD733"/>
    <mergeCell ref="VMK733:VMN733"/>
    <mergeCell ref="VMO733:VMR733"/>
    <mergeCell ref="VMS733:VMV733"/>
    <mergeCell ref="VMW733:VMZ733"/>
    <mergeCell ref="VNA733:VND733"/>
    <mergeCell ref="VLQ733:VLT733"/>
    <mergeCell ref="VLU733:VLX733"/>
    <mergeCell ref="VLY733:VMB733"/>
    <mergeCell ref="VMC733:VMF733"/>
    <mergeCell ref="VMG733:VMJ733"/>
    <mergeCell ref="VKW733:VKZ733"/>
    <mergeCell ref="VLA733:VLD733"/>
    <mergeCell ref="VLE733:VLH733"/>
    <mergeCell ref="VLI733:VLL733"/>
    <mergeCell ref="VLM733:VLP733"/>
    <mergeCell ref="VKC733:VKF733"/>
    <mergeCell ref="VKG733:VKJ733"/>
    <mergeCell ref="VKK733:VKN733"/>
    <mergeCell ref="VKO733:VKR733"/>
    <mergeCell ref="VKS733:VKV733"/>
    <mergeCell ref="VJI733:VJL733"/>
    <mergeCell ref="VJM733:VJP733"/>
    <mergeCell ref="VJQ733:VJT733"/>
    <mergeCell ref="VJU733:VJX733"/>
    <mergeCell ref="VJY733:VKB733"/>
    <mergeCell ref="VIO733:VIR733"/>
    <mergeCell ref="VIS733:VIV733"/>
    <mergeCell ref="VIW733:VIZ733"/>
    <mergeCell ref="VJA733:VJD733"/>
    <mergeCell ref="VJE733:VJH733"/>
    <mergeCell ref="VHU733:VHX733"/>
    <mergeCell ref="VHY733:VIB733"/>
    <mergeCell ref="VIC733:VIF733"/>
    <mergeCell ref="VIG733:VIJ733"/>
    <mergeCell ref="VIK733:VIN733"/>
    <mergeCell ref="VRU733:VRX733"/>
    <mergeCell ref="VRY733:VSB733"/>
    <mergeCell ref="VSC733:VSF733"/>
    <mergeCell ref="VSG733:VSJ733"/>
    <mergeCell ref="VSK733:VSN733"/>
    <mergeCell ref="VRA733:VRD733"/>
    <mergeCell ref="VRE733:VRH733"/>
    <mergeCell ref="VRI733:VRL733"/>
    <mergeCell ref="VRM733:VRP733"/>
    <mergeCell ref="VRQ733:VRT733"/>
    <mergeCell ref="VQG733:VQJ733"/>
    <mergeCell ref="VQK733:VQN733"/>
    <mergeCell ref="VQO733:VQR733"/>
    <mergeCell ref="VQS733:VQV733"/>
    <mergeCell ref="VQW733:VQZ733"/>
    <mergeCell ref="VPM733:VPP733"/>
    <mergeCell ref="VPQ733:VPT733"/>
    <mergeCell ref="VPU733:VPX733"/>
    <mergeCell ref="VPY733:VQB733"/>
    <mergeCell ref="VQC733:VQF733"/>
    <mergeCell ref="VOS733:VOV733"/>
    <mergeCell ref="VOW733:VOZ733"/>
    <mergeCell ref="VPA733:VPD733"/>
    <mergeCell ref="VPE733:VPH733"/>
    <mergeCell ref="VPI733:VPL733"/>
    <mergeCell ref="VNY733:VOB733"/>
    <mergeCell ref="VOC733:VOF733"/>
    <mergeCell ref="VOG733:VOJ733"/>
    <mergeCell ref="VOK733:VON733"/>
    <mergeCell ref="VOO733:VOR733"/>
    <mergeCell ref="VNE733:VNH733"/>
    <mergeCell ref="VNI733:VNL733"/>
    <mergeCell ref="VNM733:VNP733"/>
    <mergeCell ref="VNQ733:VNT733"/>
    <mergeCell ref="VNU733:VNX733"/>
    <mergeCell ref="VXE733:VXH733"/>
    <mergeCell ref="VXI733:VXL733"/>
    <mergeCell ref="VXM733:VXP733"/>
    <mergeCell ref="VXQ733:VXT733"/>
    <mergeCell ref="VXU733:VXX733"/>
    <mergeCell ref="VWK733:VWN733"/>
    <mergeCell ref="VWO733:VWR733"/>
    <mergeCell ref="VWS733:VWV733"/>
    <mergeCell ref="VWW733:VWZ733"/>
    <mergeCell ref="VXA733:VXD733"/>
    <mergeCell ref="VVQ733:VVT733"/>
    <mergeCell ref="VVU733:VVX733"/>
    <mergeCell ref="VVY733:VWB733"/>
    <mergeCell ref="VWC733:VWF733"/>
    <mergeCell ref="VWG733:VWJ733"/>
    <mergeCell ref="VUW733:VUZ733"/>
    <mergeCell ref="VVA733:VVD733"/>
    <mergeCell ref="VVE733:VVH733"/>
    <mergeCell ref="VVI733:VVL733"/>
    <mergeCell ref="VVM733:VVP733"/>
    <mergeCell ref="VUC733:VUF733"/>
    <mergeCell ref="VUG733:VUJ733"/>
    <mergeCell ref="VUK733:VUN733"/>
    <mergeCell ref="VUO733:VUR733"/>
    <mergeCell ref="VUS733:VUV733"/>
    <mergeCell ref="VTI733:VTL733"/>
    <mergeCell ref="VTM733:VTP733"/>
    <mergeCell ref="VTQ733:VTT733"/>
    <mergeCell ref="VTU733:VTX733"/>
    <mergeCell ref="VTY733:VUB733"/>
    <mergeCell ref="VSO733:VSR733"/>
    <mergeCell ref="VSS733:VSV733"/>
    <mergeCell ref="VSW733:VSZ733"/>
    <mergeCell ref="VTA733:VTD733"/>
    <mergeCell ref="VTE733:VTH733"/>
    <mergeCell ref="WCO733:WCR733"/>
    <mergeCell ref="WCS733:WCV733"/>
    <mergeCell ref="WCW733:WCZ733"/>
    <mergeCell ref="WDA733:WDD733"/>
    <mergeCell ref="WDE733:WDH733"/>
    <mergeCell ref="WBU733:WBX733"/>
    <mergeCell ref="WBY733:WCB733"/>
    <mergeCell ref="WCC733:WCF733"/>
    <mergeCell ref="WCG733:WCJ733"/>
    <mergeCell ref="WCK733:WCN733"/>
    <mergeCell ref="WBA733:WBD733"/>
    <mergeCell ref="WBE733:WBH733"/>
    <mergeCell ref="WBI733:WBL733"/>
    <mergeCell ref="WBM733:WBP733"/>
    <mergeCell ref="WBQ733:WBT733"/>
    <mergeCell ref="WAG733:WAJ733"/>
    <mergeCell ref="WAK733:WAN733"/>
    <mergeCell ref="WAO733:WAR733"/>
    <mergeCell ref="WAS733:WAV733"/>
    <mergeCell ref="WAW733:WAZ733"/>
    <mergeCell ref="VZM733:VZP733"/>
    <mergeCell ref="VZQ733:VZT733"/>
    <mergeCell ref="VZU733:VZX733"/>
    <mergeCell ref="VZY733:WAB733"/>
    <mergeCell ref="WAC733:WAF733"/>
    <mergeCell ref="VYS733:VYV733"/>
    <mergeCell ref="VYW733:VYZ733"/>
    <mergeCell ref="VZA733:VZD733"/>
    <mergeCell ref="VZE733:VZH733"/>
    <mergeCell ref="VZI733:VZL733"/>
    <mergeCell ref="VXY733:VYB733"/>
    <mergeCell ref="VYC733:VYF733"/>
    <mergeCell ref="VYG733:VYJ733"/>
    <mergeCell ref="VYK733:VYN733"/>
    <mergeCell ref="VYO733:VYR733"/>
    <mergeCell ref="WHY733:WIB733"/>
    <mergeCell ref="WIC733:WIF733"/>
    <mergeCell ref="WIG733:WIJ733"/>
    <mergeCell ref="WIK733:WIN733"/>
    <mergeCell ref="WIO733:WIR733"/>
    <mergeCell ref="WHE733:WHH733"/>
    <mergeCell ref="WHI733:WHL733"/>
    <mergeCell ref="WHM733:WHP733"/>
    <mergeCell ref="WHQ733:WHT733"/>
    <mergeCell ref="WHU733:WHX733"/>
    <mergeCell ref="WGK733:WGN733"/>
    <mergeCell ref="WGO733:WGR733"/>
    <mergeCell ref="WGS733:WGV733"/>
    <mergeCell ref="WGW733:WGZ733"/>
    <mergeCell ref="WHA733:WHD733"/>
    <mergeCell ref="WFQ733:WFT733"/>
    <mergeCell ref="WFU733:WFX733"/>
    <mergeCell ref="WFY733:WGB733"/>
    <mergeCell ref="WGC733:WGF733"/>
    <mergeCell ref="WGG733:WGJ733"/>
    <mergeCell ref="WEW733:WEZ733"/>
    <mergeCell ref="WFA733:WFD733"/>
    <mergeCell ref="WFE733:WFH733"/>
    <mergeCell ref="WFI733:WFL733"/>
    <mergeCell ref="WFM733:WFP733"/>
    <mergeCell ref="WEC733:WEF733"/>
    <mergeCell ref="WEG733:WEJ733"/>
    <mergeCell ref="WEK733:WEN733"/>
    <mergeCell ref="WEO733:WER733"/>
    <mergeCell ref="WES733:WEV733"/>
    <mergeCell ref="WDI733:WDL733"/>
    <mergeCell ref="WDM733:WDP733"/>
    <mergeCell ref="WDQ733:WDT733"/>
    <mergeCell ref="WDU733:WDX733"/>
    <mergeCell ref="WDY733:WEB733"/>
    <mergeCell ref="WNI733:WNL733"/>
    <mergeCell ref="WNM733:WNP733"/>
    <mergeCell ref="WNQ733:WNT733"/>
    <mergeCell ref="WNU733:WNX733"/>
    <mergeCell ref="WNY733:WOB733"/>
    <mergeCell ref="WMO733:WMR733"/>
    <mergeCell ref="WMS733:WMV733"/>
    <mergeCell ref="WMW733:WMZ733"/>
    <mergeCell ref="WNA733:WND733"/>
    <mergeCell ref="WNE733:WNH733"/>
    <mergeCell ref="WLU733:WLX733"/>
    <mergeCell ref="WLY733:WMB733"/>
    <mergeCell ref="WMC733:WMF733"/>
    <mergeCell ref="WMG733:WMJ733"/>
    <mergeCell ref="WMK733:WMN733"/>
    <mergeCell ref="WLA733:WLD733"/>
    <mergeCell ref="WLE733:WLH733"/>
    <mergeCell ref="WLI733:WLL733"/>
    <mergeCell ref="WLM733:WLP733"/>
    <mergeCell ref="WLQ733:WLT733"/>
    <mergeCell ref="WKG733:WKJ733"/>
    <mergeCell ref="WKK733:WKN733"/>
    <mergeCell ref="WKO733:WKR733"/>
    <mergeCell ref="WKS733:WKV733"/>
    <mergeCell ref="WKW733:WKZ733"/>
    <mergeCell ref="WJM733:WJP733"/>
    <mergeCell ref="WJQ733:WJT733"/>
    <mergeCell ref="WJU733:WJX733"/>
    <mergeCell ref="WJY733:WKB733"/>
    <mergeCell ref="WKC733:WKF733"/>
    <mergeCell ref="WIS733:WIV733"/>
    <mergeCell ref="WIW733:WIZ733"/>
    <mergeCell ref="WJA733:WJD733"/>
    <mergeCell ref="WJE733:WJH733"/>
    <mergeCell ref="WJI733:WJL733"/>
    <mergeCell ref="WSS733:WSV733"/>
    <mergeCell ref="WSW733:WSZ733"/>
    <mergeCell ref="WTA733:WTD733"/>
    <mergeCell ref="WTE733:WTH733"/>
    <mergeCell ref="WTI733:WTL733"/>
    <mergeCell ref="WRY733:WSB733"/>
    <mergeCell ref="WSC733:WSF733"/>
    <mergeCell ref="WSG733:WSJ733"/>
    <mergeCell ref="WSK733:WSN733"/>
    <mergeCell ref="WSO733:WSR733"/>
    <mergeCell ref="WRE733:WRH733"/>
    <mergeCell ref="WRI733:WRL733"/>
    <mergeCell ref="WRM733:WRP733"/>
    <mergeCell ref="WRQ733:WRT733"/>
    <mergeCell ref="WRU733:WRX733"/>
    <mergeCell ref="WQK733:WQN733"/>
    <mergeCell ref="WQO733:WQR733"/>
    <mergeCell ref="WQS733:WQV733"/>
    <mergeCell ref="WQW733:WQZ733"/>
    <mergeCell ref="WRA733:WRD733"/>
    <mergeCell ref="WPQ733:WPT733"/>
    <mergeCell ref="WPU733:WPX733"/>
    <mergeCell ref="WPY733:WQB733"/>
    <mergeCell ref="WQC733:WQF733"/>
    <mergeCell ref="WQG733:WQJ733"/>
    <mergeCell ref="WOW733:WOZ733"/>
    <mergeCell ref="WPA733:WPD733"/>
    <mergeCell ref="WPE733:WPH733"/>
    <mergeCell ref="WPI733:WPL733"/>
    <mergeCell ref="WPM733:WPP733"/>
    <mergeCell ref="WOC733:WOF733"/>
    <mergeCell ref="WOG733:WOJ733"/>
    <mergeCell ref="WOK733:WON733"/>
    <mergeCell ref="WOO733:WOR733"/>
    <mergeCell ref="WOS733:WOV733"/>
    <mergeCell ref="WZI733:WZL733"/>
    <mergeCell ref="WZM733:WZP733"/>
    <mergeCell ref="WYC733:WYF733"/>
    <mergeCell ref="WYG733:WYJ733"/>
    <mergeCell ref="WYK733:WYN733"/>
    <mergeCell ref="WYO733:WYR733"/>
    <mergeCell ref="WYS733:WYV733"/>
    <mergeCell ref="WXI733:WXL733"/>
    <mergeCell ref="WXM733:WXP733"/>
    <mergeCell ref="WXQ733:WXT733"/>
    <mergeCell ref="WXU733:WXX733"/>
    <mergeCell ref="WXY733:WYB733"/>
    <mergeCell ref="WWO733:WWR733"/>
    <mergeCell ref="WWS733:WWV733"/>
    <mergeCell ref="WWW733:WWZ733"/>
    <mergeCell ref="WXA733:WXD733"/>
    <mergeCell ref="WXE733:WXH733"/>
    <mergeCell ref="WVU733:WVX733"/>
    <mergeCell ref="WVY733:WWB733"/>
    <mergeCell ref="WWC733:WWF733"/>
    <mergeCell ref="WWG733:WWJ733"/>
    <mergeCell ref="WWK733:WWN733"/>
    <mergeCell ref="WVA733:WVD733"/>
    <mergeCell ref="WVE733:WVH733"/>
    <mergeCell ref="WVI733:WVL733"/>
    <mergeCell ref="WVM733:WVP733"/>
    <mergeCell ref="WVQ733:WVT733"/>
    <mergeCell ref="WUG733:WUJ733"/>
    <mergeCell ref="WUK733:WUN733"/>
    <mergeCell ref="WUO733:WUR733"/>
    <mergeCell ref="WUS733:WUV733"/>
    <mergeCell ref="WUW733:WUZ733"/>
    <mergeCell ref="WTM733:WTP733"/>
    <mergeCell ref="WTQ733:WTT733"/>
    <mergeCell ref="WTU733:WTX733"/>
    <mergeCell ref="WTY733:WUB733"/>
    <mergeCell ref="WUC733:WUF733"/>
    <mergeCell ref="CC734:CF734"/>
    <mergeCell ref="CG734:CJ734"/>
    <mergeCell ref="CK734:CN734"/>
    <mergeCell ref="CO734:CR734"/>
    <mergeCell ref="CS734:CV734"/>
    <mergeCell ref="BI734:BL734"/>
    <mergeCell ref="BM734:BP734"/>
    <mergeCell ref="BQ734:BT734"/>
    <mergeCell ref="BU734:BX734"/>
    <mergeCell ref="BY734:CB734"/>
    <mergeCell ref="XFA733:XFD733"/>
    <mergeCell ref="A734:D734"/>
    <mergeCell ref="E734:H734"/>
    <mergeCell ref="I734:L734"/>
    <mergeCell ref="M734:P734"/>
    <mergeCell ref="Q734:T734"/>
    <mergeCell ref="U734:X734"/>
    <mergeCell ref="Y734:AB734"/>
    <mergeCell ref="AC734:AF734"/>
    <mergeCell ref="AG734:AJ734"/>
    <mergeCell ref="AK734:AN734"/>
    <mergeCell ref="AO734:AR734"/>
    <mergeCell ref="AS734:AV734"/>
    <mergeCell ref="AW734:AZ734"/>
    <mergeCell ref="BA734:BD734"/>
    <mergeCell ref="BE734:BH734"/>
    <mergeCell ref="XEG733:XEJ733"/>
    <mergeCell ref="XEK733:XEN733"/>
    <mergeCell ref="XEO733:XER733"/>
    <mergeCell ref="XES733:XEV733"/>
    <mergeCell ref="XEW733:XEZ733"/>
    <mergeCell ref="XDM733:XDP733"/>
    <mergeCell ref="XDQ733:XDT733"/>
    <mergeCell ref="XDU733:XDX733"/>
    <mergeCell ref="XDY733:XEB733"/>
    <mergeCell ref="XEC733:XEF733"/>
    <mergeCell ref="XCS733:XCV733"/>
    <mergeCell ref="XCW733:XCZ733"/>
    <mergeCell ref="XDA733:XDD733"/>
    <mergeCell ref="XDE733:XDH733"/>
    <mergeCell ref="XDI733:XDL733"/>
    <mergeCell ref="XBY733:XCB733"/>
    <mergeCell ref="XCC733:XCF733"/>
    <mergeCell ref="XCG733:XCJ733"/>
    <mergeCell ref="XCK733:XCN733"/>
    <mergeCell ref="XCO733:XCR733"/>
    <mergeCell ref="XBE733:XBH733"/>
    <mergeCell ref="XBI733:XBL733"/>
    <mergeCell ref="XBM733:XBP733"/>
    <mergeCell ref="XBQ733:XBT733"/>
    <mergeCell ref="XBU733:XBX733"/>
    <mergeCell ref="XAK733:XAN733"/>
    <mergeCell ref="XAO733:XAR733"/>
    <mergeCell ref="XAS733:XAV733"/>
    <mergeCell ref="XAW733:XAZ733"/>
    <mergeCell ref="XBA733:XBD733"/>
    <mergeCell ref="WZQ733:WZT733"/>
    <mergeCell ref="WZU733:WZX733"/>
    <mergeCell ref="WZY733:XAB733"/>
    <mergeCell ref="XAC733:XAF733"/>
    <mergeCell ref="XAG733:XAJ733"/>
    <mergeCell ref="WYW733:WYZ733"/>
    <mergeCell ref="WZA733:WZD733"/>
    <mergeCell ref="WZE733:WZH733"/>
    <mergeCell ref="HM734:HP734"/>
    <mergeCell ref="HQ734:HT734"/>
    <mergeCell ref="HU734:HX734"/>
    <mergeCell ref="HY734:IB734"/>
    <mergeCell ref="IC734:IF734"/>
    <mergeCell ref="GS734:GV734"/>
    <mergeCell ref="GW734:GZ734"/>
    <mergeCell ref="HA734:HD734"/>
    <mergeCell ref="HE734:HH734"/>
    <mergeCell ref="HI734:HL734"/>
    <mergeCell ref="FY734:GB734"/>
    <mergeCell ref="GC734:GF734"/>
    <mergeCell ref="GG734:GJ734"/>
    <mergeCell ref="GK734:GN734"/>
    <mergeCell ref="GO734:GR734"/>
    <mergeCell ref="FE734:FH734"/>
    <mergeCell ref="FI734:FL734"/>
    <mergeCell ref="FM734:FP734"/>
    <mergeCell ref="FQ734:FT734"/>
    <mergeCell ref="FU734:FX734"/>
    <mergeCell ref="EK734:EN734"/>
    <mergeCell ref="EO734:ER734"/>
    <mergeCell ref="ES734:EV734"/>
    <mergeCell ref="EW734:EZ734"/>
    <mergeCell ref="FA734:FD734"/>
    <mergeCell ref="DQ734:DT734"/>
    <mergeCell ref="DU734:DX734"/>
    <mergeCell ref="DY734:EB734"/>
    <mergeCell ref="EC734:EF734"/>
    <mergeCell ref="EG734:EJ734"/>
    <mergeCell ref="CW734:CZ734"/>
    <mergeCell ref="DA734:DD734"/>
    <mergeCell ref="DE734:DH734"/>
    <mergeCell ref="DI734:DL734"/>
    <mergeCell ref="DM734:DP734"/>
    <mergeCell ref="MW734:MZ734"/>
    <mergeCell ref="NA734:ND734"/>
    <mergeCell ref="NE734:NH734"/>
    <mergeCell ref="NI734:NL734"/>
    <mergeCell ref="NM734:NP734"/>
    <mergeCell ref="MC734:MF734"/>
    <mergeCell ref="MG734:MJ734"/>
    <mergeCell ref="MK734:MN734"/>
    <mergeCell ref="MO734:MR734"/>
    <mergeCell ref="MS734:MV734"/>
    <mergeCell ref="LI734:LL734"/>
    <mergeCell ref="LM734:LP734"/>
    <mergeCell ref="LQ734:LT734"/>
    <mergeCell ref="LU734:LX734"/>
    <mergeCell ref="LY734:MB734"/>
    <mergeCell ref="KO734:KR734"/>
    <mergeCell ref="KS734:KV734"/>
    <mergeCell ref="KW734:KZ734"/>
    <mergeCell ref="LA734:LD734"/>
    <mergeCell ref="LE734:LH734"/>
    <mergeCell ref="JU734:JX734"/>
    <mergeCell ref="JY734:KB734"/>
    <mergeCell ref="KC734:KF734"/>
    <mergeCell ref="KG734:KJ734"/>
    <mergeCell ref="KK734:KN734"/>
    <mergeCell ref="JA734:JD734"/>
    <mergeCell ref="JE734:JH734"/>
    <mergeCell ref="JI734:JL734"/>
    <mergeCell ref="JM734:JP734"/>
    <mergeCell ref="JQ734:JT734"/>
    <mergeCell ref="IG734:IJ734"/>
    <mergeCell ref="IK734:IN734"/>
    <mergeCell ref="IO734:IR734"/>
    <mergeCell ref="IS734:IV734"/>
    <mergeCell ref="IW734:IZ734"/>
    <mergeCell ref="SG734:SJ734"/>
    <mergeCell ref="SK734:SN734"/>
    <mergeCell ref="SO734:SR734"/>
    <mergeCell ref="SS734:SV734"/>
    <mergeCell ref="SW734:SZ734"/>
    <mergeCell ref="RM734:RP734"/>
    <mergeCell ref="RQ734:RT734"/>
    <mergeCell ref="RU734:RX734"/>
    <mergeCell ref="RY734:SB734"/>
    <mergeCell ref="SC734:SF734"/>
    <mergeCell ref="QS734:QV734"/>
    <mergeCell ref="QW734:QZ734"/>
    <mergeCell ref="RA734:RD734"/>
    <mergeCell ref="RE734:RH734"/>
    <mergeCell ref="RI734:RL734"/>
    <mergeCell ref="PY734:QB734"/>
    <mergeCell ref="QC734:QF734"/>
    <mergeCell ref="QG734:QJ734"/>
    <mergeCell ref="QK734:QN734"/>
    <mergeCell ref="QO734:QR734"/>
    <mergeCell ref="PE734:PH734"/>
    <mergeCell ref="PI734:PL734"/>
    <mergeCell ref="PM734:PP734"/>
    <mergeCell ref="PQ734:PT734"/>
    <mergeCell ref="PU734:PX734"/>
    <mergeCell ref="OK734:ON734"/>
    <mergeCell ref="OO734:OR734"/>
    <mergeCell ref="OS734:OV734"/>
    <mergeCell ref="OW734:OZ734"/>
    <mergeCell ref="PA734:PD734"/>
    <mergeCell ref="NQ734:NT734"/>
    <mergeCell ref="NU734:NX734"/>
    <mergeCell ref="NY734:OB734"/>
    <mergeCell ref="OC734:OF734"/>
    <mergeCell ref="OG734:OJ734"/>
    <mergeCell ref="XQ734:XT734"/>
    <mergeCell ref="XU734:XX734"/>
    <mergeCell ref="XY734:YB734"/>
    <mergeCell ref="YC734:YF734"/>
    <mergeCell ref="YG734:YJ734"/>
    <mergeCell ref="WW734:WZ734"/>
    <mergeCell ref="XA734:XD734"/>
    <mergeCell ref="XE734:XH734"/>
    <mergeCell ref="XI734:XL734"/>
    <mergeCell ref="XM734:XP734"/>
    <mergeCell ref="WC734:WF734"/>
    <mergeCell ref="WG734:WJ734"/>
    <mergeCell ref="WK734:WN734"/>
    <mergeCell ref="WO734:WR734"/>
    <mergeCell ref="WS734:WV734"/>
    <mergeCell ref="VI734:VL734"/>
    <mergeCell ref="VM734:VP734"/>
    <mergeCell ref="VQ734:VT734"/>
    <mergeCell ref="VU734:VX734"/>
    <mergeCell ref="VY734:WB734"/>
    <mergeCell ref="UO734:UR734"/>
    <mergeCell ref="US734:UV734"/>
    <mergeCell ref="UW734:UZ734"/>
    <mergeCell ref="VA734:VD734"/>
    <mergeCell ref="VE734:VH734"/>
    <mergeCell ref="TU734:TX734"/>
    <mergeCell ref="TY734:UB734"/>
    <mergeCell ref="UC734:UF734"/>
    <mergeCell ref="UG734:UJ734"/>
    <mergeCell ref="UK734:UN734"/>
    <mergeCell ref="TA734:TD734"/>
    <mergeCell ref="TE734:TH734"/>
    <mergeCell ref="TI734:TL734"/>
    <mergeCell ref="TM734:TP734"/>
    <mergeCell ref="TQ734:TT734"/>
    <mergeCell ref="ADA734:ADD734"/>
    <mergeCell ref="ADE734:ADH734"/>
    <mergeCell ref="ADI734:ADL734"/>
    <mergeCell ref="ADM734:ADP734"/>
    <mergeCell ref="ADQ734:ADT734"/>
    <mergeCell ref="ACG734:ACJ734"/>
    <mergeCell ref="ACK734:ACN734"/>
    <mergeCell ref="ACO734:ACR734"/>
    <mergeCell ref="ACS734:ACV734"/>
    <mergeCell ref="ACW734:ACZ734"/>
    <mergeCell ref="ABM734:ABP734"/>
    <mergeCell ref="ABQ734:ABT734"/>
    <mergeCell ref="ABU734:ABX734"/>
    <mergeCell ref="ABY734:ACB734"/>
    <mergeCell ref="ACC734:ACF734"/>
    <mergeCell ref="AAS734:AAV734"/>
    <mergeCell ref="AAW734:AAZ734"/>
    <mergeCell ref="ABA734:ABD734"/>
    <mergeCell ref="ABE734:ABH734"/>
    <mergeCell ref="ABI734:ABL734"/>
    <mergeCell ref="ZY734:AAB734"/>
    <mergeCell ref="AAC734:AAF734"/>
    <mergeCell ref="AAG734:AAJ734"/>
    <mergeCell ref="AAK734:AAN734"/>
    <mergeCell ref="AAO734:AAR734"/>
    <mergeCell ref="ZE734:ZH734"/>
    <mergeCell ref="ZI734:ZL734"/>
    <mergeCell ref="ZM734:ZP734"/>
    <mergeCell ref="ZQ734:ZT734"/>
    <mergeCell ref="ZU734:ZX734"/>
    <mergeCell ref="YK734:YN734"/>
    <mergeCell ref="YO734:YR734"/>
    <mergeCell ref="YS734:YV734"/>
    <mergeCell ref="YW734:YZ734"/>
    <mergeCell ref="ZA734:ZD734"/>
    <mergeCell ref="AIK734:AIN734"/>
    <mergeCell ref="AIO734:AIR734"/>
    <mergeCell ref="AIS734:AIV734"/>
    <mergeCell ref="AIW734:AIZ734"/>
    <mergeCell ref="AJA734:AJD734"/>
    <mergeCell ref="AHQ734:AHT734"/>
    <mergeCell ref="AHU734:AHX734"/>
    <mergeCell ref="AHY734:AIB734"/>
    <mergeCell ref="AIC734:AIF734"/>
    <mergeCell ref="AIG734:AIJ734"/>
    <mergeCell ref="AGW734:AGZ734"/>
    <mergeCell ref="AHA734:AHD734"/>
    <mergeCell ref="AHE734:AHH734"/>
    <mergeCell ref="AHI734:AHL734"/>
    <mergeCell ref="AHM734:AHP734"/>
    <mergeCell ref="AGC734:AGF734"/>
    <mergeCell ref="AGG734:AGJ734"/>
    <mergeCell ref="AGK734:AGN734"/>
    <mergeCell ref="AGO734:AGR734"/>
    <mergeCell ref="AGS734:AGV734"/>
    <mergeCell ref="AFI734:AFL734"/>
    <mergeCell ref="AFM734:AFP734"/>
    <mergeCell ref="AFQ734:AFT734"/>
    <mergeCell ref="AFU734:AFX734"/>
    <mergeCell ref="AFY734:AGB734"/>
    <mergeCell ref="AEO734:AER734"/>
    <mergeCell ref="AES734:AEV734"/>
    <mergeCell ref="AEW734:AEZ734"/>
    <mergeCell ref="AFA734:AFD734"/>
    <mergeCell ref="AFE734:AFH734"/>
    <mergeCell ref="ADU734:ADX734"/>
    <mergeCell ref="ADY734:AEB734"/>
    <mergeCell ref="AEC734:AEF734"/>
    <mergeCell ref="AEG734:AEJ734"/>
    <mergeCell ref="AEK734:AEN734"/>
    <mergeCell ref="ANU734:ANX734"/>
    <mergeCell ref="ANY734:AOB734"/>
    <mergeCell ref="AOC734:AOF734"/>
    <mergeCell ref="AOG734:AOJ734"/>
    <mergeCell ref="AOK734:AON734"/>
    <mergeCell ref="ANA734:AND734"/>
    <mergeCell ref="ANE734:ANH734"/>
    <mergeCell ref="ANI734:ANL734"/>
    <mergeCell ref="ANM734:ANP734"/>
    <mergeCell ref="ANQ734:ANT734"/>
    <mergeCell ref="AMG734:AMJ734"/>
    <mergeCell ref="AMK734:AMN734"/>
    <mergeCell ref="AMO734:AMR734"/>
    <mergeCell ref="AMS734:AMV734"/>
    <mergeCell ref="AMW734:AMZ734"/>
    <mergeCell ref="ALM734:ALP734"/>
    <mergeCell ref="ALQ734:ALT734"/>
    <mergeCell ref="ALU734:ALX734"/>
    <mergeCell ref="ALY734:AMB734"/>
    <mergeCell ref="AMC734:AMF734"/>
    <mergeCell ref="AKS734:AKV734"/>
    <mergeCell ref="AKW734:AKZ734"/>
    <mergeCell ref="ALA734:ALD734"/>
    <mergeCell ref="ALE734:ALH734"/>
    <mergeCell ref="ALI734:ALL734"/>
    <mergeCell ref="AJY734:AKB734"/>
    <mergeCell ref="AKC734:AKF734"/>
    <mergeCell ref="AKG734:AKJ734"/>
    <mergeCell ref="AKK734:AKN734"/>
    <mergeCell ref="AKO734:AKR734"/>
    <mergeCell ref="AJE734:AJH734"/>
    <mergeCell ref="AJI734:AJL734"/>
    <mergeCell ref="AJM734:AJP734"/>
    <mergeCell ref="AJQ734:AJT734"/>
    <mergeCell ref="AJU734:AJX734"/>
    <mergeCell ref="ATE734:ATH734"/>
    <mergeCell ref="ATI734:ATL734"/>
    <mergeCell ref="ATM734:ATP734"/>
    <mergeCell ref="ATQ734:ATT734"/>
    <mergeCell ref="ATU734:ATX734"/>
    <mergeCell ref="ASK734:ASN734"/>
    <mergeCell ref="ASO734:ASR734"/>
    <mergeCell ref="ASS734:ASV734"/>
    <mergeCell ref="ASW734:ASZ734"/>
    <mergeCell ref="ATA734:ATD734"/>
    <mergeCell ref="ARQ734:ART734"/>
    <mergeCell ref="ARU734:ARX734"/>
    <mergeCell ref="ARY734:ASB734"/>
    <mergeCell ref="ASC734:ASF734"/>
    <mergeCell ref="ASG734:ASJ734"/>
    <mergeCell ref="AQW734:AQZ734"/>
    <mergeCell ref="ARA734:ARD734"/>
    <mergeCell ref="ARE734:ARH734"/>
    <mergeCell ref="ARI734:ARL734"/>
    <mergeCell ref="ARM734:ARP734"/>
    <mergeCell ref="AQC734:AQF734"/>
    <mergeCell ref="AQG734:AQJ734"/>
    <mergeCell ref="AQK734:AQN734"/>
    <mergeCell ref="AQO734:AQR734"/>
    <mergeCell ref="AQS734:AQV734"/>
    <mergeCell ref="API734:APL734"/>
    <mergeCell ref="APM734:APP734"/>
    <mergeCell ref="APQ734:APT734"/>
    <mergeCell ref="APU734:APX734"/>
    <mergeCell ref="APY734:AQB734"/>
    <mergeCell ref="AOO734:AOR734"/>
    <mergeCell ref="AOS734:AOV734"/>
    <mergeCell ref="AOW734:AOZ734"/>
    <mergeCell ref="APA734:APD734"/>
    <mergeCell ref="APE734:APH734"/>
    <mergeCell ref="AYO734:AYR734"/>
    <mergeCell ref="AYS734:AYV734"/>
    <mergeCell ref="AYW734:AYZ734"/>
    <mergeCell ref="AZA734:AZD734"/>
    <mergeCell ref="AZE734:AZH734"/>
    <mergeCell ref="AXU734:AXX734"/>
    <mergeCell ref="AXY734:AYB734"/>
    <mergeCell ref="AYC734:AYF734"/>
    <mergeCell ref="AYG734:AYJ734"/>
    <mergeCell ref="AYK734:AYN734"/>
    <mergeCell ref="AXA734:AXD734"/>
    <mergeCell ref="AXE734:AXH734"/>
    <mergeCell ref="AXI734:AXL734"/>
    <mergeCell ref="AXM734:AXP734"/>
    <mergeCell ref="AXQ734:AXT734"/>
    <mergeCell ref="AWG734:AWJ734"/>
    <mergeCell ref="AWK734:AWN734"/>
    <mergeCell ref="AWO734:AWR734"/>
    <mergeCell ref="AWS734:AWV734"/>
    <mergeCell ref="AWW734:AWZ734"/>
    <mergeCell ref="AVM734:AVP734"/>
    <mergeCell ref="AVQ734:AVT734"/>
    <mergeCell ref="AVU734:AVX734"/>
    <mergeCell ref="AVY734:AWB734"/>
    <mergeCell ref="AWC734:AWF734"/>
    <mergeCell ref="AUS734:AUV734"/>
    <mergeCell ref="AUW734:AUZ734"/>
    <mergeCell ref="AVA734:AVD734"/>
    <mergeCell ref="AVE734:AVH734"/>
    <mergeCell ref="AVI734:AVL734"/>
    <mergeCell ref="ATY734:AUB734"/>
    <mergeCell ref="AUC734:AUF734"/>
    <mergeCell ref="AUG734:AUJ734"/>
    <mergeCell ref="AUK734:AUN734"/>
    <mergeCell ref="AUO734:AUR734"/>
    <mergeCell ref="BDY734:BEB734"/>
    <mergeCell ref="BEC734:BEF734"/>
    <mergeCell ref="BEG734:BEJ734"/>
    <mergeCell ref="BEK734:BEN734"/>
    <mergeCell ref="BEO734:BER734"/>
    <mergeCell ref="BDE734:BDH734"/>
    <mergeCell ref="BDI734:BDL734"/>
    <mergeCell ref="BDM734:BDP734"/>
    <mergeCell ref="BDQ734:BDT734"/>
    <mergeCell ref="BDU734:BDX734"/>
    <mergeCell ref="BCK734:BCN734"/>
    <mergeCell ref="BCO734:BCR734"/>
    <mergeCell ref="BCS734:BCV734"/>
    <mergeCell ref="BCW734:BCZ734"/>
    <mergeCell ref="BDA734:BDD734"/>
    <mergeCell ref="BBQ734:BBT734"/>
    <mergeCell ref="BBU734:BBX734"/>
    <mergeCell ref="BBY734:BCB734"/>
    <mergeCell ref="BCC734:BCF734"/>
    <mergeCell ref="BCG734:BCJ734"/>
    <mergeCell ref="BAW734:BAZ734"/>
    <mergeCell ref="BBA734:BBD734"/>
    <mergeCell ref="BBE734:BBH734"/>
    <mergeCell ref="BBI734:BBL734"/>
    <mergeCell ref="BBM734:BBP734"/>
    <mergeCell ref="BAC734:BAF734"/>
    <mergeCell ref="BAG734:BAJ734"/>
    <mergeCell ref="BAK734:BAN734"/>
    <mergeCell ref="BAO734:BAR734"/>
    <mergeCell ref="BAS734:BAV734"/>
    <mergeCell ref="AZI734:AZL734"/>
    <mergeCell ref="AZM734:AZP734"/>
    <mergeCell ref="AZQ734:AZT734"/>
    <mergeCell ref="AZU734:AZX734"/>
    <mergeCell ref="AZY734:BAB734"/>
    <mergeCell ref="BJI734:BJL734"/>
    <mergeCell ref="BJM734:BJP734"/>
    <mergeCell ref="BJQ734:BJT734"/>
    <mergeCell ref="BJU734:BJX734"/>
    <mergeCell ref="BJY734:BKB734"/>
    <mergeCell ref="BIO734:BIR734"/>
    <mergeCell ref="BIS734:BIV734"/>
    <mergeCell ref="BIW734:BIZ734"/>
    <mergeCell ref="BJA734:BJD734"/>
    <mergeCell ref="BJE734:BJH734"/>
    <mergeCell ref="BHU734:BHX734"/>
    <mergeCell ref="BHY734:BIB734"/>
    <mergeCell ref="BIC734:BIF734"/>
    <mergeCell ref="BIG734:BIJ734"/>
    <mergeCell ref="BIK734:BIN734"/>
    <mergeCell ref="BHA734:BHD734"/>
    <mergeCell ref="BHE734:BHH734"/>
    <mergeCell ref="BHI734:BHL734"/>
    <mergeCell ref="BHM734:BHP734"/>
    <mergeCell ref="BHQ734:BHT734"/>
    <mergeCell ref="BGG734:BGJ734"/>
    <mergeCell ref="BGK734:BGN734"/>
    <mergeCell ref="BGO734:BGR734"/>
    <mergeCell ref="BGS734:BGV734"/>
    <mergeCell ref="BGW734:BGZ734"/>
    <mergeCell ref="BFM734:BFP734"/>
    <mergeCell ref="BFQ734:BFT734"/>
    <mergeCell ref="BFU734:BFX734"/>
    <mergeCell ref="BFY734:BGB734"/>
    <mergeCell ref="BGC734:BGF734"/>
    <mergeCell ref="BES734:BEV734"/>
    <mergeCell ref="BEW734:BEZ734"/>
    <mergeCell ref="BFA734:BFD734"/>
    <mergeCell ref="BFE734:BFH734"/>
    <mergeCell ref="BFI734:BFL734"/>
    <mergeCell ref="BOS734:BOV734"/>
    <mergeCell ref="BOW734:BOZ734"/>
    <mergeCell ref="BPA734:BPD734"/>
    <mergeCell ref="BPE734:BPH734"/>
    <mergeCell ref="BPI734:BPL734"/>
    <mergeCell ref="BNY734:BOB734"/>
    <mergeCell ref="BOC734:BOF734"/>
    <mergeCell ref="BOG734:BOJ734"/>
    <mergeCell ref="BOK734:BON734"/>
    <mergeCell ref="BOO734:BOR734"/>
    <mergeCell ref="BNE734:BNH734"/>
    <mergeCell ref="BNI734:BNL734"/>
    <mergeCell ref="BNM734:BNP734"/>
    <mergeCell ref="BNQ734:BNT734"/>
    <mergeCell ref="BNU734:BNX734"/>
    <mergeCell ref="BMK734:BMN734"/>
    <mergeCell ref="BMO734:BMR734"/>
    <mergeCell ref="BMS734:BMV734"/>
    <mergeCell ref="BMW734:BMZ734"/>
    <mergeCell ref="BNA734:BND734"/>
    <mergeCell ref="BLQ734:BLT734"/>
    <mergeCell ref="BLU734:BLX734"/>
    <mergeCell ref="BLY734:BMB734"/>
    <mergeCell ref="BMC734:BMF734"/>
    <mergeCell ref="BMG734:BMJ734"/>
    <mergeCell ref="BKW734:BKZ734"/>
    <mergeCell ref="BLA734:BLD734"/>
    <mergeCell ref="BLE734:BLH734"/>
    <mergeCell ref="BLI734:BLL734"/>
    <mergeCell ref="BLM734:BLP734"/>
    <mergeCell ref="BKC734:BKF734"/>
    <mergeCell ref="BKG734:BKJ734"/>
    <mergeCell ref="BKK734:BKN734"/>
    <mergeCell ref="BKO734:BKR734"/>
    <mergeCell ref="BKS734:BKV734"/>
    <mergeCell ref="BUC734:BUF734"/>
    <mergeCell ref="BUG734:BUJ734"/>
    <mergeCell ref="BUK734:BUN734"/>
    <mergeCell ref="BUO734:BUR734"/>
    <mergeCell ref="BUS734:BUV734"/>
    <mergeCell ref="BTI734:BTL734"/>
    <mergeCell ref="BTM734:BTP734"/>
    <mergeCell ref="BTQ734:BTT734"/>
    <mergeCell ref="BTU734:BTX734"/>
    <mergeCell ref="BTY734:BUB734"/>
    <mergeCell ref="BSO734:BSR734"/>
    <mergeCell ref="BSS734:BSV734"/>
    <mergeCell ref="BSW734:BSZ734"/>
    <mergeCell ref="BTA734:BTD734"/>
    <mergeCell ref="BTE734:BTH734"/>
    <mergeCell ref="BRU734:BRX734"/>
    <mergeCell ref="BRY734:BSB734"/>
    <mergeCell ref="BSC734:BSF734"/>
    <mergeCell ref="BSG734:BSJ734"/>
    <mergeCell ref="BSK734:BSN734"/>
    <mergeCell ref="BRA734:BRD734"/>
    <mergeCell ref="BRE734:BRH734"/>
    <mergeCell ref="BRI734:BRL734"/>
    <mergeCell ref="BRM734:BRP734"/>
    <mergeCell ref="BRQ734:BRT734"/>
    <mergeCell ref="BQG734:BQJ734"/>
    <mergeCell ref="BQK734:BQN734"/>
    <mergeCell ref="BQO734:BQR734"/>
    <mergeCell ref="BQS734:BQV734"/>
    <mergeCell ref="BQW734:BQZ734"/>
    <mergeCell ref="BPM734:BPP734"/>
    <mergeCell ref="BPQ734:BPT734"/>
    <mergeCell ref="BPU734:BPX734"/>
    <mergeCell ref="BPY734:BQB734"/>
    <mergeCell ref="BQC734:BQF734"/>
    <mergeCell ref="BZM734:BZP734"/>
    <mergeCell ref="BZQ734:BZT734"/>
    <mergeCell ref="BZU734:BZX734"/>
    <mergeCell ref="BZY734:CAB734"/>
    <mergeCell ref="CAC734:CAF734"/>
    <mergeCell ref="BYS734:BYV734"/>
    <mergeCell ref="BYW734:BYZ734"/>
    <mergeCell ref="BZA734:BZD734"/>
    <mergeCell ref="BZE734:BZH734"/>
    <mergeCell ref="BZI734:BZL734"/>
    <mergeCell ref="BXY734:BYB734"/>
    <mergeCell ref="BYC734:BYF734"/>
    <mergeCell ref="BYG734:BYJ734"/>
    <mergeCell ref="BYK734:BYN734"/>
    <mergeCell ref="BYO734:BYR734"/>
    <mergeCell ref="BXE734:BXH734"/>
    <mergeCell ref="BXI734:BXL734"/>
    <mergeCell ref="BXM734:BXP734"/>
    <mergeCell ref="BXQ734:BXT734"/>
    <mergeCell ref="BXU734:BXX734"/>
    <mergeCell ref="BWK734:BWN734"/>
    <mergeCell ref="BWO734:BWR734"/>
    <mergeCell ref="BWS734:BWV734"/>
    <mergeCell ref="BWW734:BWZ734"/>
    <mergeCell ref="BXA734:BXD734"/>
    <mergeCell ref="BVQ734:BVT734"/>
    <mergeCell ref="BVU734:BVX734"/>
    <mergeCell ref="BVY734:BWB734"/>
    <mergeCell ref="BWC734:BWF734"/>
    <mergeCell ref="BWG734:BWJ734"/>
    <mergeCell ref="BUW734:BUZ734"/>
    <mergeCell ref="BVA734:BVD734"/>
    <mergeCell ref="BVE734:BVH734"/>
    <mergeCell ref="BVI734:BVL734"/>
    <mergeCell ref="BVM734:BVP734"/>
    <mergeCell ref="CEW734:CEZ734"/>
    <mergeCell ref="CFA734:CFD734"/>
    <mergeCell ref="CFE734:CFH734"/>
    <mergeCell ref="CFI734:CFL734"/>
    <mergeCell ref="CFM734:CFP734"/>
    <mergeCell ref="CEC734:CEF734"/>
    <mergeCell ref="CEG734:CEJ734"/>
    <mergeCell ref="CEK734:CEN734"/>
    <mergeCell ref="CEO734:CER734"/>
    <mergeCell ref="CES734:CEV734"/>
    <mergeCell ref="CDI734:CDL734"/>
    <mergeCell ref="CDM734:CDP734"/>
    <mergeCell ref="CDQ734:CDT734"/>
    <mergeCell ref="CDU734:CDX734"/>
    <mergeCell ref="CDY734:CEB734"/>
    <mergeCell ref="CCO734:CCR734"/>
    <mergeCell ref="CCS734:CCV734"/>
    <mergeCell ref="CCW734:CCZ734"/>
    <mergeCell ref="CDA734:CDD734"/>
    <mergeCell ref="CDE734:CDH734"/>
    <mergeCell ref="CBU734:CBX734"/>
    <mergeCell ref="CBY734:CCB734"/>
    <mergeCell ref="CCC734:CCF734"/>
    <mergeCell ref="CCG734:CCJ734"/>
    <mergeCell ref="CCK734:CCN734"/>
    <mergeCell ref="CBA734:CBD734"/>
    <mergeCell ref="CBE734:CBH734"/>
    <mergeCell ref="CBI734:CBL734"/>
    <mergeCell ref="CBM734:CBP734"/>
    <mergeCell ref="CBQ734:CBT734"/>
    <mergeCell ref="CAG734:CAJ734"/>
    <mergeCell ref="CAK734:CAN734"/>
    <mergeCell ref="CAO734:CAR734"/>
    <mergeCell ref="CAS734:CAV734"/>
    <mergeCell ref="CAW734:CAZ734"/>
    <mergeCell ref="CKG734:CKJ734"/>
    <mergeCell ref="CKK734:CKN734"/>
    <mergeCell ref="CKO734:CKR734"/>
    <mergeCell ref="CKS734:CKV734"/>
    <mergeCell ref="CKW734:CKZ734"/>
    <mergeCell ref="CJM734:CJP734"/>
    <mergeCell ref="CJQ734:CJT734"/>
    <mergeCell ref="CJU734:CJX734"/>
    <mergeCell ref="CJY734:CKB734"/>
    <mergeCell ref="CKC734:CKF734"/>
    <mergeCell ref="CIS734:CIV734"/>
    <mergeCell ref="CIW734:CIZ734"/>
    <mergeCell ref="CJA734:CJD734"/>
    <mergeCell ref="CJE734:CJH734"/>
    <mergeCell ref="CJI734:CJL734"/>
    <mergeCell ref="CHY734:CIB734"/>
    <mergeCell ref="CIC734:CIF734"/>
    <mergeCell ref="CIG734:CIJ734"/>
    <mergeCell ref="CIK734:CIN734"/>
    <mergeCell ref="CIO734:CIR734"/>
    <mergeCell ref="CHE734:CHH734"/>
    <mergeCell ref="CHI734:CHL734"/>
    <mergeCell ref="CHM734:CHP734"/>
    <mergeCell ref="CHQ734:CHT734"/>
    <mergeCell ref="CHU734:CHX734"/>
    <mergeCell ref="CGK734:CGN734"/>
    <mergeCell ref="CGO734:CGR734"/>
    <mergeCell ref="CGS734:CGV734"/>
    <mergeCell ref="CGW734:CGZ734"/>
    <mergeCell ref="CHA734:CHD734"/>
    <mergeCell ref="CFQ734:CFT734"/>
    <mergeCell ref="CFU734:CFX734"/>
    <mergeCell ref="CFY734:CGB734"/>
    <mergeCell ref="CGC734:CGF734"/>
    <mergeCell ref="CGG734:CGJ734"/>
    <mergeCell ref="CPQ734:CPT734"/>
    <mergeCell ref="CPU734:CPX734"/>
    <mergeCell ref="CPY734:CQB734"/>
    <mergeCell ref="CQC734:CQF734"/>
    <mergeCell ref="CQG734:CQJ734"/>
    <mergeCell ref="COW734:COZ734"/>
    <mergeCell ref="CPA734:CPD734"/>
    <mergeCell ref="CPE734:CPH734"/>
    <mergeCell ref="CPI734:CPL734"/>
    <mergeCell ref="CPM734:CPP734"/>
    <mergeCell ref="COC734:COF734"/>
    <mergeCell ref="COG734:COJ734"/>
    <mergeCell ref="COK734:CON734"/>
    <mergeCell ref="COO734:COR734"/>
    <mergeCell ref="COS734:COV734"/>
    <mergeCell ref="CNI734:CNL734"/>
    <mergeCell ref="CNM734:CNP734"/>
    <mergeCell ref="CNQ734:CNT734"/>
    <mergeCell ref="CNU734:CNX734"/>
    <mergeCell ref="CNY734:COB734"/>
    <mergeCell ref="CMO734:CMR734"/>
    <mergeCell ref="CMS734:CMV734"/>
    <mergeCell ref="CMW734:CMZ734"/>
    <mergeCell ref="CNA734:CND734"/>
    <mergeCell ref="CNE734:CNH734"/>
    <mergeCell ref="CLU734:CLX734"/>
    <mergeCell ref="CLY734:CMB734"/>
    <mergeCell ref="CMC734:CMF734"/>
    <mergeCell ref="CMG734:CMJ734"/>
    <mergeCell ref="CMK734:CMN734"/>
    <mergeCell ref="CLA734:CLD734"/>
    <mergeCell ref="CLE734:CLH734"/>
    <mergeCell ref="CLI734:CLL734"/>
    <mergeCell ref="CLM734:CLP734"/>
    <mergeCell ref="CLQ734:CLT734"/>
    <mergeCell ref="CVA734:CVD734"/>
    <mergeCell ref="CVE734:CVH734"/>
    <mergeCell ref="CVI734:CVL734"/>
    <mergeCell ref="CVM734:CVP734"/>
    <mergeCell ref="CVQ734:CVT734"/>
    <mergeCell ref="CUG734:CUJ734"/>
    <mergeCell ref="CUK734:CUN734"/>
    <mergeCell ref="CUO734:CUR734"/>
    <mergeCell ref="CUS734:CUV734"/>
    <mergeCell ref="CUW734:CUZ734"/>
    <mergeCell ref="CTM734:CTP734"/>
    <mergeCell ref="CTQ734:CTT734"/>
    <mergeCell ref="CTU734:CTX734"/>
    <mergeCell ref="CTY734:CUB734"/>
    <mergeCell ref="CUC734:CUF734"/>
    <mergeCell ref="CSS734:CSV734"/>
    <mergeCell ref="CSW734:CSZ734"/>
    <mergeCell ref="CTA734:CTD734"/>
    <mergeCell ref="CTE734:CTH734"/>
    <mergeCell ref="CTI734:CTL734"/>
    <mergeCell ref="CRY734:CSB734"/>
    <mergeCell ref="CSC734:CSF734"/>
    <mergeCell ref="CSG734:CSJ734"/>
    <mergeCell ref="CSK734:CSN734"/>
    <mergeCell ref="CSO734:CSR734"/>
    <mergeCell ref="CRE734:CRH734"/>
    <mergeCell ref="CRI734:CRL734"/>
    <mergeCell ref="CRM734:CRP734"/>
    <mergeCell ref="CRQ734:CRT734"/>
    <mergeCell ref="CRU734:CRX734"/>
    <mergeCell ref="CQK734:CQN734"/>
    <mergeCell ref="CQO734:CQR734"/>
    <mergeCell ref="CQS734:CQV734"/>
    <mergeCell ref="CQW734:CQZ734"/>
    <mergeCell ref="CRA734:CRD734"/>
    <mergeCell ref="DAK734:DAN734"/>
    <mergeCell ref="DAO734:DAR734"/>
    <mergeCell ref="DAS734:DAV734"/>
    <mergeCell ref="DAW734:DAZ734"/>
    <mergeCell ref="DBA734:DBD734"/>
    <mergeCell ref="CZQ734:CZT734"/>
    <mergeCell ref="CZU734:CZX734"/>
    <mergeCell ref="CZY734:DAB734"/>
    <mergeCell ref="DAC734:DAF734"/>
    <mergeCell ref="DAG734:DAJ734"/>
    <mergeCell ref="CYW734:CYZ734"/>
    <mergeCell ref="CZA734:CZD734"/>
    <mergeCell ref="CZE734:CZH734"/>
    <mergeCell ref="CZI734:CZL734"/>
    <mergeCell ref="CZM734:CZP734"/>
    <mergeCell ref="CYC734:CYF734"/>
    <mergeCell ref="CYG734:CYJ734"/>
    <mergeCell ref="CYK734:CYN734"/>
    <mergeCell ref="CYO734:CYR734"/>
    <mergeCell ref="CYS734:CYV734"/>
    <mergeCell ref="CXI734:CXL734"/>
    <mergeCell ref="CXM734:CXP734"/>
    <mergeCell ref="CXQ734:CXT734"/>
    <mergeCell ref="CXU734:CXX734"/>
    <mergeCell ref="CXY734:CYB734"/>
    <mergeCell ref="CWO734:CWR734"/>
    <mergeCell ref="CWS734:CWV734"/>
    <mergeCell ref="CWW734:CWZ734"/>
    <mergeCell ref="CXA734:CXD734"/>
    <mergeCell ref="CXE734:CXH734"/>
    <mergeCell ref="CVU734:CVX734"/>
    <mergeCell ref="CVY734:CWB734"/>
    <mergeCell ref="CWC734:CWF734"/>
    <mergeCell ref="CWG734:CWJ734"/>
    <mergeCell ref="CWK734:CWN734"/>
    <mergeCell ref="DFU734:DFX734"/>
    <mergeCell ref="DFY734:DGB734"/>
    <mergeCell ref="DGC734:DGF734"/>
    <mergeCell ref="DGG734:DGJ734"/>
    <mergeCell ref="DGK734:DGN734"/>
    <mergeCell ref="DFA734:DFD734"/>
    <mergeCell ref="DFE734:DFH734"/>
    <mergeCell ref="DFI734:DFL734"/>
    <mergeCell ref="DFM734:DFP734"/>
    <mergeCell ref="DFQ734:DFT734"/>
    <mergeCell ref="DEG734:DEJ734"/>
    <mergeCell ref="DEK734:DEN734"/>
    <mergeCell ref="DEO734:DER734"/>
    <mergeCell ref="DES734:DEV734"/>
    <mergeCell ref="DEW734:DEZ734"/>
    <mergeCell ref="DDM734:DDP734"/>
    <mergeCell ref="DDQ734:DDT734"/>
    <mergeCell ref="DDU734:DDX734"/>
    <mergeCell ref="DDY734:DEB734"/>
    <mergeCell ref="DEC734:DEF734"/>
    <mergeCell ref="DCS734:DCV734"/>
    <mergeCell ref="DCW734:DCZ734"/>
    <mergeCell ref="DDA734:DDD734"/>
    <mergeCell ref="DDE734:DDH734"/>
    <mergeCell ref="DDI734:DDL734"/>
    <mergeCell ref="DBY734:DCB734"/>
    <mergeCell ref="DCC734:DCF734"/>
    <mergeCell ref="DCG734:DCJ734"/>
    <mergeCell ref="DCK734:DCN734"/>
    <mergeCell ref="DCO734:DCR734"/>
    <mergeCell ref="DBE734:DBH734"/>
    <mergeCell ref="DBI734:DBL734"/>
    <mergeCell ref="DBM734:DBP734"/>
    <mergeCell ref="DBQ734:DBT734"/>
    <mergeCell ref="DBU734:DBX734"/>
    <mergeCell ref="DLE734:DLH734"/>
    <mergeCell ref="DLI734:DLL734"/>
    <mergeCell ref="DLM734:DLP734"/>
    <mergeCell ref="DLQ734:DLT734"/>
    <mergeCell ref="DLU734:DLX734"/>
    <mergeCell ref="DKK734:DKN734"/>
    <mergeCell ref="DKO734:DKR734"/>
    <mergeCell ref="DKS734:DKV734"/>
    <mergeCell ref="DKW734:DKZ734"/>
    <mergeCell ref="DLA734:DLD734"/>
    <mergeCell ref="DJQ734:DJT734"/>
    <mergeCell ref="DJU734:DJX734"/>
    <mergeCell ref="DJY734:DKB734"/>
    <mergeCell ref="DKC734:DKF734"/>
    <mergeCell ref="DKG734:DKJ734"/>
    <mergeCell ref="DIW734:DIZ734"/>
    <mergeCell ref="DJA734:DJD734"/>
    <mergeCell ref="DJE734:DJH734"/>
    <mergeCell ref="DJI734:DJL734"/>
    <mergeCell ref="DJM734:DJP734"/>
    <mergeCell ref="DIC734:DIF734"/>
    <mergeCell ref="DIG734:DIJ734"/>
    <mergeCell ref="DIK734:DIN734"/>
    <mergeCell ref="DIO734:DIR734"/>
    <mergeCell ref="DIS734:DIV734"/>
    <mergeCell ref="DHI734:DHL734"/>
    <mergeCell ref="DHM734:DHP734"/>
    <mergeCell ref="DHQ734:DHT734"/>
    <mergeCell ref="DHU734:DHX734"/>
    <mergeCell ref="DHY734:DIB734"/>
    <mergeCell ref="DGO734:DGR734"/>
    <mergeCell ref="DGS734:DGV734"/>
    <mergeCell ref="DGW734:DGZ734"/>
    <mergeCell ref="DHA734:DHD734"/>
    <mergeCell ref="DHE734:DHH734"/>
    <mergeCell ref="DQO734:DQR734"/>
    <mergeCell ref="DQS734:DQV734"/>
    <mergeCell ref="DQW734:DQZ734"/>
    <mergeCell ref="DRA734:DRD734"/>
    <mergeCell ref="DRE734:DRH734"/>
    <mergeCell ref="DPU734:DPX734"/>
    <mergeCell ref="DPY734:DQB734"/>
    <mergeCell ref="DQC734:DQF734"/>
    <mergeCell ref="DQG734:DQJ734"/>
    <mergeCell ref="DQK734:DQN734"/>
    <mergeCell ref="DPA734:DPD734"/>
    <mergeCell ref="DPE734:DPH734"/>
    <mergeCell ref="DPI734:DPL734"/>
    <mergeCell ref="DPM734:DPP734"/>
    <mergeCell ref="DPQ734:DPT734"/>
    <mergeCell ref="DOG734:DOJ734"/>
    <mergeCell ref="DOK734:DON734"/>
    <mergeCell ref="DOO734:DOR734"/>
    <mergeCell ref="DOS734:DOV734"/>
    <mergeCell ref="DOW734:DOZ734"/>
    <mergeCell ref="DNM734:DNP734"/>
    <mergeCell ref="DNQ734:DNT734"/>
    <mergeCell ref="DNU734:DNX734"/>
    <mergeCell ref="DNY734:DOB734"/>
    <mergeCell ref="DOC734:DOF734"/>
    <mergeCell ref="DMS734:DMV734"/>
    <mergeCell ref="DMW734:DMZ734"/>
    <mergeCell ref="DNA734:DND734"/>
    <mergeCell ref="DNE734:DNH734"/>
    <mergeCell ref="DNI734:DNL734"/>
    <mergeCell ref="DLY734:DMB734"/>
    <mergeCell ref="DMC734:DMF734"/>
    <mergeCell ref="DMG734:DMJ734"/>
    <mergeCell ref="DMK734:DMN734"/>
    <mergeCell ref="DMO734:DMR734"/>
    <mergeCell ref="DVY734:DWB734"/>
    <mergeCell ref="DWC734:DWF734"/>
    <mergeCell ref="DWG734:DWJ734"/>
    <mergeCell ref="DWK734:DWN734"/>
    <mergeCell ref="DWO734:DWR734"/>
    <mergeCell ref="DVE734:DVH734"/>
    <mergeCell ref="DVI734:DVL734"/>
    <mergeCell ref="DVM734:DVP734"/>
    <mergeCell ref="DVQ734:DVT734"/>
    <mergeCell ref="DVU734:DVX734"/>
    <mergeCell ref="DUK734:DUN734"/>
    <mergeCell ref="DUO734:DUR734"/>
    <mergeCell ref="DUS734:DUV734"/>
    <mergeCell ref="DUW734:DUZ734"/>
    <mergeCell ref="DVA734:DVD734"/>
    <mergeCell ref="DTQ734:DTT734"/>
    <mergeCell ref="DTU734:DTX734"/>
    <mergeCell ref="DTY734:DUB734"/>
    <mergeCell ref="DUC734:DUF734"/>
    <mergeCell ref="DUG734:DUJ734"/>
    <mergeCell ref="DSW734:DSZ734"/>
    <mergeCell ref="DTA734:DTD734"/>
    <mergeCell ref="DTE734:DTH734"/>
    <mergeCell ref="DTI734:DTL734"/>
    <mergeCell ref="DTM734:DTP734"/>
    <mergeCell ref="DSC734:DSF734"/>
    <mergeCell ref="DSG734:DSJ734"/>
    <mergeCell ref="DSK734:DSN734"/>
    <mergeCell ref="DSO734:DSR734"/>
    <mergeCell ref="DSS734:DSV734"/>
    <mergeCell ref="DRI734:DRL734"/>
    <mergeCell ref="DRM734:DRP734"/>
    <mergeCell ref="DRQ734:DRT734"/>
    <mergeCell ref="DRU734:DRX734"/>
    <mergeCell ref="DRY734:DSB734"/>
    <mergeCell ref="EBI734:EBL734"/>
    <mergeCell ref="EBM734:EBP734"/>
    <mergeCell ref="EBQ734:EBT734"/>
    <mergeCell ref="EBU734:EBX734"/>
    <mergeCell ref="EBY734:ECB734"/>
    <mergeCell ref="EAO734:EAR734"/>
    <mergeCell ref="EAS734:EAV734"/>
    <mergeCell ref="EAW734:EAZ734"/>
    <mergeCell ref="EBA734:EBD734"/>
    <mergeCell ref="EBE734:EBH734"/>
    <mergeCell ref="DZU734:DZX734"/>
    <mergeCell ref="DZY734:EAB734"/>
    <mergeCell ref="EAC734:EAF734"/>
    <mergeCell ref="EAG734:EAJ734"/>
    <mergeCell ref="EAK734:EAN734"/>
    <mergeCell ref="DZA734:DZD734"/>
    <mergeCell ref="DZE734:DZH734"/>
    <mergeCell ref="DZI734:DZL734"/>
    <mergeCell ref="DZM734:DZP734"/>
    <mergeCell ref="DZQ734:DZT734"/>
    <mergeCell ref="DYG734:DYJ734"/>
    <mergeCell ref="DYK734:DYN734"/>
    <mergeCell ref="DYO734:DYR734"/>
    <mergeCell ref="DYS734:DYV734"/>
    <mergeCell ref="DYW734:DYZ734"/>
    <mergeCell ref="DXM734:DXP734"/>
    <mergeCell ref="DXQ734:DXT734"/>
    <mergeCell ref="DXU734:DXX734"/>
    <mergeCell ref="DXY734:DYB734"/>
    <mergeCell ref="DYC734:DYF734"/>
    <mergeCell ref="DWS734:DWV734"/>
    <mergeCell ref="DWW734:DWZ734"/>
    <mergeCell ref="DXA734:DXD734"/>
    <mergeCell ref="DXE734:DXH734"/>
    <mergeCell ref="DXI734:DXL734"/>
    <mergeCell ref="EGS734:EGV734"/>
    <mergeCell ref="EGW734:EGZ734"/>
    <mergeCell ref="EHA734:EHD734"/>
    <mergeCell ref="EHE734:EHH734"/>
    <mergeCell ref="EHI734:EHL734"/>
    <mergeCell ref="EFY734:EGB734"/>
    <mergeCell ref="EGC734:EGF734"/>
    <mergeCell ref="EGG734:EGJ734"/>
    <mergeCell ref="EGK734:EGN734"/>
    <mergeCell ref="EGO734:EGR734"/>
    <mergeCell ref="EFE734:EFH734"/>
    <mergeCell ref="EFI734:EFL734"/>
    <mergeCell ref="EFM734:EFP734"/>
    <mergeCell ref="EFQ734:EFT734"/>
    <mergeCell ref="EFU734:EFX734"/>
    <mergeCell ref="EEK734:EEN734"/>
    <mergeCell ref="EEO734:EER734"/>
    <mergeCell ref="EES734:EEV734"/>
    <mergeCell ref="EEW734:EEZ734"/>
    <mergeCell ref="EFA734:EFD734"/>
    <mergeCell ref="EDQ734:EDT734"/>
    <mergeCell ref="EDU734:EDX734"/>
    <mergeCell ref="EDY734:EEB734"/>
    <mergeCell ref="EEC734:EEF734"/>
    <mergeCell ref="EEG734:EEJ734"/>
    <mergeCell ref="ECW734:ECZ734"/>
    <mergeCell ref="EDA734:EDD734"/>
    <mergeCell ref="EDE734:EDH734"/>
    <mergeCell ref="EDI734:EDL734"/>
    <mergeCell ref="EDM734:EDP734"/>
    <mergeCell ref="ECC734:ECF734"/>
    <mergeCell ref="ECG734:ECJ734"/>
    <mergeCell ref="ECK734:ECN734"/>
    <mergeCell ref="ECO734:ECR734"/>
    <mergeCell ref="ECS734:ECV734"/>
    <mergeCell ref="EMC734:EMF734"/>
    <mergeCell ref="EMG734:EMJ734"/>
    <mergeCell ref="EMK734:EMN734"/>
    <mergeCell ref="EMO734:EMR734"/>
    <mergeCell ref="EMS734:EMV734"/>
    <mergeCell ref="ELI734:ELL734"/>
    <mergeCell ref="ELM734:ELP734"/>
    <mergeCell ref="ELQ734:ELT734"/>
    <mergeCell ref="ELU734:ELX734"/>
    <mergeCell ref="ELY734:EMB734"/>
    <mergeCell ref="EKO734:EKR734"/>
    <mergeCell ref="EKS734:EKV734"/>
    <mergeCell ref="EKW734:EKZ734"/>
    <mergeCell ref="ELA734:ELD734"/>
    <mergeCell ref="ELE734:ELH734"/>
    <mergeCell ref="EJU734:EJX734"/>
    <mergeCell ref="EJY734:EKB734"/>
    <mergeCell ref="EKC734:EKF734"/>
    <mergeCell ref="EKG734:EKJ734"/>
    <mergeCell ref="EKK734:EKN734"/>
    <mergeCell ref="EJA734:EJD734"/>
    <mergeCell ref="EJE734:EJH734"/>
    <mergeCell ref="EJI734:EJL734"/>
    <mergeCell ref="EJM734:EJP734"/>
    <mergeCell ref="EJQ734:EJT734"/>
    <mergeCell ref="EIG734:EIJ734"/>
    <mergeCell ref="EIK734:EIN734"/>
    <mergeCell ref="EIO734:EIR734"/>
    <mergeCell ref="EIS734:EIV734"/>
    <mergeCell ref="EIW734:EIZ734"/>
    <mergeCell ref="EHM734:EHP734"/>
    <mergeCell ref="EHQ734:EHT734"/>
    <mergeCell ref="EHU734:EHX734"/>
    <mergeCell ref="EHY734:EIB734"/>
    <mergeCell ref="EIC734:EIF734"/>
    <mergeCell ref="ERM734:ERP734"/>
    <mergeCell ref="ERQ734:ERT734"/>
    <mergeCell ref="ERU734:ERX734"/>
    <mergeCell ref="ERY734:ESB734"/>
    <mergeCell ref="ESC734:ESF734"/>
    <mergeCell ref="EQS734:EQV734"/>
    <mergeCell ref="EQW734:EQZ734"/>
    <mergeCell ref="ERA734:ERD734"/>
    <mergeCell ref="ERE734:ERH734"/>
    <mergeCell ref="ERI734:ERL734"/>
    <mergeCell ref="EPY734:EQB734"/>
    <mergeCell ref="EQC734:EQF734"/>
    <mergeCell ref="EQG734:EQJ734"/>
    <mergeCell ref="EQK734:EQN734"/>
    <mergeCell ref="EQO734:EQR734"/>
    <mergeCell ref="EPE734:EPH734"/>
    <mergeCell ref="EPI734:EPL734"/>
    <mergeCell ref="EPM734:EPP734"/>
    <mergeCell ref="EPQ734:EPT734"/>
    <mergeCell ref="EPU734:EPX734"/>
    <mergeCell ref="EOK734:EON734"/>
    <mergeCell ref="EOO734:EOR734"/>
    <mergeCell ref="EOS734:EOV734"/>
    <mergeCell ref="EOW734:EOZ734"/>
    <mergeCell ref="EPA734:EPD734"/>
    <mergeCell ref="ENQ734:ENT734"/>
    <mergeCell ref="ENU734:ENX734"/>
    <mergeCell ref="ENY734:EOB734"/>
    <mergeCell ref="EOC734:EOF734"/>
    <mergeCell ref="EOG734:EOJ734"/>
    <mergeCell ref="EMW734:EMZ734"/>
    <mergeCell ref="ENA734:END734"/>
    <mergeCell ref="ENE734:ENH734"/>
    <mergeCell ref="ENI734:ENL734"/>
    <mergeCell ref="ENM734:ENP734"/>
    <mergeCell ref="EWW734:EWZ734"/>
    <mergeCell ref="EXA734:EXD734"/>
    <mergeCell ref="EXE734:EXH734"/>
    <mergeCell ref="EXI734:EXL734"/>
    <mergeCell ref="EXM734:EXP734"/>
    <mergeCell ref="EWC734:EWF734"/>
    <mergeCell ref="EWG734:EWJ734"/>
    <mergeCell ref="EWK734:EWN734"/>
    <mergeCell ref="EWO734:EWR734"/>
    <mergeCell ref="EWS734:EWV734"/>
    <mergeCell ref="EVI734:EVL734"/>
    <mergeCell ref="EVM734:EVP734"/>
    <mergeCell ref="EVQ734:EVT734"/>
    <mergeCell ref="EVU734:EVX734"/>
    <mergeCell ref="EVY734:EWB734"/>
    <mergeCell ref="EUO734:EUR734"/>
    <mergeCell ref="EUS734:EUV734"/>
    <mergeCell ref="EUW734:EUZ734"/>
    <mergeCell ref="EVA734:EVD734"/>
    <mergeCell ref="EVE734:EVH734"/>
    <mergeCell ref="ETU734:ETX734"/>
    <mergeCell ref="ETY734:EUB734"/>
    <mergeCell ref="EUC734:EUF734"/>
    <mergeCell ref="EUG734:EUJ734"/>
    <mergeCell ref="EUK734:EUN734"/>
    <mergeCell ref="ETA734:ETD734"/>
    <mergeCell ref="ETE734:ETH734"/>
    <mergeCell ref="ETI734:ETL734"/>
    <mergeCell ref="ETM734:ETP734"/>
    <mergeCell ref="ETQ734:ETT734"/>
    <mergeCell ref="ESG734:ESJ734"/>
    <mergeCell ref="ESK734:ESN734"/>
    <mergeCell ref="ESO734:ESR734"/>
    <mergeCell ref="ESS734:ESV734"/>
    <mergeCell ref="ESW734:ESZ734"/>
    <mergeCell ref="FCG734:FCJ734"/>
    <mergeCell ref="FCK734:FCN734"/>
    <mergeCell ref="FCO734:FCR734"/>
    <mergeCell ref="FCS734:FCV734"/>
    <mergeCell ref="FCW734:FCZ734"/>
    <mergeCell ref="FBM734:FBP734"/>
    <mergeCell ref="FBQ734:FBT734"/>
    <mergeCell ref="FBU734:FBX734"/>
    <mergeCell ref="FBY734:FCB734"/>
    <mergeCell ref="FCC734:FCF734"/>
    <mergeCell ref="FAS734:FAV734"/>
    <mergeCell ref="FAW734:FAZ734"/>
    <mergeCell ref="FBA734:FBD734"/>
    <mergeCell ref="FBE734:FBH734"/>
    <mergeCell ref="FBI734:FBL734"/>
    <mergeCell ref="EZY734:FAB734"/>
    <mergeCell ref="FAC734:FAF734"/>
    <mergeCell ref="FAG734:FAJ734"/>
    <mergeCell ref="FAK734:FAN734"/>
    <mergeCell ref="FAO734:FAR734"/>
    <mergeCell ref="EZE734:EZH734"/>
    <mergeCell ref="EZI734:EZL734"/>
    <mergeCell ref="EZM734:EZP734"/>
    <mergeCell ref="EZQ734:EZT734"/>
    <mergeCell ref="EZU734:EZX734"/>
    <mergeCell ref="EYK734:EYN734"/>
    <mergeCell ref="EYO734:EYR734"/>
    <mergeCell ref="EYS734:EYV734"/>
    <mergeCell ref="EYW734:EYZ734"/>
    <mergeCell ref="EZA734:EZD734"/>
    <mergeCell ref="EXQ734:EXT734"/>
    <mergeCell ref="EXU734:EXX734"/>
    <mergeCell ref="EXY734:EYB734"/>
    <mergeCell ref="EYC734:EYF734"/>
    <mergeCell ref="EYG734:EYJ734"/>
    <mergeCell ref="FHQ734:FHT734"/>
    <mergeCell ref="FHU734:FHX734"/>
    <mergeCell ref="FHY734:FIB734"/>
    <mergeCell ref="FIC734:FIF734"/>
    <mergeCell ref="FIG734:FIJ734"/>
    <mergeCell ref="FGW734:FGZ734"/>
    <mergeCell ref="FHA734:FHD734"/>
    <mergeCell ref="FHE734:FHH734"/>
    <mergeCell ref="FHI734:FHL734"/>
    <mergeCell ref="FHM734:FHP734"/>
    <mergeCell ref="FGC734:FGF734"/>
    <mergeCell ref="FGG734:FGJ734"/>
    <mergeCell ref="FGK734:FGN734"/>
    <mergeCell ref="FGO734:FGR734"/>
    <mergeCell ref="FGS734:FGV734"/>
    <mergeCell ref="FFI734:FFL734"/>
    <mergeCell ref="FFM734:FFP734"/>
    <mergeCell ref="FFQ734:FFT734"/>
    <mergeCell ref="FFU734:FFX734"/>
    <mergeCell ref="FFY734:FGB734"/>
    <mergeCell ref="FEO734:FER734"/>
    <mergeCell ref="FES734:FEV734"/>
    <mergeCell ref="FEW734:FEZ734"/>
    <mergeCell ref="FFA734:FFD734"/>
    <mergeCell ref="FFE734:FFH734"/>
    <mergeCell ref="FDU734:FDX734"/>
    <mergeCell ref="FDY734:FEB734"/>
    <mergeCell ref="FEC734:FEF734"/>
    <mergeCell ref="FEG734:FEJ734"/>
    <mergeCell ref="FEK734:FEN734"/>
    <mergeCell ref="FDA734:FDD734"/>
    <mergeCell ref="FDE734:FDH734"/>
    <mergeCell ref="FDI734:FDL734"/>
    <mergeCell ref="FDM734:FDP734"/>
    <mergeCell ref="FDQ734:FDT734"/>
    <mergeCell ref="FNA734:FND734"/>
    <mergeCell ref="FNE734:FNH734"/>
    <mergeCell ref="FNI734:FNL734"/>
    <mergeCell ref="FNM734:FNP734"/>
    <mergeCell ref="FNQ734:FNT734"/>
    <mergeCell ref="FMG734:FMJ734"/>
    <mergeCell ref="FMK734:FMN734"/>
    <mergeCell ref="FMO734:FMR734"/>
    <mergeCell ref="FMS734:FMV734"/>
    <mergeCell ref="FMW734:FMZ734"/>
    <mergeCell ref="FLM734:FLP734"/>
    <mergeCell ref="FLQ734:FLT734"/>
    <mergeCell ref="FLU734:FLX734"/>
    <mergeCell ref="FLY734:FMB734"/>
    <mergeCell ref="FMC734:FMF734"/>
    <mergeCell ref="FKS734:FKV734"/>
    <mergeCell ref="FKW734:FKZ734"/>
    <mergeCell ref="FLA734:FLD734"/>
    <mergeCell ref="FLE734:FLH734"/>
    <mergeCell ref="FLI734:FLL734"/>
    <mergeCell ref="FJY734:FKB734"/>
    <mergeCell ref="FKC734:FKF734"/>
    <mergeCell ref="FKG734:FKJ734"/>
    <mergeCell ref="FKK734:FKN734"/>
    <mergeCell ref="FKO734:FKR734"/>
    <mergeCell ref="FJE734:FJH734"/>
    <mergeCell ref="FJI734:FJL734"/>
    <mergeCell ref="FJM734:FJP734"/>
    <mergeCell ref="FJQ734:FJT734"/>
    <mergeCell ref="FJU734:FJX734"/>
    <mergeCell ref="FIK734:FIN734"/>
    <mergeCell ref="FIO734:FIR734"/>
    <mergeCell ref="FIS734:FIV734"/>
    <mergeCell ref="FIW734:FIZ734"/>
    <mergeCell ref="FJA734:FJD734"/>
    <mergeCell ref="FSK734:FSN734"/>
    <mergeCell ref="FSO734:FSR734"/>
    <mergeCell ref="FSS734:FSV734"/>
    <mergeCell ref="FSW734:FSZ734"/>
    <mergeCell ref="FTA734:FTD734"/>
    <mergeCell ref="FRQ734:FRT734"/>
    <mergeCell ref="FRU734:FRX734"/>
    <mergeCell ref="FRY734:FSB734"/>
    <mergeCell ref="FSC734:FSF734"/>
    <mergeCell ref="FSG734:FSJ734"/>
    <mergeCell ref="FQW734:FQZ734"/>
    <mergeCell ref="FRA734:FRD734"/>
    <mergeCell ref="FRE734:FRH734"/>
    <mergeCell ref="FRI734:FRL734"/>
    <mergeCell ref="FRM734:FRP734"/>
    <mergeCell ref="FQC734:FQF734"/>
    <mergeCell ref="FQG734:FQJ734"/>
    <mergeCell ref="FQK734:FQN734"/>
    <mergeCell ref="FQO734:FQR734"/>
    <mergeCell ref="FQS734:FQV734"/>
    <mergeCell ref="FPI734:FPL734"/>
    <mergeCell ref="FPM734:FPP734"/>
    <mergeCell ref="FPQ734:FPT734"/>
    <mergeCell ref="FPU734:FPX734"/>
    <mergeCell ref="FPY734:FQB734"/>
    <mergeCell ref="FOO734:FOR734"/>
    <mergeCell ref="FOS734:FOV734"/>
    <mergeCell ref="FOW734:FOZ734"/>
    <mergeCell ref="FPA734:FPD734"/>
    <mergeCell ref="FPE734:FPH734"/>
    <mergeCell ref="FNU734:FNX734"/>
    <mergeCell ref="FNY734:FOB734"/>
    <mergeCell ref="FOC734:FOF734"/>
    <mergeCell ref="FOG734:FOJ734"/>
    <mergeCell ref="FOK734:FON734"/>
    <mergeCell ref="FXU734:FXX734"/>
    <mergeCell ref="FXY734:FYB734"/>
    <mergeCell ref="FYC734:FYF734"/>
    <mergeCell ref="FYG734:FYJ734"/>
    <mergeCell ref="FYK734:FYN734"/>
    <mergeCell ref="FXA734:FXD734"/>
    <mergeCell ref="FXE734:FXH734"/>
    <mergeCell ref="FXI734:FXL734"/>
    <mergeCell ref="FXM734:FXP734"/>
    <mergeCell ref="FXQ734:FXT734"/>
    <mergeCell ref="FWG734:FWJ734"/>
    <mergeCell ref="FWK734:FWN734"/>
    <mergeCell ref="FWO734:FWR734"/>
    <mergeCell ref="FWS734:FWV734"/>
    <mergeCell ref="FWW734:FWZ734"/>
    <mergeCell ref="FVM734:FVP734"/>
    <mergeCell ref="FVQ734:FVT734"/>
    <mergeCell ref="FVU734:FVX734"/>
    <mergeCell ref="FVY734:FWB734"/>
    <mergeCell ref="FWC734:FWF734"/>
    <mergeCell ref="FUS734:FUV734"/>
    <mergeCell ref="FUW734:FUZ734"/>
    <mergeCell ref="FVA734:FVD734"/>
    <mergeCell ref="FVE734:FVH734"/>
    <mergeCell ref="FVI734:FVL734"/>
    <mergeCell ref="FTY734:FUB734"/>
    <mergeCell ref="FUC734:FUF734"/>
    <mergeCell ref="FUG734:FUJ734"/>
    <mergeCell ref="FUK734:FUN734"/>
    <mergeCell ref="FUO734:FUR734"/>
    <mergeCell ref="FTE734:FTH734"/>
    <mergeCell ref="FTI734:FTL734"/>
    <mergeCell ref="FTM734:FTP734"/>
    <mergeCell ref="FTQ734:FTT734"/>
    <mergeCell ref="FTU734:FTX734"/>
    <mergeCell ref="GDE734:GDH734"/>
    <mergeCell ref="GDI734:GDL734"/>
    <mergeCell ref="GDM734:GDP734"/>
    <mergeCell ref="GDQ734:GDT734"/>
    <mergeCell ref="GDU734:GDX734"/>
    <mergeCell ref="GCK734:GCN734"/>
    <mergeCell ref="GCO734:GCR734"/>
    <mergeCell ref="GCS734:GCV734"/>
    <mergeCell ref="GCW734:GCZ734"/>
    <mergeCell ref="GDA734:GDD734"/>
    <mergeCell ref="GBQ734:GBT734"/>
    <mergeCell ref="GBU734:GBX734"/>
    <mergeCell ref="GBY734:GCB734"/>
    <mergeCell ref="GCC734:GCF734"/>
    <mergeCell ref="GCG734:GCJ734"/>
    <mergeCell ref="GAW734:GAZ734"/>
    <mergeCell ref="GBA734:GBD734"/>
    <mergeCell ref="GBE734:GBH734"/>
    <mergeCell ref="GBI734:GBL734"/>
    <mergeCell ref="GBM734:GBP734"/>
    <mergeCell ref="GAC734:GAF734"/>
    <mergeCell ref="GAG734:GAJ734"/>
    <mergeCell ref="GAK734:GAN734"/>
    <mergeCell ref="GAO734:GAR734"/>
    <mergeCell ref="GAS734:GAV734"/>
    <mergeCell ref="FZI734:FZL734"/>
    <mergeCell ref="FZM734:FZP734"/>
    <mergeCell ref="FZQ734:FZT734"/>
    <mergeCell ref="FZU734:FZX734"/>
    <mergeCell ref="FZY734:GAB734"/>
    <mergeCell ref="FYO734:FYR734"/>
    <mergeCell ref="FYS734:FYV734"/>
    <mergeCell ref="FYW734:FYZ734"/>
    <mergeCell ref="FZA734:FZD734"/>
    <mergeCell ref="FZE734:FZH734"/>
    <mergeCell ref="GIO734:GIR734"/>
    <mergeCell ref="GIS734:GIV734"/>
    <mergeCell ref="GIW734:GIZ734"/>
    <mergeCell ref="GJA734:GJD734"/>
    <mergeCell ref="GJE734:GJH734"/>
    <mergeCell ref="GHU734:GHX734"/>
    <mergeCell ref="GHY734:GIB734"/>
    <mergeCell ref="GIC734:GIF734"/>
    <mergeCell ref="GIG734:GIJ734"/>
    <mergeCell ref="GIK734:GIN734"/>
    <mergeCell ref="GHA734:GHD734"/>
    <mergeCell ref="GHE734:GHH734"/>
    <mergeCell ref="GHI734:GHL734"/>
    <mergeCell ref="GHM734:GHP734"/>
    <mergeCell ref="GHQ734:GHT734"/>
    <mergeCell ref="GGG734:GGJ734"/>
    <mergeCell ref="GGK734:GGN734"/>
    <mergeCell ref="GGO734:GGR734"/>
    <mergeCell ref="GGS734:GGV734"/>
    <mergeCell ref="GGW734:GGZ734"/>
    <mergeCell ref="GFM734:GFP734"/>
    <mergeCell ref="GFQ734:GFT734"/>
    <mergeCell ref="GFU734:GFX734"/>
    <mergeCell ref="GFY734:GGB734"/>
    <mergeCell ref="GGC734:GGF734"/>
    <mergeCell ref="GES734:GEV734"/>
    <mergeCell ref="GEW734:GEZ734"/>
    <mergeCell ref="GFA734:GFD734"/>
    <mergeCell ref="GFE734:GFH734"/>
    <mergeCell ref="GFI734:GFL734"/>
    <mergeCell ref="GDY734:GEB734"/>
    <mergeCell ref="GEC734:GEF734"/>
    <mergeCell ref="GEG734:GEJ734"/>
    <mergeCell ref="GEK734:GEN734"/>
    <mergeCell ref="GEO734:GER734"/>
    <mergeCell ref="GNY734:GOB734"/>
    <mergeCell ref="GOC734:GOF734"/>
    <mergeCell ref="GOG734:GOJ734"/>
    <mergeCell ref="GOK734:GON734"/>
    <mergeCell ref="GOO734:GOR734"/>
    <mergeCell ref="GNE734:GNH734"/>
    <mergeCell ref="GNI734:GNL734"/>
    <mergeCell ref="GNM734:GNP734"/>
    <mergeCell ref="GNQ734:GNT734"/>
    <mergeCell ref="GNU734:GNX734"/>
    <mergeCell ref="GMK734:GMN734"/>
    <mergeCell ref="GMO734:GMR734"/>
    <mergeCell ref="GMS734:GMV734"/>
    <mergeCell ref="GMW734:GMZ734"/>
    <mergeCell ref="GNA734:GND734"/>
    <mergeCell ref="GLQ734:GLT734"/>
    <mergeCell ref="GLU734:GLX734"/>
    <mergeCell ref="GLY734:GMB734"/>
    <mergeCell ref="GMC734:GMF734"/>
    <mergeCell ref="GMG734:GMJ734"/>
    <mergeCell ref="GKW734:GKZ734"/>
    <mergeCell ref="GLA734:GLD734"/>
    <mergeCell ref="GLE734:GLH734"/>
    <mergeCell ref="GLI734:GLL734"/>
    <mergeCell ref="GLM734:GLP734"/>
    <mergeCell ref="GKC734:GKF734"/>
    <mergeCell ref="GKG734:GKJ734"/>
    <mergeCell ref="GKK734:GKN734"/>
    <mergeCell ref="GKO734:GKR734"/>
    <mergeCell ref="GKS734:GKV734"/>
    <mergeCell ref="GJI734:GJL734"/>
    <mergeCell ref="GJM734:GJP734"/>
    <mergeCell ref="GJQ734:GJT734"/>
    <mergeCell ref="GJU734:GJX734"/>
    <mergeCell ref="GJY734:GKB734"/>
    <mergeCell ref="GTI734:GTL734"/>
    <mergeCell ref="GTM734:GTP734"/>
    <mergeCell ref="GTQ734:GTT734"/>
    <mergeCell ref="GTU734:GTX734"/>
    <mergeCell ref="GTY734:GUB734"/>
    <mergeCell ref="GSO734:GSR734"/>
    <mergeCell ref="GSS734:GSV734"/>
    <mergeCell ref="GSW734:GSZ734"/>
    <mergeCell ref="GTA734:GTD734"/>
    <mergeCell ref="GTE734:GTH734"/>
    <mergeCell ref="GRU734:GRX734"/>
    <mergeCell ref="GRY734:GSB734"/>
    <mergeCell ref="GSC734:GSF734"/>
    <mergeCell ref="GSG734:GSJ734"/>
    <mergeCell ref="GSK734:GSN734"/>
    <mergeCell ref="GRA734:GRD734"/>
    <mergeCell ref="GRE734:GRH734"/>
    <mergeCell ref="GRI734:GRL734"/>
    <mergeCell ref="GRM734:GRP734"/>
    <mergeCell ref="GRQ734:GRT734"/>
    <mergeCell ref="GQG734:GQJ734"/>
    <mergeCell ref="GQK734:GQN734"/>
    <mergeCell ref="GQO734:GQR734"/>
    <mergeCell ref="GQS734:GQV734"/>
    <mergeCell ref="GQW734:GQZ734"/>
    <mergeCell ref="GPM734:GPP734"/>
    <mergeCell ref="GPQ734:GPT734"/>
    <mergeCell ref="GPU734:GPX734"/>
    <mergeCell ref="GPY734:GQB734"/>
    <mergeCell ref="GQC734:GQF734"/>
    <mergeCell ref="GOS734:GOV734"/>
    <mergeCell ref="GOW734:GOZ734"/>
    <mergeCell ref="GPA734:GPD734"/>
    <mergeCell ref="GPE734:GPH734"/>
    <mergeCell ref="GPI734:GPL734"/>
    <mergeCell ref="GYS734:GYV734"/>
    <mergeCell ref="GYW734:GYZ734"/>
    <mergeCell ref="GZA734:GZD734"/>
    <mergeCell ref="GZE734:GZH734"/>
    <mergeCell ref="GZI734:GZL734"/>
    <mergeCell ref="GXY734:GYB734"/>
    <mergeCell ref="GYC734:GYF734"/>
    <mergeCell ref="GYG734:GYJ734"/>
    <mergeCell ref="GYK734:GYN734"/>
    <mergeCell ref="GYO734:GYR734"/>
    <mergeCell ref="GXE734:GXH734"/>
    <mergeCell ref="GXI734:GXL734"/>
    <mergeCell ref="GXM734:GXP734"/>
    <mergeCell ref="GXQ734:GXT734"/>
    <mergeCell ref="GXU734:GXX734"/>
    <mergeCell ref="GWK734:GWN734"/>
    <mergeCell ref="GWO734:GWR734"/>
    <mergeCell ref="GWS734:GWV734"/>
    <mergeCell ref="GWW734:GWZ734"/>
    <mergeCell ref="GXA734:GXD734"/>
    <mergeCell ref="GVQ734:GVT734"/>
    <mergeCell ref="GVU734:GVX734"/>
    <mergeCell ref="GVY734:GWB734"/>
    <mergeCell ref="GWC734:GWF734"/>
    <mergeCell ref="GWG734:GWJ734"/>
    <mergeCell ref="GUW734:GUZ734"/>
    <mergeCell ref="GVA734:GVD734"/>
    <mergeCell ref="GVE734:GVH734"/>
    <mergeCell ref="GVI734:GVL734"/>
    <mergeCell ref="GVM734:GVP734"/>
    <mergeCell ref="GUC734:GUF734"/>
    <mergeCell ref="GUG734:GUJ734"/>
    <mergeCell ref="GUK734:GUN734"/>
    <mergeCell ref="GUO734:GUR734"/>
    <mergeCell ref="GUS734:GUV734"/>
    <mergeCell ref="HEC734:HEF734"/>
    <mergeCell ref="HEG734:HEJ734"/>
    <mergeCell ref="HEK734:HEN734"/>
    <mergeCell ref="HEO734:HER734"/>
    <mergeCell ref="HES734:HEV734"/>
    <mergeCell ref="HDI734:HDL734"/>
    <mergeCell ref="HDM734:HDP734"/>
    <mergeCell ref="HDQ734:HDT734"/>
    <mergeCell ref="HDU734:HDX734"/>
    <mergeCell ref="HDY734:HEB734"/>
    <mergeCell ref="HCO734:HCR734"/>
    <mergeCell ref="HCS734:HCV734"/>
    <mergeCell ref="HCW734:HCZ734"/>
    <mergeCell ref="HDA734:HDD734"/>
    <mergeCell ref="HDE734:HDH734"/>
    <mergeCell ref="HBU734:HBX734"/>
    <mergeCell ref="HBY734:HCB734"/>
    <mergeCell ref="HCC734:HCF734"/>
    <mergeCell ref="HCG734:HCJ734"/>
    <mergeCell ref="HCK734:HCN734"/>
    <mergeCell ref="HBA734:HBD734"/>
    <mergeCell ref="HBE734:HBH734"/>
    <mergeCell ref="HBI734:HBL734"/>
    <mergeCell ref="HBM734:HBP734"/>
    <mergeCell ref="HBQ734:HBT734"/>
    <mergeCell ref="HAG734:HAJ734"/>
    <mergeCell ref="HAK734:HAN734"/>
    <mergeCell ref="HAO734:HAR734"/>
    <mergeCell ref="HAS734:HAV734"/>
    <mergeCell ref="HAW734:HAZ734"/>
    <mergeCell ref="GZM734:GZP734"/>
    <mergeCell ref="GZQ734:GZT734"/>
    <mergeCell ref="GZU734:GZX734"/>
    <mergeCell ref="GZY734:HAB734"/>
    <mergeCell ref="HAC734:HAF734"/>
    <mergeCell ref="HJM734:HJP734"/>
    <mergeCell ref="HJQ734:HJT734"/>
    <mergeCell ref="HJU734:HJX734"/>
    <mergeCell ref="HJY734:HKB734"/>
    <mergeCell ref="HKC734:HKF734"/>
    <mergeCell ref="HIS734:HIV734"/>
    <mergeCell ref="HIW734:HIZ734"/>
    <mergeCell ref="HJA734:HJD734"/>
    <mergeCell ref="HJE734:HJH734"/>
    <mergeCell ref="HJI734:HJL734"/>
    <mergeCell ref="HHY734:HIB734"/>
    <mergeCell ref="HIC734:HIF734"/>
    <mergeCell ref="HIG734:HIJ734"/>
    <mergeCell ref="HIK734:HIN734"/>
    <mergeCell ref="HIO734:HIR734"/>
    <mergeCell ref="HHE734:HHH734"/>
    <mergeCell ref="HHI734:HHL734"/>
    <mergeCell ref="HHM734:HHP734"/>
    <mergeCell ref="HHQ734:HHT734"/>
    <mergeCell ref="HHU734:HHX734"/>
    <mergeCell ref="HGK734:HGN734"/>
    <mergeCell ref="HGO734:HGR734"/>
    <mergeCell ref="HGS734:HGV734"/>
    <mergeCell ref="HGW734:HGZ734"/>
    <mergeCell ref="HHA734:HHD734"/>
    <mergeCell ref="HFQ734:HFT734"/>
    <mergeCell ref="HFU734:HFX734"/>
    <mergeCell ref="HFY734:HGB734"/>
    <mergeCell ref="HGC734:HGF734"/>
    <mergeCell ref="HGG734:HGJ734"/>
    <mergeCell ref="HEW734:HEZ734"/>
    <mergeCell ref="HFA734:HFD734"/>
    <mergeCell ref="HFE734:HFH734"/>
    <mergeCell ref="HFI734:HFL734"/>
    <mergeCell ref="HFM734:HFP734"/>
    <mergeCell ref="HOW734:HOZ734"/>
    <mergeCell ref="HPA734:HPD734"/>
    <mergeCell ref="HPE734:HPH734"/>
    <mergeCell ref="HPI734:HPL734"/>
    <mergeCell ref="HPM734:HPP734"/>
    <mergeCell ref="HOC734:HOF734"/>
    <mergeCell ref="HOG734:HOJ734"/>
    <mergeCell ref="HOK734:HON734"/>
    <mergeCell ref="HOO734:HOR734"/>
    <mergeCell ref="HOS734:HOV734"/>
    <mergeCell ref="HNI734:HNL734"/>
    <mergeCell ref="HNM734:HNP734"/>
    <mergeCell ref="HNQ734:HNT734"/>
    <mergeCell ref="HNU734:HNX734"/>
    <mergeCell ref="HNY734:HOB734"/>
    <mergeCell ref="HMO734:HMR734"/>
    <mergeCell ref="HMS734:HMV734"/>
    <mergeCell ref="HMW734:HMZ734"/>
    <mergeCell ref="HNA734:HND734"/>
    <mergeCell ref="HNE734:HNH734"/>
    <mergeCell ref="HLU734:HLX734"/>
    <mergeCell ref="HLY734:HMB734"/>
    <mergeCell ref="HMC734:HMF734"/>
    <mergeCell ref="HMG734:HMJ734"/>
    <mergeCell ref="HMK734:HMN734"/>
    <mergeCell ref="HLA734:HLD734"/>
    <mergeCell ref="HLE734:HLH734"/>
    <mergeCell ref="HLI734:HLL734"/>
    <mergeCell ref="HLM734:HLP734"/>
    <mergeCell ref="HLQ734:HLT734"/>
    <mergeCell ref="HKG734:HKJ734"/>
    <mergeCell ref="HKK734:HKN734"/>
    <mergeCell ref="HKO734:HKR734"/>
    <mergeCell ref="HKS734:HKV734"/>
    <mergeCell ref="HKW734:HKZ734"/>
    <mergeCell ref="HUG734:HUJ734"/>
    <mergeCell ref="HUK734:HUN734"/>
    <mergeCell ref="HUO734:HUR734"/>
    <mergeCell ref="HUS734:HUV734"/>
    <mergeCell ref="HUW734:HUZ734"/>
    <mergeCell ref="HTM734:HTP734"/>
    <mergeCell ref="HTQ734:HTT734"/>
    <mergeCell ref="HTU734:HTX734"/>
    <mergeCell ref="HTY734:HUB734"/>
    <mergeCell ref="HUC734:HUF734"/>
    <mergeCell ref="HSS734:HSV734"/>
    <mergeCell ref="HSW734:HSZ734"/>
    <mergeCell ref="HTA734:HTD734"/>
    <mergeCell ref="HTE734:HTH734"/>
    <mergeCell ref="HTI734:HTL734"/>
    <mergeCell ref="HRY734:HSB734"/>
    <mergeCell ref="HSC734:HSF734"/>
    <mergeCell ref="HSG734:HSJ734"/>
    <mergeCell ref="HSK734:HSN734"/>
    <mergeCell ref="HSO734:HSR734"/>
    <mergeCell ref="HRE734:HRH734"/>
    <mergeCell ref="HRI734:HRL734"/>
    <mergeCell ref="HRM734:HRP734"/>
    <mergeCell ref="HRQ734:HRT734"/>
    <mergeCell ref="HRU734:HRX734"/>
    <mergeCell ref="HQK734:HQN734"/>
    <mergeCell ref="HQO734:HQR734"/>
    <mergeCell ref="HQS734:HQV734"/>
    <mergeCell ref="HQW734:HQZ734"/>
    <mergeCell ref="HRA734:HRD734"/>
    <mergeCell ref="HPQ734:HPT734"/>
    <mergeCell ref="HPU734:HPX734"/>
    <mergeCell ref="HPY734:HQB734"/>
    <mergeCell ref="HQC734:HQF734"/>
    <mergeCell ref="HQG734:HQJ734"/>
    <mergeCell ref="HZQ734:HZT734"/>
    <mergeCell ref="HZU734:HZX734"/>
    <mergeCell ref="HZY734:IAB734"/>
    <mergeCell ref="IAC734:IAF734"/>
    <mergeCell ref="IAG734:IAJ734"/>
    <mergeCell ref="HYW734:HYZ734"/>
    <mergeCell ref="HZA734:HZD734"/>
    <mergeCell ref="HZE734:HZH734"/>
    <mergeCell ref="HZI734:HZL734"/>
    <mergeCell ref="HZM734:HZP734"/>
    <mergeCell ref="HYC734:HYF734"/>
    <mergeCell ref="HYG734:HYJ734"/>
    <mergeCell ref="HYK734:HYN734"/>
    <mergeCell ref="HYO734:HYR734"/>
    <mergeCell ref="HYS734:HYV734"/>
    <mergeCell ref="HXI734:HXL734"/>
    <mergeCell ref="HXM734:HXP734"/>
    <mergeCell ref="HXQ734:HXT734"/>
    <mergeCell ref="HXU734:HXX734"/>
    <mergeCell ref="HXY734:HYB734"/>
    <mergeCell ref="HWO734:HWR734"/>
    <mergeCell ref="HWS734:HWV734"/>
    <mergeCell ref="HWW734:HWZ734"/>
    <mergeCell ref="HXA734:HXD734"/>
    <mergeCell ref="HXE734:HXH734"/>
    <mergeCell ref="HVU734:HVX734"/>
    <mergeCell ref="HVY734:HWB734"/>
    <mergeCell ref="HWC734:HWF734"/>
    <mergeCell ref="HWG734:HWJ734"/>
    <mergeCell ref="HWK734:HWN734"/>
    <mergeCell ref="HVA734:HVD734"/>
    <mergeCell ref="HVE734:HVH734"/>
    <mergeCell ref="HVI734:HVL734"/>
    <mergeCell ref="HVM734:HVP734"/>
    <mergeCell ref="HVQ734:HVT734"/>
    <mergeCell ref="IFA734:IFD734"/>
    <mergeCell ref="IFE734:IFH734"/>
    <mergeCell ref="IFI734:IFL734"/>
    <mergeCell ref="IFM734:IFP734"/>
    <mergeCell ref="IFQ734:IFT734"/>
    <mergeCell ref="IEG734:IEJ734"/>
    <mergeCell ref="IEK734:IEN734"/>
    <mergeCell ref="IEO734:IER734"/>
    <mergeCell ref="IES734:IEV734"/>
    <mergeCell ref="IEW734:IEZ734"/>
    <mergeCell ref="IDM734:IDP734"/>
    <mergeCell ref="IDQ734:IDT734"/>
    <mergeCell ref="IDU734:IDX734"/>
    <mergeCell ref="IDY734:IEB734"/>
    <mergeCell ref="IEC734:IEF734"/>
    <mergeCell ref="ICS734:ICV734"/>
    <mergeCell ref="ICW734:ICZ734"/>
    <mergeCell ref="IDA734:IDD734"/>
    <mergeCell ref="IDE734:IDH734"/>
    <mergeCell ref="IDI734:IDL734"/>
    <mergeCell ref="IBY734:ICB734"/>
    <mergeCell ref="ICC734:ICF734"/>
    <mergeCell ref="ICG734:ICJ734"/>
    <mergeCell ref="ICK734:ICN734"/>
    <mergeCell ref="ICO734:ICR734"/>
    <mergeCell ref="IBE734:IBH734"/>
    <mergeCell ref="IBI734:IBL734"/>
    <mergeCell ref="IBM734:IBP734"/>
    <mergeCell ref="IBQ734:IBT734"/>
    <mergeCell ref="IBU734:IBX734"/>
    <mergeCell ref="IAK734:IAN734"/>
    <mergeCell ref="IAO734:IAR734"/>
    <mergeCell ref="IAS734:IAV734"/>
    <mergeCell ref="IAW734:IAZ734"/>
    <mergeCell ref="IBA734:IBD734"/>
    <mergeCell ref="IKK734:IKN734"/>
    <mergeCell ref="IKO734:IKR734"/>
    <mergeCell ref="IKS734:IKV734"/>
    <mergeCell ref="IKW734:IKZ734"/>
    <mergeCell ref="ILA734:ILD734"/>
    <mergeCell ref="IJQ734:IJT734"/>
    <mergeCell ref="IJU734:IJX734"/>
    <mergeCell ref="IJY734:IKB734"/>
    <mergeCell ref="IKC734:IKF734"/>
    <mergeCell ref="IKG734:IKJ734"/>
    <mergeCell ref="IIW734:IIZ734"/>
    <mergeCell ref="IJA734:IJD734"/>
    <mergeCell ref="IJE734:IJH734"/>
    <mergeCell ref="IJI734:IJL734"/>
    <mergeCell ref="IJM734:IJP734"/>
    <mergeCell ref="IIC734:IIF734"/>
    <mergeCell ref="IIG734:IIJ734"/>
    <mergeCell ref="IIK734:IIN734"/>
    <mergeCell ref="IIO734:IIR734"/>
    <mergeCell ref="IIS734:IIV734"/>
    <mergeCell ref="IHI734:IHL734"/>
    <mergeCell ref="IHM734:IHP734"/>
    <mergeCell ref="IHQ734:IHT734"/>
    <mergeCell ref="IHU734:IHX734"/>
    <mergeCell ref="IHY734:IIB734"/>
    <mergeCell ref="IGO734:IGR734"/>
    <mergeCell ref="IGS734:IGV734"/>
    <mergeCell ref="IGW734:IGZ734"/>
    <mergeCell ref="IHA734:IHD734"/>
    <mergeCell ref="IHE734:IHH734"/>
    <mergeCell ref="IFU734:IFX734"/>
    <mergeCell ref="IFY734:IGB734"/>
    <mergeCell ref="IGC734:IGF734"/>
    <mergeCell ref="IGG734:IGJ734"/>
    <mergeCell ref="IGK734:IGN734"/>
    <mergeCell ref="IPU734:IPX734"/>
    <mergeCell ref="IPY734:IQB734"/>
    <mergeCell ref="IQC734:IQF734"/>
    <mergeCell ref="IQG734:IQJ734"/>
    <mergeCell ref="IQK734:IQN734"/>
    <mergeCell ref="IPA734:IPD734"/>
    <mergeCell ref="IPE734:IPH734"/>
    <mergeCell ref="IPI734:IPL734"/>
    <mergeCell ref="IPM734:IPP734"/>
    <mergeCell ref="IPQ734:IPT734"/>
    <mergeCell ref="IOG734:IOJ734"/>
    <mergeCell ref="IOK734:ION734"/>
    <mergeCell ref="IOO734:IOR734"/>
    <mergeCell ref="IOS734:IOV734"/>
    <mergeCell ref="IOW734:IOZ734"/>
    <mergeCell ref="INM734:INP734"/>
    <mergeCell ref="INQ734:INT734"/>
    <mergeCell ref="INU734:INX734"/>
    <mergeCell ref="INY734:IOB734"/>
    <mergeCell ref="IOC734:IOF734"/>
    <mergeCell ref="IMS734:IMV734"/>
    <mergeCell ref="IMW734:IMZ734"/>
    <mergeCell ref="INA734:IND734"/>
    <mergeCell ref="INE734:INH734"/>
    <mergeCell ref="INI734:INL734"/>
    <mergeCell ref="ILY734:IMB734"/>
    <mergeCell ref="IMC734:IMF734"/>
    <mergeCell ref="IMG734:IMJ734"/>
    <mergeCell ref="IMK734:IMN734"/>
    <mergeCell ref="IMO734:IMR734"/>
    <mergeCell ref="ILE734:ILH734"/>
    <mergeCell ref="ILI734:ILL734"/>
    <mergeCell ref="ILM734:ILP734"/>
    <mergeCell ref="ILQ734:ILT734"/>
    <mergeCell ref="ILU734:ILX734"/>
    <mergeCell ref="IVE734:IVH734"/>
    <mergeCell ref="IVI734:IVL734"/>
    <mergeCell ref="IVM734:IVP734"/>
    <mergeCell ref="IVQ734:IVT734"/>
    <mergeCell ref="IVU734:IVX734"/>
    <mergeCell ref="IUK734:IUN734"/>
    <mergeCell ref="IUO734:IUR734"/>
    <mergeCell ref="IUS734:IUV734"/>
    <mergeCell ref="IUW734:IUZ734"/>
    <mergeCell ref="IVA734:IVD734"/>
    <mergeCell ref="ITQ734:ITT734"/>
    <mergeCell ref="ITU734:ITX734"/>
    <mergeCell ref="ITY734:IUB734"/>
    <mergeCell ref="IUC734:IUF734"/>
    <mergeCell ref="IUG734:IUJ734"/>
    <mergeCell ref="ISW734:ISZ734"/>
    <mergeCell ref="ITA734:ITD734"/>
    <mergeCell ref="ITE734:ITH734"/>
    <mergeCell ref="ITI734:ITL734"/>
    <mergeCell ref="ITM734:ITP734"/>
    <mergeCell ref="ISC734:ISF734"/>
    <mergeCell ref="ISG734:ISJ734"/>
    <mergeCell ref="ISK734:ISN734"/>
    <mergeCell ref="ISO734:ISR734"/>
    <mergeCell ref="ISS734:ISV734"/>
    <mergeCell ref="IRI734:IRL734"/>
    <mergeCell ref="IRM734:IRP734"/>
    <mergeCell ref="IRQ734:IRT734"/>
    <mergeCell ref="IRU734:IRX734"/>
    <mergeCell ref="IRY734:ISB734"/>
    <mergeCell ref="IQO734:IQR734"/>
    <mergeCell ref="IQS734:IQV734"/>
    <mergeCell ref="IQW734:IQZ734"/>
    <mergeCell ref="IRA734:IRD734"/>
    <mergeCell ref="IRE734:IRH734"/>
    <mergeCell ref="JAO734:JAR734"/>
    <mergeCell ref="JAS734:JAV734"/>
    <mergeCell ref="JAW734:JAZ734"/>
    <mergeCell ref="JBA734:JBD734"/>
    <mergeCell ref="JBE734:JBH734"/>
    <mergeCell ref="IZU734:IZX734"/>
    <mergeCell ref="IZY734:JAB734"/>
    <mergeCell ref="JAC734:JAF734"/>
    <mergeCell ref="JAG734:JAJ734"/>
    <mergeCell ref="JAK734:JAN734"/>
    <mergeCell ref="IZA734:IZD734"/>
    <mergeCell ref="IZE734:IZH734"/>
    <mergeCell ref="IZI734:IZL734"/>
    <mergeCell ref="IZM734:IZP734"/>
    <mergeCell ref="IZQ734:IZT734"/>
    <mergeCell ref="IYG734:IYJ734"/>
    <mergeCell ref="IYK734:IYN734"/>
    <mergeCell ref="IYO734:IYR734"/>
    <mergeCell ref="IYS734:IYV734"/>
    <mergeCell ref="IYW734:IYZ734"/>
    <mergeCell ref="IXM734:IXP734"/>
    <mergeCell ref="IXQ734:IXT734"/>
    <mergeCell ref="IXU734:IXX734"/>
    <mergeCell ref="IXY734:IYB734"/>
    <mergeCell ref="IYC734:IYF734"/>
    <mergeCell ref="IWS734:IWV734"/>
    <mergeCell ref="IWW734:IWZ734"/>
    <mergeCell ref="IXA734:IXD734"/>
    <mergeCell ref="IXE734:IXH734"/>
    <mergeCell ref="IXI734:IXL734"/>
    <mergeCell ref="IVY734:IWB734"/>
    <mergeCell ref="IWC734:IWF734"/>
    <mergeCell ref="IWG734:IWJ734"/>
    <mergeCell ref="IWK734:IWN734"/>
    <mergeCell ref="IWO734:IWR734"/>
    <mergeCell ref="JFY734:JGB734"/>
    <mergeCell ref="JGC734:JGF734"/>
    <mergeCell ref="JGG734:JGJ734"/>
    <mergeCell ref="JGK734:JGN734"/>
    <mergeCell ref="JGO734:JGR734"/>
    <mergeCell ref="JFE734:JFH734"/>
    <mergeCell ref="JFI734:JFL734"/>
    <mergeCell ref="JFM734:JFP734"/>
    <mergeCell ref="JFQ734:JFT734"/>
    <mergeCell ref="JFU734:JFX734"/>
    <mergeCell ref="JEK734:JEN734"/>
    <mergeCell ref="JEO734:JER734"/>
    <mergeCell ref="JES734:JEV734"/>
    <mergeCell ref="JEW734:JEZ734"/>
    <mergeCell ref="JFA734:JFD734"/>
    <mergeCell ref="JDQ734:JDT734"/>
    <mergeCell ref="JDU734:JDX734"/>
    <mergeCell ref="JDY734:JEB734"/>
    <mergeCell ref="JEC734:JEF734"/>
    <mergeCell ref="JEG734:JEJ734"/>
    <mergeCell ref="JCW734:JCZ734"/>
    <mergeCell ref="JDA734:JDD734"/>
    <mergeCell ref="JDE734:JDH734"/>
    <mergeCell ref="JDI734:JDL734"/>
    <mergeCell ref="JDM734:JDP734"/>
    <mergeCell ref="JCC734:JCF734"/>
    <mergeCell ref="JCG734:JCJ734"/>
    <mergeCell ref="JCK734:JCN734"/>
    <mergeCell ref="JCO734:JCR734"/>
    <mergeCell ref="JCS734:JCV734"/>
    <mergeCell ref="JBI734:JBL734"/>
    <mergeCell ref="JBM734:JBP734"/>
    <mergeCell ref="JBQ734:JBT734"/>
    <mergeCell ref="JBU734:JBX734"/>
    <mergeCell ref="JBY734:JCB734"/>
    <mergeCell ref="JLI734:JLL734"/>
    <mergeCell ref="JLM734:JLP734"/>
    <mergeCell ref="JLQ734:JLT734"/>
    <mergeCell ref="JLU734:JLX734"/>
    <mergeCell ref="JLY734:JMB734"/>
    <mergeCell ref="JKO734:JKR734"/>
    <mergeCell ref="JKS734:JKV734"/>
    <mergeCell ref="JKW734:JKZ734"/>
    <mergeCell ref="JLA734:JLD734"/>
    <mergeCell ref="JLE734:JLH734"/>
    <mergeCell ref="JJU734:JJX734"/>
    <mergeCell ref="JJY734:JKB734"/>
    <mergeCell ref="JKC734:JKF734"/>
    <mergeCell ref="JKG734:JKJ734"/>
    <mergeCell ref="JKK734:JKN734"/>
    <mergeCell ref="JJA734:JJD734"/>
    <mergeCell ref="JJE734:JJH734"/>
    <mergeCell ref="JJI734:JJL734"/>
    <mergeCell ref="JJM734:JJP734"/>
    <mergeCell ref="JJQ734:JJT734"/>
    <mergeCell ref="JIG734:JIJ734"/>
    <mergeCell ref="JIK734:JIN734"/>
    <mergeCell ref="JIO734:JIR734"/>
    <mergeCell ref="JIS734:JIV734"/>
    <mergeCell ref="JIW734:JIZ734"/>
    <mergeCell ref="JHM734:JHP734"/>
    <mergeCell ref="JHQ734:JHT734"/>
    <mergeCell ref="JHU734:JHX734"/>
    <mergeCell ref="JHY734:JIB734"/>
    <mergeCell ref="JIC734:JIF734"/>
    <mergeCell ref="JGS734:JGV734"/>
    <mergeCell ref="JGW734:JGZ734"/>
    <mergeCell ref="JHA734:JHD734"/>
    <mergeCell ref="JHE734:JHH734"/>
    <mergeCell ref="JHI734:JHL734"/>
    <mergeCell ref="JQS734:JQV734"/>
    <mergeCell ref="JQW734:JQZ734"/>
    <mergeCell ref="JRA734:JRD734"/>
    <mergeCell ref="JRE734:JRH734"/>
    <mergeCell ref="JRI734:JRL734"/>
    <mergeCell ref="JPY734:JQB734"/>
    <mergeCell ref="JQC734:JQF734"/>
    <mergeCell ref="JQG734:JQJ734"/>
    <mergeCell ref="JQK734:JQN734"/>
    <mergeCell ref="JQO734:JQR734"/>
    <mergeCell ref="JPE734:JPH734"/>
    <mergeCell ref="JPI734:JPL734"/>
    <mergeCell ref="JPM734:JPP734"/>
    <mergeCell ref="JPQ734:JPT734"/>
    <mergeCell ref="JPU734:JPX734"/>
    <mergeCell ref="JOK734:JON734"/>
    <mergeCell ref="JOO734:JOR734"/>
    <mergeCell ref="JOS734:JOV734"/>
    <mergeCell ref="JOW734:JOZ734"/>
    <mergeCell ref="JPA734:JPD734"/>
    <mergeCell ref="JNQ734:JNT734"/>
    <mergeCell ref="JNU734:JNX734"/>
    <mergeCell ref="JNY734:JOB734"/>
    <mergeCell ref="JOC734:JOF734"/>
    <mergeCell ref="JOG734:JOJ734"/>
    <mergeCell ref="JMW734:JMZ734"/>
    <mergeCell ref="JNA734:JND734"/>
    <mergeCell ref="JNE734:JNH734"/>
    <mergeCell ref="JNI734:JNL734"/>
    <mergeCell ref="JNM734:JNP734"/>
    <mergeCell ref="JMC734:JMF734"/>
    <mergeCell ref="JMG734:JMJ734"/>
    <mergeCell ref="JMK734:JMN734"/>
    <mergeCell ref="JMO734:JMR734"/>
    <mergeCell ref="JMS734:JMV734"/>
    <mergeCell ref="JWC734:JWF734"/>
    <mergeCell ref="JWG734:JWJ734"/>
    <mergeCell ref="JWK734:JWN734"/>
    <mergeCell ref="JWO734:JWR734"/>
    <mergeCell ref="JWS734:JWV734"/>
    <mergeCell ref="JVI734:JVL734"/>
    <mergeCell ref="JVM734:JVP734"/>
    <mergeCell ref="JVQ734:JVT734"/>
    <mergeCell ref="JVU734:JVX734"/>
    <mergeCell ref="JVY734:JWB734"/>
    <mergeCell ref="JUO734:JUR734"/>
    <mergeCell ref="JUS734:JUV734"/>
    <mergeCell ref="JUW734:JUZ734"/>
    <mergeCell ref="JVA734:JVD734"/>
    <mergeCell ref="JVE734:JVH734"/>
    <mergeCell ref="JTU734:JTX734"/>
    <mergeCell ref="JTY734:JUB734"/>
    <mergeCell ref="JUC734:JUF734"/>
    <mergeCell ref="JUG734:JUJ734"/>
    <mergeCell ref="JUK734:JUN734"/>
    <mergeCell ref="JTA734:JTD734"/>
    <mergeCell ref="JTE734:JTH734"/>
    <mergeCell ref="JTI734:JTL734"/>
    <mergeCell ref="JTM734:JTP734"/>
    <mergeCell ref="JTQ734:JTT734"/>
    <mergeCell ref="JSG734:JSJ734"/>
    <mergeCell ref="JSK734:JSN734"/>
    <mergeCell ref="JSO734:JSR734"/>
    <mergeCell ref="JSS734:JSV734"/>
    <mergeCell ref="JSW734:JSZ734"/>
    <mergeCell ref="JRM734:JRP734"/>
    <mergeCell ref="JRQ734:JRT734"/>
    <mergeCell ref="JRU734:JRX734"/>
    <mergeCell ref="JRY734:JSB734"/>
    <mergeCell ref="JSC734:JSF734"/>
    <mergeCell ref="KBM734:KBP734"/>
    <mergeCell ref="KBQ734:KBT734"/>
    <mergeCell ref="KBU734:KBX734"/>
    <mergeCell ref="KBY734:KCB734"/>
    <mergeCell ref="KCC734:KCF734"/>
    <mergeCell ref="KAS734:KAV734"/>
    <mergeCell ref="KAW734:KAZ734"/>
    <mergeCell ref="KBA734:KBD734"/>
    <mergeCell ref="KBE734:KBH734"/>
    <mergeCell ref="KBI734:KBL734"/>
    <mergeCell ref="JZY734:KAB734"/>
    <mergeCell ref="KAC734:KAF734"/>
    <mergeCell ref="KAG734:KAJ734"/>
    <mergeCell ref="KAK734:KAN734"/>
    <mergeCell ref="KAO734:KAR734"/>
    <mergeCell ref="JZE734:JZH734"/>
    <mergeCell ref="JZI734:JZL734"/>
    <mergeCell ref="JZM734:JZP734"/>
    <mergeCell ref="JZQ734:JZT734"/>
    <mergeCell ref="JZU734:JZX734"/>
    <mergeCell ref="JYK734:JYN734"/>
    <mergeCell ref="JYO734:JYR734"/>
    <mergeCell ref="JYS734:JYV734"/>
    <mergeCell ref="JYW734:JYZ734"/>
    <mergeCell ref="JZA734:JZD734"/>
    <mergeCell ref="JXQ734:JXT734"/>
    <mergeCell ref="JXU734:JXX734"/>
    <mergeCell ref="JXY734:JYB734"/>
    <mergeCell ref="JYC734:JYF734"/>
    <mergeCell ref="JYG734:JYJ734"/>
    <mergeCell ref="JWW734:JWZ734"/>
    <mergeCell ref="JXA734:JXD734"/>
    <mergeCell ref="JXE734:JXH734"/>
    <mergeCell ref="JXI734:JXL734"/>
    <mergeCell ref="JXM734:JXP734"/>
    <mergeCell ref="KGW734:KGZ734"/>
    <mergeCell ref="KHA734:KHD734"/>
    <mergeCell ref="KHE734:KHH734"/>
    <mergeCell ref="KHI734:KHL734"/>
    <mergeCell ref="KHM734:KHP734"/>
    <mergeCell ref="KGC734:KGF734"/>
    <mergeCell ref="KGG734:KGJ734"/>
    <mergeCell ref="KGK734:KGN734"/>
    <mergeCell ref="KGO734:KGR734"/>
    <mergeCell ref="KGS734:KGV734"/>
    <mergeCell ref="KFI734:KFL734"/>
    <mergeCell ref="KFM734:KFP734"/>
    <mergeCell ref="KFQ734:KFT734"/>
    <mergeCell ref="KFU734:KFX734"/>
    <mergeCell ref="KFY734:KGB734"/>
    <mergeCell ref="KEO734:KER734"/>
    <mergeCell ref="KES734:KEV734"/>
    <mergeCell ref="KEW734:KEZ734"/>
    <mergeCell ref="KFA734:KFD734"/>
    <mergeCell ref="KFE734:KFH734"/>
    <mergeCell ref="KDU734:KDX734"/>
    <mergeCell ref="KDY734:KEB734"/>
    <mergeCell ref="KEC734:KEF734"/>
    <mergeCell ref="KEG734:KEJ734"/>
    <mergeCell ref="KEK734:KEN734"/>
    <mergeCell ref="KDA734:KDD734"/>
    <mergeCell ref="KDE734:KDH734"/>
    <mergeCell ref="KDI734:KDL734"/>
    <mergeCell ref="KDM734:KDP734"/>
    <mergeCell ref="KDQ734:KDT734"/>
    <mergeCell ref="KCG734:KCJ734"/>
    <mergeCell ref="KCK734:KCN734"/>
    <mergeCell ref="KCO734:KCR734"/>
    <mergeCell ref="KCS734:KCV734"/>
    <mergeCell ref="KCW734:KCZ734"/>
    <mergeCell ref="KMG734:KMJ734"/>
    <mergeCell ref="KMK734:KMN734"/>
    <mergeCell ref="KMO734:KMR734"/>
    <mergeCell ref="KMS734:KMV734"/>
    <mergeCell ref="KMW734:KMZ734"/>
    <mergeCell ref="KLM734:KLP734"/>
    <mergeCell ref="KLQ734:KLT734"/>
    <mergeCell ref="KLU734:KLX734"/>
    <mergeCell ref="KLY734:KMB734"/>
    <mergeCell ref="KMC734:KMF734"/>
    <mergeCell ref="KKS734:KKV734"/>
    <mergeCell ref="KKW734:KKZ734"/>
    <mergeCell ref="KLA734:KLD734"/>
    <mergeCell ref="KLE734:KLH734"/>
    <mergeCell ref="KLI734:KLL734"/>
    <mergeCell ref="KJY734:KKB734"/>
    <mergeCell ref="KKC734:KKF734"/>
    <mergeCell ref="KKG734:KKJ734"/>
    <mergeCell ref="KKK734:KKN734"/>
    <mergeCell ref="KKO734:KKR734"/>
    <mergeCell ref="KJE734:KJH734"/>
    <mergeCell ref="KJI734:KJL734"/>
    <mergeCell ref="KJM734:KJP734"/>
    <mergeCell ref="KJQ734:KJT734"/>
    <mergeCell ref="KJU734:KJX734"/>
    <mergeCell ref="KIK734:KIN734"/>
    <mergeCell ref="KIO734:KIR734"/>
    <mergeCell ref="KIS734:KIV734"/>
    <mergeCell ref="KIW734:KIZ734"/>
    <mergeCell ref="KJA734:KJD734"/>
    <mergeCell ref="KHQ734:KHT734"/>
    <mergeCell ref="KHU734:KHX734"/>
    <mergeCell ref="KHY734:KIB734"/>
    <mergeCell ref="KIC734:KIF734"/>
    <mergeCell ref="KIG734:KIJ734"/>
    <mergeCell ref="KRQ734:KRT734"/>
    <mergeCell ref="KRU734:KRX734"/>
    <mergeCell ref="KRY734:KSB734"/>
    <mergeCell ref="KSC734:KSF734"/>
    <mergeCell ref="KSG734:KSJ734"/>
    <mergeCell ref="KQW734:KQZ734"/>
    <mergeCell ref="KRA734:KRD734"/>
    <mergeCell ref="KRE734:KRH734"/>
    <mergeCell ref="KRI734:KRL734"/>
    <mergeCell ref="KRM734:KRP734"/>
    <mergeCell ref="KQC734:KQF734"/>
    <mergeCell ref="KQG734:KQJ734"/>
    <mergeCell ref="KQK734:KQN734"/>
    <mergeCell ref="KQO734:KQR734"/>
    <mergeCell ref="KQS734:KQV734"/>
    <mergeCell ref="KPI734:KPL734"/>
    <mergeCell ref="KPM734:KPP734"/>
    <mergeCell ref="KPQ734:KPT734"/>
    <mergeCell ref="KPU734:KPX734"/>
    <mergeCell ref="KPY734:KQB734"/>
    <mergeCell ref="KOO734:KOR734"/>
    <mergeCell ref="KOS734:KOV734"/>
    <mergeCell ref="KOW734:KOZ734"/>
    <mergeCell ref="KPA734:KPD734"/>
    <mergeCell ref="KPE734:KPH734"/>
    <mergeCell ref="KNU734:KNX734"/>
    <mergeCell ref="KNY734:KOB734"/>
    <mergeCell ref="KOC734:KOF734"/>
    <mergeCell ref="KOG734:KOJ734"/>
    <mergeCell ref="KOK734:KON734"/>
    <mergeCell ref="KNA734:KND734"/>
    <mergeCell ref="KNE734:KNH734"/>
    <mergeCell ref="KNI734:KNL734"/>
    <mergeCell ref="KNM734:KNP734"/>
    <mergeCell ref="KNQ734:KNT734"/>
    <mergeCell ref="KXA734:KXD734"/>
    <mergeCell ref="KXE734:KXH734"/>
    <mergeCell ref="KXI734:KXL734"/>
    <mergeCell ref="KXM734:KXP734"/>
    <mergeCell ref="KXQ734:KXT734"/>
    <mergeCell ref="KWG734:KWJ734"/>
    <mergeCell ref="KWK734:KWN734"/>
    <mergeCell ref="KWO734:KWR734"/>
    <mergeCell ref="KWS734:KWV734"/>
    <mergeCell ref="KWW734:KWZ734"/>
    <mergeCell ref="KVM734:KVP734"/>
    <mergeCell ref="KVQ734:KVT734"/>
    <mergeCell ref="KVU734:KVX734"/>
    <mergeCell ref="KVY734:KWB734"/>
    <mergeCell ref="KWC734:KWF734"/>
    <mergeCell ref="KUS734:KUV734"/>
    <mergeCell ref="KUW734:KUZ734"/>
    <mergeCell ref="KVA734:KVD734"/>
    <mergeCell ref="KVE734:KVH734"/>
    <mergeCell ref="KVI734:KVL734"/>
    <mergeCell ref="KTY734:KUB734"/>
    <mergeCell ref="KUC734:KUF734"/>
    <mergeCell ref="KUG734:KUJ734"/>
    <mergeCell ref="KUK734:KUN734"/>
    <mergeCell ref="KUO734:KUR734"/>
    <mergeCell ref="KTE734:KTH734"/>
    <mergeCell ref="KTI734:KTL734"/>
    <mergeCell ref="KTM734:KTP734"/>
    <mergeCell ref="KTQ734:KTT734"/>
    <mergeCell ref="KTU734:KTX734"/>
    <mergeCell ref="KSK734:KSN734"/>
    <mergeCell ref="KSO734:KSR734"/>
    <mergeCell ref="KSS734:KSV734"/>
    <mergeCell ref="KSW734:KSZ734"/>
    <mergeCell ref="KTA734:KTD734"/>
    <mergeCell ref="LCK734:LCN734"/>
    <mergeCell ref="LCO734:LCR734"/>
    <mergeCell ref="LCS734:LCV734"/>
    <mergeCell ref="LCW734:LCZ734"/>
    <mergeCell ref="LDA734:LDD734"/>
    <mergeCell ref="LBQ734:LBT734"/>
    <mergeCell ref="LBU734:LBX734"/>
    <mergeCell ref="LBY734:LCB734"/>
    <mergeCell ref="LCC734:LCF734"/>
    <mergeCell ref="LCG734:LCJ734"/>
    <mergeCell ref="LAW734:LAZ734"/>
    <mergeCell ref="LBA734:LBD734"/>
    <mergeCell ref="LBE734:LBH734"/>
    <mergeCell ref="LBI734:LBL734"/>
    <mergeCell ref="LBM734:LBP734"/>
    <mergeCell ref="LAC734:LAF734"/>
    <mergeCell ref="LAG734:LAJ734"/>
    <mergeCell ref="LAK734:LAN734"/>
    <mergeCell ref="LAO734:LAR734"/>
    <mergeCell ref="LAS734:LAV734"/>
    <mergeCell ref="KZI734:KZL734"/>
    <mergeCell ref="KZM734:KZP734"/>
    <mergeCell ref="KZQ734:KZT734"/>
    <mergeCell ref="KZU734:KZX734"/>
    <mergeCell ref="KZY734:LAB734"/>
    <mergeCell ref="KYO734:KYR734"/>
    <mergeCell ref="KYS734:KYV734"/>
    <mergeCell ref="KYW734:KYZ734"/>
    <mergeCell ref="KZA734:KZD734"/>
    <mergeCell ref="KZE734:KZH734"/>
    <mergeCell ref="KXU734:KXX734"/>
    <mergeCell ref="KXY734:KYB734"/>
    <mergeCell ref="KYC734:KYF734"/>
    <mergeCell ref="KYG734:KYJ734"/>
    <mergeCell ref="KYK734:KYN734"/>
    <mergeCell ref="LHU734:LHX734"/>
    <mergeCell ref="LHY734:LIB734"/>
    <mergeCell ref="LIC734:LIF734"/>
    <mergeCell ref="LIG734:LIJ734"/>
    <mergeCell ref="LIK734:LIN734"/>
    <mergeCell ref="LHA734:LHD734"/>
    <mergeCell ref="LHE734:LHH734"/>
    <mergeCell ref="LHI734:LHL734"/>
    <mergeCell ref="LHM734:LHP734"/>
    <mergeCell ref="LHQ734:LHT734"/>
    <mergeCell ref="LGG734:LGJ734"/>
    <mergeCell ref="LGK734:LGN734"/>
    <mergeCell ref="LGO734:LGR734"/>
    <mergeCell ref="LGS734:LGV734"/>
    <mergeCell ref="LGW734:LGZ734"/>
    <mergeCell ref="LFM734:LFP734"/>
    <mergeCell ref="LFQ734:LFT734"/>
    <mergeCell ref="LFU734:LFX734"/>
    <mergeCell ref="LFY734:LGB734"/>
    <mergeCell ref="LGC734:LGF734"/>
    <mergeCell ref="LES734:LEV734"/>
    <mergeCell ref="LEW734:LEZ734"/>
    <mergeCell ref="LFA734:LFD734"/>
    <mergeCell ref="LFE734:LFH734"/>
    <mergeCell ref="LFI734:LFL734"/>
    <mergeCell ref="LDY734:LEB734"/>
    <mergeCell ref="LEC734:LEF734"/>
    <mergeCell ref="LEG734:LEJ734"/>
    <mergeCell ref="LEK734:LEN734"/>
    <mergeCell ref="LEO734:LER734"/>
    <mergeCell ref="LDE734:LDH734"/>
    <mergeCell ref="LDI734:LDL734"/>
    <mergeCell ref="LDM734:LDP734"/>
    <mergeCell ref="LDQ734:LDT734"/>
    <mergeCell ref="LDU734:LDX734"/>
    <mergeCell ref="LNE734:LNH734"/>
    <mergeCell ref="LNI734:LNL734"/>
    <mergeCell ref="LNM734:LNP734"/>
    <mergeCell ref="LNQ734:LNT734"/>
    <mergeCell ref="LNU734:LNX734"/>
    <mergeCell ref="LMK734:LMN734"/>
    <mergeCell ref="LMO734:LMR734"/>
    <mergeCell ref="LMS734:LMV734"/>
    <mergeCell ref="LMW734:LMZ734"/>
    <mergeCell ref="LNA734:LND734"/>
    <mergeCell ref="LLQ734:LLT734"/>
    <mergeCell ref="LLU734:LLX734"/>
    <mergeCell ref="LLY734:LMB734"/>
    <mergeCell ref="LMC734:LMF734"/>
    <mergeCell ref="LMG734:LMJ734"/>
    <mergeCell ref="LKW734:LKZ734"/>
    <mergeCell ref="LLA734:LLD734"/>
    <mergeCell ref="LLE734:LLH734"/>
    <mergeCell ref="LLI734:LLL734"/>
    <mergeCell ref="LLM734:LLP734"/>
    <mergeCell ref="LKC734:LKF734"/>
    <mergeCell ref="LKG734:LKJ734"/>
    <mergeCell ref="LKK734:LKN734"/>
    <mergeCell ref="LKO734:LKR734"/>
    <mergeCell ref="LKS734:LKV734"/>
    <mergeCell ref="LJI734:LJL734"/>
    <mergeCell ref="LJM734:LJP734"/>
    <mergeCell ref="LJQ734:LJT734"/>
    <mergeCell ref="LJU734:LJX734"/>
    <mergeCell ref="LJY734:LKB734"/>
    <mergeCell ref="LIO734:LIR734"/>
    <mergeCell ref="LIS734:LIV734"/>
    <mergeCell ref="LIW734:LIZ734"/>
    <mergeCell ref="LJA734:LJD734"/>
    <mergeCell ref="LJE734:LJH734"/>
    <mergeCell ref="LSO734:LSR734"/>
    <mergeCell ref="LSS734:LSV734"/>
    <mergeCell ref="LSW734:LSZ734"/>
    <mergeCell ref="LTA734:LTD734"/>
    <mergeCell ref="LTE734:LTH734"/>
    <mergeCell ref="LRU734:LRX734"/>
    <mergeCell ref="LRY734:LSB734"/>
    <mergeCell ref="LSC734:LSF734"/>
    <mergeCell ref="LSG734:LSJ734"/>
    <mergeCell ref="LSK734:LSN734"/>
    <mergeCell ref="LRA734:LRD734"/>
    <mergeCell ref="LRE734:LRH734"/>
    <mergeCell ref="LRI734:LRL734"/>
    <mergeCell ref="LRM734:LRP734"/>
    <mergeCell ref="LRQ734:LRT734"/>
    <mergeCell ref="LQG734:LQJ734"/>
    <mergeCell ref="LQK734:LQN734"/>
    <mergeCell ref="LQO734:LQR734"/>
    <mergeCell ref="LQS734:LQV734"/>
    <mergeCell ref="LQW734:LQZ734"/>
    <mergeCell ref="LPM734:LPP734"/>
    <mergeCell ref="LPQ734:LPT734"/>
    <mergeCell ref="LPU734:LPX734"/>
    <mergeCell ref="LPY734:LQB734"/>
    <mergeCell ref="LQC734:LQF734"/>
    <mergeCell ref="LOS734:LOV734"/>
    <mergeCell ref="LOW734:LOZ734"/>
    <mergeCell ref="LPA734:LPD734"/>
    <mergeCell ref="LPE734:LPH734"/>
    <mergeCell ref="LPI734:LPL734"/>
    <mergeCell ref="LNY734:LOB734"/>
    <mergeCell ref="LOC734:LOF734"/>
    <mergeCell ref="LOG734:LOJ734"/>
    <mergeCell ref="LOK734:LON734"/>
    <mergeCell ref="LOO734:LOR734"/>
    <mergeCell ref="LXY734:LYB734"/>
    <mergeCell ref="LYC734:LYF734"/>
    <mergeCell ref="LYG734:LYJ734"/>
    <mergeCell ref="LYK734:LYN734"/>
    <mergeCell ref="LYO734:LYR734"/>
    <mergeCell ref="LXE734:LXH734"/>
    <mergeCell ref="LXI734:LXL734"/>
    <mergeCell ref="LXM734:LXP734"/>
    <mergeCell ref="LXQ734:LXT734"/>
    <mergeCell ref="LXU734:LXX734"/>
    <mergeCell ref="LWK734:LWN734"/>
    <mergeCell ref="LWO734:LWR734"/>
    <mergeCell ref="LWS734:LWV734"/>
    <mergeCell ref="LWW734:LWZ734"/>
    <mergeCell ref="LXA734:LXD734"/>
    <mergeCell ref="LVQ734:LVT734"/>
    <mergeCell ref="LVU734:LVX734"/>
    <mergeCell ref="LVY734:LWB734"/>
    <mergeCell ref="LWC734:LWF734"/>
    <mergeCell ref="LWG734:LWJ734"/>
    <mergeCell ref="LUW734:LUZ734"/>
    <mergeCell ref="LVA734:LVD734"/>
    <mergeCell ref="LVE734:LVH734"/>
    <mergeCell ref="LVI734:LVL734"/>
    <mergeCell ref="LVM734:LVP734"/>
    <mergeCell ref="LUC734:LUF734"/>
    <mergeCell ref="LUG734:LUJ734"/>
    <mergeCell ref="LUK734:LUN734"/>
    <mergeCell ref="LUO734:LUR734"/>
    <mergeCell ref="LUS734:LUV734"/>
    <mergeCell ref="LTI734:LTL734"/>
    <mergeCell ref="LTM734:LTP734"/>
    <mergeCell ref="LTQ734:LTT734"/>
    <mergeCell ref="LTU734:LTX734"/>
    <mergeCell ref="LTY734:LUB734"/>
    <mergeCell ref="MDI734:MDL734"/>
    <mergeCell ref="MDM734:MDP734"/>
    <mergeCell ref="MDQ734:MDT734"/>
    <mergeCell ref="MDU734:MDX734"/>
    <mergeCell ref="MDY734:MEB734"/>
    <mergeCell ref="MCO734:MCR734"/>
    <mergeCell ref="MCS734:MCV734"/>
    <mergeCell ref="MCW734:MCZ734"/>
    <mergeCell ref="MDA734:MDD734"/>
    <mergeCell ref="MDE734:MDH734"/>
    <mergeCell ref="MBU734:MBX734"/>
    <mergeCell ref="MBY734:MCB734"/>
    <mergeCell ref="MCC734:MCF734"/>
    <mergeCell ref="MCG734:MCJ734"/>
    <mergeCell ref="MCK734:MCN734"/>
    <mergeCell ref="MBA734:MBD734"/>
    <mergeCell ref="MBE734:MBH734"/>
    <mergeCell ref="MBI734:MBL734"/>
    <mergeCell ref="MBM734:MBP734"/>
    <mergeCell ref="MBQ734:MBT734"/>
    <mergeCell ref="MAG734:MAJ734"/>
    <mergeCell ref="MAK734:MAN734"/>
    <mergeCell ref="MAO734:MAR734"/>
    <mergeCell ref="MAS734:MAV734"/>
    <mergeCell ref="MAW734:MAZ734"/>
    <mergeCell ref="LZM734:LZP734"/>
    <mergeCell ref="LZQ734:LZT734"/>
    <mergeCell ref="LZU734:LZX734"/>
    <mergeCell ref="LZY734:MAB734"/>
    <mergeCell ref="MAC734:MAF734"/>
    <mergeCell ref="LYS734:LYV734"/>
    <mergeCell ref="LYW734:LYZ734"/>
    <mergeCell ref="LZA734:LZD734"/>
    <mergeCell ref="LZE734:LZH734"/>
    <mergeCell ref="LZI734:LZL734"/>
    <mergeCell ref="MIS734:MIV734"/>
    <mergeCell ref="MIW734:MIZ734"/>
    <mergeCell ref="MJA734:MJD734"/>
    <mergeCell ref="MJE734:MJH734"/>
    <mergeCell ref="MJI734:MJL734"/>
    <mergeCell ref="MHY734:MIB734"/>
    <mergeCell ref="MIC734:MIF734"/>
    <mergeCell ref="MIG734:MIJ734"/>
    <mergeCell ref="MIK734:MIN734"/>
    <mergeCell ref="MIO734:MIR734"/>
    <mergeCell ref="MHE734:MHH734"/>
    <mergeCell ref="MHI734:MHL734"/>
    <mergeCell ref="MHM734:MHP734"/>
    <mergeCell ref="MHQ734:MHT734"/>
    <mergeCell ref="MHU734:MHX734"/>
    <mergeCell ref="MGK734:MGN734"/>
    <mergeCell ref="MGO734:MGR734"/>
    <mergeCell ref="MGS734:MGV734"/>
    <mergeCell ref="MGW734:MGZ734"/>
    <mergeCell ref="MHA734:MHD734"/>
    <mergeCell ref="MFQ734:MFT734"/>
    <mergeCell ref="MFU734:MFX734"/>
    <mergeCell ref="MFY734:MGB734"/>
    <mergeCell ref="MGC734:MGF734"/>
    <mergeCell ref="MGG734:MGJ734"/>
    <mergeCell ref="MEW734:MEZ734"/>
    <mergeCell ref="MFA734:MFD734"/>
    <mergeCell ref="MFE734:MFH734"/>
    <mergeCell ref="MFI734:MFL734"/>
    <mergeCell ref="MFM734:MFP734"/>
    <mergeCell ref="MEC734:MEF734"/>
    <mergeCell ref="MEG734:MEJ734"/>
    <mergeCell ref="MEK734:MEN734"/>
    <mergeCell ref="MEO734:MER734"/>
    <mergeCell ref="MES734:MEV734"/>
    <mergeCell ref="MOC734:MOF734"/>
    <mergeCell ref="MOG734:MOJ734"/>
    <mergeCell ref="MOK734:MON734"/>
    <mergeCell ref="MOO734:MOR734"/>
    <mergeCell ref="MOS734:MOV734"/>
    <mergeCell ref="MNI734:MNL734"/>
    <mergeCell ref="MNM734:MNP734"/>
    <mergeCell ref="MNQ734:MNT734"/>
    <mergeCell ref="MNU734:MNX734"/>
    <mergeCell ref="MNY734:MOB734"/>
    <mergeCell ref="MMO734:MMR734"/>
    <mergeCell ref="MMS734:MMV734"/>
    <mergeCell ref="MMW734:MMZ734"/>
    <mergeCell ref="MNA734:MND734"/>
    <mergeCell ref="MNE734:MNH734"/>
    <mergeCell ref="MLU734:MLX734"/>
    <mergeCell ref="MLY734:MMB734"/>
    <mergeCell ref="MMC734:MMF734"/>
    <mergeCell ref="MMG734:MMJ734"/>
    <mergeCell ref="MMK734:MMN734"/>
    <mergeCell ref="MLA734:MLD734"/>
    <mergeCell ref="MLE734:MLH734"/>
    <mergeCell ref="MLI734:MLL734"/>
    <mergeCell ref="MLM734:MLP734"/>
    <mergeCell ref="MLQ734:MLT734"/>
    <mergeCell ref="MKG734:MKJ734"/>
    <mergeCell ref="MKK734:MKN734"/>
    <mergeCell ref="MKO734:MKR734"/>
    <mergeCell ref="MKS734:MKV734"/>
    <mergeCell ref="MKW734:MKZ734"/>
    <mergeCell ref="MJM734:MJP734"/>
    <mergeCell ref="MJQ734:MJT734"/>
    <mergeCell ref="MJU734:MJX734"/>
    <mergeCell ref="MJY734:MKB734"/>
    <mergeCell ref="MKC734:MKF734"/>
    <mergeCell ref="MTM734:MTP734"/>
    <mergeCell ref="MTQ734:MTT734"/>
    <mergeCell ref="MTU734:MTX734"/>
    <mergeCell ref="MTY734:MUB734"/>
    <mergeCell ref="MUC734:MUF734"/>
    <mergeCell ref="MSS734:MSV734"/>
    <mergeCell ref="MSW734:MSZ734"/>
    <mergeCell ref="MTA734:MTD734"/>
    <mergeCell ref="MTE734:MTH734"/>
    <mergeCell ref="MTI734:MTL734"/>
    <mergeCell ref="MRY734:MSB734"/>
    <mergeCell ref="MSC734:MSF734"/>
    <mergeCell ref="MSG734:MSJ734"/>
    <mergeCell ref="MSK734:MSN734"/>
    <mergeCell ref="MSO734:MSR734"/>
    <mergeCell ref="MRE734:MRH734"/>
    <mergeCell ref="MRI734:MRL734"/>
    <mergeCell ref="MRM734:MRP734"/>
    <mergeCell ref="MRQ734:MRT734"/>
    <mergeCell ref="MRU734:MRX734"/>
    <mergeCell ref="MQK734:MQN734"/>
    <mergeCell ref="MQO734:MQR734"/>
    <mergeCell ref="MQS734:MQV734"/>
    <mergeCell ref="MQW734:MQZ734"/>
    <mergeCell ref="MRA734:MRD734"/>
    <mergeCell ref="MPQ734:MPT734"/>
    <mergeCell ref="MPU734:MPX734"/>
    <mergeCell ref="MPY734:MQB734"/>
    <mergeCell ref="MQC734:MQF734"/>
    <mergeCell ref="MQG734:MQJ734"/>
    <mergeCell ref="MOW734:MOZ734"/>
    <mergeCell ref="MPA734:MPD734"/>
    <mergeCell ref="MPE734:MPH734"/>
    <mergeCell ref="MPI734:MPL734"/>
    <mergeCell ref="MPM734:MPP734"/>
    <mergeCell ref="MYW734:MYZ734"/>
    <mergeCell ref="MZA734:MZD734"/>
    <mergeCell ref="MZE734:MZH734"/>
    <mergeCell ref="MZI734:MZL734"/>
    <mergeCell ref="MZM734:MZP734"/>
    <mergeCell ref="MYC734:MYF734"/>
    <mergeCell ref="MYG734:MYJ734"/>
    <mergeCell ref="MYK734:MYN734"/>
    <mergeCell ref="MYO734:MYR734"/>
    <mergeCell ref="MYS734:MYV734"/>
    <mergeCell ref="MXI734:MXL734"/>
    <mergeCell ref="MXM734:MXP734"/>
    <mergeCell ref="MXQ734:MXT734"/>
    <mergeCell ref="MXU734:MXX734"/>
    <mergeCell ref="MXY734:MYB734"/>
    <mergeCell ref="MWO734:MWR734"/>
    <mergeCell ref="MWS734:MWV734"/>
    <mergeCell ref="MWW734:MWZ734"/>
    <mergeCell ref="MXA734:MXD734"/>
    <mergeCell ref="MXE734:MXH734"/>
    <mergeCell ref="MVU734:MVX734"/>
    <mergeCell ref="MVY734:MWB734"/>
    <mergeCell ref="MWC734:MWF734"/>
    <mergeCell ref="MWG734:MWJ734"/>
    <mergeCell ref="MWK734:MWN734"/>
    <mergeCell ref="MVA734:MVD734"/>
    <mergeCell ref="MVE734:MVH734"/>
    <mergeCell ref="MVI734:MVL734"/>
    <mergeCell ref="MVM734:MVP734"/>
    <mergeCell ref="MVQ734:MVT734"/>
    <mergeCell ref="MUG734:MUJ734"/>
    <mergeCell ref="MUK734:MUN734"/>
    <mergeCell ref="MUO734:MUR734"/>
    <mergeCell ref="MUS734:MUV734"/>
    <mergeCell ref="MUW734:MUZ734"/>
    <mergeCell ref="NEG734:NEJ734"/>
    <mergeCell ref="NEK734:NEN734"/>
    <mergeCell ref="NEO734:NER734"/>
    <mergeCell ref="NES734:NEV734"/>
    <mergeCell ref="NEW734:NEZ734"/>
    <mergeCell ref="NDM734:NDP734"/>
    <mergeCell ref="NDQ734:NDT734"/>
    <mergeCell ref="NDU734:NDX734"/>
    <mergeCell ref="NDY734:NEB734"/>
    <mergeCell ref="NEC734:NEF734"/>
    <mergeCell ref="NCS734:NCV734"/>
    <mergeCell ref="NCW734:NCZ734"/>
    <mergeCell ref="NDA734:NDD734"/>
    <mergeCell ref="NDE734:NDH734"/>
    <mergeCell ref="NDI734:NDL734"/>
    <mergeCell ref="NBY734:NCB734"/>
    <mergeCell ref="NCC734:NCF734"/>
    <mergeCell ref="NCG734:NCJ734"/>
    <mergeCell ref="NCK734:NCN734"/>
    <mergeCell ref="NCO734:NCR734"/>
    <mergeCell ref="NBE734:NBH734"/>
    <mergeCell ref="NBI734:NBL734"/>
    <mergeCell ref="NBM734:NBP734"/>
    <mergeCell ref="NBQ734:NBT734"/>
    <mergeCell ref="NBU734:NBX734"/>
    <mergeCell ref="NAK734:NAN734"/>
    <mergeCell ref="NAO734:NAR734"/>
    <mergeCell ref="NAS734:NAV734"/>
    <mergeCell ref="NAW734:NAZ734"/>
    <mergeCell ref="NBA734:NBD734"/>
    <mergeCell ref="MZQ734:MZT734"/>
    <mergeCell ref="MZU734:MZX734"/>
    <mergeCell ref="MZY734:NAB734"/>
    <mergeCell ref="NAC734:NAF734"/>
    <mergeCell ref="NAG734:NAJ734"/>
    <mergeCell ref="NJQ734:NJT734"/>
    <mergeCell ref="NJU734:NJX734"/>
    <mergeCell ref="NJY734:NKB734"/>
    <mergeCell ref="NKC734:NKF734"/>
    <mergeCell ref="NKG734:NKJ734"/>
    <mergeCell ref="NIW734:NIZ734"/>
    <mergeCell ref="NJA734:NJD734"/>
    <mergeCell ref="NJE734:NJH734"/>
    <mergeCell ref="NJI734:NJL734"/>
    <mergeCell ref="NJM734:NJP734"/>
    <mergeCell ref="NIC734:NIF734"/>
    <mergeCell ref="NIG734:NIJ734"/>
    <mergeCell ref="NIK734:NIN734"/>
    <mergeCell ref="NIO734:NIR734"/>
    <mergeCell ref="NIS734:NIV734"/>
    <mergeCell ref="NHI734:NHL734"/>
    <mergeCell ref="NHM734:NHP734"/>
    <mergeCell ref="NHQ734:NHT734"/>
    <mergeCell ref="NHU734:NHX734"/>
    <mergeCell ref="NHY734:NIB734"/>
    <mergeCell ref="NGO734:NGR734"/>
    <mergeCell ref="NGS734:NGV734"/>
    <mergeCell ref="NGW734:NGZ734"/>
    <mergeCell ref="NHA734:NHD734"/>
    <mergeCell ref="NHE734:NHH734"/>
    <mergeCell ref="NFU734:NFX734"/>
    <mergeCell ref="NFY734:NGB734"/>
    <mergeCell ref="NGC734:NGF734"/>
    <mergeCell ref="NGG734:NGJ734"/>
    <mergeCell ref="NGK734:NGN734"/>
    <mergeCell ref="NFA734:NFD734"/>
    <mergeCell ref="NFE734:NFH734"/>
    <mergeCell ref="NFI734:NFL734"/>
    <mergeCell ref="NFM734:NFP734"/>
    <mergeCell ref="NFQ734:NFT734"/>
    <mergeCell ref="NPA734:NPD734"/>
    <mergeCell ref="NPE734:NPH734"/>
    <mergeCell ref="NPI734:NPL734"/>
    <mergeCell ref="NPM734:NPP734"/>
    <mergeCell ref="NPQ734:NPT734"/>
    <mergeCell ref="NOG734:NOJ734"/>
    <mergeCell ref="NOK734:NON734"/>
    <mergeCell ref="NOO734:NOR734"/>
    <mergeCell ref="NOS734:NOV734"/>
    <mergeCell ref="NOW734:NOZ734"/>
    <mergeCell ref="NNM734:NNP734"/>
    <mergeCell ref="NNQ734:NNT734"/>
    <mergeCell ref="NNU734:NNX734"/>
    <mergeCell ref="NNY734:NOB734"/>
    <mergeCell ref="NOC734:NOF734"/>
    <mergeCell ref="NMS734:NMV734"/>
    <mergeCell ref="NMW734:NMZ734"/>
    <mergeCell ref="NNA734:NND734"/>
    <mergeCell ref="NNE734:NNH734"/>
    <mergeCell ref="NNI734:NNL734"/>
    <mergeCell ref="NLY734:NMB734"/>
    <mergeCell ref="NMC734:NMF734"/>
    <mergeCell ref="NMG734:NMJ734"/>
    <mergeCell ref="NMK734:NMN734"/>
    <mergeCell ref="NMO734:NMR734"/>
    <mergeCell ref="NLE734:NLH734"/>
    <mergeCell ref="NLI734:NLL734"/>
    <mergeCell ref="NLM734:NLP734"/>
    <mergeCell ref="NLQ734:NLT734"/>
    <mergeCell ref="NLU734:NLX734"/>
    <mergeCell ref="NKK734:NKN734"/>
    <mergeCell ref="NKO734:NKR734"/>
    <mergeCell ref="NKS734:NKV734"/>
    <mergeCell ref="NKW734:NKZ734"/>
    <mergeCell ref="NLA734:NLD734"/>
    <mergeCell ref="NUK734:NUN734"/>
    <mergeCell ref="NUO734:NUR734"/>
    <mergeCell ref="NUS734:NUV734"/>
    <mergeCell ref="NUW734:NUZ734"/>
    <mergeCell ref="NVA734:NVD734"/>
    <mergeCell ref="NTQ734:NTT734"/>
    <mergeCell ref="NTU734:NTX734"/>
    <mergeCell ref="NTY734:NUB734"/>
    <mergeCell ref="NUC734:NUF734"/>
    <mergeCell ref="NUG734:NUJ734"/>
    <mergeCell ref="NSW734:NSZ734"/>
    <mergeCell ref="NTA734:NTD734"/>
    <mergeCell ref="NTE734:NTH734"/>
    <mergeCell ref="NTI734:NTL734"/>
    <mergeCell ref="NTM734:NTP734"/>
    <mergeCell ref="NSC734:NSF734"/>
    <mergeCell ref="NSG734:NSJ734"/>
    <mergeCell ref="NSK734:NSN734"/>
    <mergeCell ref="NSO734:NSR734"/>
    <mergeCell ref="NSS734:NSV734"/>
    <mergeCell ref="NRI734:NRL734"/>
    <mergeCell ref="NRM734:NRP734"/>
    <mergeCell ref="NRQ734:NRT734"/>
    <mergeCell ref="NRU734:NRX734"/>
    <mergeCell ref="NRY734:NSB734"/>
    <mergeCell ref="NQO734:NQR734"/>
    <mergeCell ref="NQS734:NQV734"/>
    <mergeCell ref="NQW734:NQZ734"/>
    <mergeCell ref="NRA734:NRD734"/>
    <mergeCell ref="NRE734:NRH734"/>
    <mergeCell ref="NPU734:NPX734"/>
    <mergeCell ref="NPY734:NQB734"/>
    <mergeCell ref="NQC734:NQF734"/>
    <mergeCell ref="NQG734:NQJ734"/>
    <mergeCell ref="NQK734:NQN734"/>
    <mergeCell ref="NZU734:NZX734"/>
    <mergeCell ref="NZY734:OAB734"/>
    <mergeCell ref="OAC734:OAF734"/>
    <mergeCell ref="OAG734:OAJ734"/>
    <mergeCell ref="OAK734:OAN734"/>
    <mergeCell ref="NZA734:NZD734"/>
    <mergeCell ref="NZE734:NZH734"/>
    <mergeCell ref="NZI734:NZL734"/>
    <mergeCell ref="NZM734:NZP734"/>
    <mergeCell ref="NZQ734:NZT734"/>
    <mergeCell ref="NYG734:NYJ734"/>
    <mergeCell ref="NYK734:NYN734"/>
    <mergeCell ref="NYO734:NYR734"/>
    <mergeCell ref="NYS734:NYV734"/>
    <mergeCell ref="NYW734:NYZ734"/>
    <mergeCell ref="NXM734:NXP734"/>
    <mergeCell ref="NXQ734:NXT734"/>
    <mergeCell ref="NXU734:NXX734"/>
    <mergeCell ref="NXY734:NYB734"/>
    <mergeCell ref="NYC734:NYF734"/>
    <mergeCell ref="NWS734:NWV734"/>
    <mergeCell ref="NWW734:NWZ734"/>
    <mergeCell ref="NXA734:NXD734"/>
    <mergeCell ref="NXE734:NXH734"/>
    <mergeCell ref="NXI734:NXL734"/>
    <mergeCell ref="NVY734:NWB734"/>
    <mergeCell ref="NWC734:NWF734"/>
    <mergeCell ref="NWG734:NWJ734"/>
    <mergeCell ref="NWK734:NWN734"/>
    <mergeCell ref="NWO734:NWR734"/>
    <mergeCell ref="NVE734:NVH734"/>
    <mergeCell ref="NVI734:NVL734"/>
    <mergeCell ref="NVM734:NVP734"/>
    <mergeCell ref="NVQ734:NVT734"/>
    <mergeCell ref="NVU734:NVX734"/>
    <mergeCell ref="OFE734:OFH734"/>
    <mergeCell ref="OFI734:OFL734"/>
    <mergeCell ref="OFM734:OFP734"/>
    <mergeCell ref="OFQ734:OFT734"/>
    <mergeCell ref="OFU734:OFX734"/>
    <mergeCell ref="OEK734:OEN734"/>
    <mergeCell ref="OEO734:OER734"/>
    <mergeCell ref="OES734:OEV734"/>
    <mergeCell ref="OEW734:OEZ734"/>
    <mergeCell ref="OFA734:OFD734"/>
    <mergeCell ref="ODQ734:ODT734"/>
    <mergeCell ref="ODU734:ODX734"/>
    <mergeCell ref="ODY734:OEB734"/>
    <mergeCell ref="OEC734:OEF734"/>
    <mergeCell ref="OEG734:OEJ734"/>
    <mergeCell ref="OCW734:OCZ734"/>
    <mergeCell ref="ODA734:ODD734"/>
    <mergeCell ref="ODE734:ODH734"/>
    <mergeCell ref="ODI734:ODL734"/>
    <mergeCell ref="ODM734:ODP734"/>
    <mergeCell ref="OCC734:OCF734"/>
    <mergeCell ref="OCG734:OCJ734"/>
    <mergeCell ref="OCK734:OCN734"/>
    <mergeCell ref="OCO734:OCR734"/>
    <mergeCell ref="OCS734:OCV734"/>
    <mergeCell ref="OBI734:OBL734"/>
    <mergeCell ref="OBM734:OBP734"/>
    <mergeCell ref="OBQ734:OBT734"/>
    <mergeCell ref="OBU734:OBX734"/>
    <mergeCell ref="OBY734:OCB734"/>
    <mergeCell ref="OAO734:OAR734"/>
    <mergeCell ref="OAS734:OAV734"/>
    <mergeCell ref="OAW734:OAZ734"/>
    <mergeCell ref="OBA734:OBD734"/>
    <mergeCell ref="OBE734:OBH734"/>
    <mergeCell ref="OKO734:OKR734"/>
    <mergeCell ref="OKS734:OKV734"/>
    <mergeCell ref="OKW734:OKZ734"/>
    <mergeCell ref="OLA734:OLD734"/>
    <mergeCell ref="OLE734:OLH734"/>
    <mergeCell ref="OJU734:OJX734"/>
    <mergeCell ref="OJY734:OKB734"/>
    <mergeCell ref="OKC734:OKF734"/>
    <mergeCell ref="OKG734:OKJ734"/>
    <mergeCell ref="OKK734:OKN734"/>
    <mergeCell ref="OJA734:OJD734"/>
    <mergeCell ref="OJE734:OJH734"/>
    <mergeCell ref="OJI734:OJL734"/>
    <mergeCell ref="OJM734:OJP734"/>
    <mergeCell ref="OJQ734:OJT734"/>
    <mergeCell ref="OIG734:OIJ734"/>
    <mergeCell ref="OIK734:OIN734"/>
    <mergeCell ref="OIO734:OIR734"/>
    <mergeCell ref="OIS734:OIV734"/>
    <mergeCell ref="OIW734:OIZ734"/>
    <mergeCell ref="OHM734:OHP734"/>
    <mergeCell ref="OHQ734:OHT734"/>
    <mergeCell ref="OHU734:OHX734"/>
    <mergeCell ref="OHY734:OIB734"/>
    <mergeCell ref="OIC734:OIF734"/>
    <mergeCell ref="OGS734:OGV734"/>
    <mergeCell ref="OGW734:OGZ734"/>
    <mergeCell ref="OHA734:OHD734"/>
    <mergeCell ref="OHE734:OHH734"/>
    <mergeCell ref="OHI734:OHL734"/>
    <mergeCell ref="OFY734:OGB734"/>
    <mergeCell ref="OGC734:OGF734"/>
    <mergeCell ref="OGG734:OGJ734"/>
    <mergeCell ref="OGK734:OGN734"/>
    <mergeCell ref="OGO734:OGR734"/>
    <mergeCell ref="OPY734:OQB734"/>
    <mergeCell ref="OQC734:OQF734"/>
    <mergeCell ref="OQG734:OQJ734"/>
    <mergeCell ref="OQK734:OQN734"/>
    <mergeCell ref="OQO734:OQR734"/>
    <mergeCell ref="OPE734:OPH734"/>
    <mergeCell ref="OPI734:OPL734"/>
    <mergeCell ref="OPM734:OPP734"/>
    <mergeCell ref="OPQ734:OPT734"/>
    <mergeCell ref="OPU734:OPX734"/>
    <mergeCell ref="OOK734:OON734"/>
    <mergeCell ref="OOO734:OOR734"/>
    <mergeCell ref="OOS734:OOV734"/>
    <mergeCell ref="OOW734:OOZ734"/>
    <mergeCell ref="OPA734:OPD734"/>
    <mergeCell ref="ONQ734:ONT734"/>
    <mergeCell ref="ONU734:ONX734"/>
    <mergeCell ref="ONY734:OOB734"/>
    <mergeCell ref="OOC734:OOF734"/>
    <mergeCell ref="OOG734:OOJ734"/>
    <mergeCell ref="OMW734:OMZ734"/>
    <mergeCell ref="ONA734:OND734"/>
    <mergeCell ref="ONE734:ONH734"/>
    <mergeCell ref="ONI734:ONL734"/>
    <mergeCell ref="ONM734:ONP734"/>
    <mergeCell ref="OMC734:OMF734"/>
    <mergeCell ref="OMG734:OMJ734"/>
    <mergeCell ref="OMK734:OMN734"/>
    <mergeCell ref="OMO734:OMR734"/>
    <mergeCell ref="OMS734:OMV734"/>
    <mergeCell ref="OLI734:OLL734"/>
    <mergeCell ref="OLM734:OLP734"/>
    <mergeCell ref="OLQ734:OLT734"/>
    <mergeCell ref="OLU734:OLX734"/>
    <mergeCell ref="OLY734:OMB734"/>
    <mergeCell ref="OVI734:OVL734"/>
    <mergeCell ref="OVM734:OVP734"/>
    <mergeCell ref="OVQ734:OVT734"/>
    <mergeCell ref="OVU734:OVX734"/>
    <mergeCell ref="OVY734:OWB734"/>
    <mergeCell ref="OUO734:OUR734"/>
    <mergeCell ref="OUS734:OUV734"/>
    <mergeCell ref="OUW734:OUZ734"/>
    <mergeCell ref="OVA734:OVD734"/>
    <mergeCell ref="OVE734:OVH734"/>
    <mergeCell ref="OTU734:OTX734"/>
    <mergeCell ref="OTY734:OUB734"/>
    <mergeCell ref="OUC734:OUF734"/>
    <mergeCell ref="OUG734:OUJ734"/>
    <mergeCell ref="OUK734:OUN734"/>
    <mergeCell ref="OTA734:OTD734"/>
    <mergeCell ref="OTE734:OTH734"/>
    <mergeCell ref="OTI734:OTL734"/>
    <mergeCell ref="OTM734:OTP734"/>
    <mergeCell ref="OTQ734:OTT734"/>
    <mergeCell ref="OSG734:OSJ734"/>
    <mergeCell ref="OSK734:OSN734"/>
    <mergeCell ref="OSO734:OSR734"/>
    <mergeCell ref="OSS734:OSV734"/>
    <mergeCell ref="OSW734:OSZ734"/>
    <mergeCell ref="ORM734:ORP734"/>
    <mergeCell ref="ORQ734:ORT734"/>
    <mergeCell ref="ORU734:ORX734"/>
    <mergeCell ref="ORY734:OSB734"/>
    <mergeCell ref="OSC734:OSF734"/>
    <mergeCell ref="OQS734:OQV734"/>
    <mergeCell ref="OQW734:OQZ734"/>
    <mergeCell ref="ORA734:ORD734"/>
    <mergeCell ref="ORE734:ORH734"/>
    <mergeCell ref="ORI734:ORL734"/>
    <mergeCell ref="PAS734:PAV734"/>
    <mergeCell ref="PAW734:PAZ734"/>
    <mergeCell ref="PBA734:PBD734"/>
    <mergeCell ref="PBE734:PBH734"/>
    <mergeCell ref="PBI734:PBL734"/>
    <mergeCell ref="OZY734:PAB734"/>
    <mergeCell ref="PAC734:PAF734"/>
    <mergeCell ref="PAG734:PAJ734"/>
    <mergeCell ref="PAK734:PAN734"/>
    <mergeCell ref="PAO734:PAR734"/>
    <mergeCell ref="OZE734:OZH734"/>
    <mergeCell ref="OZI734:OZL734"/>
    <mergeCell ref="OZM734:OZP734"/>
    <mergeCell ref="OZQ734:OZT734"/>
    <mergeCell ref="OZU734:OZX734"/>
    <mergeCell ref="OYK734:OYN734"/>
    <mergeCell ref="OYO734:OYR734"/>
    <mergeCell ref="OYS734:OYV734"/>
    <mergeCell ref="OYW734:OYZ734"/>
    <mergeCell ref="OZA734:OZD734"/>
    <mergeCell ref="OXQ734:OXT734"/>
    <mergeCell ref="OXU734:OXX734"/>
    <mergeCell ref="OXY734:OYB734"/>
    <mergeCell ref="OYC734:OYF734"/>
    <mergeCell ref="OYG734:OYJ734"/>
    <mergeCell ref="OWW734:OWZ734"/>
    <mergeCell ref="OXA734:OXD734"/>
    <mergeCell ref="OXE734:OXH734"/>
    <mergeCell ref="OXI734:OXL734"/>
    <mergeCell ref="OXM734:OXP734"/>
    <mergeCell ref="OWC734:OWF734"/>
    <mergeCell ref="OWG734:OWJ734"/>
    <mergeCell ref="OWK734:OWN734"/>
    <mergeCell ref="OWO734:OWR734"/>
    <mergeCell ref="OWS734:OWV734"/>
    <mergeCell ref="PGC734:PGF734"/>
    <mergeCell ref="PGG734:PGJ734"/>
    <mergeCell ref="PGK734:PGN734"/>
    <mergeCell ref="PGO734:PGR734"/>
    <mergeCell ref="PGS734:PGV734"/>
    <mergeCell ref="PFI734:PFL734"/>
    <mergeCell ref="PFM734:PFP734"/>
    <mergeCell ref="PFQ734:PFT734"/>
    <mergeCell ref="PFU734:PFX734"/>
    <mergeCell ref="PFY734:PGB734"/>
    <mergeCell ref="PEO734:PER734"/>
    <mergeCell ref="PES734:PEV734"/>
    <mergeCell ref="PEW734:PEZ734"/>
    <mergeCell ref="PFA734:PFD734"/>
    <mergeCell ref="PFE734:PFH734"/>
    <mergeCell ref="PDU734:PDX734"/>
    <mergeCell ref="PDY734:PEB734"/>
    <mergeCell ref="PEC734:PEF734"/>
    <mergeCell ref="PEG734:PEJ734"/>
    <mergeCell ref="PEK734:PEN734"/>
    <mergeCell ref="PDA734:PDD734"/>
    <mergeCell ref="PDE734:PDH734"/>
    <mergeCell ref="PDI734:PDL734"/>
    <mergeCell ref="PDM734:PDP734"/>
    <mergeCell ref="PDQ734:PDT734"/>
    <mergeCell ref="PCG734:PCJ734"/>
    <mergeCell ref="PCK734:PCN734"/>
    <mergeCell ref="PCO734:PCR734"/>
    <mergeCell ref="PCS734:PCV734"/>
    <mergeCell ref="PCW734:PCZ734"/>
    <mergeCell ref="PBM734:PBP734"/>
    <mergeCell ref="PBQ734:PBT734"/>
    <mergeCell ref="PBU734:PBX734"/>
    <mergeCell ref="PBY734:PCB734"/>
    <mergeCell ref="PCC734:PCF734"/>
    <mergeCell ref="PLM734:PLP734"/>
    <mergeCell ref="PLQ734:PLT734"/>
    <mergeCell ref="PLU734:PLX734"/>
    <mergeCell ref="PLY734:PMB734"/>
    <mergeCell ref="PMC734:PMF734"/>
    <mergeCell ref="PKS734:PKV734"/>
    <mergeCell ref="PKW734:PKZ734"/>
    <mergeCell ref="PLA734:PLD734"/>
    <mergeCell ref="PLE734:PLH734"/>
    <mergeCell ref="PLI734:PLL734"/>
    <mergeCell ref="PJY734:PKB734"/>
    <mergeCell ref="PKC734:PKF734"/>
    <mergeCell ref="PKG734:PKJ734"/>
    <mergeCell ref="PKK734:PKN734"/>
    <mergeCell ref="PKO734:PKR734"/>
    <mergeCell ref="PJE734:PJH734"/>
    <mergeCell ref="PJI734:PJL734"/>
    <mergeCell ref="PJM734:PJP734"/>
    <mergeCell ref="PJQ734:PJT734"/>
    <mergeCell ref="PJU734:PJX734"/>
    <mergeCell ref="PIK734:PIN734"/>
    <mergeCell ref="PIO734:PIR734"/>
    <mergeCell ref="PIS734:PIV734"/>
    <mergeCell ref="PIW734:PIZ734"/>
    <mergeCell ref="PJA734:PJD734"/>
    <mergeCell ref="PHQ734:PHT734"/>
    <mergeCell ref="PHU734:PHX734"/>
    <mergeCell ref="PHY734:PIB734"/>
    <mergeCell ref="PIC734:PIF734"/>
    <mergeCell ref="PIG734:PIJ734"/>
    <mergeCell ref="PGW734:PGZ734"/>
    <mergeCell ref="PHA734:PHD734"/>
    <mergeCell ref="PHE734:PHH734"/>
    <mergeCell ref="PHI734:PHL734"/>
    <mergeCell ref="PHM734:PHP734"/>
    <mergeCell ref="PQW734:PQZ734"/>
    <mergeCell ref="PRA734:PRD734"/>
    <mergeCell ref="PRE734:PRH734"/>
    <mergeCell ref="PRI734:PRL734"/>
    <mergeCell ref="PRM734:PRP734"/>
    <mergeCell ref="PQC734:PQF734"/>
    <mergeCell ref="PQG734:PQJ734"/>
    <mergeCell ref="PQK734:PQN734"/>
    <mergeCell ref="PQO734:PQR734"/>
    <mergeCell ref="PQS734:PQV734"/>
    <mergeCell ref="PPI734:PPL734"/>
    <mergeCell ref="PPM734:PPP734"/>
    <mergeCell ref="PPQ734:PPT734"/>
    <mergeCell ref="PPU734:PPX734"/>
    <mergeCell ref="PPY734:PQB734"/>
    <mergeCell ref="POO734:POR734"/>
    <mergeCell ref="POS734:POV734"/>
    <mergeCell ref="POW734:POZ734"/>
    <mergeCell ref="PPA734:PPD734"/>
    <mergeCell ref="PPE734:PPH734"/>
    <mergeCell ref="PNU734:PNX734"/>
    <mergeCell ref="PNY734:POB734"/>
    <mergeCell ref="POC734:POF734"/>
    <mergeCell ref="POG734:POJ734"/>
    <mergeCell ref="POK734:PON734"/>
    <mergeCell ref="PNA734:PND734"/>
    <mergeCell ref="PNE734:PNH734"/>
    <mergeCell ref="PNI734:PNL734"/>
    <mergeCell ref="PNM734:PNP734"/>
    <mergeCell ref="PNQ734:PNT734"/>
    <mergeCell ref="PMG734:PMJ734"/>
    <mergeCell ref="PMK734:PMN734"/>
    <mergeCell ref="PMO734:PMR734"/>
    <mergeCell ref="PMS734:PMV734"/>
    <mergeCell ref="PMW734:PMZ734"/>
    <mergeCell ref="PWG734:PWJ734"/>
    <mergeCell ref="PWK734:PWN734"/>
    <mergeCell ref="PWO734:PWR734"/>
    <mergeCell ref="PWS734:PWV734"/>
    <mergeCell ref="PWW734:PWZ734"/>
    <mergeCell ref="PVM734:PVP734"/>
    <mergeCell ref="PVQ734:PVT734"/>
    <mergeCell ref="PVU734:PVX734"/>
    <mergeCell ref="PVY734:PWB734"/>
    <mergeCell ref="PWC734:PWF734"/>
    <mergeCell ref="PUS734:PUV734"/>
    <mergeCell ref="PUW734:PUZ734"/>
    <mergeCell ref="PVA734:PVD734"/>
    <mergeCell ref="PVE734:PVH734"/>
    <mergeCell ref="PVI734:PVL734"/>
    <mergeCell ref="PTY734:PUB734"/>
    <mergeCell ref="PUC734:PUF734"/>
    <mergeCell ref="PUG734:PUJ734"/>
    <mergeCell ref="PUK734:PUN734"/>
    <mergeCell ref="PUO734:PUR734"/>
    <mergeCell ref="PTE734:PTH734"/>
    <mergeCell ref="PTI734:PTL734"/>
    <mergeCell ref="PTM734:PTP734"/>
    <mergeCell ref="PTQ734:PTT734"/>
    <mergeCell ref="PTU734:PTX734"/>
    <mergeCell ref="PSK734:PSN734"/>
    <mergeCell ref="PSO734:PSR734"/>
    <mergeCell ref="PSS734:PSV734"/>
    <mergeCell ref="PSW734:PSZ734"/>
    <mergeCell ref="PTA734:PTD734"/>
    <mergeCell ref="PRQ734:PRT734"/>
    <mergeCell ref="PRU734:PRX734"/>
    <mergeCell ref="PRY734:PSB734"/>
    <mergeCell ref="PSC734:PSF734"/>
    <mergeCell ref="PSG734:PSJ734"/>
    <mergeCell ref="QBQ734:QBT734"/>
    <mergeCell ref="QBU734:QBX734"/>
    <mergeCell ref="QBY734:QCB734"/>
    <mergeCell ref="QCC734:QCF734"/>
    <mergeCell ref="QCG734:QCJ734"/>
    <mergeCell ref="QAW734:QAZ734"/>
    <mergeCell ref="QBA734:QBD734"/>
    <mergeCell ref="QBE734:QBH734"/>
    <mergeCell ref="QBI734:QBL734"/>
    <mergeCell ref="QBM734:QBP734"/>
    <mergeCell ref="QAC734:QAF734"/>
    <mergeCell ref="QAG734:QAJ734"/>
    <mergeCell ref="QAK734:QAN734"/>
    <mergeCell ref="QAO734:QAR734"/>
    <mergeCell ref="QAS734:QAV734"/>
    <mergeCell ref="PZI734:PZL734"/>
    <mergeCell ref="PZM734:PZP734"/>
    <mergeCell ref="PZQ734:PZT734"/>
    <mergeCell ref="PZU734:PZX734"/>
    <mergeCell ref="PZY734:QAB734"/>
    <mergeCell ref="PYO734:PYR734"/>
    <mergeCell ref="PYS734:PYV734"/>
    <mergeCell ref="PYW734:PYZ734"/>
    <mergeCell ref="PZA734:PZD734"/>
    <mergeCell ref="PZE734:PZH734"/>
    <mergeCell ref="PXU734:PXX734"/>
    <mergeCell ref="PXY734:PYB734"/>
    <mergeCell ref="PYC734:PYF734"/>
    <mergeCell ref="PYG734:PYJ734"/>
    <mergeCell ref="PYK734:PYN734"/>
    <mergeCell ref="PXA734:PXD734"/>
    <mergeCell ref="PXE734:PXH734"/>
    <mergeCell ref="PXI734:PXL734"/>
    <mergeCell ref="PXM734:PXP734"/>
    <mergeCell ref="PXQ734:PXT734"/>
    <mergeCell ref="QHA734:QHD734"/>
    <mergeCell ref="QHE734:QHH734"/>
    <mergeCell ref="QHI734:QHL734"/>
    <mergeCell ref="QHM734:QHP734"/>
    <mergeCell ref="QHQ734:QHT734"/>
    <mergeCell ref="QGG734:QGJ734"/>
    <mergeCell ref="QGK734:QGN734"/>
    <mergeCell ref="QGO734:QGR734"/>
    <mergeCell ref="QGS734:QGV734"/>
    <mergeCell ref="QGW734:QGZ734"/>
    <mergeCell ref="QFM734:QFP734"/>
    <mergeCell ref="QFQ734:QFT734"/>
    <mergeCell ref="QFU734:QFX734"/>
    <mergeCell ref="QFY734:QGB734"/>
    <mergeCell ref="QGC734:QGF734"/>
    <mergeCell ref="QES734:QEV734"/>
    <mergeCell ref="QEW734:QEZ734"/>
    <mergeCell ref="QFA734:QFD734"/>
    <mergeCell ref="QFE734:QFH734"/>
    <mergeCell ref="QFI734:QFL734"/>
    <mergeCell ref="QDY734:QEB734"/>
    <mergeCell ref="QEC734:QEF734"/>
    <mergeCell ref="QEG734:QEJ734"/>
    <mergeCell ref="QEK734:QEN734"/>
    <mergeCell ref="QEO734:QER734"/>
    <mergeCell ref="QDE734:QDH734"/>
    <mergeCell ref="QDI734:QDL734"/>
    <mergeCell ref="QDM734:QDP734"/>
    <mergeCell ref="QDQ734:QDT734"/>
    <mergeCell ref="QDU734:QDX734"/>
    <mergeCell ref="QCK734:QCN734"/>
    <mergeCell ref="QCO734:QCR734"/>
    <mergeCell ref="QCS734:QCV734"/>
    <mergeCell ref="QCW734:QCZ734"/>
    <mergeCell ref="QDA734:QDD734"/>
    <mergeCell ref="QMK734:QMN734"/>
    <mergeCell ref="QMO734:QMR734"/>
    <mergeCell ref="QMS734:QMV734"/>
    <mergeCell ref="QMW734:QMZ734"/>
    <mergeCell ref="QNA734:QND734"/>
    <mergeCell ref="QLQ734:QLT734"/>
    <mergeCell ref="QLU734:QLX734"/>
    <mergeCell ref="QLY734:QMB734"/>
    <mergeCell ref="QMC734:QMF734"/>
    <mergeCell ref="QMG734:QMJ734"/>
    <mergeCell ref="QKW734:QKZ734"/>
    <mergeCell ref="QLA734:QLD734"/>
    <mergeCell ref="QLE734:QLH734"/>
    <mergeCell ref="QLI734:QLL734"/>
    <mergeCell ref="QLM734:QLP734"/>
    <mergeCell ref="QKC734:QKF734"/>
    <mergeCell ref="QKG734:QKJ734"/>
    <mergeCell ref="QKK734:QKN734"/>
    <mergeCell ref="QKO734:QKR734"/>
    <mergeCell ref="QKS734:QKV734"/>
    <mergeCell ref="QJI734:QJL734"/>
    <mergeCell ref="QJM734:QJP734"/>
    <mergeCell ref="QJQ734:QJT734"/>
    <mergeCell ref="QJU734:QJX734"/>
    <mergeCell ref="QJY734:QKB734"/>
    <mergeCell ref="QIO734:QIR734"/>
    <mergeCell ref="QIS734:QIV734"/>
    <mergeCell ref="QIW734:QIZ734"/>
    <mergeCell ref="QJA734:QJD734"/>
    <mergeCell ref="QJE734:QJH734"/>
    <mergeCell ref="QHU734:QHX734"/>
    <mergeCell ref="QHY734:QIB734"/>
    <mergeCell ref="QIC734:QIF734"/>
    <mergeCell ref="QIG734:QIJ734"/>
    <mergeCell ref="QIK734:QIN734"/>
    <mergeCell ref="QRU734:QRX734"/>
    <mergeCell ref="QRY734:QSB734"/>
    <mergeCell ref="QSC734:QSF734"/>
    <mergeCell ref="QSG734:QSJ734"/>
    <mergeCell ref="QSK734:QSN734"/>
    <mergeCell ref="QRA734:QRD734"/>
    <mergeCell ref="QRE734:QRH734"/>
    <mergeCell ref="QRI734:QRL734"/>
    <mergeCell ref="QRM734:QRP734"/>
    <mergeCell ref="QRQ734:QRT734"/>
    <mergeCell ref="QQG734:QQJ734"/>
    <mergeCell ref="QQK734:QQN734"/>
    <mergeCell ref="QQO734:QQR734"/>
    <mergeCell ref="QQS734:QQV734"/>
    <mergeCell ref="QQW734:QQZ734"/>
    <mergeCell ref="QPM734:QPP734"/>
    <mergeCell ref="QPQ734:QPT734"/>
    <mergeCell ref="QPU734:QPX734"/>
    <mergeCell ref="QPY734:QQB734"/>
    <mergeCell ref="QQC734:QQF734"/>
    <mergeCell ref="QOS734:QOV734"/>
    <mergeCell ref="QOW734:QOZ734"/>
    <mergeCell ref="QPA734:QPD734"/>
    <mergeCell ref="QPE734:QPH734"/>
    <mergeCell ref="QPI734:QPL734"/>
    <mergeCell ref="QNY734:QOB734"/>
    <mergeCell ref="QOC734:QOF734"/>
    <mergeCell ref="QOG734:QOJ734"/>
    <mergeCell ref="QOK734:QON734"/>
    <mergeCell ref="QOO734:QOR734"/>
    <mergeCell ref="QNE734:QNH734"/>
    <mergeCell ref="QNI734:QNL734"/>
    <mergeCell ref="QNM734:QNP734"/>
    <mergeCell ref="QNQ734:QNT734"/>
    <mergeCell ref="QNU734:QNX734"/>
    <mergeCell ref="QXE734:QXH734"/>
    <mergeCell ref="QXI734:QXL734"/>
    <mergeCell ref="QXM734:QXP734"/>
    <mergeCell ref="QXQ734:QXT734"/>
    <mergeCell ref="QXU734:QXX734"/>
    <mergeCell ref="QWK734:QWN734"/>
    <mergeCell ref="QWO734:QWR734"/>
    <mergeCell ref="QWS734:QWV734"/>
    <mergeCell ref="QWW734:QWZ734"/>
    <mergeCell ref="QXA734:QXD734"/>
    <mergeCell ref="QVQ734:QVT734"/>
    <mergeCell ref="QVU734:QVX734"/>
    <mergeCell ref="QVY734:QWB734"/>
    <mergeCell ref="QWC734:QWF734"/>
    <mergeCell ref="QWG734:QWJ734"/>
    <mergeCell ref="QUW734:QUZ734"/>
    <mergeCell ref="QVA734:QVD734"/>
    <mergeCell ref="QVE734:QVH734"/>
    <mergeCell ref="QVI734:QVL734"/>
    <mergeCell ref="QVM734:QVP734"/>
    <mergeCell ref="QUC734:QUF734"/>
    <mergeCell ref="QUG734:QUJ734"/>
    <mergeCell ref="QUK734:QUN734"/>
    <mergeCell ref="QUO734:QUR734"/>
    <mergeCell ref="QUS734:QUV734"/>
    <mergeCell ref="QTI734:QTL734"/>
    <mergeCell ref="QTM734:QTP734"/>
    <mergeCell ref="QTQ734:QTT734"/>
    <mergeCell ref="QTU734:QTX734"/>
    <mergeCell ref="QTY734:QUB734"/>
    <mergeCell ref="QSO734:QSR734"/>
    <mergeCell ref="QSS734:QSV734"/>
    <mergeCell ref="QSW734:QSZ734"/>
    <mergeCell ref="QTA734:QTD734"/>
    <mergeCell ref="QTE734:QTH734"/>
    <mergeCell ref="RCO734:RCR734"/>
    <mergeCell ref="RCS734:RCV734"/>
    <mergeCell ref="RCW734:RCZ734"/>
    <mergeCell ref="RDA734:RDD734"/>
    <mergeCell ref="RDE734:RDH734"/>
    <mergeCell ref="RBU734:RBX734"/>
    <mergeCell ref="RBY734:RCB734"/>
    <mergeCell ref="RCC734:RCF734"/>
    <mergeCell ref="RCG734:RCJ734"/>
    <mergeCell ref="RCK734:RCN734"/>
    <mergeCell ref="RBA734:RBD734"/>
    <mergeCell ref="RBE734:RBH734"/>
    <mergeCell ref="RBI734:RBL734"/>
    <mergeCell ref="RBM734:RBP734"/>
    <mergeCell ref="RBQ734:RBT734"/>
    <mergeCell ref="RAG734:RAJ734"/>
    <mergeCell ref="RAK734:RAN734"/>
    <mergeCell ref="RAO734:RAR734"/>
    <mergeCell ref="RAS734:RAV734"/>
    <mergeCell ref="RAW734:RAZ734"/>
    <mergeCell ref="QZM734:QZP734"/>
    <mergeCell ref="QZQ734:QZT734"/>
    <mergeCell ref="QZU734:QZX734"/>
    <mergeCell ref="QZY734:RAB734"/>
    <mergeCell ref="RAC734:RAF734"/>
    <mergeCell ref="QYS734:QYV734"/>
    <mergeCell ref="QYW734:QYZ734"/>
    <mergeCell ref="QZA734:QZD734"/>
    <mergeCell ref="QZE734:QZH734"/>
    <mergeCell ref="QZI734:QZL734"/>
    <mergeCell ref="QXY734:QYB734"/>
    <mergeCell ref="QYC734:QYF734"/>
    <mergeCell ref="QYG734:QYJ734"/>
    <mergeCell ref="QYK734:QYN734"/>
    <mergeCell ref="QYO734:QYR734"/>
    <mergeCell ref="RHY734:RIB734"/>
    <mergeCell ref="RIC734:RIF734"/>
    <mergeCell ref="RIG734:RIJ734"/>
    <mergeCell ref="RIK734:RIN734"/>
    <mergeCell ref="RIO734:RIR734"/>
    <mergeCell ref="RHE734:RHH734"/>
    <mergeCell ref="RHI734:RHL734"/>
    <mergeCell ref="RHM734:RHP734"/>
    <mergeCell ref="RHQ734:RHT734"/>
    <mergeCell ref="RHU734:RHX734"/>
    <mergeCell ref="RGK734:RGN734"/>
    <mergeCell ref="RGO734:RGR734"/>
    <mergeCell ref="RGS734:RGV734"/>
    <mergeCell ref="RGW734:RGZ734"/>
    <mergeCell ref="RHA734:RHD734"/>
    <mergeCell ref="RFQ734:RFT734"/>
    <mergeCell ref="RFU734:RFX734"/>
    <mergeCell ref="RFY734:RGB734"/>
    <mergeCell ref="RGC734:RGF734"/>
    <mergeCell ref="RGG734:RGJ734"/>
    <mergeCell ref="REW734:REZ734"/>
    <mergeCell ref="RFA734:RFD734"/>
    <mergeCell ref="RFE734:RFH734"/>
    <mergeCell ref="RFI734:RFL734"/>
    <mergeCell ref="RFM734:RFP734"/>
    <mergeCell ref="REC734:REF734"/>
    <mergeCell ref="REG734:REJ734"/>
    <mergeCell ref="REK734:REN734"/>
    <mergeCell ref="REO734:RER734"/>
    <mergeCell ref="RES734:REV734"/>
    <mergeCell ref="RDI734:RDL734"/>
    <mergeCell ref="RDM734:RDP734"/>
    <mergeCell ref="RDQ734:RDT734"/>
    <mergeCell ref="RDU734:RDX734"/>
    <mergeCell ref="RDY734:REB734"/>
    <mergeCell ref="RNI734:RNL734"/>
    <mergeCell ref="RNM734:RNP734"/>
    <mergeCell ref="RNQ734:RNT734"/>
    <mergeCell ref="RNU734:RNX734"/>
    <mergeCell ref="RNY734:ROB734"/>
    <mergeCell ref="RMO734:RMR734"/>
    <mergeCell ref="RMS734:RMV734"/>
    <mergeCell ref="RMW734:RMZ734"/>
    <mergeCell ref="RNA734:RND734"/>
    <mergeCell ref="RNE734:RNH734"/>
    <mergeCell ref="RLU734:RLX734"/>
    <mergeCell ref="RLY734:RMB734"/>
    <mergeCell ref="RMC734:RMF734"/>
    <mergeCell ref="RMG734:RMJ734"/>
    <mergeCell ref="RMK734:RMN734"/>
    <mergeCell ref="RLA734:RLD734"/>
    <mergeCell ref="RLE734:RLH734"/>
    <mergeCell ref="RLI734:RLL734"/>
    <mergeCell ref="RLM734:RLP734"/>
    <mergeCell ref="RLQ734:RLT734"/>
    <mergeCell ref="RKG734:RKJ734"/>
    <mergeCell ref="RKK734:RKN734"/>
    <mergeCell ref="RKO734:RKR734"/>
    <mergeCell ref="RKS734:RKV734"/>
    <mergeCell ref="RKW734:RKZ734"/>
    <mergeCell ref="RJM734:RJP734"/>
    <mergeCell ref="RJQ734:RJT734"/>
    <mergeCell ref="RJU734:RJX734"/>
    <mergeCell ref="RJY734:RKB734"/>
    <mergeCell ref="RKC734:RKF734"/>
    <mergeCell ref="RIS734:RIV734"/>
    <mergeCell ref="RIW734:RIZ734"/>
    <mergeCell ref="RJA734:RJD734"/>
    <mergeCell ref="RJE734:RJH734"/>
    <mergeCell ref="RJI734:RJL734"/>
    <mergeCell ref="RSS734:RSV734"/>
    <mergeCell ref="RSW734:RSZ734"/>
    <mergeCell ref="RTA734:RTD734"/>
    <mergeCell ref="RTE734:RTH734"/>
    <mergeCell ref="RTI734:RTL734"/>
    <mergeCell ref="RRY734:RSB734"/>
    <mergeCell ref="RSC734:RSF734"/>
    <mergeCell ref="RSG734:RSJ734"/>
    <mergeCell ref="RSK734:RSN734"/>
    <mergeCell ref="RSO734:RSR734"/>
    <mergeCell ref="RRE734:RRH734"/>
    <mergeCell ref="RRI734:RRL734"/>
    <mergeCell ref="RRM734:RRP734"/>
    <mergeCell ref="RRQ734:RRT734"/>
    <mergeCell ref="RRU734:RRX734"/>
    <mergeCell ref="RQK734:RQN734"/>
    <mergeCell ref="RQO734:RQR734"/>
    <mergeCell ref="RQS734:RQV734"/>
    <mergeCell ref="RQW734:RQZ734"/>
    <mergeCell ref="RRA734:RRD734"/>
    <mergeCell ref="RPQ734:RPT734"/>
    <mergeCell ref="RPU734:RPX734"/>
    <mergeCell ref="RPY734:RQB734"/>
    <mergeCell ref="RQC734:RQF734"/>
    <mergeCell ref="RQG734:RQJ734"/>
    <mergeCell ref="ROW734:ROZ734"/>
    <mergeCell ref="RPA734:RPD734"/>
    <mergeCell ref="RPE734:RPH734"/>
    <mergeCell ref="RPI734:RPL734"/>
    <mergeCell ref="RPM734:RPP734"/>
    <mergeCell ref="ROC734:ROF734"/>
    <mergeCell ref="ROG734:ROJ734"/>
    <mergeCell ref="ROK734:RON734"/>
    <mergeCell ref="ROO734:ROR734"/>
    <mergeCell ref="ROS734:ROV734"/>
    <mergeCell ref="RYC734:RYF734"/>
    <mergeCell ref="RYG734:RYJ734"/>
    <mergeCell ref="RYK734:RYN734"/>
    <mergeCell ref="RYO734:RYR734"/>
    <mergeCell ref="RYS734:RYV734"/>
    <mergeCell ref="RXI734:RXL734"/>
    <mergeCell ref="RXM734:RXP734"/>
    <mergeCell ref="RXQ734:RXT734"/>
    <mergeCell ref="RXU734:RXX734"/>
    <mergeCell ref="RXY734:RYB734"/>
    <mergeCell ref="RWO734:RWR734"/>
    <mergeCell ref="RWS734:RWV734"/>
    <mergeCell ref="RWW734:RWZ734"/>
    <mergeCell ref="RXA734:RXD734"/>
    <mergeCell ref="RXE734:RXH734"/>
    <mergeCell ref="RVU734:RVX734"/>
    <mergeCell ref="RVY734:RWB734"/>
    <mergeCell ref="RWC734:RWF734"/>
    <mergeCell ref="RWG734:RWJ734"/>
    <mergeCell ref="RWK734:RWN734"/>
    <mergeCell ref="RVA734:RVD734"/>
    <mergeCell ref="RVE734:RVH734"/>
    <mergeCell ref="RVI734:RVL734"/>
    <mergeCell ref="RVM734:RVP734"/>
    <mergeCell ref="RVQ734:RVT734"/>
    <mergeCell ref="RUG734:RUJ734"/>
    <mergeCell ref="RUK734:RUN734"/>
    <mergeCell ref="RUO734:RUR734"/>
    <mergeCell ref="RUS734:RUV734"/>
    <mergeCell ref="RUW734:RUZ734"/>
    <mergeCell ref="RTM734:RTP734"/>
    <mergeCell ref="RTQ734:RTT734"/>
    <mergeCell ref="RTU734:RTX734"/>
    <mergeCell ref="RTY734:RUB734"/>
    <mergeCell ref="RUC734:RUF734"/>
    <mergeCell ref="SDM734:SDP734"/>
    <mergeCell ref="SDQ734:SDT734"/>
    <mergeCell ref="SDU734:SDX734"/>
    <mergeCell ref="SDY734:SEB734"/>
    <mergeCell ref="SEC734:SEF734"/>
    <mergeCell ref="SCS734:SCV734"/>
    <mergeCell ref="SCW734:SCZ734"/>
    <mergeCell ref="SDA734:SDD734"/>
    <mergeCell ref="SDE734:SDH734"/>
    <mergeCell ref="SDI734:SDL734"/>
    <mergeCell ref="SBY734:SCB734"/>
    <mergeCell ref="SCC734:SCF734"/>
    <mergeCell ref="SCG734:SCJ734"/>
    <mergeCell ref="SCK734:SCN734"/>
    <mergeCell ref="SCO734:SCR734"/>
    <mergeCell ref="SBE734:SBH734"/>
    <mergeCell ref="SBI734:SBL734"/>
    <mergeCell ref="SBM734:SBP734"/>
    <mergeCell ref="SBQ734:SBT734"/>
    <mergeCell ref="SBU734:SBX734"/>
    <mergeCell ref="SAK734:SAN734"/>
    <mergeCell ref="SAO734:SAR734"/>
    <mergeCell ref="SAS734:SAV734"/>
    <mergeCell ref="SAW734:SAZ734"/>
    <mergeCell ref="SBA734:SBD734"/>
    <mergeCell ref="RZQ734:RZT734"/>
    <mergeCell ref="RZU734:RZX734"/>
    <mergeCell ref="RZY734:SAB734"/>
    <mergeCell ref="SAC734:SAF734"/>
    <mergeCell ref="SAG734:SAJ734"/>
    <mergeCell ref="RYW734:RYZ734"/>
    <mergeCell ref="RZA734:RZD734"/>
    <mergeCell ref="RZE734:RZH734"/>
    <mergeCell ref="RZI734:RZL734"/>
    <mergeCell ref="RZM734:RZP734"/>
    <mergeCell ref="SIW734:SIZ734"/>
    <mergeCell ref="SJA734:SJD734"/>
    <mergeCell ref="SJE734:SJH734"/>
    <mergeCell ref="SJI734:SJL734"/>
    <mergeCell ref="SJM734:SJP734"/>
    <mergeCell ref="SIC734:SIF734"/>
    <mergeCell ref="SIG734:SIJ734"/>
    <mergeCell ref="SIK734:SIN734"/>
    <mergeCell ref="SIO734:SIR734"/>
    <mergeCell ref="SIS734:SIV734"/>
    <mergeCell ref="SHI734:SHL734"/>
    <mergeCell ref="SHM734:SHP734"/>
    <mergeCell ref="SHQ734:SHT734"/>
    <mergeCell ref="SHU734:SHX734"/>
    <mergeCell ref="SHY734:SIB734"/>
    <mergeCell ref="SGO734:SGR734"/>
    <mergeCell ref="SGS734:SGV734"/>
    <mergeCell ref="SGW734:SGZ734"/>
    <mergeCell ref="SHA734:SHD734"/>
    <mergeCell ref="SHE734:SHH734"/>
    <mergeCell ref="SFU734:SFX734"/>
    <mergeCell ref="SFY734:SGB734"/>
    <mergeCell ref="SGC734:SGF734"/>
    <mergeCell ref="SGG734:SGJ734"/>
    <mergeCell ref="SGK734:SGN734"/>
    <mergeCell ref="SFA734:SFD734"/>
    <mergeCell ref="SFE734:SFH734"/>
    <mergeCell ref="SFI734:SFL734"/>
    <mergeCell ref="SFM734:SFP734"/>
    <mergeCell ref="SFQ734:SFT734"/>
    <mergeCell ref="SEG734:SEJ734"/>
    <mergeCell ref="SEK734:SEN734"/>
    <mergeCell ref="SEO734:SER734"/>
    <mergeCell ref="SES734:SEV734"/>
    <mergeCell ref="SEW734:SEZ734"/>
    <mergeCell ref="SOG734:SOJ734"/>
    <mergeCell ref="SOK734:SON734"/>
    <mergeCell ref="SOO734:SOR734"/>
    <mergeCell ref="SOS734:SOV734"/>
    <mergeCell ref="SOW734:SOZ734"/>
    <mergeCell ref="SNM734:SNP734"/>
    <mergeCell ref="SNQ734:SNT734"/>
    <mergeCell ref="SNU734:SNX734"/>
    <mergeCell ref="SNY734:SOB734"/>
    <mergeCell ref="SOC734:SOF734"/>
    <mergeCell ref="SMS734:SMV734"/>
    <mergeCell ref="SMW734:SMZ734"/>
    <mergeCell ref="SNA734:SND734"/>
    <mergeCell ref="SNE734:SNH734"/>
    <mergeCell ref="SNI734:SNL734"/>
    <mergeCell ref="SLY734:SMB734"/>
    <mergeCell ref="SMC734:SMF734"/>
    <mergeCell ref="SMG734:SMJ734"/>
    <mergeCell ref="SMK734:SMN734"/>
    <mergeCell ref="SMO734:SMR734"/>
    <mergeCell ref="SLE734:SLH734"/>
    <mergeCell ref="SLI734:SLL734"/>
    <mergeCell ref="SLM734:SLP734"/>
    <mergeCell ref="SLQ734:SLT734"/>
    <mergeCell ref="SLU734:SLX734"/>
    <mergeCell ref="SKK734:SKN734"/>
    <mergeCell ref="SKO734:SKR734"/>
    <mergeCell ref="SKS734:SKV734"/>
    <mergeCell ref="SKW734:SKZ734"/>
    <mergeCell ref="SLA734:SLD734"/>
    <mergeCell ref="SJQ734:SJT734"/>
    <mergeCell ref="SJU734:SJX734"/>
    <mergeCell ref="SJY734:SKB734"/>
    <mergeCell ref="SKC734:SKF734"/>
    <mergeCell ref="SKG734:SKJ734"/>
    <mergeCell ref="STQ734:STT734"/>
    <mergeCell ref="STU734:STX734"/>
    <mergeCell ref="STY734:SUB734"/>
    <mergeCell ref="SUC734:SUF734"/>
    <mergeCell ref="SUG734:SUJ734"/>
    <mergeCell ref="SSW734:SSZ734"/>
    <mergeCell ref="STA734:STD734"/>
    <mergeCell ref="STE734:STH734"/>
    <mergeCell ref="STI734:STL734"/>
    <mergeCell ref="STM734:STP734"/>
    <mergeCell ref="SSC734:SSF734"/>
    <mergeCell ref="SSG734:SSJ734"/>
    <mergeCell ref="SSK734:SSN734"/>
    <mergeCell ref="SSO734:SSR734"/>
    <mergeCell ref="SSS734:SSV734"/>
    <mergeCell ref="SRI734:SRL734"/>
    <mergeCell ref="SRM734:SRP734"/>
    <mergeCell ref="SRQ734:SRT734"/>
    <mergeCell ref="SRU734:SRX734"/>
    <mergeCell ref="SRY734:SSB734"/>
    <mergeCell ref="SQO734:SQR734"/>
    <mergeCell ref="SQS734:SQV734"/>
    <mergeCell ref="SQW734:SQZ734"/>
    <mergeCell ref="SRA734:SRD734"/>
    <mergeCell ref="SRE734:SRH734"/>
    <mergeCell ref="SPU734:SPX734"/>
    <mergeCell ref="SPY734:SQB734"/>
    <mergeCell ref="SQC734:SQF734"/>
    <mergeCell ref="SQG734:SQJ734"/>
    <mergeCell ref="SQK734:SQN734"/>
    <mergeCell ref="SPA734:SPD734"/>
    <mergeCell ref="SPE734:SPH734"/>
    <mergeCell ref="SPI734:SPL734"/>
    <mergeCell ref="SPM734:SPP734"/>
    <mergeCell ref="SPQ734:SPT734"/>
    <mergeCell ref="SZA734:SZD734"/>
    <mergeCell ref="SZE734:SZH734"/>
    <mergeCell ref="SZI734:SZL734"/>
    <mergeCell ref="SZM734:SZP734"/>
    <mergeCell ref="SZQ734:SZT734"/>
    <mergeCell ref="SYG734:SYJ734"/>
    <mergeCell ref="SYK734:SYN734"/>
    <mergeCell ref="SYO734:SYR734"/>
    <mergeCell ref="SYS734:SYV734"/>
    <mergeCell ref="SYW734:SYZ734"/>
    <mergeCell ref="SXM734:SXP734"/>
    <mergeCell ref="SXQ734:SXT734"/>
    <mergeCell ref="SXU734:SXX734"/>
    <mergeCell ref="SXY734:SYB734"/>
    <mergeCell ref="SYC734:SYF734"/>
    <mergeCell ref="SWS734:SWV734"/>
    <mergeCell ref="SWW734:SWZ734"/>
    <mergeCell ref="SXA734:SXD734"/>
    <mergeCell ref="SXE734:SXH734"/>
    <mergeCell ref="SXI734:SXL734"/>
    <mergeCell ref="SVY734:SWB734"/>
    <mergeCell ref="SWC734:SWF734"/>
    <mergeCell ref="SWG734:SWJ734"/>
    <mergeCell ref="SWK734:SWN734"/>
    <mergeCell ref="SWO734:SWR734"/>
    <mergeCell ref="SVE734:SVH734"/>
    <mergeCell ref="SVI734:SVL734"/>
    <mergeCell ref="SVM734:SVP734"/>
    <mergeCell ref="SVQ734:SVT734"/>
    <mergeCell ref="SVU734:SVX734"/>
    <mergeCell ref="SUK734:SUN734"/>
    <mergeCell ref="SUO734:SUR734"/>
    <mergeCell ref="SUS734:SUV734"/>
    <mergeCell ref="SUW734:SUZ734"/>
    <mergeCell ref="SVA734:SVD734"/>
    <mergeCell ref="TEK734:TEN734"/>
    <mergeCell ref="TEO734:TER734"/>
    <mergeCell ref="TES734:TEV734"/>
    <mergeCell ref="TEW734:TEZ734"/>
    <mergeCell ref="TFA734:TFD734"/>
    <mergeCell ref="TDQ734:TDT734"/>
    <mergeCell ref="TDU734:TDX734"/>
    <mergeCell ref="TDY734:TEB734"/>
    <mergeCell ref="TEC734:TEF734"/>
    <mergeCell ref="TEG734:TEJ734"/>
    <mergeCell ref="TCW734:TCZ734"/>
    <mergeCell ref="TDA734:TDD734"/>
    <mergeCell ref="TDE734:TDH734"/>
    <mergeCell ref="TDI734:TDL734"/>
    <mergeCell ref="TDM734:TDP734"/>
    <mergeCell ref="TCC734:TCF734"/>
    <mergeCell ref="TCG734:TCJ734"/>
    <mergeCell ref="TCK734:TCN734"/>
    <mergeCell ref="TCO734:TCR734"/>
    <mergeCell ref="TCS734:TCV734"/>
    <mergeCell ref="TBI734:TBL734"/>
    <mergeCell ref="TBM734:TBP734"/>
    <mergeCell ref="TBQ734:TBT734"/>
    <mergeCell ref="TBU734:TBX734"/>
    <mergeCell ref="TBY734:TCB734"/>
    <mergeCell ref="TAO734:TAR734"/>
    <mergeCell ref="TAS734:TAV734"/>
    <mergeCell ref="TAW734:TAZ734"/>
    <mergeCell ref="TBA734:TBD734"/>
    <mergeCell ref="TBE734:TBH734"/>
    <mergeCell ref="SZU734:SZX734"/>
    <mergeCell ref="SZY734:TAB734"/>
    <mergeCell ref="TAC734:TAF734"/>
    <mergeCell ref="TAG734:TAJ734"/>
    <mergeCell ref="TAK734:TAN734"/>
    <mergeCell ref="TJU734:TJX734"/>
    <mergeCell ref="TJY734:TKB734"/>
    <mergeCell ref="TKC734:TKF734"/>
    <mergeCell ref="TKG734:TKJ734"/>
    <mergeCell ref="TKK734:TKN734"/>
    <mergeCell ref="TJA734:TJD734"/>
    <mergeCell ref="TJE734:TJH734"/>
    <mergeCell ref="TJI734:TJL734"/>
    <mergeCell ref="TJM734:TJP734"/>
    <mergeCell ref="TJQ734:TJT734"/>
    <mergeCell ref="TIG734:TIJ734"/>
    <mergeCell ref="TIK734:TIN734"/>
    <mergeCell ref="TIO734:TIR734"/>
    <mergeCell ref="TIS734:TIV734"/>
    <mergeCell ref="TIW734:TIZ734"/>
    <mergeCell ref="THM734:THP734"/>
    <mergeCell ref="THQ734:THT734"/>
    <mergeCell ref="THU734:THX734"/>
    <mergeCell ref="THY734:TIB734"/>
    <mergeCell ref="TIC734:TIF734"/>
    <mergeCell ref="TGS734:TGV734"/>
    <mergeCell ref="TGW734:TGZ734"/>
    <mergeCell ref="THA734:THD734"/>
    <mergeCell ref="THE734:THH734"/>
    <mergeCell ref="THI734:THL734"/>
    <mergeCell ref="TFY734:TGB734"/>
    <mergeCell ref="TGC734:TGF734"/>
    <mergeCell ref="TGG734:TGJ734"/>
    <mergeCell ref="TGK734:TGN734"/>
    <mergeCell ref="TGO734:TGR734"/>
    <mergeCell ref="TFE734:TFH734"/>
    <mergeCell ref="TFI734:TFL734"/>
    <mergeCell ref="TFM734:TFP734"/>
    <mergeCell ref="TFQ734:TFT734"/>
    <mergeCell ref="TFU734:TFX734"/>
    <mergeCell ref="TPE734:TPH734"/>
    <mergeCell ref="TPI734:TPL734"/>
    <mergeCell ref="TPM734:TPP734"/>
    <mergeCell ref="TPQ734:TPT734"/>
    <mergeCell ref="TPU734:TPX734"/>
    <mergeCell ref="TOK734:TON734"/>
    <mergeCell ref="TOO734:TOR734"/>
    <mergeCell ref="TOS734:TOV734"/>
    <mergeCell ref="TOW734:TOZ734"/>
    <mergeCell ref="TPA734:TPD734"/>
    <mergeCell ref="TNQ734:TNT734"/>
    <mergeCell ref="TNU734:TNX734"/>
    <mergeCell ref="TNY734:TOB734"/>
    <mergeCell ref="TOC734:TOF734"/>
    <mergeCell ref="TOG734:TOJ734"/>
    <mergeCell ref="TMW734:TMZ734"/>
    <mergeCell ref="TNA734:TND734"/>
    <mergeCell ref="TNE734:TNH734"/>
    <mergeCell ref="TNI734:TNL734"/>
    <mergeCell ref="TNM734:TNP734"/>
    <mergeCell ref="TMC734:TMF734"/>
    <mergeCell ref="TMG734:TMJ734"/>
    <mergeCell ref="TMK734:TMN734"/>
    <mergeCell ref="TMO734:TMR734"/>
    <mergeCell ref="TMS734:TMV734"/>
    <mergeCell ref="TLI734:TLL734"/>
    <mergeCell ref="TLM734:TLP734"/>
    <mergeCell ref="TLQ734:TLT734"/>
    <mergeCell ref="TLU734:TLX734"/>
    <mergeCell ref="TLY734:TMB734"/>
    <mergeCell ref="TKO734:TKR734"/>
    <mergeCell ref="TKS734:TKV734"/>
    <mergeCell ref="TKW734:TKZ734"/>
    <mergeCell ref="TLA734:TLD734"/>
    <mergeCell ref="TLE734:TLH734"/>
    <mergeCell ref="TUO734:TUR734"/>
    <mergeCell ref="TUS734:TUV734"/>
    <mergeCell ref="TUW734:TUZ734"/>
    <mergeCell ref="TVA734:TVD734"/>
    <mergeCell ref="TVE734:TVH734"/>
    <mergeCell ref="TTU734:TTX734"/>
    <mergeCell ref="TTY734:TUB734"/>
    <mergeCell ref="TUC734:TUF734"/>
    <mergeCell ref="TUG734:TUJ734"/>
    <mergeCell ref="TUK734:TUN734"/>
    <mergeCell ref="TTA734:TTD734"/>
    <mergeCell ref="TTE734:TTH734"/>
    <mergeCell ref="TTI734:TTL734"/>
    <mergeCell ref="TTM734:TTP734"/>
    <mergeCell ref="TTQ734:TTT734"/>
    <mergeCell ref="TSG734:TSJ734"/>
    <mergeCell ref="TSK734:TSN734"/>
    <mergeCell ref="TSO734:TSR734"/>
    <mergeCell ref="TSS734:TSV734"/>
    <mergeCell ref="TSW734:TSZ734"/>
    <mergeCell ref="TRM734:TRP734"/>
    <mergeCell ref="TRQ734:TRT734"/>
    <mergeCell ref="TRU734:TRX734"/>
    <mergeCell ref="TRY734:TSB734"/>
    <mergeCell ref="TSC734:TSF734"/>
    <mergeCell ref="TQS734:TQV734"/>
    <mergeCell ref="TQW734:TQZ734"/>
    <mergeCell ref="TRA734:TRD734"/>
    <mergeCell ref="TRE734:TRH734"/>
    <mergeCell ref="TRI734:TRL734"/>
    <mergeCell ref="TPY734:TQB734"/>
    <mergeCell ref="TQC734:TQF734"/>
    <mergeCell ref="TQG734:TQJ734"/>
    <mergeCell ref="TQK734:TQN734"/>
    <mergeCell ref="TQO734:TQR734"/>
    <mergeCell ref="TZY734:UAB734"/>
    <mergeCell ref="UAC734:UAF734"/>
    <mergeCell ref="UAG734:UAJ734"/>
    <mergeCell ref="UAK734:UAN734"/>
    <mergeCell ref="UAO734:UAR734"/>
    <mergeCell ref="TZE734:TZH734"/>
    <mergeCell ref="TZI734:TZL734"/>
    <mergeCell ref="TZM734:TZP734"/>
    <mergeCell ref="TZQ734:TZT734"/>
    <mergeCell ref="TZU734:TZX734"/>
    <mergeCell ref="TYK734:TYN734"/>
    <mergeCell ref="TYO734:TYR734"/>
    <mergeCell ref="TYS734:TYV734"/>
    <mergeCell ref="TYW734:TYZ734"/>
    <mergeCell ref="TZA734:TZD734"/>
    <mergeCell ref="TXQ734:TXT734"/>
    <mergeCell ref="TXU734:TXX734"/>
    <mergeCell ref="TXY734:TYB734"/>
    <mergeCell ref="TYC734:TYF734"/>
    <mergeCell ref="TYG734:TYJ734"/>
    <mergeCell ref="TWW734:TWZ734"/>
    <mergeCell ref="TXA734:TXD734"/>
    <mergeCell ref="TXE734:TXH734"/>
    <mergeCell ref="TXI734:TXL734"/>
    <mergeCell ref="TXM734:TXP734"/>
    <mergeCell ref="TWC734:TWF734"/>
    <mergeCell ref="TWG734:TWJ734"/>
    <mergeCell ref="TWK734:TWN734"/>
    <mergeCell ref="TWO734:TWR734"/>
    <mergeCell ref="TWS734:TWV734"/>
    <mergeCell ref="TVI734:TVL734"/>
    <mergeCell ref="TVM734:TVP734"/>
    <mergeCell ref="TVQ734:TVT734"/>
    <mergeCell ref="TVU734:TVX734"/>
    <mergeCell ref="TVY734:TWB734"/>
    <mergeCell ref="UFI734:UFL734"/>
    <mergeCell ref="UFM734:UFP734"/>
    <mergeCell ref="UFQ734:UFT734"/>
    <mergeCell ref="UFU734:UFX734"/>
    <mergeCell ref="UFY734:UGB734"/>
    <mergeCell ref="UEO734:UER734"/>
    <mergeCell ref="UES734:UEV734"/>
    <mergeCell ref="UEW734:UEZ734"/>
    <mergeCell ref="UFA734:UFD734"/>
    <mergeCell ref="UFE734:UFH734"/>
    <mergeCell ref="UDU734:UDX734"/>
    <mergeCell ref="UDY734:UEB734"/>
    <mergeCell ref="UEC734:UEF734"/>
    <mergeCell ref="UEG734:UEJ734"/>
    <mergeCell ref="UEK734:UEN734"/>
    <mergeCell ref="UDA734:UDD734"/>
    <mergeCell ref="UDE734:UDH734"/>
    <mergeCell ref="UDI734:UDL734"/>
    <mergeCell ref="UDM734:UDP734"/>
    <mergeCell ref="UDQ734:UDT734"/>
    <mergeCell ref="UCG734:UCJ734"/>
    <mergeCell ref="UCK734:UCN734"/>
    <mergeCell ref="UCO734:UCR734"/>
    <mergeCell ref="UCS734:UCV734"/>
    <mergeCell ref="UCW734:UCZ734"/>
    <mergeCell ref="UBM734:UBP734"/>
    <mergeCell ref="UBQ734:UBT734"/>
    <mergeCell ref="UBU734:UBX734"/>
    <mergeCell ref="UBY734:UCB734"/>
    <mergeCell ref="UCC734:UCF734"/>
    <mergeCell ref="UAS734:UAV734"/>
    <mergeCell ref="UAW734:UAZ734"/>
    <mergeCell ref="UBA734:UBD734"/>
    <mergeCell ref="UBE734:UBH734"/>
    <mergeCell ref="UBI734:UBL734"/>
    <mergeCell ref="UKS734:UKV734"/>
    <mergeCell ref="UKW734:UKZ734"/>
    <mergeCell ref="ULA734:ULD734"/>
    <mergeCell ref="ULE734:ULH734"/>
    <mergeCell ref="ULI734:ULL734"/>
    <mergeCell ref="UJY734:UKB734"/>
    <mergeCell ref="UKC734:UKF734"/>
    <mergeCell ref="UKG734:UKJ734"/>
    <mergeCell ref="UKK734:UKN734"/>
    <mergeCell ref="UKO734:UKR734"/>
    <mergeCell ref="UJE734:UJH734"/>
    <mergeCell ref="UJI734:UJL734"/>
    <mergeCell ref="UJM734:UJP734"/>
    <mergeCell ref="UJQ734:UJT734"/>
    <mergeCell ref="UJU734:UJX734"/>
    <mergeCell ref="UIK734:UIN734"/>
    <mergeCell ref="UIO734:UIR734"/>
    <mergeCell ref="UIS734:UIV734"/>
    <mergeCell ref="UIW734:UIZ734"/>
    <mergeCell ref="UJA734:UJD734"/>
    <mergeCell ref="UHQ734:UHT734"/>
    <mergeCell ref="UHU734:UHX734"/>
    <mergeCell ref="UHY734:UIB734"/>
    <mergeCell ref="UIC734:UIF734"/>
    <mergeCell ref="UIG734:UIJ734"/>
    <mergeCell ref="UGW734:UGZ734"/>
    <mergeCell ref="UHA734:UHD734"/>
    <mergeCell ref="UHE734:UHH734"/>
    <mergeCell ref="UHI734:UHL734"/>
    <mergeCell ref="UHM734:UHP734"/>
    <mergeCell ref="UGC734:UGF734"/>
    <mergeCell ref="UGG734:UGJ734"/>
    <mergeCell ref="UGK734:UGN734"/>
    <mergeCell ref="UGO734:UGR734"/>
    <mergeCell ref="UGS734:UGV734"/>
    <mergeCell ref="UQC734:UQF734"/>
    <mergeCell ref="UQG734:UQJ734"/>
    <mergeCell ref="UQK734:UQN734"/>
    <mergeCell ref="UQO734:UQR734"/>
    <mergeCell ref="UQS734:UQV734"/>
    <mergeCell ref="UPI734:UPL734"/>
    <mergeCell ref="UPM734:UPP734"/>
    <mergeCell ref="UPQ734:UPT734"/>
    <mergeCell ref="UPU734:UPX734"/>
    <mergeCell ref="UPY734:UQB734"/>
    <mergeCell ref="UOO734:UOR734"/>
    <mergeCell ref="UOS734:UOV734"/>
    <mergeCell ref="UOW734:UOZ734"/>
    <mergeCell ref="UPA734:UPD734"/>
    <mergeCell ref="UPE734:UPH734"/>
    <mergeCell ref="UNU734:UNX734"/>
    <mergeCell ref="UNY734:UOB734"/>
    <mergeCell ref="UOC734:UOF734"/>
    <mergeCell ref="UOG734:UOJ734"/>
    <mergeCell ref="UOK734:UON734"/>
    <mergeCell ref="UNA734:UND734"/>
    <mergeCell ref="UNE734:UNH734"/>
    <mergeCell ref="UNI734:UNL734"/>
    <mergeCell ref="UNM734:UNP734"/>
    <mergeCell ref="UNQ734:UNT734"/>
    <mergeCell ref="UMG734:UMJ734"/>
    <mergeCell ref="UMK734:UMN734"/>
    <mergeCell ref="UMO734:UMR734"/>
    <mergeCell ref="UMS734:UMV734"/>
    <mergeCell ref="UMW734:UMZ734"/>
    <mergeCell ref="ULM734:ULP734"/>
    <mergeCell ref="ULQ734:ULT734"/>
    <mergeCell ref="ULU734:ULX734"/>
    <mergeCell ref="ULY734:UMB734"/>
    <mergeCell ref="UMC734:UMF734"/>
    <mergeCell ref="UVM734:UVP734"/>
    <mergeCell ref="UVQ734:UVT734"/>
    <mergeCell ref="UVU734:UVX734"/>
    <mergeCell ref="UVY734:UWB734"/>
    <mergeCell ref="UWC734:UWF734"/>
    <mergeCell ref="UUS734:UUV734"/>
    <mergeCell ref="UUW734:UUZ734"/>
    <mergeCell ref="UVA734:UVD734"/>
    <mergeCell ref="UVE734:UVH734"/>
    <mergeCell ref="UVI734:UVL734"/>
    <mergeCell ref="UTY734:UUB734"/>
    <mergeCell ref="UUC734:UUF734"/>
    <mergeCell ref="UUG734:UUJ734"/>
    <mergeCell ref="UUK734:UUN734"/>
    <mergeCell ref="UUO734:UUR734"/>
    <mergeCell ref="UTE734:UTH734"/>
    <mergeCell ref="UTI734:UTL734"/>
    <mergeCell ref="UTM734:UTP734"/>
    <mergeCell ref="UTQ734:UTT734"/>
    <mergeCell ref="UTU734:UTX734"/>
    <mergeCell ref="USK734:USN734"/>
    <mergeCell ref="USO734:USR734"/>
    <mergeCell ref="USS734:USV734"/>
    <mergeCell ref="USW734:USZ734"/>
    <mergeCell ref="UTA734:UTD734"/>
    <mergeCell ref="URQ734:URT734"/>
    <mergeCell ref="URU734:URX734"/>
    <mergeCell ref="URY734:USB734"/>
    <mergeCell ref="USC734:USF734"/>
    <mergeCell ref="USG734:USJ734"/>
    <mergeCell ref="UQW734:UQZ734"/>
    <mergeCell ref="URA734:URD734"/>
    <mergeCell ref="URE734:URH734"/>
    <mergeCell ref="URI734:URL734"/>
    <mergeCell ref="URM734:URP734"/>
    <mergeCell ref="VAW734:VAZ734"/>
    <mergeCell ref="VBA734:VBD734"/>
    <mergeCell ref="VBE734:VBH734"/>
    <mergeCell ref="VBI734:VBL734"/>
    <mergeCell ref="VBM734:VBP734"/>
    <mergeCell ref="VAC734:VAF734"/>
    <mergeCell ref="VAG734:VAJ734"/>
    <mergeCell ref="VAK734:VAN734"/>
    <mergeCell ref="VAO734:VAR734"/>
    <mergeCell ref="VAS734:VAV734"/>
    <mergeCell ref="UZI734:UZL734"/>
    <mergeCell ref="UZM734:UZP734"/>
    <mergeCell ref="UZQ734:UZT734"/>
    <mergeCell ref="UZU734:UZX734"/>
    <mergeCell ref="UZY734:VAB734"/>
    <mergeCell ref="UYO734:UYR734"/>
    <mergeCell ref="UYS734:UYV734"/>
    <mergeCell ref="UYW734:UYZ734"/>
    <mergeCell ref="UZA734:UZD734"/>
    <mergeCell ref="UZE734:UZH734"/>
    <mergeCell ref="UXU734:UXX734"/>
    <mergeCell ref="UXY734:UYB734"/>
    <mergeCell ref="UYC734:UYF734"/>
    <mergeCell ref="UYG734:UYJ734"/>
    <mergeCell ref="UYK734:UYN734"/>
    <mergeCell ref="UXA734:UXD734"/>
    <mergeCell ref="UXE734:UXH734"/>
    <mergeCell ref="UXI734:UXL734"/>
    <mergeCell ref="UXM734:UXP734"/>
    <mergeCell ref="UXQ734:UXT734"/>
    <mergeCell ref="UWG734:UWJ734"/>
    <mergeCell ref="UWK734:UWN734"/>
    <mergeCell ref="UWO734:UWR734"/>
    <mergeCell ref="UWS734:UWV734"/>
    <mergeCell ref="UWW734:UWZ734"/>
    <mergeCell ref="VGG734:VGJ734"/>
    <mergeCell ref="VGK734:VGN734"/>
    <mergeCell ref="VGO734:VGR734"/>
    <mergeCell ref="VGS734:VGV734"/>
    <mergeCell ref="VGW734:VGZ734"/>
    <mergeCell ref="VFM734:VFP734"/>
    <mergeCell ref="VFQ734:VFT734"/>
    <mergeCell ref="VFU734:VFX734"/>
    <mergeCell ref="VFY734:VGB734"/>
    <mergeCell ref="VGC734:VGF734"/>
    <mergeCell ref="VES734:VEV734"/>
    <mergeCell ref="VEW734:VEZ734"/>
    <mergeCell ref="VFA734:VFD734"/>
    <mergeCell ref="VFE734:VFH734"/>
    <mergeCell ref="VFI734:VFL734"/>
    <mergeCell ref="VDY734:VEB734"/>
    <mergeCell ref="VEC734:VEF734"/>
    <mergeCell ref="VEG734:VEJ734"/>
    <mergeCell ref="VEK734:VEN734"/>
    <mergeCell ref="VEO734:VER734"/>
    <mergeCell ref="VDE734:VDH734"/>
    <mergeCell ref="VDI734:VDL734"/>
    <mergeCell ref="VDM734:VDP734"/>
    <mergeCell ref="VDQ734:VDT734"/>
    <mergeCell ref="VDU734:VDX734"/>
    <mergeCell ref="VCK734:VCN734"/>
    <mergeCell ref="VCO734:VCR734"/>
    <mergeCell ref="VCS734:VCV734"/>
    <mergeCell ref="VCW734:VCZ734"/>
    <mergeCell ref="VDA734:VDD734"/>
    <mergeCell ref="VBQ734:VBT734"/>
    <mergeCell ref="VBU734:VBX734"/>
    <mergeCell ref="VBY734:VCB734"/>
    <mergeCell ref="VCC734:VCF734"/>
    <mergeCell ref="VCG734:VCJ734"/>
    <mergeCell ref="VLQ734:VLT734"/>
    <mergeCell ref="VLU734:VLX734"/>
    <mergeCell ref="VLY734:VMB734"/>
    <mergeCell ref="VMC734:VMF734"/>
    <mergeCell ref="VMG734:VMJ734"/>
    <mergeCell ref="VKW734:VKZ734"/>
    <mergeCell ref="VLA734:VLD734"/>
    <mergeCell ref="VLE734:VLH734"/>
    <mergeCell ref="VLI734:VLL734"/>
    <mergeCell ref="VLM734:VLP734"/>
    <mergeCell ref="VKC734:VKF734"/>
    <mergeCell ref="VKG734:VKJ734"/>
    <mergeCell ref="VKK734:VKN734"/>
    <mergeCell ref="VKO734:VKR734"/>
    <mergeCell ref="VKS734:VKV734"/>
    <mergeCell ref="VJI734:VJL734"/>
    <mergeCell ref="VJM734:VJP734"/>
    <mergeCell ref="VJQ734:VJT734"/>
    <mergeCell ref="VJU734:VJX734"/>
    <mergeCell ref="VJY734:VKB734"/>
    <mergeCell ref="VIO734:VIR734"/>
    <mergeCell ref="VIS734:VIV734"/>
    <mergeCell ref="VIW734:VIZ734"/>
    <mergeCell ref="VJA734:VJD734"/>
    <mergeCell ref="VJE734:VJH734"/>
    <mergeCell ref="VHU734:VHX734"/>
    <mergeCell ref="VHY734:VIB734"/>
    <mergeCell ref="VIC734:VIF734"/>
    <mergeCell ref="VIG734:VIJ734"/>
    <mergeCell ref="VIK734:VIN734"/>
    <mergeCell ref="VHA734:VHD734"/>
    <mergeCell ref="VHE734:VHH734"/>
    <mergeCell ref="VHI734:VHL734"/>
    <mergeCell ref="VHM734:VHP734"/>
    <mergeCell ref="VHQ734:VHT734"/>
    <mergeCell ref="VRA734:VRD734"/>
    <mergeCell ref="VRE734:VRH734"/>
    <mergeCell ref="VRI734:VRL734"/>
    <mergeCell ref="VRM734:VRP734"/>
    <mergeCell ref="VRQ734:VRT734"/>
    <mergeCell ref="VQG734:VQJ734"/>
    <mergeCell ref="VQK734:VQN734"/>
    <mergeCell ref="VQO734:VQR734"/>
    <mergeCell ref="VQS734:VQV734"/>
    <mergeCell ref="VQW734:VQZ734"/>
    <mergeCell ref="VPM734:VPP734"/>
    <mergeCell ref="VPQ734:VPT734"/>
    <mergeCell ref="VPU734:VPX734"/>
    <mergeCell ref="VPY734:VQB734"/>
    <mergeCell ref="VQC734:VQF734"/>
    <mergeCell ref="VOS734:VOV734"/>
    <mergeCell ref="VOW734:VOZ734"/>
    <mergeCell ref="VPA734:VPD734"/>
    <mergeCell ref="VPE734:VPH734"/>
    <mergeCell ref="VPI734:VPL734"/>
    <mergeCell ref="VNY734:VOB734"/>
    <mergeCell ref="VOC734:VOF734"/>
    <mergeCell ref="VOG734:VOJ734"/>
    <mergeCell ref="VOK734:VON734"/>
    <mergeCell ref="VOO734:VOR734"/>
    <mergeCell ref="VNE734:VNH734"/>
    <mergeCell ref="VNI734:VNL734"/>
    <mergeCell ref="VNM734:VNP734"/>
    <mergeCell ref="VNQ734:VNT734"/>
    <mergeCell ref="VNU734:VNX734"/>
    <mergeCell ref="VMK734:VMN734"/>
    <mergeCell ref="VMO734:VMR734"/>
    <mergeCell ref="VMS734:VMV734"/>
    <mergeCell ref="VMW734:VMZ734"/>
    <mergeCell ref="VNA734:VND734"/>
    <mergeCell ref="VWK734:VWN734"/>
    <mergeCell ref="VWO734:VWR734"/>
    <mergeCell ref="VWS734:VWV734"/>
    <mergeCell ref="VWW734:VWZ734"/>
    <mergeCell ref="VXA734:VXD734"/>
    <mergeCell ref="VVQ734:VVT734"/>
    <mergeCell ref="VVU734:VVX734"/>
    <mergeCell ref="VVY734:VWB734"/>
    <mergeCell ref="VWC734:VWF734"/>
    <mergeCell ref="VWG734:VWJ734"/>
    <mergeCell ref="VUW734:VUZ734"/>
    <mergeCell ref="VVA734:VVD734"/>
    <mergeCell ref="VVE734:VVH734"/>
    <mergeCell ref="VVI734:VVL734"/>
    <mergeCell ref="VVM734:VVP734"/>
    <mergeCell ref="VUC734:VUF734"/>
    <mergeCell ref="VUG734:VUJ734"/>
    <mergeCell ref="VUK734:VUN734"/>
    <mergeCell ref="VUO734:VUR734"/>
    <mergeCell ref="VUS734:VUV734"/>
    <mergeCell ref="VTI734:VTL734"/>
    <mergeCell ref="VTM734:VTP734"/>
    <mergeCell ref="VTQ734:VTT734"/>
    <mergeCell ref="VTU734:VTX734"/>
    <mergeCell ref="VTY734:VUB734"/>
    <mergeCell ref="VSO734:VSR734"/>
    <mergeCell ref="VSS734:VSV734"/>
    <mergeCell ref="VSW734:VSZ734"/>
    <mergeCell ref="VTA734:VTD734"/>
    <mergeCell ref="VTE734:VTH734"/>
    <mergeCell ref="VRU734:VRX734"/>
    <mergeCell ref="VRY734:VSB734"/>
    <mergeCell ref="VSC734:VSF734"/>
    <mergeCell ref="VSG734:VSJ734"/>
    <mergeCell ref="VSK734:VSN734"/>
    <mergeCell ref="WBU734:WBX734"/>
    <mergeCell ref="WBY734:WCB734"/>
    <mergeCell ref="WCC734:WCF734"/>
    <mergeCell ref="WCG734:WCJ734"/>
    <mergeCell ref="WCK734:WCN734"/>
    <mergeCell ref="WBA734:WBD734"/>
    <mergeCell ref="WBE734:WBH734"/>
    <mergeCell ref="WBI734:WBL734"/>
    <mergeCell ref="WBM734:WBP734"/>
    <mergeCell ref="WBQ734:WBT734"/>
    <mergeCell ref="WAG734:WAJ734"/>
    <mergeCell ref="WAK734:WAN734"/>
    <mergeCell ref="WAO734:WAR734"/>
    <mergeCell ref="WAS734:WAV734"/>
    <mergeCell ref="WAW734:WAZ734"/>
    <mergeCell ref="VZM734:VZP734"/>
    <mergeCell ref="VZQ734:VZT734"/>
    <mergeCell ref="VZU734:VZX734"/>
    <mergeCell ref="VZY734:WAB734"/>
    <mergeCell ref="WAC734:WAF734"/>
    <mergeCell ref="VYS734:VYV734"/>
    <mergeCell ref="VYW734:VYZ734"/>
    <mergeCell ref="VZA734:VZD734"/>
    <mergeCell ref="VZE734:VZH734"/>
    <mergeCell ref="VZI734:VZL734"/>
    <mergeCell ref="VXY734:VYB734"/>
    <mergeCell ref="VYC734:VYF734"/>
    <mergeCell ref="VYG734:VYJ734"/>
    <mergeCell ref="VYK734:VYN734"/>
    <mergeCell ref="VYO734:VYR734"/>
    <mergeCell ref="VXE734:VXH734"/>
    <mergeCell ref="VXI734:VXL734"/>
    <mergeCell ref="VXM734:VXP734"/>
    <mergeCell ref="VXQ734:VXT734"/>
    <mergeCell ref="VXU734:VXX734"/>
    <mergeCell ref="WHE734:WHH734"/>
    <mergeCell ref="WHI734:WHL734"/>
    <mergeCell ref="WHM734:WHP734"/>
    <mergeCell ref="WHQ734:WHT734"/>
    <mergeCell ref="WHU734:WHX734"/>
    <mergeCell ref="WGK734:WGN734"/>
    <mergeCell ref="WGO734:WGR734"/>
    <mergeCell ref="WGS734:WGV734"/>
    <mergeCell ref="WGW734:WGZ734"/>
    <mergeCell ref="WHA734:WHD734"/>
    <mergeCell ref="WFQ734:WFT734"/>
    <mergeCell ref="WFU734:WFX734"/>
    <mergeCell ref="WFY734:WGB734"/>
    <mergeCell ref="WGC734:WGF734"/>
    <mergeCell ref="WGG734:WGJ734"/>
    <mergeCell ref="WEW734:WEZ734"/>
    <mergeCell ref="WFA734:WFD734"/>
    <mergeCell ref="WFE734:WFH734"/>
    <mergeCell ref="WFI734:WFL734"/>
    <mergeCell ref="WFM734:WFP734"/>
    <mergeCell ref="WEC734:WEF734"/>
    <mergeCell ref="WEG734:WEJ734"/>
    <mergeCell ref="WEK734:WEN734"/>
    <mergeCell ref="WEO734:WER734"/>
    <mergeCell ref="WES734:WEV734"/>
    <mergeCell ref="WDI734:WDL734"/>
    <mergeCell ref="WDM734:WDP734"/>
    <mergeCell ref="WDQ734:WDT734"/>
    <mergeCell ref="WDU734:WDX734"/>
    <mergeCell ref="WDY734:WEB734"/>
    <mergeCell ref="WCO734:WCR734"/>
    <mergeCell ref="WCS734:WCV734"/>
    <mergeCell ref="WCW734:WCZ734"/>
    <mergeCell ref="WDA734:WDD734"/>
    <mergeCell ref="WDE734:WDH734"/>
    <mergeCell ref="WMO734:WMR734"/>
    <mergeCell ref="WMS734:WMV734"/>
    <mergeCell ref="WMW734:WMZ734"/>
    <mergeCell ref="WNA734:WND734"/>
    <mergeCell ref="WNE734:WNH734"/>
    <mergeCell ref="WLU734:WLX734"/>
    <mergeCell ref="WLY734:WMB734"/>
    <mergeCell ref="WMC734:WMF734"/>
    <mergeCell ref="WMG734:WMJ734"/>
    <mergeCell ref="WMK734:WMN734"/>
    <mergeCell ref="WLA734:WLD734"/>
    <mergeCell ref="WLE734:WLH734"/>
    <mergeCell ref="WLI734:WLL734"/>
    <mergeCell ref="WLM734:WLP734"/>
    <mergeCell ref="WLQ734:WLT734"/>
    <mergeCell ref="WKG734:WKJ734"/>
    <mergeCell ref="WKK734:WKN734"/>
    <mergeCell ref="WKO734:WKR734"/>
    <mergeCell ref="WKS734:WKV734"/>
    <mergeCell ref="WKW734:WKZ734"/>
    <mergeCell ref="WJM734:WJP734"/>
    <mergeCell ref="WJQ734:WJT734"/>
    <mergeCell ref="WJU734:WJX734"/>
    <mergeCell ref="WJY734:WKB734"/>
    <mergeCell ref="WKC734:WKF734"/>
    <mergeCell ref="WIS734:WIV734"/>
    <mergeCell ref="WIW734:WIZ734"/>
    <mergeCell ref="WJA734:WJD734"/>
    <mergeCell ref="WJE734:WJH734"/>
    <mergeCell ref="WJI734:WJL734"/>
    <mergeCell ref="WHY734:WIB734"/>
    <mergeCell ref="WIC734:WIF734"/>
    <mergeCell ref="WIG734:WIJ734"/>
    <mergeCell ref="WIK734:WIN734"/>
    <mergeCell ref="WIO734:WIR734"/>
    <mergeCell ref="WRY734:WSB734"/>
    <mergeCell ref="WSC734:WSF734"/>
    <mergeCell ref="WSG734:WSJ734"/>
    <mergeCell ref="WSK734:WSN734"/>
    <mergeCell ref="WSO734:WSR734"/>
    <mergeCell ref="WRE734:WRH734"/>
    <mergeCell ref="WRI734:WRL734"/>
    <mergeCell ref="WRM734:WRP734"/>
    <mergeCell ref="WRQ734:WRT734"/>
    <mergeCell ref="WRU734:WRX734"/>
    <mergeCell ref="WQK734:WQN734"/>
    <mergeCell ref="WQO734:WQR734"/>
    <mergeCell ref="WQS734:WQV734"/>
    <mergeCell ref="WQW734:WQZ734"/>
    <mergeCell ref="WRA734:WRD734"/>
    <mergeCell ref="WPQ734:WPT734"/>
    <mergeCell ref="WPU734:WPX734"/>
    <mergeCell ref="WPY734:WQB734"/>
    <mergeCell ref="WQC734:WQF734"/>
    <mergeCell ref="WQG734:WQJ734"/>
    <mergeCell ref="WOW734:WOZ734"/>
    <mergeCell ref="WPA734:WPD734"/>
    <mergeCell ref="WPE734:WPH734"/>
    <mergeCell ref="WPI734:WPL734"/>
    <mergeCell ref="WPM734:WPP734"/>
    <mergeCell ref="WOC734:WOF734"/>
    <mergeCell ref="WOG734:WOJ734"/>
    <mergeCell ref="WOK734:WON734"/>
    <mergeCell ref="WOO734:WOR734"/>
    <mergeCell ref="WOS734:WOV734"/>
    <mergeCell ref="WNI734:WNL734"/>
    <mergeCell ref="WNM734:WNP734"/>
    <mergeCell ref="WNQ734:WNT734"/>
    <mergeCell ref="WNU734:WNX734"/>
    <mergeCell ref="WNY734:WOB734"/>
    <mergeCell ref="WYO734:WYR734"/>
    <mergeCell ref="WYS734:WYV734"/>
    <mergeCell ref="WXI734:WXL734"/>
    <mergeCell ref="WXM734:WXP734"/>
    <mergeCell ref="WXQ734:WXT734"/>
    <mergeCell ref="WXU734:WXX734"/>
    <mergeCell ref="WXY734:WYB734"/>
    <mergeCell ref="WWO734:WWR734"/>
    <mergeCell ref="WWS734:WWV734"/>
    <mergeCell ref="WWW734:WWZ734"/>
    <mergeCell ref="WXA734:WXD734"/>
    <mergeCell ref="WXE734:WXH734"/>
    <mergeCell ref="WVU734:WVX734"/>
    <mergeCell ref="WVY734:WWB734"/>
    <mergeCell ref="WWC734:WWF734"/>
    <mergeCell ref="WWG734:WWJ734"/>
    <mergeCell ref="WWK734:WWN734"/>
    <mergeCell ref="WVA734:WVD734"/>
    <mergeCell ref="WVE734:WVH734"/>
    <mergeCell ref="WVI734:WVL734"/>
    <mergeCell ref="WVM734:WVP734"/>
    <mergeCell ref="WVQ734:WVT734"/>
    <mergeCell ref="WUG734:WUJ734"/>
    <mergeCell ref="WUK734:WUN734"/>
    <mergeCell ref="WUO734:WUR734"/>
    <mergeCell ref="WUS734:WUV734"/>
    <mergeCell ref="WUW734:WUZ734"/>
    <mergeCell ref="WTM734:WTP734"/>
    <mergeCell ref="WTQ734:WTT734"/>
    <mergeCell ref="WTU734:WTX734"/>
    <mergeCell ref="WTY734:WUB734"/>
    <mergeCell ref="WUC734:WUF734"/>
    <mergeCell ref="WSS734:WSV734"/>
    <mergeCell ref="WSW734:WSZ734"/>
    <mergeCell ref="WTA734:WTD734"/>
    <mergeCell ref="WTE734:WTH734"/>
    <mergeCell ref="WTI734:WTL734"/>
    <mergeCell ref="BI735:BL735"/>
    <mergeCell ref="BM735:BP735"/>
    <mergeCell ref="BQ735:BT735"/>
    <mergeCell ref="BU735:BX735"/>
    <mergeCell ref="BY735:CB735"/>
    <mergeCell ref="XFA734:XFD734"/>
    <mergeCell ref="A735:D735"/>
    <mergeCell ref="E735:H735"/>
    <mergeCell ref="I735:L735"/>
    <mergeCell ref="M735:P735"/>
    <mergeCell ref="Q735:T735"/>
    <mergeCell ref="U735:X735"/>
    <mergeCell ref="Y735:AB735"/>
    <mergeCell ref="AC735:AF735"/>
    <mergeCell ref="AG735:AJ735"/>
    <mergeCell ref="AK735:AN735"/>
    <mergeCell ref="AO735:AR735"/>
    <mergeCell ref="AS735:AV735"/>
    <mergeCell ref="AW735:AZ735"/>
    <mergeCell ref="BA735:BD735"/>
    <mergeCell ref="BE735:BH735"/>
    <mergeCell ref="XEG734:XEJ734"/>
    <mergeCell ref="XEK734:XEN734"/>
    <mergeCell ref="XEO734:XER734"/>
    <mergeCell ref="XES734:XEV734"/>
    <mergeCell ref="XEW734:XEZ734"/>
    <mergeCell ref="XDM734:XDP734"/>
    <mergeCell ref="XDQ734:XDT734"/>
    <mergeCell ref="XDU734:XDX734"/>
    <mergeCell ref="XDY734:XEB734"/>
    <mergeCell ref="XEC734:XEF734"/>
    <mergeCell ref="XCS734:XCV734"/>
    <mergeCell ref="XCW734:XCZ734"/>
    <mergeCell ref="XDA734:XDD734"/>
    <mergeCell ref="XDE734:XDH734"/>
    <mergeCell ref="XDI734:XDL734"/>
    <mergeCell ref="XBY734:XCB734"/>
    <mergeCell ref="XCC734:XCF734"/>
    <mergeCell ref="XCG734:XCJ734"/>
    <mergeCell ref="XCK734:XCN734"/>
    <mergeCell ref="XCO734:XCR734"/>
    <mergeCell ref="XBE734:XBH734"/>
    <mergeCell ref="XBI734:XBL734"/>
    <mergeCell ref="XBM734:XBP734"/>
    <mergeCell ref="XBQ734:XBT734"/>
    <mergeCell ref="XBU734:XBX734"/>
    <mergeCell ref="XAK734:XAN734"/>
    <mergeCell ref="XAO734:XAR734"/>
    <mergeCell ref="XAS734:XAV734"/>
    <mergeCell ref="XAW734:XAZ734"/>
    <mergeCell ref="XBA734:XBD734"/>
    <mergeCell ref="WZQ734:WZT734"/>
    <mergeCell ref="WZU734:WZX734"/>
    <mergeCell ref="WZY734:XAB734"/>
    <mergeCell ref="XAC734:XAF734"/>
    <mergeCell ref="XAG734:XAJ734"/>
    <mergeCell ref="WYW734:WYZ734"/>
    <mergeCell ref="WZA734:WZD734"/>
    <mergeCell ref="WZE734:WZH734"/>
    <mergeCell ref="WZI734:WZL734"/>
    <mergeCell ref="WZM734:WZP734"/>
    <mergeCell ref="WYC734:WYF734"/>
    <mergeCell ref="WYG734:WYJ734"/>
    <mergeCell ref="WYK734:WYN734"/>
    <mergeCell ref="GS735:GV735"/>
    <mergeCell ref="GW735:GZ735"/>
    <mergeCell ref="HA735:HD735"/>
    <mergeCell ref="HE735:HH735"/>
    <mergeCell ref="HI735:HL735"/>
    <mergeCell ref="FY735:GB735"/>
    <mergeCell ref="GC735:GF735"/>
    <mergeCell ref="GG735:GJ735"/>
    <mergeCell ref="GK735:GN735"/>
    <mergeCell ref="GO735:GR735"/>
    <mergeCell ref="FE735:FH735"/>
    <mergeCell ref="FI735:FL735"/>
    <mergeCell ref="FM735:FP735"/>
    <mergeCell ref="FQ735:FT735"/>
    <mergeCell ref="FU735:FX735"/>
    <mergeCell ref="EK735:EN735"/>
    <mergeCell ref="EO735:ER735"/>
    <mergeCell ref="ES735:EV735"/>
    <mergeCell ref="EW735:EZ735"/>
    <mergeCell ref="FA735:FD735"/>
    <mergeCell ref="DQ735:DT735"/>
    <mergeCell ref="DU735:DX735"/>
    <mergeCell ref="DY735:EB735"/>
    <mergeCell ref="EC735:EF735"/>
    <mergeCell ref="EG735:EJ735"/>
    <mergeCell ref="CW735:CZ735"/>
    <mergeCell ref="DA735:DD735"/>
    <mergeCell ref="DE735:DH735"/>
    <mergeCell ref="DI735:DL735"/>
    <mergeCell ref="DM735:DP735"/>
    <mergeCell ref="CC735:CF735"/>
    <mergeCell ref="CG735:CJ735"/>
    <mergeCell ref="CK735:CN735"/>
    <mergeCell ref="CO735:CR735"/>
    <mergeCell ref="CS735:CV735"/>
    <mergeCell ref="MC735:MF735"/>
    <mergeCell ref="MG735:MJ735"/>
    <mergeCell ref="MK735:MN735"/>
    <mergeCell ref="MO735:MR735"/>
    <mergeCell ref="MS735:MV735"/>
    <mergeCell ref="LI735:LL735"/>
    <mergeCell ref="LM735:LP735"/>
    <mergeCell ref="LQ735:LT735"/>
    <mergeCell ref="LU735:LX735"/>
    <mergeCell ref="LY735:MB735"/>
    <mergeCell ref="KO735:KR735"/>
    <mergeCell ref="KS735:KV735"/>
    <mergeCell ref="KW735:KZ735"/>
    <mergeCell ref="LA735:LD735"/>
    <mergeCell ref="LE735:LH735"/>
    <mergeCell ref="JU735:JX735"/>
    <mergeCell ref="JY735:KB735"/>
    <mergeCell ref="KC735:KF735"/>
    <mergeCell ref="KG735:KJ735"/>
    <mergeCell ref="KK735:KN735"/>
    <mergeCell ref="JA735:JD735"/>
    <mergeCell ref="JE735:JH735"/>
    <mergeCell ref="JI735:JL735"/>
    <mergeCell ref="JM735:JP735"/>
    <mergeCell ref="JQ735:JT735"/>
    <mergeCell ref="IG735:IJ735"/>
    <mergeCell ref="IK735:IN735"/>
    <mergeCell ref="IO735:IR735"/>
    <mergeCell ref="IS735:IV735"/>
    <mergeCell ref="IW735:IZ735"/>
    <mergeCell ref="HM735:HP735"/>
    <mergeCell ref="HQ735:HT735"/>
    <mergeCell ref="HU735:HX735"/>
    <mergeCell ref="HY735:IB735"/>
    <mergeCell ref="IC735:IF735"/>
    <mergeCell ref="RM735:RP735"/>
    <mergeCell ref="RQ735:RT735"/>
    <mergeCell ref="RU735:RX735"/>
    <mergeCell ref="RY735:SB735"/>
    <mergeCell ref="SC735:SF735"/>
    <mergeCell ref="QS735:QV735"/>
    <mergeCell ref="QW735:QZ735"/>
    <mergeCell ref="RA735:RD735"/>
    <mergeCell ref="RE735:RH735"/>
    <mergeCell ref="RI735:RL735"/>
    <mergeCell ref="PY735:QB735"/>
    <mergeCell ref="QC735:QF735"/>
    <mergeCell ref="QG735:QJ735"/>
    <mergeCell ref="QK735:QN735"/>
    <mergeCell ref="QO735:QR735"/>
    <mergeCell ref="PE735:PH735"/>
    <mergeCell ref="PI735:PL735"/>
    <mergeCell ref="PM735:PP735"/>
    <mergeCell ref="PQ735:PT735"/>
    <mergeCell ref="PU735:PX735"/>
    <mergeCell ref="OK735:ON735"/>
    <mergeCell ref="OO735:OR735"/>
    <mergeCell ref="OS735:OV735"/>
    <mergeCell ref="OW735:OZ735"/>
    <mergeCell ref="PA735:PD735"/>
    <mergeCell ref="NQ735:NT735"/>
    <mergeCell ref="NU735:NX735"/>
    <mergeCell ref="NY735:OB735"/>
    <mergeCell ref="OC735:OF735"/>
    <mergeCell ref="OG735:OJ735"/>
    <mergeCell ref="MW735:MZ735"/>
    <mergeCell ref="NA735:ND735"/>
    <mergeCell ref="NE735:NH735"/>
    <mergeCell ref="NI735:NL735"/>
    <mergeCell ref="NM735:NP735"/>
    <mergeCell ref="WW735:WZ735"/>
    <mergeCell ref="XA735:XD735"/>
    <mergeCell ref="XE735:XH735"/>
    <mergeCell ref="XI735:XL735"/>
    <mergeCell ref="XM735:XP735"/>
    <mergeCell ref="WC735:WF735"/>
    <mergeCell ref="WG735:WJ735"/>
    <mergeCell ref="WK735:WN735"/>
    <mergeCell ref="WO735:WR735"/>
    <mergeCell ref="WS735:WV735"/>
    <mergeCell ref="VI735:VL735"/>
    <mergeCell ref="VM735:VP735"/>
    <mergeCell ref="VQ735:VT735"/>
    <mergeCell ref="VU735:VX735"/>
    <mergeCell ref="VY735:WB735"/>
    <mergeCell ref="UO735:UR735"/>
    <mergeCell ref="US735:UV735"/>
    <mergeCell ref="UW735:UZ735"/>
    <mergeCell ref="VA735:VD735"/>
    <mergeCell ref="VE735:VH735"/>
    <mergeCell ref="TU735:TX735"/>
    <mergeCell ref="TY735:UB735"/>
    <mergeCell ref="UC735:UF735"/>
    <mergeCell ref="UG735:UJ735"/>
    <mergeCell ref="UK735:UN735"/>
    <mergeCell ref="TA735:TD735"/>
    <mergeCell ref="TE735:TH735"/>
    <mergeCell ref="TI735:TL735"/>
    <mergeCell ref="TM735:TP735"/>
    <mergeCell ref="TQ735:TT735"/>
    <mergeCell ref="SG735:SJ735"/>
    <mergeCell ref="SK735:SN735"/>
    <mergeCell ref="SO735:SR735"/>
    <mergeCell ref="SS735:SV735"/>
    <mergeCell ref="SW735:SZ735"/>
    <mergeCell ref="ACG735:ACJ735"/>
    <mergeCell ref="ACK735:ACN735"/>
    <mergeCell ref="ACO735:ACR735"/>
    <mergeCell ref="ACS735:ACV735"/>
    <mergeCell ref="ACW735:ACZ735"/>
    <mergeCell ref="ABM735:ABP735"/>
    <mergeCell ref="ABQ735:ABT735"/>
    <mergeCell ref="ABU735:ABX735"/>
    <mergeCell ref="ABY735:ACB735"/>
    <mergeCell ref="ACC735:ACF735"/>
    <mergeCell ref="AAS735:AAV735"/>
    <mergeCell ref="AAW735:AAZ735"/>
    <mergeCell ref="ABA735:ABD735"/>
    <mergeCell ref="ABE735:ABH735"/>
    <mergeCell ref="ABI735:ABL735"/>
    <mergeCell ref="ZY735:AAB735"/>
    <mergeCell ref="AAC735:AAF735"/>
    <mergeCell ref="AAG735:AAJ735"/>
    <mergeCell ref="AAK735:AAN735"/>
    <mergeCell ref="AAO735:AAR735"/>
    <mergeCell ref="ZE735:ZH735"/>
    <mergeCell ref="ZI735:ZL735"/>
    <mergeCell ref="ZM735:ZP735"/>
    <mergeCell ref="ZQ735:ZT735"/>
    <mergeCell ref="ZU735:ZX735"/>
    <mergeCell ref="YK735:YN735"/>
    <mergeCell ref="YO735:YR735"/>
    <mergeCell ref="YS735:YV735"/>
    <mergeCell ref="YW735:YZ735"/>
    <mergeCell ref="ZA735:ZD735"/>
    <mergeCell ref="XQ735:XT735"/>
    <mergeCell ref="XU735:XX735"/>
    <mergeCell ref="XY735:YB735"/>
    <mergeCell ref="YC735:YF735"/>
    <mergeCell ref="YG735:YJ735"/>
    <mergeCell ref="AHQ735:AHT735"/>
    <mergeCell ref="AHU735:AHX735"/>
    <mergeCell ref="AHY735:AIB735"/>
    <mergeCell ref="AIC735:AIF735"/>
    <mergeCell ref="AIG735:AIJ735"/>
    <mergeCell ref="AGW735:AGZ735"/>
    <mergeCell ref="AHA735:AHD735"/>
    <mergeCell ref="AHE735:AHH735"/>
    <mergeCell ref="AHI735:AHL735"/>
    <mergeCell ref="AHM735:AHP735"/>
    <mergeCell ref="AGC735:AGF735"/>
    <mergeCell ref="AGG735:AGJ735"/>
    <mergeCell ref="AGK735:AGN735"/>
    <mergeCell ref="AGO735:AGR735"/>
    <mergeCell ref="AGS735:AGV735"/>
    <mergeCell ref="AFI735:AFL735"/>
    <mergeCell ref="AFM735:AFP735"/>
    <mergeCell ref="AFQ735:AFT735"/>
    <mergeCell ref="AFU735:AFX735"/>
    <mergeCell ref="AFY735:AGB735"/>
    <mergeCell ref="AEO735:AER735"/>
    <mergeCell ref="AES735:AEV735"/>
    <mergeCell ref="AEW735:AEZ735"/>
    <mergeCell ref="AFA735:AFD735"/>
    <mergeCell ref="AFE735:AFH735"/>
    <mergeCell ref="ADU735:ADX735"/>
    <mergeCell ref="ADY735:AEB735"/>
    <mergeCell ref="AEC735:AEF735"/>
    <mergeCell ref="AEG735:AEJ735"/>
    <mergeCell ref="AEK735:AEN735"/>
    <mergeCell ref="ADA735:ADD735"/>
    <mergeCell ref="ADE735:ADH735"/>
    <mergeCell ref="ADI735:ADL735"/>
    <mergeCell ref="ADM735:ADP735"/>
    <mergeCell ref="ADQ735:ADT735"/>
    <mergeCell ref="ANA735:AND735"/>
    <mergeCell ref="ANE735:ANH735"/>
    <mergeCell ref="ANI735:ANL735"/>
    <mergeCell ref="ANM735:ANP735"/>
    <mergeCell ref="ANQ735:ANT735"/>
    <mergeCell ref="AMG735:AMJ735"/>
    <mergeCell ref="AMK735:AMN735"/>
    <mergeCell ref="AMO735:AMR735"/>
    <mergeCell ref="AMS735:AMV735"/>
    <mergeCell ref="AMW735:AMZ735"/>
    <mergeCell ref="ALM735:ALP735"/>
    <mergeCell ref="ALQ735:ALT735"/>
    <mergeCell ref="ALU735:ALX735"/>
    <mergeCell ref="ALY735:AMB735"/>
    <mergeCell ref="AMC735:AMF735"/>
    <mergeCell ref="AKS735:AKV735"/>
    <mergeCell ref="AKW735:AKZ735"/>
    <mergeCell ref="ALA735:ALD735"/>
    <mergeCell ref="ALE735:ALH735"/>
    <mergeCell ref="ALI735:ALL735"/>
    <mergeCell ref="AJY735:AKB735"/>
    <mergeCell ref="AKC735:AKF735"/>
    <mergeCell ref="AKG735:AKJ735"/>
    <mergeCell ref="AKK735:AKN735"/>
    <mergeCell ref="AKO735:AKR735"/>
    <mergeCell ref="AJE735:AJH735"/>
    <mergeCell ref="AJI735:AJL735"/>
    <mergeCell ref="AJM735:AJP735"/>
    <mergeCell ref="AJQ735:AJT735"/>
    <mergeCell ref="AJU735:AJX735"/>
    <mergeCell ref="AIK735:AIN735"/>
    <mergeCell ref="AIO735:AIR735"/>
    <mergeCell ref="AIS735:AIV735"/>
    <mergeCell ref="AIW735:AIZ735"/>
    <mergeCell ref="AJA735:AJD735"/>
    <mergeCell ref="ASK735:ASN735"/>
    <mergeCell ref="ASO735:ASR735"/>
    <mergeCell ref="ASS735:ASV735"/>
    <mergeCell ref="ASW735:ASZ735"/>
    <mergeCell ref="ATA735:ATD735"/>
    <mergeCell ref="ARQ735:ART735"/>
    <mergeCell ref="ARU735:ARX735"/>
    <mergeCell ref="ARY735:ASB735"/>
    <mergeCell ref="ASC735:ASF735"/>
    <mergeCell ref="ASG735:ASJ735"/>
    <mergeCell ref="AQW735:AQZ735"/>
    <mergeCell ref="ARA735:ARD735"/>
    <mergeCell ref="ARE735:ARH735"/>
    <mergeCell ref="ARI735:ARL735"/>
    <mergeCell ref="ARM735:ARP735"/>
    <mergeCell ref="AQC735:AQF735"/>
    <mergeCell ref="AQG735:AQJ735"/>
    <mergeCell ref="AQK735:AQN735"/>
    <mergeCell ref="AQO735:AQR735"/>
    <mergeCell ref="AQS735:AQV735"/>
    <mergeCell ref="API735:APL735"/>
    <mergeCell ref="APM735:APP735"/>
    <mergeCell ref="APQ735:APT735"/>
    <mergeCell ref="APU735:APX735"/>
    <mergeCell ref="APY735:AQB735"/>
    <mergeCell ref="AOO735:AOR735"/>
    <mergeCell ref="AOS735:AOV735"/>
    <mergeCell ref="AOW735:AOZ735"/>
    <mergeCell ref="APA735:APD735"/>
    <mergeCell ref="APE735:APH735"/>
    <mergeCell ref="ANU735:ANX735"/>
    <mergeCell ref="ANY735:AOB735"/>
    <mergeCell ref="AOC735:AOF735"/>
    <mergeCell ref="AOG735:AOJ735"/>
    <mergeCell ref="AOK735:AON735"/>
    <mergeCell ref="AXU735:AXX735"/>
    <mergeCell ref="AXY735:AYB735"/>
    <mergeCell ref="AYC735:AYF735"/>
    <mergeCell ref="AYG735:AYJ735"/>
    <mergeCell ref="AYK735:AYN735"/>
    <mergeCell ref="AXA735:AXD735"/>
    <mergeCell ref="AXE735:AXH735"/>
    <mergeCell ref="AXI735:AXL735"/>
    <mergeCell ref="AXM735:AXP735"/>
    <mergeCell ref="AXQ735:AXT735"/>
    <mergeCell ref="AWG735:AWJ735"/>
    <mergeCell ref="AWK735:AWN735"/>
    <mergeCell ref="AWO735:AWR735"/>
    <mergeCell ref="AWS735:AWV735"/>
    <mergeCell ref="AWW735:AWZ735"/>
    <mergeCell ref="AVM735:AVP735"/>
    <mergeCell ref="AVQ735:AVT735"/>
    <mergeCell ref="AVU735:AVX735"/>
    <mergeCell ref="AVY735:AWB735"/>
    <mergeCell ref="AWC735:AWF735"/>
    <mergeCell ref="AUS735:AUV735"/>
    <mergeCell ref="AUW735:AUZ735"/>
    <mergeCell ref="AVA735:AVD735"/>
    <mergeCell ref="AVE735:AVH735"/>
    <mergeCell ref="AVI735:AVL735"/>
    <mergeCell ref="ATY735:AUB735"/>
    <mergeCell ref="AUC735:AUF735"/>
    <mergeCell ref="AUG735:AUJ735"/>
    <mergeCell ref="AUK735:AUN735"/>
    <mergeCell ref="AUO735:AUR735"/>
    <mergeCell ref="ATE735:ATH735"/>
    <mergeCell ref="ATI735:ATL735"/>
    <mergeCell ref="ATM735:ATP735"/>
    <mergeCell ref="ATQ735:ATT735"/>
    <mergeCell ref="ATU735:ATX735"/>
    <mergeCell ref="BDE735:BDH735"/>
    <mergeCell ref="BDI735:BDL735"/>
    <mergeCell ref="BDM735:BDP735"/>
    <mergeCell ref="BDQ735:BDT735"/>
    <mergeCell ref="BDU735:BDX735"/>
    <mergeCell ref="BCK735:BCN735"/>
    <mergeCell ref="BCO735:BCR735"/>
    <mergeCell ref="BCS735:BCV735"/>
    <mergeCell ref="BCW735:BCZ735"/>
    <mergeCell ref="BDA735:BDD735"/>
    <mergeCell ref="BBQ735:BBT735"/>
    <mergeCell ref="BBU735:BBX735"/>
    <mergeCell ref="BBY735:BCB735"/>
    <mergeCell ref="BCC735:BCF735"/>
    <mergeCell ref="BCG735:BCJ735"/>
    <mergeCell ref="BAW735:BAZ735"/>
    <mergeCell ref="BBA735:BBD735"/>
    <mergeCell ref="BBE735:BBH735"/>
    <mergeCell ref="BBI735:BBL735"/>
    <mergeCell ref="BBM735:BBP735"/>
    <mergeCell ref="BAC735:BAF735"/>
    <mergeCell ref="BAG735:BAJ735"/>
    <mergeCell ref="BAK735:BAN735"/>
    <mergeCell ref="BAO735:BAR735"/>
    <mergeCell ref="BAS735:BAV735"/>
    <mergeCell ref="AZI735:AZL735"/>
    <mergeCell ref="AZM735:AZP735"/>
    <mergeCell ref="AZQ735:AZT735"/>
    <mergeCell ref="AZU735:AZX735"/>
    <mergeCell ref="AZY735:BAB735"/>
    <mergeCell ref="AYO735:AYR735"/>
    <mergeCell ref="AYS735:AYV735"/>
    <mergeCell ref="AYW735:AYZ735"/>
    <mergeCell ref="AZA735:AZD735"/>
    <mergeCell ref="AZE735:AZH735"/>
    <mergeCell ref="BIO735:BIR735"/>
    <mergeCell ref="BIS735:BIV735"/>
    <mergeCell ref="BIW735:BIZ735"/>
    <mergeCell ref="BJA735:BJD735"/>
    <mergeCell ref="BJE735:BJH735"/>
    <mergeCell ref="BHU735:BHX735"/>
    <mergeCell ref="BHY735:BIB735"/>
    <mergeCell ref="BIC735:BIF735"/>
    <mergeCell ref="BIG735:BIJ735"/>
    <mergeCell ref="BIK735:BIN735"/>
    <mergeCell ref="BHA735:BHD735"/>
    <mergeCell ref="BHE735:BHH735"/>
    <mergeCell ref="BHI735:BHL735"/>
    <mergeCell ref="BHM735:BHP735"/>
    <mergeCell ref="BHQ735:BHT735"/>
    <mergeCell ref="BGG735:BGJ735"/>
    <mergeCell ref="BGK735:BGN735"/>
    <mergeCell ref="BGO735:BGR735"/>
    <mergeCell ref="BGS735:BGV735"/>
    <mergeCell ref="BGW735:BGZ735"/>
    <mergeCell ref="BFM735:BFP735"/>
    <mergeCell ref="BFQ735:BFT735"/>
    <mergeCell ref="BFU735:BFX735"/>
    <mergeCell ref="BFY735:BGB735"/>
    <mergeCell ref="BGC735:BGF735"/>
    <mergeCell ref="BES735:BEV735"/>
    <mergeCell ref="BEW735:BEZ735"/>
    <mergeCell ref="BFA735:BFD735"/>
    <mergeCell ref="BFE735:BFH735"/>
    <mergeCell ref="BFI735:BFL735"/>
    <mergeCell ref="BDY735:BEB735"/>
    <mergeCell ref="BEC735:BEF735"/>
    <mergeCell ref="BEG735:BEJ735"/>
    <mergeCell ref="BEK735:BEN735"/>
    <mergeCell ref="BEO735:BER735"/>
    <mergeCell ref="BNY735:BOB735"/>
    <mergeCell ref="BOC735:BOF735"/>
    <mergeCell ref="BOG735:BOJ735"/>
    <mergeCell ref="BOK735:BON735"/>
    <mergeCell ref="BOO735:BOR735"/>
    <mergeCell ref="BNE735:BNH735"/>
    <mergeCell ref="BNI735:BNL735"/>
    <mergeCell ref="BNM735:BNP735"/>
    <mergeCell ref="BNQ735:BNT735"/>
    <mergeCell ref="BNU735:BNX735"/>
    <mergeCell ref="BMK735:BMN735"/>
    <mergeCell ref="BMO735:BMR735"/>
    <mergeCell ref="BMS735:BMV735"/>
    <mergeCell ref="BMW735:BMZ735"/>
    <mergeCell ref="BNA735:BND735"/>
    <mergeCell ref="BLQ735:BLT735"/>
    <mergeCell ref="BLU735:BLX735"/>
    <mergeCell ref="BLY735:BMB735"/>
    <mergeCell ref="BMC735:BMF735"/>
    <mergeCell ref="BMG735:BMJ735"/>
    <mergeCell ref="BKW735:BKZ735"/>
    <mergeCell ref="BLA735:BLD735"/>
    <mergeCell ref="BLE735:BLH735"/>
    <mergeCell ref="BLI735:BLL735"/>
    <mergeCell ref="BLM735:BLP735"/>
    <mergeCell ref="BKC735:BKF735"/>
    <mergeCell ref="BKG735:BKJ735"/>
    <mergeCell ref="BKK735:BKN735"/>
    <mergeCell ref="BKO735:BKR735"/>
    <mergeCell ref="BKS735:BKV735"/>
    <mergeCell ref="BJI735:BJL735"/>
    <mergeCell ref="BJM735:BJP735"/>
    <mergeCell ref="BJQ735:BJT735"/>
    <mergeCell ref="BJU735:BJX735"/>
    <mergeCell ref="BJY735:BKB735"/>
    <mergeCell ref="BTI735:BTL735"/>
    <mergeCell ref="BTM735:BTP735"/>
    <mergeCell ref="BTQ735:BTT735"/>
    <mergeCell ref="BTU735:BTX735"/>
    <mergeCell ref="BTY735:BUB735"/>
    <mergeCell ref="BSO735:BSR735"/>
    <mergeCell ref="BSS735:BSV735"/>
    <mergeCell ref="BSW735:BSZ735"/>
    <mergeCell ref="BTA735:BTD735"/>
    <mergeCell ref="BTE735:BTH735"/>
    <mergeCell ref="BRU735:BRX735"/>
    <mergeCell ref="BRY735:BSB735"/>
    <mergeCell ref="BSC735:BSF735"/>
    <mergeCell ref="BSG735:BSJ735"/>
    <mergeCell ref="BSK735:BSN735"/>
    <mergeCell ref="BRA735:BRD735"/>
    <mergeCell ref="BRE735:BRH735"/>
    <mergeCell ref="BRI735:BRL735"/>
    <mergeCell ref="BRM735:BRP735"/>
    <mergeCell ref="BRQ735:BRT735"/>
    <mergeCell ref="BQG735:BQJ735"/>
    <mergeCell ref="BQK735:BQN735"/>
    <mergeCell ref="BQO735:BQR735"/>
    <mergeCell ref="BQS735:BQV735"/>
    <mergeCell ref="BQW735:BQZ735"/>
    <mergeCell ref="BPM735:BPP735"/>
    <mergeCell ref="BPQ735:BPT735"/>
    <mergeCell ref="BPU735:BPX735"/>
    <mergeCell ref="BPY735:BQB735"/>
    <mergeCell ref="BQC735:BQF735"/>
    <mergeCell ref="BOS735:BOV735"/>
    <mergeCell ref="BOW735:BOZ735"/>
    <mergeCell ref="BPA735:BPD735"/>
    <mergeCell ref="BPE735:BPH735"/>
    <mergeCell ref="BPI735:BPL735"/>
    <mergeCell ref="BYS735:BYV735"/>
    <mergeCell ref="BYW735:BYZ735"/>
    <mergeCell ref="BZA735:BZD735"/>
    <mergeCell ref="BZE735:BZH735"/>
    <mergeCell ref="BZI735:BZL735"/>
    <mergeCell ref="BXY735:BYB735"/>
    <mergeCell ref="BYC735:BYF735"/>
    <mergeCell ref="BYG735:BYJ735"/>
    <mergeCell ref="BYK735:BYN735"/>
    <mergeCell ref="BYO735:BYR735"/>
    <mergeCell ref="BXE735:BXH735"/>
    <mergeCell ref="BXI735:BXL735"/>
    <mergeCell ref="BXM735:BXP735"/>
    <mergeCell ref="BXQ735:BXT735"/>
    <mergeCell ref="BXU735:BXX735"/>
    <mergeCell ref="BWK735:BWN735"/>
    <mergeCell ref="BWO735:BWR735"/>
    <mergeCell ref="BWS735:BWV735"/>
    <mergeCell ref="BWW735:BWZ735"/>
    <mergeCell ref="BXA735:BXD735"/>
    <mergeCell ref="BVQ735:BVT735"/>
    <mergeCell ref="BVU735:BVX735"/>
    <mergeCell ref="BVY735:BWB735"/>
    <mergeCell ref="BWC735:BWF735"/>
    <mergeCell ref="BWG735:BWJ735"/>
    <mergeCell ref="BUW735:BUZ735"/>
    <mergeCell ref="BVA735:BVD735"/>
    <mergeCell ref="BVE735:BVH735"/>
    <mergeCell ref="BVI735:BVL735"/>
    <mergeCell ref="BVM735:BVP735"/>
    <mergeCell ref="BUC735:BUF735"/>
    <mergeCell ref="BUG735:BUJ735"/>
    <mergeCell ref="BUK735:BUN735"/>
    <mergeCell ref="BUO735:BUR735"/>
    <mergeCell ref="BUS735:BUV735"/>
    <mergeCell ref="CEC735:CEF735"/>
    <mergeCell ref="CEG735:CEJ735"/>
    <mergeCell ref="CEK735:CEN735"/>
    <mergeCell ref="CEO735:CER735"/>
    <mergeCell ref="CES735:CEV735"/>
    <mergeCell ref="CDI735:CDL735"/>
    <mergeCell ref="CDM735:CDP735"/>
    <mergeCell ref="CDQ735:CDT735"/>
    <mergeCell ref="CDU735:CDX735"/>
    <mergeCell ref="CDY735:CEB735"/>
    <mergeCell ref="CCO735:CCR735"/>
    <mergeCell ref="CCS735:CCV735"/>
    <mergeCell ref="CCW735:CCZ735"/>
    <mergeCell ref="CDA735:CDD735"/>
    <mergeCell ref="CDE735:CDH735"/>
    <mergeCell ref="CBU735:CBX735"/>
    <mergeCell ref="CBY735:CCB735"/>
    <mergeCell ref="CCC735:CCF735"/>
    <mergeCell ref="CCG735:CCJ735"/>
    <mergeCell ref="CCK735:CCN735"/>
    <mergeCell ref="CBA735:CBD735"/>
    <mergeCell ref="CBE735:CBH735"/>
    <mergeCell ref="CBI735:CBL735"/>
    <mergeCell ref="CBM735:CBP735"/>
    <mergeCell ref="CBQ735:CBT735"/>
    <mergeCell ref="CAG735:CAJ735"/>
    <mergeCell ref="CAK735:CAN735"/>
    <mergeCell ref="CAO735:CAR735"/>
    <mergeCell ref="CAS735:CAV735"/>
    <mergeCell ref="CAW735:CAZ735"/>
    <mergeCell ref="BZM735:BZP735"/>
    <mergeCell ref="BZQ735:BZT735"/>
    <mergeCell ref="BZU735:BZX735"/>
    <mergeCell ref="BZY735:CAB735"/>
    <mergeCell ref="CAC735:CAF735"/>
    <mergeCell ref="CJM735:CJP735"/>
    <mergeCell ref="CJQ735:CJT735"/>
    <mergeCell ref="CJU735:CJX735"/>
    <mergeCell ref="CJY735:CKB735"/>
    <mergeCell ref="CKC735:CKF735"/>
    <mergeCell ref="CIS735:CIV735"/>
    <mergeCell ref="CIW735:CIZ735"/>
    <mergeCell ref="CJA735:CJD735"/>
    <mergeCell ref="CJE735:CJH735"/>
    <mergeCell ref="CJI735:CJL735"/>
    <mergeCell ref="CHY735:CIB735"/>
    <mergeCell ref="CIC735:CIF735"/>
    <mergeCell ref="CIG735:CIJ735"/>
    <mergeCell ref="CIK735:CIN735"/>
    <mergeCell ref="CIO735:CIR735"/>
    <mergeCell ref="CHE735:CHH735"/>
    <mergeCell ref="CHI735:CHL735"/>
    <mergeCell ref="CHM735:CHP735"/>
    <mergeCell ref="CHQ735:CHT735"/>
    <mergeCell ref="CHU735:CHX735"/>
    <mergeCell ref="CGK735:CGN735"/>
    <mergeCell ref="CGO735:CGR735"/>
    <mergeCell ref="CGS735:CGV735"/>
    <mergeCell ref="CGW735:CGZ735"/>
    <mergeCell ref="CHA735:CHD735"/>
    <mergeCell ref="CFQ735:CFT735"/>
    <mergeCell ref="CFU735:CFX735"/>
    <mergeCell ref="CFY735:CGB735"/>
    <mergeCell ref="CGC735:CGF735"/>
    <mergeCell ref="CGG735:CGJ735"/>
    <mergeCell ref="CEW735:CEZ735"/>
    <mergeCell ref="CFA735:CFD735"/>
    <mergeCell ref="CFE735:CFH735"/>
    <mergeCell ref="CFI735:CFL735"/>
    <mergeCell ref="CFM735:CFP735"/>
    <mergeCell ref="COW735:COZ735"/>
    <mergeCell ref="CPA735:CPD735"/>
    <mergeCell ref="CPE735:CPH735"/>
    <mergeCell ref="CPI735:CPL735"/>
    <mergeCell ref="CPM735:CPP735"/>
    <mergeCell ref="COC735:COF735"/>
    <mergeCell ref="COG735:COJ735"/>
    <mergeCell ref="COK735:CON735"/>
    <mergeCell ref="COO735:COR735"/>
    <mergeCell ref="COS735:COV735"/>
    <mergeCell ref="CNI735:CNL735"/>
    <mergeCell ref="CNM735:CNP735"/>
    <mergeCell ref="CNQ735:CNT735"/>
    <mergeCell ref="CNU735:CNX735"/>
    <mergeCell ref="CNY735:COB735"/>
    <mergeCell ref="CMO735:CMR735"/>
    <mergeCell ref="CMS735:CMV735"/>
    <mergeCell ref="CMW735:CMZ735"/>
    <mergeCell ref="CNA735:CND735"/>
    <mergeCell ref="CNE735:CNH735"/>
    <mergeCell ref="CLU735:CLX735"/>
    <mergeCell ref="CLY735:CMB735"/>
    <mergeCell ref="CMC735:CMF735"/>
    <mergeCell ref="CMG735:CMJ735"/>
    <mergeCell ref="CMK735:CMN735"/>
    <mergeCell ref="CLA735:CLD735"/>
    <mergeCell ref="CLE735:CLH735"/>
    <mergeCell ref="CLI735:CLL735"/>
    <mergeCell ref="CLM735:CLP735"/>
    <mergeCell ref="CLQ735:CLT735"/>
    <mergeCell ref="CKG735:CKJ735"/>
    <mergeCell ref="CKK735:CKN735"/>
    <mergeCell ref="CKO735:CKR735"/>
    <mergeCell ref="CKS735:CKV735"/>
    <mergeCell ref="CKW735:CKZ735"/>
    <mergeCell ref="CUG735:CUJ735"/>
    <mergeCell ref="CUK735:CUN735"/>
    <mergeCell ref="CUO735:CUR735"/>
    <mergeCell ref="CUS735:CUV735"/>
    <mergeCell ref="CUW735:CUZ735"/>
    <mergeCell ref="CTM735:CTP735"/>
    <mergeCell ref="CTQ735:CTT735"/>
    <mergeCell ref="CTU735:CTX735"/>
    <mergeCell ref="CTY735:CUB735"/>
    <mergeCell ref="CUC735:CUF735"/>
    <mergeCell ref="CSS735:CSV735"/>
    <mergeCell ref="CSW735:CSZ735"/>
    <mergeCell ref="CTA735:CTD735"/>
    <mergeCell ref="CTE735:CTH735"/>
    <mergeCell ref="CTI735:CTL735"/>
    <mergeCell ref="CRY735:CSB735"/>
    <mergeCell ref="CSC735:CSF735"/>
    <mergeCell ref="CSG735:CSJ735"/>
    <mergeCell ref="CSK735:CSN735"/>
    <mergeCell ref="CSO735:CSR735"/>
    <mergeCell ref="CRE735:CRH735"/>
    <mergeCell ref="CRI735:CRL735"/>
    <mergeCell ref="CRM735:CRP735"/>
    <mergeCell ref="CRQ735:CRT735"/>
    <mergeCell ref="CRU735:CRX735"/>
    <mergeCell ref="CQK735:CQN735"/>
    <mergeCell ref="CQO735:CQR735"/>
    <mergeCell ref="CQS735:CQV735"/>
    <mergeCell ref="CQW735:CQZ735"/>
    <mergeCell ref="CRA735:CRD735"/>
    <mergeCell ref="CPQ735:CPT735"/>
    <mergeCell ref="CPU735:CPX735"/>
    <mergeCell ref="CPY735:CQB735"/>
    <mergeCell ref="CQC735:CQF735"/>
    <mergeCell ref="CQG735:CQJ735"/>
    <mergeCell ref="CZQ735:CZT735"/>
    <mergeCell ref="CZU735:CZX735"/>
    <mergeCell ref="CZY735:DAB735"/>
    <mergeCell ref="DAC735:DAF735"/>
    <mergeCell ref="DAG735:DAJ735"/>
    <mergeCell ref="CYW735:CYZ735"/>
    <mergeCell ref="CZA735:CZD735"/>
    <mergeCell ref="CZE735:CZH735"/>
    <mergeCell ref="CZI735:CZL735"/>
    <mergeCell ref="CZM735:CZP735"/>
    <mergeCell ref="CYC735:CYF735"/>
    <mergeCell ref="CYG735:CYJ735"/>
    <mergeCell ref="CYK735:CYN735"/>
    <mergeCell ref="CYO735:CYR735"/>
    <mergeCell ref="CYS735:CYV735"/>
    <mergeCell ref="CXI735:CXL735"/>
    <mergeCell ref="CXM735:CXP735"/>
    <mergeCell ref="CXQ735:CXT735"/>
    <mergeCell ref="CXU735:CXX735"/>
    <mergeCell ref="CXY735:CYB735"/>
    <mergeCell ref="CWO735:CWR735"/>
    <mergeCell ref="CWS735:CWV735"/>
    <mergeCell ref="CWW735:CWZ735"/>
    <mergeCell ref="CXA735:CXD735"/>
    <mergeCell ref="CXE735:CXH735"/>
    <mergeCell ref="CVU735:CVX735"/>
    <mergeCell ref="CVY735:CWB735"/>
    <mergeCell ref="CWC735:CWF735"/>
    <mergeCell ref="CWG735:CWJ735"/>
    <mergeCell ref="CWK735:CWN735"/>
    <mergeCell ref="CVA735:CVD735"/>
    <mergeCell ref="CVE735:CVH735"/>
    <mergeCell ref="CVI735:CVL735"/>
    <mergeCell ref="CVM735:CVP735"/>
    <mergeCell ref="CVQ735:CVT735"/>
    <mergeCell ref="DFA735:DFD735"/>
    <mergeCell ref="DFE735:DFH735"/>
    <mergeCell ref="DFI735:DFL735"/>
    <mergeCell ref="DFM735:DFP735"/>
    <mergeCell ref="DFQ735:DFT735"/>
    <mergeCell ref="DEG735:DEJ735"/>
    <mergeCell ref="DEK735:DEN735"/>
    <mergeCell ref="DEO735:DER735"/>
    <mergeCell ref="DES735:DEV735"/>
    <mergeCell ref="DEW735:DEZ735"/>
    <mergeCell ref="DDM735:DDP735"/>
    <mergeCell ref="DDQ735:DDT735"/>
    <mergeCell ref="DDU735:DDX735"/>
    <mergeCell ref="DDY735:DEB735"/>
    <mergeCell ref="DEC735:DEF735"/>
    <mergeCell ref="DCS735:DCV735"/>
    <mergeCell ref="DCW735:DCZ735"/>
    <mergeCell ref="DDA735:DDD735"/>
    <mergeCell ref="DDE735:DDH735"/>
    <mergeCell ref="DDI735:DDL735"/>
    <mergeCell ref="DBY735:DCB735"/>
    <mergeCell ref="DCC735:DCF735"/>
    <mergeCell ref="DCG735:DCJ735"/>
    <mergeCell ref="DCK735:DCN735"/>
    <mergeCell ref="DCO735:DCR735"/>
    <mergeCell ref="DBE735:DBH735"/>
    <mergeCell ref="DBI735:DBL735"/>
    <mergeCell ref="DBM735:DBP735"/>
    <mergeCell ref="DBQ735:DBT735"/>
    <mergeCell ref="DBU735:DBX735"/>
    <mergeCell ref="DAK735:DAN735"/>
    <mergeCell ref="DAO735:DAR735"/>
    <mergeCell ref="DAS735:DAV735"/>
    <mergeCell ref="DAW735:DAZ735"/>
    <mergeCell ref="DBA735:DBD735"/>
    <mergeCell ref="DKK735:DKN735"/>
    <mergeCell ref="DKO735:DKR735"/>
    <mergeCell ref="DKS735:DKV735"/>
    <mergeCell ref="DKW735:DKZ735"/>
    <mergeCell ref="DLA735:DLD735"/>
    <mergeCell ref="DJQ735:DJT735"/>
    <mergeCell ref="DJU735:DJX735"/>
    <mergeCell ref="DJY735:DKB735"/>
    <mergeCell ref="DKC735:DKF735"/>
    <mergeCell ref="DKG735:DKJ735"/>
    <mergeCell ref="DIW735:DIZ735"/>
    <mergeCell ref="DJA735:DJD735"/>
    <mergeCell ref="DJE735:DJH735"/>
    <mergeCell ref="DJI735:DJL735"/>
    <mergeCell ref="DJM735:DJP735"/>
    <mergeCell ref="DIC735:DIF735"/>
    <mergeCell ref="DIG735:DIJ735"/>
    <mergeCell ref="DIK735:DIN735"/>
    <mergeCell ref="DIO735:DIR735"/>
    <mergeCell ref="DIS735:DIV735"/>
    <mergeCell ref="DHI735:DHL735"/>
    <mergeCell ref="DHM735:DHP735"/>
    <mergeCell ref="DHQ735:DHT735"/>
    <mergeCell ref="DHU735:DHX735"/>
    <mergeCell ref="DHY735:DIB735"/>
    <mergeCell ref="DGO735:DGR735"/>
    <mergeCell ref="DGS735:DGV735"/>
    <mergeCell ref="DGW735:DGZ735"/>
    <mergeCell ref="DHA735:DHD735"/>
    <mergeCell ref="DHE735:DHH735"/>
    <mergeCell ref="DFU735:DFX735"/>
    <mergeCell ref="DFY735:DGB735"/>
    <mergeCell ref="DGC735:DGF735"/>
    <mergeCell ref="DGG735:DGJ735"/>
    <mergeCell ref="DGK735:DGN735"/>
    <mergeCell ref="DPU735:DPX735"/>
    <mergeCell ref="DPY735:DQB735"/>
    <mergeCell ref="DQC735:DQF735"/>
    <mergeCell ref="DQG735:DQJ735"/>
    <mergeCell ref="DQK735:DQN735"/>
    <mergeCell ref="DPA735:DPD735"/>
    <mergeCell ref="DPE735:DPH735"/>
    <mergeCell ref="DPI735:DPL735"/>
    <mergeCell ref="DPM735:DPP735"/>
    <mergeCell ref="DPQ735:DPT735"/>
    <mergeCell ref="DOG735:DOJ735"/>
    <mergeCell ref="DOK735:DON735"/>
    <mergeCell ref="DOO735:DOR735"/>
    <mergeCell ref="DOS735:DOV735"/>
    <mergeCell ref="DOW735:DOZ735"/>
    <mergeCell ref="DNM735:DNP735"/>
    <mergeCell ref="DNQ735:DNT735"/>
    <mergeCell ref="DNU735:DNX735"/>
    <mergeCell ref="DNY735:DOB735"/>
    <mergeCell ref="DOC735:DOF735"/>
    <mergeCell ref="DMS735:DMV735"/>
    <mergeCell ref="DMW735:DMZ735"/>
    <mergeCell ref="DNA735:DND735"/>
    <mergeCell ref="DNE735:DNH735"/>
    <mergeCell ref="DNI735:DNL735"/>
    <mergeCell ref="DLY735:DMB735"/>
    <mergeCell ref="DMC735:DMF735"/>
    <mergeCell ref="DMG735:DMJ735"/>
    <mergeCell ref="DMK735:DMN735"/>
    <mergeCell ref="DMO735:DMR735"/>
    <mergeCell ref="DLE735:DLH735"/>
    <mergeCell ref="DLI735:DLL735"/>
    <mergeCell ref="DLM735:DLP735"/>
    <mergeCell ref="DLQ735:DLT735"/>
    <mergeCell ref="DLU735:DLX735"/>
    <mergeCell ref="DVE735:DVH735"/>
    <mergeCell ref="DVI735:DVL735"/>
    <mergeCell ref="DVM735:DVP735"/>
    <mergeCell ref="DVQ735:DVT735"/>
    <mergeCell ref="DVU735:DVX735"/>
    <mergeCell ref="DUK735:DUN735"/>
    <mergeCell ref="DUO735:DUR735"/>
    <mergeCell ref="DUS735:DUV735"/>
    <mergeCell ref="DUW735:DUZ735"/>
    <mergeCell ref="DVA735:DVD735"/>
    <mergeCell ref="DTQ735:DTT735"/>
    <mergeCell ref="DTU735:DTX735"/>
    <mergeCell ref="DTY735:DUB735"/>
    <mergeCell ref="DUC735:DUF735"/>
    <mergeCell ref="DUG735:DUJ735"/>
    <mergeCell ref="DSW735:DSZ735"/>
    <mergeCell ref="DTA735:DTD735"/>
    <mergeCell ref="DTE735:DTH735"/>
    <mergeCell ref="DTI735:DTL735"/>
    <mergeCell ref="DTM735:DTP735"/>
    <mergeCell ref="DSC735:DSF735"/>
    <mergeCell ref="DSG735:DSJ735"/>
    <mergeCell ref="DSK735:DSN735"/>
    <mergeCell ref="DSO735:DSR735"/>
    <mergeCell ref="DSS735:DSV735"/>
    <mergeCell ref="DRI735:DRL735"/>
    <mergeCell ref="DRM735:DRP735"/>
    <mergeCell ref="DRQ735:DRT735"/>
    <mergeCell ref="DRU735:DRX735"/>
    <mergeCell ref="DRY735:DSB735"/>
    <mergeCell ref="DQO735:DQR735"/>
    <mergeCell ref="DQS735:DQV735"/>
    <mergeCell ref="DQW735:DQZ735"/>
    <mergeCell ref="DRA735:DRD735"/>
    <mergeCell ref="DRE735:DRH735"/>
    <mergeCell ref="EAO735:EAR735"/>
    <mergeCell ref="EAS735:EAV735"/>
    <mergeCell ref="EAW735:EAZ735"/>
    <mergeCell ref="EBA735:EBD735"/>
    <mergeCell ref="EBE735:EBH735"/>
    <mergeCell ref="DZU735:DZX735"/>
    <mergeCell ref="DZY735:EAB735"/>
    <mergeCell ref="EAC735:EAF735"/>
    <mergeCell ref="EAG735:EAJ735"/>
    <mergeCell ref="EAK735:EAN735"/>
    <mergeCell ref="DZA735:DZD735"/>
    <mergeCell ref="DZE735:DZH735"/>
    <mergeCell ref="DZI735:DZL735"/>
    <mergeCell ref="DZM735:DZP735"/>
    <mergeCell ref="DZQ735:DZT735"/>
    <mergeCell ref="DYG735:DYJ735"/>
    <mergeCell ref="DYK735:DYN735"/>
    <mergeCell ref="DYO735:DYR735"/>
    <mergeCell ref="DYS735:DYV735"/>
    <mergeCell ref="DYW735:DYZ735"/>
    <mergeCell ref="DXM735:DXP735"/>
    <mergeCell ref="DXQ735:DXT735"/>
    <mergeCell ref="DXU735:DXX735"/>
    <mergeCell ref="DXY735:DYB735"/>
    <mergeCell ref="DYC735:DYF735"/>
    <mergeCell ref="DWS735:DWV735"/>
    <mergeCell ref="DWW735:DWZ735"/>
    <mergeCell ref="DXA735:DXD735"/>
    <mergeCell ref="DXE735:DXH735"/>
    <mergeCell ref="DXI735:DXL735"/>
    <mergeCell ref="DVY735:DWB735"/>
    <mergeCell ref="DWC735:DWF735"/>
    <mergeCell ref="DWG735:DWJ735"/>
    <mergeCell ref="DWK735:DWN735"/>
    <mergeCell ref="DWO735:DWR735"/>
    <mergeCell ref="EFY735:EGB735"/>
    <mergeCell ref="EGC735:EGF735"/>
    <mergeCell ref="EGG735:EGJ735"/>
    <mergeCell ref="EGK735:EGN735"/>
    <mergeCell ref="EGO735:EGR735"/>
    <mergeCell ref="EFE735:EFH735"/>
    <mergeCell ref="EFI735:EFL735"/>
    <mergeCell ref="EFM735:EFP735"/>
    <mergeCell ref="EFQ735:EFT735"/>
    <mergeCell ref="EFU735:EFX735"/>
    <mergeCell ref="EEK735:EEN735"/>
    <mergeCell ref="EEO735:EER735"/>
    <mergeCell ref="EES735:EEV735"/>
    <mergeCell ref="EEW735:EEZ735"/>
    <mergeCell ref="EFA735:EFD735"/>
    <mergeCell ref="EDQ735:EDT735"/>
    <mergeCell ref="EDU735:EDX735"/>
    <mergeCell ref="EDY735:EEB735"/>
    <mergeCell ref="EEC735:EEF735"/>
    <mergeCell ref="EEG735:EEJ735"/>
    <mergeCell ref="ECW735:ECZ735"/>
    <mergeCell ref="EDA735:EDD735"/>
    <mergeCell ref="EDE735:EDH735"/>
    <mergeCell ref="EDI735:EDL735"/>
    <mergeCell ref="EDM735:EDP735"/>
    <mergeCell ref="ECC735:ECF735"/>
    <mergeCell ref="ECG735:ECJ735"/>
    <mergeCell ref="ECK735:ECN735"/>
    <mergeCell ref="ECO735:ECR735"/>
    <mergeCell ref="ECS735:ECV735"/>
    <mergeCell ref="EBI735:EBL735"/>
    <mergeCell ref="EBM735:EBP735"/>
    <mergeCell ref="EBQ735:EBT735"/>
    <mergeCell ref="EBU735:EBX735"/>
    <mergeCell ref="EBY735:ECB735"/>
    <mergeCell ref="ELI735:ELL735"/>
    <mergeCell ref="ELM735:ELP735"/>
    <mergeCell ref="ELQ735:ELT735"/>
    <mergeCell ref="ELU735:ELX735"/>
    <mergeCell ref="ELY735:EMB735"/>
    <mergeCell ref="EKO735:EKR735"/>
    <mergeCell ref="EKS735:EKV735"/>
    <mergeCell ref="EKW735:EKZ735"/>
    <mergeCell ref="ELA735:ELD735"/>
    <mergeCell ref="ELE735:ELH735"/>
    <mergeCell ref="EJU735:EJX735"/>
    <mergeCell ref="EJY735:EKB735"/>
    <mergeCell ref="EKC735:EKF735"/>
    <mergeCell ref="EKG735:EKJ735"/>
    <mergeCell ref="EKK735:EKN735"/>
    <mergeCell ref="EJA735:EJD735"/>
    <mergeCell ref="EJE735:EJH735"/>
    <mergeCell ref="EJI735:EJL735"/>
    <mergeCell ref="EJM735:EJP735"/>
    <mergeCell ref="EJQ735:EJT735"/>
    <mergeCell ref="EIG735:EIJ735"/>
    <mergeCell ref="EIK735:EIN735"/>
    <mergeCell ref="EIO735:EIR735"/>
    <mergeCell ref="EIS735:EIV735"/>
    <mergeCell ref="EIW735:EIZ735"/>
    <mergeCell ref="EHM735:EHP735"/>
    <mergeCell ref="EHQ735:EHT735"/>
    <mergeCell ref="EHU735:EHX735"/>
    <mergeCell ref="EHY735:EIB735"/>
    <mergeCell ref="EIC735:EIF735"/>
    <mergeCell ref="EGS735:EGV735"/>
    <mergeCell ref="EGW735:EGZ735"/>
    <mergeCell ref="EHA735:EHD735"/>
    <mergeCell ref="EHE735:EHH735"/>
    <mergeCell ref="EHI735:EHL735"/>
    <mergeCell ref="EQS735:EQV735"/>
    <mergeCell ref="EQW735:EQZ735"/>
    <mergeCell ref="ERA735:ERD735"/>
    <mergeCell ref="ERE735:ERH735"/>
    <mergeCell ref="ERI735:ERL735"/>
    <mergeCell ref="EPY735:EQB735"/>
    <mergeCell ref="EQC735:EQF735"/>
    <mergeCell ref="EQG735:EQJ735"/>
    <mergeCell ref="EQK735:EQN735"/>
    <mergeCell ref="EQO735:EQR735"/>
    <mergeCell ref="EPE735:EPH735"/>
    <mergeCell ref="EPI735:EPL735"/>
    <mergeCell ref="EPM735:EPP735"/>
    <mergeCell ref="EPQ735:EPT735"/>
    <mergeCell ref="EPU735:EPX735"/>
    <mergeCell ref="EOK735:EON735"/>
    <mergeCell ref="EOO735:EOR735"/>
    <mergeCell ref="EOS735:EOV735"/>
    <mergeCell ref="EOW735:EOZ735"/>
    <mergeCell ref="EPA735:EPD735"/>
    <mergeCell ref="ENQ735:ENT735"/>
    <mergeCell ref="ENU735:ENX735"/>
    <mergeCell ref="ENY735:EOB735"/>
    <mergeCell ref="EOC735:EOF735"/>
    <mergeCell ref="EOG735:EOJ735"/>
    <mergeCell ref="EMW735:EMZ735"/>
    <mergeCell ref="ENA735:END735"/>
    <mergeCell ref="ENE735:ENH735"/>
    <mergeCell ref="ENI735:ENL735"/>
    <mergeCell ref="ENM735:ENP735"/>
    <mergeCell ref="EMC735:EMF735"/>
    <mergeCell ref="EMG735:EMJ735"/>
    <mergeCell ref="EMK735:EMN735"/>
    <mergeCell ref="EMO735:EMR735"/>
    <mergeCell ref="EMS735:EMV735"/>
    <mergeCell ref="EWC735:EWF735"/>
    <mergeCell ref="EWG735:EWJ735"/>
    <mergeCell ref="EWK735:EWN735"/>
    <mergeCell ref="EWO735:EWR735"/>
    <mergeCell ref="EWS735:EWV735"/>
    <mergeCell ref="EVI735:EVL735"/>
    <mergeCell ref="EVM735:EVP735"/>
    <mergeCell ref="EVQ735:EVT735"/>
    <mergeCell ref="EVU735:EVX735"/>
    <mergeCell ref="EVY735:EWB735"/>
    <mergeCell ref="EUO735:EUR735"/>
    <mergeCell ref="EUS735:EUV735"/>
    <mergeCell ref="EUW735:EUZ735"/>
    <mergeCell ref="EVA735:EVD735"/>
    <mergeCell ref="EVE735:EVH735"/>
    <mergeCell ref="ETU735:ETX735"/>
    <mergeCell ref="ETY735:EUB735"/>
    <mergeCell ref="EUC735:EUF735"/>
    <mergeCell ref="EUG735:EUJ735"/>
    <mergeCell ref="EUK735:EUN735"/>
    <mergeCell ref="ETA735:ETD735"/>
    <mergeCell ref="ETE735:ETH735"/>
    <mergeCell ref="ETI735:ETL735"/>
    <mergeCell ref="ETM735:ETP735"/>
    <mergeCell ref="ETQ735:ETT735"/>
    <mergeCell ref="ESG735:ESJ735"/>
    <mergeCell ref="ESK735:ESN735"/>
    <mergeCell ref="ESO735:ESR735"/>
    <mergeCell ref="ESS735:ESV735"/>
    <mergeCell ref="ESW735:ESZ735"/>
    <mergeCell ref="ERM735:ERP735"/>
    <mergeCell ref="ERQ735:ERT735"/>
    <mergeCell ref="ERU735:ERX735"/>
    <mergeCell ref="ERY735:ESB735"/>
    <mergeCell ref="ESC735:ESF735"/>
    <mergeCell ref="FBM735:FBP735"/>
    <mergeCell ref="FBQ735:FBT735"/>
    <mergeCell ref="FBU735:FBX735"/>
    <mergeCell ref="FBY735:FCB735"/>
    <mergeCell ref="FCC735:FCF735"/>
    <mergeCell ref="FAS735:FAV735"/>
    <mergeCell ref="FAW735:FAZ735"/>
    <mergeCell ref="FBA735:FBD735"/>
    <mergeCell ref="FBE735:FBH735"/>
    <mergeCell ref="FBI735:FBL735"/>
    <mergeCell ref="EZY735:FAB735"/>
    <mergeCell ref="FAC735:FAF735"/>
    <mergeCell ref="FAG735:FAJ735"/>
    <mergeCell ref="FAK735:FAN735"/>
    <mergeCell ref="FAO735:FAR735"/>
    <mergeCell ref="EZE735:EZH735"/>
    <mergeCell ref="EZI735:EZL735"/>
    <mergeCell ref="EZM735:EZP735"/>
    <mergeCell ref="EZQ735:EZT735"/>
    <mergeCell ref="EZU735:EZX735"/>
    <mergeCell ref="EYK735:EYN735"/>
    <mergeCell ref="EYO735:EYR735"/>
    <mergeCell ref="EYS735:EYV735"/>
    <mergeCell ref="EYW735:EYZ735"/>
    <mergeCell ref="EZA735:EZD735"/>
    <mergeCell ref="EXQ735:EXT735"/>
    <mergeCell ref="EXU735:EXX735"/>
    <mergeCell ref="EXY735:EYB735"/>
    <mergeCell ref="EYC735:EYF735"/>
    <mergeCell ref="EYG735:EYJ735"/>
    <mergeCell ref="EWW735:EWZ735"/>
    <mergeCell ref="EXA735:EXD735"/>
    <mergeCell ref="EXE735:EXH735"/>
    <mergeCell ref="EXI735:EXL735"/>
    <mergeCell ref="EXM735:EXP735"/>
    <mergeCell ref="FGW735:FGZ735"/>
    <mergeCell ref="FHA735:FHD735"/>
    <mergeCell ref="FHE735:FHH735"/>
    <mergeCell ref="FHI735:FHL735"/>
    <mergeCell ref="FHM735:FHP735"/>
    <mergeCell ref="FGC735:FGF735"/>
    <mergeCell ref="FGG735:FGJ735"/>
    <mergeCell ref="FGK735:FGN735"/>
    <mergeCell ref="FGO735:FGR735"/>
    <mergeCell ref="FGS735:FGV735"/>
    <mergeCell ref="FFI735:FFL735"/>
    <mergeCell ref="FFM735:FFP735"/>
    <mergeCell ref="FFQ735:FFT735"/>
    <mergeCell ref="FFU735:FFX735"/>
    <mergeCell ref="FFY735:FGB735"/>
    <mergeCell ref="FEO735:FER735"/>
    <mergeCell ref="FES735:FEV735"/>
    <mergeCell ref="FEW735:FEZ735"/>
    <mergeCell ref="FFA735:FFD735"/>
    <mergeCell ref="FFE735:FFH735"/>
    <mergeCell ref="FDU735:FDX735"/>
    <mergeCell ref="FDY735:FEB735"/>
    <mergeCell ref="FEC735:FEF735"/>
    <mergeCell ref="FEG735:FEJ735"/>
    <mergeCell ref="FEK735:FEN735"/>
    <mergeCell ref="FDA735:FDD735"/>
    <mergeCell ref="FDE735:FDH735"/>
    <mergeCell ref="FDI735:FDL735"/>
    <mergeCell ref="FDM735:FDP735"/>
    <mergeCell ref="FDQ735:FDT735"/>
    <mergeCell ref="FCG735:FCJ735"/>
    <mergeCell ref="FCK735:FCN735"/>
    <mergeCell ref="FCO735:FCR735"/>
    <mergeCell ref="FCS735:FCV735"/>
    <mergeCell ref="FCW735:FCZ735"/>
    <mergeCell ref="FMG735:FMJ735"/>
    <mergeCell ref="FMK735:FMN735"/>
    <mergeCell ref="FMO735:FMR735"/>
    <mergeCell ref="FMS735:FMV735"/>
    <mergeCell ref="FMW735:FMZ735"/>
    <mergeCell ref="FLM735:FLP735"/>
    <mergeCell ref="FLQ735:FLT735"/>
    <mergeCell ref="FLU735:FLX735"/>
    <mergeCell ref="FLY735:FMB735"/>
    <mergeCell ref="FMC735:FMF735"/>
    <mergeCell ref="FKS735:FKV735"/>
    <mergeCell ref="FKW735:FKZ735"/>
    <mergeCell ref="FLA735:FLD735"/>
    <mergeCell ref="FLE735:FLH735"/>
    <mergeCell ref="FLI735:FLL735"/>
    <mergeCell ref="FJY735:FKB735"/>
    <mergeCell ref="FKC735:FKF735"/>
    <mergeCell ref="FKG735:FKJ735"/>
    <mergeCell ref="FKK735:FKN735"/>
    <mergeCell ref="FKO735:FKR735"/>
    <mergeCell ref="FJE735:FJH735"/>
    <mergeCell ref="FJI735:FJL735"/>
    <mergeCell ref="FJM735:FJP735"/>
    <mergeCell ref="FJQ735:FJT735"/>
    <mergeCell ref="FJU735:FJX735"/>
    <mergeCell ref="FIK735:FIN735"/>
    <mergeCell ref="FIO735:FIR735"/>
    <mergeCell ref="FIS735:FIV735"/>
    <mergeCell ref="FIW735:FIZ735"/>
    <mergeCell ref="FJA735:FJD735"/>
    <mergeCell ref="FHQ735:FHT735"/>
    <mergeCell ref="FHU735:FHX735"/>
    <mergeCell ref="FHY735:FIB735"/>
    <mergeCell ref="FIC735:FIF735"/>
    <mergeCell ref="FIG735:FIJ735"/>
    <mergeCell ref="FRQ735:FRT735"/>
    <mergeCell ref="FRU735:FRX735"/>
    <mergeCell ref="FRY735:FSB735"/>
    <mergeCell ref="FSC735:FSF735"/>
    <mergeCell ref="FSG735:FSJ735"/>
    <mergeCell ref="FQW735:FQZ735"/>
    <mergeCell ref="FRA735:FRD735"/>
    <mergeCell ref="FRE735:FRH735"/>
    <mergeCell ref="FRI735:FRL735"/>
    <mergeCell ref="FRM735:FRP735"/>
    <mergeCell ref="FQC735:FQF735"/>
    <mergeCell ref="FQG735:FQJ735"/>
    <mergeCell ref="FQK735:FQN735"/>
    <mergeCell ref="FQO735:FQR735"/>
    <mergeCell ref="FQS735:FQV735"/>
    <mergeCell ref="FPI735:FPL735"/>
    <mergeCell ref="FPM735:FPP735"/>
    <mergeCell ref="FPQ735:FPT735"/>
    <mergeCell ref="FPU735:FPX735"/>
    <mergeCell ref="FPY735:FQB735"/>
    <mergeCell ref="FOO735:FOR735"/>
    <mergeCell ref="FOS735:FOV735"/>
    <mergeCell ref="FOW735:FOZ735"/>
    <mergeCell ref="FPA735:FPD735"/>
    <mergeCell ref="FPE735:FPH735"/>
    <mergeCell ref="FNU735:FNX735"/>
    <mergeCell ref="FNY735:FOB735"/>
    <mergeCell ref="FOC735:FOF735"/>
    <mergeCell ref="FOG735:FOJ735"/>
    <mergeCell ref="FOK735:FON735"/>
    <mergeCell ref="FNA735:FND735"/>
    <mergeCell ref="FNE735:FNH735"/>
    <mergeCell ref="FNI735:FNL735"/>
    <mergeCell ref="FNM735:FNP735"/>
    <mergeCell ref="FNQ735:FNT735"/>
    <mergeCell ref="FXA735:FXD735"/>
    <mergeCell ref="FXE735:FXH735"/>
    <mergeCell ref="FXI735:FXL735"/>
    <mergeCell ref="FXM735:FXP735"/>
    <mergeCell ref="FXQ735:FXT735"/>
    <mergeCell ref="FWG735:FWJ735"/>
    <mergeCell ref="FWK735:FWN735"/>
    <mergeCell ref="FWO735:FWR735"/>
    <mergeCell ref="FWS735:FWV735"/>
    <mergeCell ref="FWW735:FWZ735"/>
    <mergeCell ref="FVM735:FVP735"/>
    <mergeCell ref="FVQ735:FVT735"/>
    <mergeCell ref="FVU735:FVX735"/>
    <mergeCell ref="FVY735:FWB735"/>
    <mergeCell ref="FWC735:FWF735"/>
    <mergeCell ref="FUS735:FUV735"/>
    <mergeCell ref="FUW735:FUZ735"/>
    <mergeCell ref="FVA735:FVD735"/>
    <mergeCell ref="FVE735:FVH735"/>
    <mergeCell ref="FVI735:FVL735"/>
    <mergeCell ref="FTY735:FUB735"/>
    <mergeCell ref="FUC735:FUF735"/>
    <mergeCell ref="FUG735:FUJ735"/>
    <mergeCell ref="FUK735:FUN735"/>
    <mergeCell ref="FUO735:FUR735"/>
    <mergeCell ref="FTE735:FTH735"/>
    <mergeCell ref="FTI735:FTL735"/>
    <mergeCell ref="FTM735:FTP735"/>
    <mergeCell ref="FTQ735:FTT735"/>
    <mergeCell ref="FTU735:FTX735"/>
    <mergeCell ref="FSK735:FSN735"/>
    <mergeCell ref="FSO735:FSR735"/>
    <mergeCell ref="FSS735:FSV735"/>
    <mergeCell ref="FSW735:FSZ735"/>
    <mergeCell ref="FTA735:FTD735"/>
    <mergeCell ref="GCK735:GCN735"/>
    <mergeCell ref="GCO735:GCR735"/>
    <mergeCell ref="GCS735:GCV735"/>
    <mergeCell ref="GCW735:GCZ735"/>
    <mergeCell ref="GDA735:GDD735"/>
    <mergeCell ref="GBQ735:GBT735"/>
    <mergeCell ref="GBU735:GBX735"/>
    <mergeCell ref="GBY735:GCB735"/>
    <mergeCell ref="GCC735:GCF735"/>
    <mergeCell ref="GCG735:GCJ735"/>
    <mergeCell ref="GAW735:GAZ735"/>
    <mergeCell ref="GBA735:GBD735"/>
    <mergeCell ref="GBE735:GBH735"/>
    <mergeCell ref="GBI735:GBL735"/>
    <mergeCell ref="GBM735:GBP735"/>
    <mergeCell ref="GAC735:GAF735"/>
    <mergeCell ref="GAG735:GAJ735"/>
    <mergeCell ref="GAK735:GAN735"/>
    <mergeCell ref="GAO735:GAR735"/>
    <mergeCell ref="GAS735:GAV735"/>
    <mergeCell ref="FZI735:FZL735"/>
    <mergeCell ref="FZM735:FZP735"/>
    <mergeCell ref="FZQ735:FZT735"/>
    <mergeCell ref="FZU735:FZX735"/>
    <mergeCell ref="FZY735:GAB735"/>
    <mergeCell ref="FYO735:FYR735"/>
    <mergeCell ref="FYS735:FYV735"/>
    <mergeCell ref="FYW735:FYZ735"/>
    <mergeCell ref="FZA735:FZD735"/>
    <mergeCell ref="FZE735:FZH735"/>
    <mergeCell ref="FXU735:FXX735"/>
    <mergeCell ref="FXY735:FYB735"/>
    <mergeCell ref="FYC735:FYF735"/>
    <mergeCell ref="FYG735:FYJ735"/>
    <mergeCell ref="FYK735:FYN735"/>
    <mergeCell ref="GHU735:GHX735"/>
    <mergeCell ref="GHY735:GIB735"/>
    <mergeCell ref="GIC735:GIF735"/>
    <mergeCell ref="GIG735:GIJ735"/>
    <mergeCell ref="GIK735:GIN735"/>
    <mergeCell ref="GHA735:GHD735"/>
    <mergeCell ref="GHE735:GHH735"/>
    <mergeCell ref="GHI735:GHL735"/>
    <mergeCell ref="GHM735:GHP735"/>
    <mergeCell ref="GHQ735:GHT735"/>
    <mergeCell ref="GGG735:GGJ735"/>
    <mergeCell ref="GGK735:GGN735"/>
    <mergeCell ref="GGO735:GGR735"/>
    <mergeCell ref="GGS735:GGV735"/>
    <mergeCell ref="GGW735:GGZ735"/>
    <mergeCell ref="GFM735:GFP735"/>
    <mergeCell ref="GFQ735:GFT735"/>
    <mergeCell ref="GFU735:GFX735"/>
    <mergeCell ref="GFY735:GGB735"/>
    <mergeCell ref="GGC735:GGF735"/>
    <mergeCell ref="GES735:GEV735"/>
    <mergeCell ref="GEW735:GEZ735"/>
    <mergeCell ref="GFA735:GFD735"/>
    <mergeCell ref="GFE735:GFH735"/>
    <mergeCell ref="GFI735:GFL735"/>
    <mergeCell ref="GDY735:GEB735"/>
    <mergeCell ref="GEC735:GEF735"/>
    <mergeCell ref="GEG735:GEJ735"/>
    <mergeCell ref="GEK735:GEN735"/>
    <mergeCell ref="GEO735:GER735"/>
    <mergeCell ref="GDE735:GDH735"/>
    <mergeCell ref="GDI735:GDL735"/>
    <mergeCell ref="GDM735:GDP735"/>
    <mergeCell ref="GDQ735:GDT735"/>
    <mergeCell ref="GDU735:GDX735"/>
    <mergeCell ref="GNE735:GNH735"/>
    <mergeCell ref="GNI735:GNL735"/>
    <mergeCell ref="GNM735:GNP735"/>
    <mergeCell ref="GNQ735:GNT735"/>
    <mergeCell ref="GNU735:GNX735"/>
    <mergeCell ref="GMK735:GMN735"/>
    <mergeCell ref="GMO735:GMR735"/>
    <mergeCell ref="GMS735:GMV735"/>
    <mergeCell ref="GMW735:GMZ735"/>
    <mergeCell ref="GNA735:GND735"/>
    <mergeCell ref="GLQ735:GLT735"/>
    <mergeCell ref="GLU735:GLX735"/>
    <mergeCell ref="GLY735:GMB735"/>
    <mergeCell ref="GMC735:GMF735"/>
    <mergeCell ref="GMG735:GMJ735"/>
    <mergeCell ref="GKW735:GKZ735"/>
    <mergeCell ref="GLA735:GLD735"/>
    <mergeCell ref="GLE735:GLH735"/>
    <mergeCell ref="GLI735:GLL735"/>
    <mergeCell ref="GLM735:GLP735"/>
    <mergeCell ref="GKC735:GKF735"/>
    <mergeCell ref="GKG735:GKJ735"/>
    <mergeCell ref="GKK735:GKN735"/>
    <mergeCell ref="GKO735:GKR735"/>
    <mergeCell ref="GKS735:GKV735"/>
    <mergeCell ref="GJI735:GJL735"/>
    <mergeCell ref="GJM735:GJP735"/>
    <mergeCell ref="GJQ735:GJT735"/>
    <mergeCell ref="GJU735:GJX735"/>
    <mergeCell ref="GJY735:GKB735"/>
    <mergeCell ref="GIO735:GIR735"/>
    <mergeCell ref="GIS735:GIV735"/>
    <mergeCell ref="GIW735:GIZ735"/>
    <mergeCell ref="GJA735:GJD735"/>
    <mergeCell ref="GJE735:GJH735"/>
    <mergeCell ref="GSO735:GSR735"/>
    <mergeCell ref="GSS735:GSV735"/>
    <mergeCell ref="GSW735:GSZ735"/>
    <mergeCell ref="GTA735:GTD735"/>
    <mergeCell ref="GTE735:GTH735"/>
    <mergeCell ref="GRU735:GRX735"/>
    <mergeCell ref="GRY735:GSB735"/>
    <mergeCell ref="GSC735:GSF735"/>
    <mergeCell ref="GSG735:GSJ735"/>
    <mergeCell ref="GSK735:GSN735"/>
    <mergeCell ref="GRA735:GRD735"/>
    <mergeCell ref="GRE735:GRH735"/>
    <mergeCell ref="GRI735:GRL735"/>
    <mergeCell ref="GRM735:GRP735"/>
    <mergeCell ref="GRQ735:GRT735"/>
    <mergeCell ref="GQG735:GQJ735"/>
    <mergeCell ref="GQK735:GQN735"/>
    <mergeCell ref="GQO735:GQR735"/>
    <mergeCell ref="GQS735:GQV735"/>
    <mergeCell ref="GQW735:GQZ735"/>
    <mergeCell ref="GPM735:GPP735"/>
    <mergeCell ref="GPQ735:GPT735"/>
    <mergeCell ref="GPU735:GPX735"/>
    <mergeCell ref="GPY735:GQB735"/>
    <mergeCell ref="GQC735:GQF735"/>
    <mergeCell ref="GOS735:GOV735"/>
    <mergeCell ref="GOW735:GOZ735"/>
    <mergeCell ref="GPA735:GPD735"/>
    <mergeCell ref="GPE735:GPH735"/>
    <mergeCell ref="GPI735:GPL735"/>
    <mergeCell ref="GNY735:GOB735"/>
    <mergeCell ref="GOC735:GOF735"/>
    <mergeCell ref="GOG735:GOJ735"/>
    <mergeCell ref="GOK735:GON735"/>
    <mergeCell ref="GOO735:GOR735"/>
    <mergeCell ref="GXY735:GYB735"/>
    <mergeCell ref="GYC735:GYF735"/>
    <mergeCell ref="GYG735:GYJ735"/>
    <mergeCell ref="GYK735:GYN735"/>
    <mergeCell ref="GYO735:GYR735"/>
    <mergeCell ref="GXE735:GXH735"/>
    <mergeCell ref="GXI735:GXL735"/>
    <mergeCell ref="GXM735:GXP735"/>
    <mergeCell ref="GXQ735:GXT735"/>
    <mergeCell ref="GXU735:GXX735"/>
    <mergeCell ref="GWK735:GWN735"/>
    <mergeCell ref="GWO735:GWR735"/>
    <mergeCell ref="GWS735:GWV735"/>
    <mergeCell ref="GWW735:GWZ735"/>
    <mergeCell ref="GXA735:GXD735"/>
    <mergeCell ref="GVQ735:GVT735"/>
    <mergeCell ref="GVU735:GVX735"/>
    <mergeCell ref="GVY735:GWB735"/>
    <mergeCell ref="GWC735:GWF735"/>
    <mergeCell ref="GWG735:GWJ735"/>
    <mergeCell ref="GUW735:GUZ735"/>
    <mergeCell ref="GVA735:GVD735"/>
    <mergeCell ref="GVE735:GVH735"/>
    <mergeCell ref="GVI735:GVL735"/>
    <mergeCell ref="GVM735:GVP735"/>
    <mergeCell ref="GUC735:GUF735"/>
    <mergeCell ref="GUG735:GUJ735"/>
    <mergeCell ref="GUK735:GUN735"/>
    <mergeCell ref="GUO735:GUR735"/>
    <mergeCell ref="GUS735:GUV735"/>
    <mergeCell ref="GTI735:GTL735"/>
    <mergeCell ref="GTM735:GTP735"/>
    <mergeCell ref="GTQ735:GTT735"/>
    <mergeCell ref="GTU735:GTX735"/>
    <mergeCell ref="GTY735:GUB735"/>
    <mergeCell ref="HDI735:HDL735"/>
    <mergeCell ref="HDM735:HDP735"/>
    <mergeCell ref="HDQ735:HDT735"/>
    <mergeCell ref="HDU735:HDX735"/>
    <mergeCell ref="HDY735:HEB735"/>
    <mergeCell ref="HCO735:HCR735"/>
    <mergeCell ref="HCS735:HCV735"/>
    <mergeCell ref="HCW735:HCZ735"/>
    <mergeCell ref="HDA735:HDD735"/>
    <mergeCell ref="HDE735:HDH735"/>
    <mergeCell ref="HBU735:HBX735"/>
    <mergeCell ref="HBY735:HCB735"/>
    <mergeCell ref="HCC735:HCF735"/>
    <mergeCell ref="HCG735:HCJ735"/>
    <mergeCell ref="HCK735:HCN735"/>
    <mergeCell ref="HBA735:HBD735"/>
    <mergeCell ref="HBE735:HBH735"/>
    <mergeCell ref="HBI735:HBL735"/>
    <mergeCell ref="HBM735:HBP735"/>
    <mergeCell ref="HBQ735:HBT735"/>
    <mergeCell ref="HAG735:HAJ735"/>
    <mergeCell ref="HAK735:HAN735"/>
    <mergeCell ref="HAO735:HAR735"/>
    <mergeCell ref="HAS735:HAV735"/>
    <mergeCell ref="HAW735:HAZ735"/>
    <mergeCell ref="GZM735:GZP735"/>
    <mergeCell ref="GZQ735:GZT735"/>
    <mergeCell ref="GZU735:GZX735"/>
    <mergeCell ref="GZY735:HAB735"/>
    <mergeCell ref="HAC735:HAF735"/>
    <mergeCell ref="GYS735:GYV735"/>
    <mergeCell ref="GYW735:GYZ735"/>
    <mergeCell ref="GZA735:GZD735"/>
    <mergeCell ref="GZE735:GZH735"/>
    <mergeCell ref="GZI735:GZL735"/>
    <mergeCell ref="HIS735:HIV735"/>
    <mergeCell ref="HIW735:HIZ735"/>
    <mergeCell ref="HJA735:HJD735"/>
    <mergeCell ref="HJE735:HJH735"/>
    <mergeCell ref="HJI735:HJL735"/>
    <mergeCell ref="HHY735:HIB735"/>
    <mergeCell ref="HIC735:HIF735"/>
    <mergeCell ref="HIG735:HIJ735"/>
    <mergeCell ref="HIK735:HIN735"/>
    <mergeCell ref="HIO735:HIR735"/>
    <mergeCell ref="HHE735:HHH735"/>
    <mergeCell ref="HHI735:HHL735"/>
    <mergeCell ref="HHM735:HHP735"/>
    <mergeCell ref="HHQ735:HHT735"/>
    <mergeCell ref="HHU735:HHX735"/>
    <mergeCell ref="HGK735:HGN735"/>
    <mergeCell ref="HGO735:HGR735"/>
    <mergeCell ref="HGS735:HGV735"/>
    <mergeCell ref="HGW735:HGZ735"/>
    <mergeCell ref="HHA735:HHD735"/>
    <mergeCell ref="HFQ735:HFT735"/>
    <mergeCell ref="HFU735:HFX735"/>
    <mergeCell ref="HFY735:HGB735"/>
    <mergeCell ref="HGC735:HGF735"/>
    <mergeCell ref="HGG735:HGJ735"/>
    <mergeCell ref="HEW735:HEZ735"/>
    <mergeCell ref="HFA735:HFD735"/>
    <mergeCell ref="HFE735:HFH735"/>
    <mergeCell ref="HFI735:HFL735"/>
    <mergeCell ref="HFM735:HFP735"/>
    <mergeCell ref="HEC735:HEF735"/>
    <mergeCell ref="HEG735:HEJ735"/>
    <mergeCell ref="HEK735:HEN735"/>
    <mergeCell ref="HEO735:HER735"/>
    <mergeCell ref="HES735:HEV735"/>
    <mergeCell ref="HOC735:HOF735"/>
    <mergeCell ref="HOG735:HOJ735"/>
    <mergeCell ref="HOK735:HON735"/>
    <mergeCell ref="HOO735:HOR735"/>
    <mergeCell ref="HOS735:HOV735"/>
    <mergeCell ref="HNI735:HNL735"/>
    <mergeCell ref="HNM735:HNP735"/>
    <mergeCell ref="HNQ735:HNT735"/>
    <mergeCell ref="HNU735:HNX735"/>
    <mergeCell ref="HNY735:HOB735"/>
    <mergeCell ref="HMO735:HMR735"/>
    <mergeCell ref="HMS735:HMV735"/>
    <mergeCell ref="HMW735:HMZ735"/>
    <mergeCell ref="HNA735:HND735"/>
    <mergeCell ref="HNE735:HNH735"/>
    <mergeCell ref="HLU735:HLX735"/>
    <mergeCell ref="HLY735:HMB735"/>
    <mergeCell ref="HMC735:HMF735"/>
    <mergeCell ref="HMG735:HMJ735"/>
    <mergeCell ref="HMK735:HMN735"/>
    <mergeCell ref="HLA735:HLD735"/>
    <mergeCell ref="HLE735:HLH735"/>
    <mergeCell ref="HLI735:HLL735"/>
    <mergeCell ref="HLM735:HLP735"/>
    <mergeCell ref="HLQ735:HLT735"/>
    <mergeCell ref="HKG735:HKJ735"/>
    <mergeCell ref="HKK735:HKN735"/>
    <mergeCell ref="HKO735:HKR735"/>
    <mergeCell ref="HKS735:HKV735"/>
    <mergeCell ref="HKW735:HKZ735"/>
    <mergeCell ref="HJM735:HJP735"/>
    <mergeCell ref="HJQ735:HJT735"/>
    <mergeCell ref="HJU735:HJX735"/>
    <mergeCell ref="HJY735:HKB735"/>
    <mergeCell ref="HKC735:HKF735"/>
    <mergeCell ref="HTM735:HTP735"/>
    <mergeCell ref="HTQ735:HTT735"/>
    <mergeCell ref="HTU735:HTX735"/>
    <mergeCell ref="HTY735:HUB735"/>
    <mergeCell ref="HUC735:HUF735"/>
    <mergeCell ref="HSS735:HSV735"/>
    <mergeCell ref="HSW735:HSZ735"/>
    <mergeCell ref="HTA735:HTD735"/>
    <mergeCell ref="HTE735:HTH735"/>
    <mergeCell ref="HTI735:HTL735"/>
    <mergeCell ref="HRY735:HSB735"/>
    <mergeCell ref="HSC735:HSF735"/>
    <mergeCell ref="HSG735:HSJ735"/>
    <mergeCell ref="HSK735:HSN735"/>
    <mergeCell ref="HSO735:HSR735"/>
    <mergeCell ref="HRE735:HRH735"/>
    <mergeCell ref="HRI735:HRL735"/>
    <mergeCell ref="HRM735:HRP735"/>
    <mergeCell ref="HRQ735:HRT735"/>
    <mergeCell ref="HRU735:HRX735"/>
    <mergeCell ref="HQK735:HQN735"/>
    <mergeCell ref="HQO735:HQR735"/>
    <mergeCell ref="HQS735:HQV735"/>
    <mergeCell ref="HQW735:HQZ735"/>
    <mergeCell ref="HRA735:HRD735"/>
    <mergeCell ref="HPQ735:HPT735"/>
    <mergeCell ref="HPU735:HPX735"/>
    <mergeCell ref="HPY735:HQB735"/>
    <mergeCell ref="HQC735:HQF735"/>
    <mergeCell ref="HQG735:HQJ735"/>
    <mergeCell ref="HOW735:HOZ735"/>
    <mergeCell ref="HPA735:HPD735"/>
    <mergeCell ref="HPE735:HPH735"/>
    <mergeCell ref="HPI735:HPL735"/>
    <mergeCell ref="HPM735:HPP735"/>
    <mergeCell ref="HYW735:HYZ735"/>
    <mergeCell ref="HZA735:HZD735"/>
    <mergeCell ref="HZE735:HZH735"/>
    <mergeCell ref="HZI735:HZL735"/>
    <mergeCell ref="HZM735:HZP735"/>
    <mergeCell ref="HYC735:HYF735"/>
    <mergeCell ref="HYG735:HYJ735"/>
    <mergeCell ref="HYK735:HYN735"/>
    <mergeCell ref="HYO735:HYR735"/>
    <mergeCell ref="HYS735:HYV735"/>
    <mergeCell ref="HXI735:HXL735"/>
    <mergeCell ref="HXM735:HXP735"/>
    <mergeCell ref="HXQ735:HXT735"/>
    <mergeCell ref="HXU735:HXX735"/>
    <mergeCell ref="HXY735:HYB735"/>
    <mergeCell ref="HWO735:HWR735"/>
    <mergeCell ref="HWS735:HWV735"/>
    <mergeCell ref="HWW735:HWZ735"/>
    <mergeCell ref="HXA735:HXD735"/>
    <mergeCell ref="HXE735:HXH735"/>
    <mergeCell ref="HVU735:HVX735"/>
    <mergeCell ref="HVY735:HWB735"/>
    <mergeCell ref="HWC735:HWF735"/>
    <mergeCell ref="HWG735:HWJ735"/>
    <mergeCell ref="HWK735:HWN735"/>
    <mergeCell ref="HVA735:HVD735"/>
    <mergeCell ref="HVE735:HVH735"/>
    <mergeCell ref="HVI735:HVL735"/>
    <mergeCell ref="HVM735:HVP735"/>
    <mergeCell ref="HVQ735:HVT735"/>
    <mergeCell ref="HUG735:HUJ735"/>
    <mergeCell ref="HUK735:HUN735"/>
    <mergeCell ref="HUO735:HUR735"/>
    <mergeCell ref="HUS735:HUV735"/>
    <mergeCell ref="HUW735:HUZ735"/>
    <mergeCell ref="IEG735:IEJ735"/>
    <mergeCell ref="IEK735:IEN735"/>
    <mergeCell ref="IEO735:IER735"/>
    <mergeCell ref="IES735:IEV735"/>
    <mergeCell ref="IEW735:IEZ735"/>
    <mergeCell ref="IDM735:IDP735"/>
    <mergeCell ref="IDQ735:IDT735"/>
    <mergeCell ref="IDU735:IDX735"/>
    <mergeCell ref="IDY735:IEB735"/>
    <mergeCell ref="IEC735:IEF735"/>
    <mergeCell ref="ICS735:ICV735"/>
    <mergeCell ref="ICW735:ICZ735"/>
    <mergeCell ref="IDA735:IDD735"/>
    <mergeCell ref="IDE735:IDH735"/>
    <mergeCell ref="IDI735:IDL735"/>
    <mergeCell ref="IBY735:ICB735"/>
    <mergeCell ref="ICC735:ICF735"/>
    <mergeCell ref="ICG735:ICJ735"/>
    <mergeCell ref="ICK735:ICN735"/>
    <mergeCell ref="ICO735:ICR735"/>
    <mergeCell ref="IBE735:IBH735"/>
    <mergeCell ref="IBI735:IBL735"/>
    <mergeCell ref="IBM735:IBP735"/>
    <mergeCell ref="IBQ735:IBT735"/>
    <mergeCell ref="IBU735:IBX735"/>
    <mergeCell ref="IAK735:IAN735"/>
    <mergeCell ref="IAO735:IAR735"/>
    <mergeCell ref="IAS735:IAV735"/>
    <mergeCell ref="IAW735:IAZ735"/>
    <mergeCell ref="IBA735:IBD735"/>
    <mergeCell ref="HZQ735:HZT735"/>
    <mergeCell ref="HZU735:HZX735"/>
    <mergeCell ref="HZY735:IAB735"/>
    <mergeCell ref="IAC735:IAF735"/>
    <mergeCell ref="IAG735:IAJ735"/>
    <mergeCell ref="IJQ735:IJT735"/>
    <mergeCell ref="IJU735:IJX735"/>
    <mergeCell ref="IJY735:IKB735"/>
    <mergeCell ref="IKC735:IKF735"/>
    <mergeCell ref="IKG735:IKJ735"/>
    <mergeCell ref="IIW735:IIZ735"/>
    <mergeCell ref="IJA735:IJD735"/>
    <mergeCell ref="IJE735:IJH735"/>
    <mergeCell ref="IJI735:IJL735"/>
    <mergeCell ref="IJM735:IJP735"/>
    <mergeCell ref="IIC735:IIF735"/>
    <mergeCell ref="IIG735:IIJ735"/>
    <mergeCell ref="IIK735:IIN735"/>
    <mergeCell ref="IIO735:IIR735"/>
    <mergeCell ref="IIS735:IIV735"/>
    <mergeCell ref="IHI735:IHL735"/>
    <mergeCell ref="IHM735:IHP735"/>
    <mergeCell ref="IHQ735:IHT735"/>
    <mergeCell ref="IHU735:IHX735"/>
    <mergeCell ref="IHY735:IIB735"/>
    <mergeCell ref="IGO735:IGR735"/>
    <mergeCell ref="IGS735:IGV735"/>
    <mergeCell ref="IGW735:IGZ735"/>
    <mergeCell ref="IHA735:IHD735"/>
    <mergeCell ref="IHE735:IHH735"/>
    <mergeCell ref="IFU735:IFX735"/>
    <mergeCell ref="IFY735:IGB735"/>
    <mergeCell ref="IGC735:IGF735"/>
    <mergeCell ref="IGG735:IGJ735"/>
    <mergeCell ref="IGK735:IGN735"/>
    <mergeCell ref="IFA735:IFD735"/>
    <mergeCell ref="IFE735:IFH735"/>
    <mergeCell ref="IFI735:IFL735"/>
    <mergeCell ref="IFM735:IFP735"/>
    <mergeCell ref="IFQ735:IFT735"/>
    <mergeCell ref="IPA735:IPD735"/>
    <mergeCell ref="IPE735:IPH735"/>
    <mergeCell ref="IPI735:IPL735"/>
    <mergeCell ref="IPM735:IPP735"/>
    <mergeCell ref="IPQ735:IPT735"/>
    <mergeCell ref="IOG735:IOJ735"/>
    <mergeCell ref="IOK735:ION735"/>
    <mergeCell ref="IOO735:IOR735"/>
    <mergeCell ref="IOS735:IOV735"/>
    <mergeCell ref="IOW735:IOZ735"/>
    <mergeCell ref="INM735:INP735"/>
    <mergeCell ref="INQ735:INT735"/>
    <mergeCell ref="INU735:INX735"/>
    <mergeCell ref="INY735:IOB735"/>
    <mergeCell ref="IOC735:IOF735"/>
    <mergeCell ref="IMS735:IMV735"/>
    <mergeCell ref="IMW735:IMZ735"/>
    <mergeCell ref="INA735:IND735"/>
    <mergeCell ref="INE735:INH735"/>
    <mergeCell ref="INI735:INL735"/>
    <mergeCell ref="ILY735:IMB735"/>
    <mergeCell ref="IMC735:IMF735"/>
    <mergeCell ref="IMG735:IMJ735"/>
    <mergeCell ref="IMK735:IMN735"/>
    <mergeCell ref="IMO735:IMR735"/>
    <mergeCell ref="ILE735:ILH735"/>
    <mergeCell ref="ILI735:ILL735"/>
    <mergeCell ref="ILM735:ILP735"/>
    <mergeCell ref="ILQ735:ILT735"/>
    <mergeCell ref="ILU735:ILX735"/>
    <mergeCell ref="IKK735:IKN735"/>
    <mergeCell ref="IKO735:IKR735"/>
    <mergeCell ref="IKS735:IKV735"/>
    <mergeCell ref="IKW735:IKZ735"/>
    <mergeCell ref="ILA735:ILD735"/>
    <mergeCell ref="IUK735:IUN735"/>
    <mergeCell ref="IUO735:IUR735"/>
    <mergeCell ref="IUS735:IUV735"/>
    <mergeCell ref="IUW735:IUZ735"/>
    <mergeCell ref="IVA735:IVD735"/>
    <mergeCell ref="ITQ735:ITT735"/>
    <mergeCell ref="ITU735:ITX735"/>
    <mergeCell ref="ITY735:IUB735"/>
    <mergeCell ref="IUC735:IUF735"/>
    <mergeCell ref="IUG735:IUJ735"/>
    <mergeCell ref="ISW735:ISZ735"/>
    <mergeCell ref="ITA735:ITD735"/>
    <mergeCell ref="ITE735:ITH735"/>
    <mergeCell ref="ITI735:ITL735"/>
    <mergeCell ref="ITM735:ITP735"/>
    <mergeCell ref="ISC735:ISF735"/>
    <mergeCell ref="ISG735:ISJ735"/>
    <mergeCell ref="ISK735:ISN735"/>
    <mergeCell ref="ISO735:ISR735"/>
    <mergeCell ref="ISS735:ISV735"/>
    <mergeCell ref="IRI735:IRL735"/>
    <mergeCell ref="IRM735:IRP735"/>
    <mergeCell ref="IRQ735:IRT735"/>
    <mergeCell ref="IRU735:IRX735"/>
    <mergeCell ref="IRY735:ISB735"/>
    <mergeCell ref="IQO735:IQR735"/>
    <mergeCell ref="IQS735:IQV735"/>
    <mergeCell ref="IQW735:IQZ735"/>
    <mergeCell ref="IRA735:IRD735"/>
    <mergeCell ref="IRE735:IRH735"/>
    <mergeCell ref="IPU735:IPX735"/>
    <mergeCell ref="IPY735:IQB735"/>
    <mergeCell ref="IQC735:IQF735"/>
    <mergeCell ref="IQG735:IQJ735"/>
    <mergeCell ref="IQK735:IQN735"/>
    <mergeCell ref="IZU735:IZX735"/>
    <mergeCell ref="IZY735:JAB735"/>
    <mergeCell ref="JAC735:JAF735"/>
    <mergeCell ref="JAG735:JAJ735"/>
    <mergeCell ref="JAK735:JAN735"/>
    <mergeCell ref="IZA735:IZD735"/>
    <mergeCell ref="IZE735:IZH735"/>
    <mergeCell ref="IZI735:IZL735"/>
    <mergeCell ref="IZM735:IZP735"/>
    <mergeCell ref="IZQ735:IZT735"/>
    <mergeCell ref="IYG735:IYJ735"/>
    <mergeCell ref="IYK735:IYN735"/>
    <mergeCell ref="IYO735:IYR735"/>
    <mergeCell ref="IYS735:IYV735"/>
    <mergeCell ref="IYW735:IYZ735"/>
    <mergeCell ref="IXM735:IXP735"/>
    <mergeCell ref="IXQ735:IXT735"/>
    <mergeCell ref="IXU735:IXX735"/>
    <mergeCell ref="IXY735:IYB735"/>
    <mergeCell ref="IYC735:IYF735"/>
    <mergeCell ref="IWS735:IWV735"/>
    <mergeCell ref="IWW735:IWZ735"/>
    <mergeCell ref="IXA735:IXD735"/>
    <mergeCell ref="IXE735:IXH735"/>
    <mergeCell ref="IXI735:IXL735"/>
    <mergeCell ref="IVY735:IWB735"/>
    <mergeCell ref="IWC735:IWF735"/>
    <mergeCell ref="IWG735:IWJ735"/>
    <mergeCell ref="IWK735:IWN735"/>
    <mergeCell ref="IWO735:IWR735"/>
    <mergeCell ref="IVE735:IVH735"/>
    <mergeCell ref="IVI735:IVL735"/>
    <mergeCell ref="IVM735:IVP735"/>
    <mergeCell ref="IVQ735:IVT735"/>
    <mergeCell ref="IVU735:IVX735"/>
    <mergeCell ref="JFE735:JFH735"/>
    <mergeCell ref="JFI735:JFL735"/>
    <mergeCell ref="JFM735:JFP735"/>
    <mergeCell ref="JFQ735:JFT735"/>
    <mergeCell ref="JFU735:JFX735"/>
    <mergeCell ref="JEK735:JEN735"/>
    <mergeCell ref="JEO735:JER735"/>
    <mergeCell ref="JES735:JEV735"/>
    <mergeCell ref="JEW735:JEZ735"/>
    <mergeCell ref="JFA735:JFD735"/>
    <mergeCell ref="JDQ735:JDT735"/>
    <mergeCell ref="JDU735:JDX735"/>
    <mergeCell ref="JDY735:JEB735"/>
    <mergeCell ref="JEC735:JEF735"/>
    <mergeCell ref="JEG735:JEJ735"/>
    <mergeCell ref="JCW735:JCZ735"/>
    <mergeCell ref="JDA735:JDD735"/>
    <mergeCell ref="JDE735:JDH735"/>
    <mergeCell ref="JDI735:JDL735"/>
    <mergeCell ref="JDM735:JDP735"/>
    <mergeCell ref="JCC735:JCF735"/>
    <mergeCell ref="JCG735:JCJ735"/>
    <mergeCell ref="JCK735:JCN735"/>
    <mergeCell ref="JCO735:JCR735"/>
    <mergeCell ref="JCS735:JCV735"/>
    <mergeCell ref="JBI735:JBL735"/>
    <mergeCell ref="JBM735:JBP735"/>
    <mergeCell ref="JBQ735:JBT735"/>
    <mergeCell ref="JBU735:JBX735"/>
    <mergeCell ref="JBY735:JCB735"/>
    <mergeCell ref="JAO735:JAR735"/>
    <mergeCell ref="JAS735:JAV735"/>
    <mergeCell ref="JAW735:JAZ735"/>
    <mergeCell ref="JBA735:JBD735"/>
    <mergeCell ref="JBE735:JBH735"/>
    <mergeCell ref="JKO735:JKR735"/>
    <mergeCell ref="JKS735:JKV735"/>
    <mergeCell ref="JKW735:JKZ735"/>
    <mergeCell ref="JLA735:JLD735"/>
    <mergeCell ref="JLE735:JLH735"/>
    <mergeCell ref="JJU735:JJX735"/>
    <mergeCell ref="JJY735:JKB735"/>
    <mergeCell ref="JKC735:JKF735"/>
    <mergeCell ref="JKG735:JKJ735"/>
    <mergeCell ref="JKK735:JKN735"/>
    <mergeCell ref="JJA735:JJD735"/>
    <mergeCell ref="JJE735:JJH735"/>
    <mergeCell ref="JJI735:JJL735"/>
    <mergeCell ref="JJM735:JJP735"/>
    <mergeCell ref="JJQ735:JJT735"/>
    <mergeCell ref="JIG735:JIJ735"/>
    <mergeCell ref="JIK735:JIN735"/>
    <mergeCell ref="JIO735:JIR735"/>
    <mergeCell ref="JIS735:JIV735"/>
    <mergeCell ref="JIW735:JIZ735"/>
    <mergeCell ref="JHM735:JHP735"/>
    <mergeCell ref="JHQ735:JHT735"/>
    <mergeCell ref="JHU735:JHX735"/>
    <mergeCell ref="JHY735:JIB735"/>
    <mergeCell ref="JIC735:JIF735"/>
    <mergeCell ref="JGS735:JGV735"/>
    <mergeCell ref="JGW735:JGZ735"/>
    <mergeCell ref="JHA735:JHD735"/>
    <mergeCell ref="JHE735:JHH735"/>
    <mergeCell ref="JHI735:JHL735"/>
    <mergeCell ref="JFY735:JGB735"/>
    <mergeCell ref="JGC735:JGF735"/>
    <mergeCell ref="JGG735:JGJ735"/>
    <mergeCell ref="JGK735:JGN735"/>
    <mergeCell ref="JGO735:JGR735"/>
    <mergeCell ref="JPY735:JQB735"/>
    <mergeCell ref="JQC735:JQF735"/>
    <mergeCell ref="JQG735:JQJ735"/>
    <mergeCell ref="JQK735:JQN735"/>
    <mergeCell ref="JQO735:JQR735"/>
    <mergeCell ref="JPE735:JPH735"/>
    <mergeCell ref="JPI735:JPL735"/>
    <mergeCell ref="JPM735:JPP735"/>
    <mergeCell ref="JPQ735:JPT735"/>
    <mergeCell ref="JPU735:JPX735"/>
    <mergeCell ref="JOK735:JON735"/>
    <mergeCell ref="JOO735:JOR735"/>
    <mergeCell ref="JOS735:JOV735"/>
    <mergeCell ref="JOW735:JOZ735"/>
    <mergeCell ref="JPA735:JPD735"/>
    <mergeCell ref="JNQ735:JNT735"/>
    <mergeCell ref="JNU735:JNX735"/>
    <mergeCell ref="JNY735:JOB735"/>
    <mergeCell ref="JOC735:JOF735"/>
    <mergeCell ref="JOG735:JOJ735"/>
    <mergeCell ref="JMW735:JMZ735"/>
    <mergeCell ref="JNA735:JND735"/>
    <mergeCell ref="JNE735:JNH735"/>
    <mergeCell ref="JNI735:JNL735"/>
    <mergeCell ref="JNM735:JNP735"/>
    <mergeCell ref="JMC735:JMF735"/>
    <mergeCell ref="JMG735:JMJ735"/>
    <mergeCell ref="JMK735:JMN735"/>
    <mergeCell ref="JMO735:JMR735"/>
    <mergeCell ref="JMS735:JMV735"/>
    <mergeCell ref="JLI735:JLL735"/>
    <mergeCell ref="JLM735:JLP735"/>
    <mergeCell ref="JLQ735:JLT735"/>
    <mergeCell ref="JLU735:JLX735"/>
    <mergeCell ref="JLY735:JMB735"/>
    <mergeCell ref="JVI735:JVL735"/>
    <mergeCell ref="JVM735:JVP735"/>
    <mergeCell ref="JVQ735:JVT735"/>
    <mergeCell ref="JVU735:JVX735"/>
    <mergeCell ref="JVY735:JWB735"/>
    <mergeCell ref="JUO735:JUR735"/>
    <mergeCell ref="JUS735:JUV735"/>
    <mergeCell ref="JUW735:JUZ735"/>
    <mergeCell ref="JVA735:JVD735"/>
    <mergeCell ref="JVE735:JVH735"/>
    <mergeCell ref="JTU735:JTX735"/>
    <mergeCell ref="JTY735:JUB735"/>
    <mergeCell ref="JUC735:JUF735"/>
    <mergeCell ref="JUG735:JUJ735"/>
    <mergeCell ref="JUK735:JUN735"/>
    <mergeCell ref="JTA735:JTD735"/>
    <mergeCell ref="JTE735:JTH735"/>
    <mergeCell ref="JTI735:JTL735"/>
    <mergeCell ref="JTM735:JTP735"/>
    <mergeCell ref="JTQ735:JTT735"/>
    <mergeCell ref="JSG735:JSJ735"/>
    <mergeCell ref="JSK735:JSN735"/>
    <mergeCell ref="JSO735:JSR735"/>
    <mergeCell ref="JSS735:JSV735"/>
    <mergeCell ref="JSW735:JSZ735"/>
    <mergeCell ref="JRM735:JRP735"/>
    <mergeCell ref="JRQ735:JRT735"/>
    <mergeCell ref="JRU735:JRX735"/>
    <mergeCell ref="JRY735:JSB735"/>
    <mergeCell ref="JSC735:JSF735"/>
    <mergeCell ref="JQS735:JQV735"/>
    <mergeCell ref="JQW735:JQZ735"/>
    <mergeCell ref="JRA735:JRD735"/>
    <mergeCell ref="JRE735:JRH735"/>
    <mergeCell ref="JRI735:JRL735"/>
    <mergeCell ref="KAS735:KAV735"/>
    <mergeCell ref="KAW735:KAZ735"/>
    <mergeCell ref="KBA735:KBD735"/>
    <mergeCell ref="KBE735:KBH735"/>
    <mergeCell ref="KBI735:KBL735"/>
    <mergeCell ref="JZY735:KAB735"/>
    <mergeCell ref="KAC735:KAF735"/>
    <mergeCell ref="KAG735:KAJ735"/>
    <mergeCell ref="KAK735:KAN735"/>
    <mergeCell ref="KAO735:KAR735"/>
    <mergeCell ref="JZE735:JZH735"/>
    <mergeCell ref="JZI735:JZL735"/>
    <mergeCell ref="JZM735:JZP735"/>
    <mergeCell ref="JZQ735:JZT735"/>
    <mergeCell ref="JZU735:JZX735"/>
    <mergeCell ref="JYK735:JYN735"/>
    <mergeCell ref="JYO735:JYR735"/>
    <mergeCell ref="JYS735:JYV735"/>
    <mergeCell ref="JYW735:JYZ735"/>
    <mergeCell ref="JZA735:JZD735"/>
    <mergeCell ref="JXQ735:JXT735"/>
    <mergeCell ref="JXU735:JXX735"/>
    <mergeCell ref="JXY735:JYB735"/>
    <mergeCell ref="JYC735:JYF735"/>
    <mergeCell ref="JYG735:JYJ735"/>
    <mergeCell ref="JWW735:JWZ735"/>
    <mergeCell ref="JXA735:JXD735"/>
    <mergeCell ref="JXE735:JXH735"/>
    <mergeCell ref="JXI735:JXL735"/>
    <mergeCell ref="JXM735:JXP735"/>
    <mergeCell ref="JWC735:JWF735"/>
    <mergeCell ref="JWG735:JWJ735"/>
    <mergeCell ref="JWK735:JWN735"/>
    <mergeCell ref="JWO735:JWR735"/>
    <mergeCell ref="JWS735:JWV735"/>
    <mergeCell ref="KGC735:KGF735"/>
    <mergeCell ref="KGG735:KGJ735"/>
    <mergeCell ref="KGK735:KGN735"/>
    <mergeCell ref="KGO735:KGR735"/>
    <mergeCell ref="KGS735:KGV735"/>
    <mergeCell ref="KFI735:KFL735"/>
    <mergeCell ref="KFM735:KFP735"/>
    <mergeCell ref="KFQ735:KFT735"/>
    <mergeCell ref="KFU735:KFX735"/>
    <mergeCell ref="KFY735:KGB735"/>
    <mergeCell ref="KEO735:KER735"/>
    <mergeCell ref="KES735:KEV735"/>
    <mergeCell ref="KEW735:KEZ735"/>
    <mergeCell ref="KFA735:KFD735"/>
    <mergeCell ref="KFE735:KFH735"/>
    <mergeCell ref="KDU735:KDX735"/>
    <mergeCell ref="KDY735:KEB735"/>
    <mergeCell ref="KEC735:KEF735"/>
    <mergeCell ref="KEG735:KEJ735"/>
    <mergeCell ref="KEK735:KEN735"/>
    <mergeCell ref="KDA735:KDD735"/>
    <mergeCell ref="KDE735:KDH735"/>
    <mergeCell ref="KDI735:KDL735"/>
    <mergeCell ref="KDM735:KDP735"/>
    <mergeCell ref="KDQ735:KDT735"/>
    <mergeCell ref="KCG735:KCJ735"/>
    <mergeCell ref="KCK735:KCN735"/>
    <mergeCell ref="KCO735:KCR735"/>
    <mergeCell ref="KCS735:KCV735"/>
    <mergeCell ref="KCW735:KCZ735"/>
    <mergeCell ref="KBM735:KBP735"/>
    <mergeCell ref="KBQ735:KBT735"/>
    <mergeCell ref="KBU735:KBX735"/>
    <mergeCell ref="KBY735:KCB735"/>
    <mergeCell ref="KCC735:KCF735"/>
    <mergeCell ref="KLM735:KLP735"/>
    <mergeCell ref="KLQ735:KLT735"/>
    <mergeCell ref="KLU735:KLX735"/>
    <mergeCell ref="KLY735:KMB735"/>
    <mergeCell ref="KMC735:KMF735"/>
    <mergeCell ref="KKS735:KKV735"/>
    <mergeCell ref="KKW735:KKZ735"/>
    <mergeCell ref="KLA735:KLD735"/>
    <mergeCell ref="KLE735:KLH735"/>
    <mergeCell ref="KLI735:KLL735"/>
    <mergeCell ref="KJY735:KKB735"/>
    <mergeCell ref="KKC735:KKF735"/>
    <mergeCell ref="KKG735:KKJ735"/>
    <mergeCell ref="KKK735:KKN735"/>
    <mergeCell ref="KKO735:KKR735"/>
    <mergeCell ref="KJE735:KJH735"/>
    <mergeCell ref="KJI735:KJL735"/>
    <mergeCell ref="KJM735:KJP735"/>
    <mergeCell ref="KJQ735:KJT735"/>
    <mergeCell ref="KJU735:KJX735"/>
    <mergeCell ref="KIK735:KIN735"/>
    <mergeCell ref="KIO735:KIR735"/>
    <mergeCell ref="KIS735:KIV735"/>
    <mergeCell ref="KIW735:KIZ735"/>
    <mergeCell ref="KJA735:KJD735"/>
    <mergeCell ref="KHQ735:KHT735"/>
    <mergeCell ref="KHU735:KHX735"/>
    <mergeCell ref="KHY735:KIB735"/>
    <mergeCell ref="KIC735:KIF735"/>
    <mergeCell ref="KIG735:KIJ735"/>
    <mergeCell ref="KGW735:KGZ735"/>
    <mergeCell ref="KHA735:KHD735"/>
    <mergeCell ref="KHE735:KHH735"/>
    <mergeCell ref="KHI735:KHL735"/>
    <mergeCell ref="KHM735:KHP735"/>
    <mergeCell ref="KQW735:KQZ735"/>
    <mergeCell ref="KRA735:KRD735"/>
    <mergeCell ref="KRE735:KRH735"/>
    <mergeCell ref="KRI735:KRL735"/>
    <mergeCell ref="KRM735:KRP735"/>
    <mergeCell ref="KQC735:KQF735"/>
    <mergeCell ref="KQG735:KQJ735"/>
    <mergeCell ref="KQK735:KQN735"/>
    <mergeCell ref="KQO735:KQR735"/>
    <mergeCell ref="KQS735:KQV735"/>
    <mergeCell ref="KPI735:KPL735"/>
    <mergeCell ref="KPM735:KPP735"/>
    <mergeCell ref="KPQ735:KPT735"/>
    <mergeCell ref="KPU735:KPX735"/>
    <mergeCell ref="KPY735:KQB735"/>
    <mergeCell ref="KOO735:KOR735"/>
    <mergeCell ref="KOS735:KOV735"/>
    <mergeCell ref="KOW735:KOZ735"/>
    <mergeCell ref="KPA735:KPD735"/>
    <mergeCell ref="KPE735:KPH735"/>
    <mergeCell ref="KNU735:KNX735"/>
    <mergeCell ref="KNY735:KOB735"/>
    <mergeCell ref="KOC735:KOF735"/>
    <mergeCell ref="KOG735:KOJ735"/>
    <mergeCell ref="KOK735:KON735"/>
    <mergeCell ref="KNA735:KND735"/>
    <mergeCell ref="KNE735:KNH735"/>
    <mergeCell ref="KNI735:KNL735"/>
    <mergeCell ref="KNM735:KNP735"/>
    <mergeCell ref="KNQ735:KNT735"/>
    <mergeCell ref="KMG735:KMJ735"/>
    <mergeCell ref="KMK735:KMN735"/>
    <mergeCell ref="KMO735:KMR735"/>
    <mergeCell ref="KMS735:KMV735"/>
    <mergeCell ref="KMW735:KMZ735"/>
    <mergeCell ref="KWG735:KWJ735"/>
    <mergeCell ref="KWK735:KWN735"/>
    <mergeCell ref="KWO735:KWR735"/>
    <mergeCell ref="KWS735:KWV735"/>
    <mergeCell ref="KWW735:KWZ735"/>
    <mergeCell ref="KVM735:KVP735"/>
    <mergeCell ref="KVQ735:KVT735"/>
    <mergeCell ref="KVU735:KVX735"/>
    <mergeCell ref="KVY735:KWB735"/>
    <mergeCell ref="KWC735:KWF735"/>
    <mergeCell ref="KUS735:KUV735"/>
    <mergeCell ref="KUW735:KUZ735"/>
    <mergeCell ref="KVA735:KVD735"/>
    <mergeCell ref="KVE735:KVH735"/>
    <mergeCell ref="KVI735:KVL735"/>
    <mergeCell ref="KTY735:KUB735"/>
    <mergeCell ref="KUC735:KUF735"/>
    <mergeCell ref="KUG735:KUJ735"/>
    <mergeCell ref="KUK735:KUN735"/>
    <mergeCell ref="KUO735:KUR735"/>
    <mergeCell ref="KTE735:KTH735"/>
    <mergeCell ref="KTI735:KTL735"/>
    <mergeCell ref="KTM735:KTP735"/>
    <mergeCell ref="KTQ735:KTT735"/>
    <mergeCell ref="KTU735:KTX735"/>
    <mergeCell ref="KSK735:KSN735"/>
    <mergeCell ref="KSO735:KSR735"/>
    <mergeCell ref="KSS735:KSV735"/>
    <mergeCell ref="KSW735:KSZ735"/>
    <mergeCell ref="KTA735:KTD735"/>
    <mergeCell ref="KRQ735:KRT735"/>
    <mergeCell ref="KRU735:KRX735"/>
    <mergeCell ref="KRY735:KSB735"/>
    <mergeCell ref="KSC735:KSF735"/>
    <mergeCell ref="KSG735:KSJ735"/>
    <mergeCell ref="LBQ735:LBT735"/>
    <mergeCell ref="LBU735:LBX735"/>
    <mergeCell ref="LBY735:LCB735"/>
    <mergeCell ref="LCC735:LCF735"/>
    <mergeCell ref="LCG735:LCJ735"/>
    <mergeCell ref="LAW735:LAZ735"/>
    <mergeCell ref="LBA735:LBD735"/>
    <mergeCell ref="LBE735:LBH735"/>
    <mergeCell ref="LBI735:LBL735"/>
    <mergeCell ref="LBM735:LBP735"/>
    <mergeCell ref="LAC735:LAF735"/>
    <mergeCell ref="LAG735:LAJ735"/>
    <mergeCell ref="LAK735:LAN735"/>
    <mergeCell ref="LAO735:LAR735"/>
    <mergeCell ref="LAS735:LAV735"/>
    <mergeCell ref="KZI735:KZL735"/>
    <mergeCell ref="KZM735:KZP735"/>
    <mergeCell ref="KZQ735:KZT735"/>
    <mergeCell ref="KZU735:KZX735"/>
    <mergeCell ref="KZY735:LAB735"/>
    <mergeCell ref="KYO735:KYR735"/>
    <mergeCell ref="KYS735:KYV735"/>
    <mergeCell ref="KYW735:KYZ735"/>
    <mergeCell ref="KZA735:KZD735"/>
    <mergeCell ref="KZE735:KZH735"/>
    <mergeCell ref="KXU735:KXX735"/>
    <mergeCell ref="KXY735:KYB735"/>
    <mergeCell ref="KYC735:KYF735"/>
    <mergeCell ref="KYG735:KYJ735"/>
    <mergeCell ref="KYK735:KYN735"/>
    <mergeCell ref="KXA735:KXD735"/>
    <mergeCell ref="KXE735:KXH735"/>
    <mergeCell ref="KXI735:KXL735"/>
    <mergeCell ref="KXM735:KXP735"/>
    <mergeCell ref="KXQ735:KXT735"/>
    <mergeCell ref="LHA735:LHD735"/>
    <mergeCell ref="LHE735:LHH735"/>
    <mergeCell ref="LHI735:LHL735"/>
    <mergeCell ref="LHM735:LHP735"/>
    <mergeCell ref="LHQ735:LHT735"/>
    <mergeCell ref="LGG735:LGJ735"/>
    <mergeCell ref="LGK735:LGN735"/>
    <mergeCell ref="LGO735:LGR735"/>
    <mergeCell ref="LGS735:LGV735"/>
    <mergeCell ref="LGW735:LGZ735"/>
    <mergeCell ref="LFM735:LFP735"/>
    <mergeCell ref="LFQ735:LFT735"/>
    <mergeCell ref="LFU735:LFX735"/>
    <mergeCell ref="LFY735:LGB735"/>
    <mergeCell ref="LGC735:LGF735"/>
    <mergeCell ref="LES735:LEV735"/>
    <mergeCell ref="LEW735:LEZ735"/>
    <mergeCell ref="LFA735:LFD735"/>
    <mergeCell ref="LFE735:LFH735"/>
    <mergeCell ref="LFI735:LFL735"/>
    <mergeCell ref="LDY735:LEB735"/>
    <mergeCell ref="LEC735:LEF735"/>
    <mergeCell ref="LEG735:LEJ735"/>
    <mergeCell ref="LEK735:LEN735"/>
    <mergeCell ref="LEO735:LER735"/>
    <mergeCell ref="LDE735:LDH735"/>
    <mergeCell ref="LDI735:LDL735"/>
    <mergeCell ref="LDM735:LDP735"/>
    <mergeCell ref="LDQ735:LDT735"/>
    <mergeCell ref="LDU735:LDX735"/>
    <mergeCell ref="LCK735:LCN735"/>
    <mergeCell ref="LCO735:LCR735"/>
    <mergeCell ref="LCS735:LCV735"/>
    <mergeCell ref="LCW735:LCZ735"/>
    <mergeCell ref="LDA735:LDD735"/>
    <mergeCell ref="LMK735:LMN735"/>
    <mergeCell ref="LMO735:LMR735"/>
    <mergeCell ref="LMS735:LMV735"/>
    <mergeCell ref="LMW735:LMZ735"/>
    <mergeCell ref="LNA735:LND735"/>
    <mergeCell ref="LLQ735:LLT735"/>
    <mergeCell ref="LLU735:LLX735"/>
    <mergeCell ref="LLY735:LMB735"/>
    <mergeCell ref="LMC735:LMF735"/>
    <mergeCell ref="LMG735:LMJ735"/>
    <mergeCell ref="LKW735:LKZ735"/>
    <mergeCell ref="LLA735:LLD735"/>
    <mergeCell ref="LLE735:LLH735"/>
    <mergeCell ref="LLI735:LLL735"/>
    <mergeCell ref="LLM735:LLP735"/>
    <mergeCell ref="LKC735:LKF735"/>
    <mergeCell ref="LKG735:LKJ735"/>
    <mergeCell ref="LKK735:LKN735"/>
    <mergeCell ref="LKO735:LKR735"/>
    <mergeCell ref="LKS735:LKV735"/>
    <mergeCell ref="LJI735:LJL735"/>
    <mergeCell ref="LJM735:LJP735"/>
    <mergeCell ref="LJQ735:LJT735"/>
    <mergeCell ref="LJU735:LJX735"/>
    <mergeCell ref="LJY735:LKB735"/>
    <mergeCell ref="LIO735:LIR735"/>
    <mergeCell ref="LIS735:LIV735"/>
    <mergeCell ref="LIW735:LIZ735"/>
    <mergeCell ref="LJA735:LJD735"/>
    <mergeCell ref="LJE735:LJH735"/>
    <mergeCell ref="LHU735:LHX735"/>
    <mergeCell ref="LHY735:LIB735"/>
    <mergeCell ref="LIC735:LIF735"/>
    <mergeCell ref="LIG735:LIJ735"/>
    <mergeCell ref="LIK735:LIN735"/>
    <mergeCell ref="LRU735:LRX735"/>
    <mergeCell ref="LRY735:LSB735"/>
    <mergeCell ref="LSC735:LSF735"/>
    <mergeCell ref="LSG735:LSJ735"/>
    <mergeCell ref="LSK735:LSN735"/>
    <mergeCell ref="LRA735:LRD735"/>
    <mergeCell ref="LRE735:LRH735"/>
    <mergeCell ref="LRI735:LRL735"/>
    <mergeCell ref="LRM735:LRP735"/>
    <mergeCell ref="LRQ735:LRT735"/>
    <mergeCell ref="LQG735:LQJ735"/>
    <mergeCell ref="LQK735:LQN735"/>
    <mergeCell ref="LQO735:LQR735"/>
    <mergeCell ref="LQS735:LQV735"/>
    <mergeCell ref="LQW735:LQZ735"/>
    <mergeCell ref="LPM735:LPP735"/>
    <mergeCell ref="LPQ735:LPT735"/>
    <mergeCell ref="LPU735:LPX735"/>
    <mergeCell ref="LPY735:LQB735"/>
    <mergeCell ref="LQC735:LQF735"/>
    <mergeCell ref="LOS735:LOV735"/>
    <mergeCell ref="LOW735:LOZ735"/>
    <mergeCell ref="LPA735:LPD735"/>
    <mergeCell ref="LPE735:LPH735"/>
    <mergeCell ref="LPI735:LPL735"/>
    <mergeCell ref="LNY735:LOB735"/>
    <mergeCell ref="LOC735:LOF735"/>
    <mergeCell ref="LOG735:LOJ735"/>
    <mergeCell ref="LOK735:LON735"/>
    <mergeCell ref="LOO735:LOR735"/>
    <mergeCell ref="LNE735:LNH735"/>
    <mergeCell ref="LNI735:LNL735"/>
    <mergeCell ref="LNM735:LNP735"/>
    <mergeCell ref="LNQ735:LNT735"/>
    <mergeCell ref="LNU735:LNX735"/>
    <mergeCell ref="LXE735:LXH735"/>
    <mergeCell ref="LXI735:LXL735"/>
    <mergeCell ref="LXM735:LXP735"/>
    <mergeCell ref="LXQ735:LXT735"/>
    <mergeCell ref="LXU735:LXX735"/>
    <mergeCell ref="LWK735:LWN735"/>
    <mergeCell ref="LWO735:LWR735"/>
    <mergeCell ref="LWS735:LWV735"/>
    <mergeCell ref="LWW735:LWZ735"/>
    <mergeCell ref="LXA735:LXD735"/>
    <mergeCell ref="LVQ735:LVT735"/>
    <mergeCell ref="LVU735:LVX735"/>
    <mergeCell ref="LVY735:LWB735"/>
    <mergeCell ref="LWC735:LWF735"/>
    <mergeCell ref="LWG735:LWJ735"/>
    <mergeCell ref="LUW735:LUZ735"/>
    <mergeCell ref="LVA735:LVD735"/>
    <mergeCell ref="LVE735:LVH735"/>
    <mergeCell ref="LVI735:LVL735"/>
    <mergeCell ref="LVM735:LVP735"/>
    <mergeCell ref="LUC735:LUF735"/>
    <mergeCell ref="LUG735:LUJ735"/>
    <mergeCell ref="LUK735:LUN735"/>
    <mergeCell ref="LUO735:LUR735"/>
    <mergeCell ref="LUS735:LUV735"/>
    <mergeCell ref="LTI735:LTL735"/>
    <mergeCell ref="LTM735:LTP735"/>
    <mergeCell ref="LTQ735:LTT735"/>
    <mergeCell ref="LTU735:LTX735"/>
    <mergeCell ref="LTY735:LUB735"/>
    <mergeCell ref="LSO735:LSR735"/>
    <mergeCell ref="LSS735:LSV735"/>
    <mergeCell ref="LSW735:LSZ735"/>
    <mergeCell ref="LTA735:LTD735"/>
    <mergeCell ref="LTE735:LTH735"/>
    <mergeCell ref="MCO735:MCR735"/>
    <mergeCell ref="MCS735:MCV735"/>
    <mergeCell ref="MCW735:MCZ735"/>
    <mergeCell ref="MDA735:MDD735"/>
    <mergeCell ref="MDE735:MDH735"/>
    <mergeCell ref="MBU735:MBX735"/>
    <mergeCell ref="MBY735:MCB735"/>
    <mergeCell ref="MCC735:MCF735"/>
    <mergeCell ref="MCG735:MCJ735"/>
    <mergeCell ref="MCK735:MCN735"/>
    <mergeCell ref="MBA735:MBD735"/>
    <mergeCell ref="MBE735:MBH735"/>
    <mergeCell ref="MBI735:MBL735"/>
    <mergeCell ref="MBM735:MBP735"/>
    <mergeCell ref="MBQ735:MBT735"/>
    <mergeCell ref="MAG735:MAJ735"/>
    <mergeCell ref="MAK735:MAN735"/>
    <mergeCell ref="MAO735:MAR735"/>
    <mergeCell ref="MAS735:MAV735"/>
    <mergeCell ref="MAW735:MAZ735"/>
    <mergeCell ref="LZM735:LZP735"/>
    <mergeCell ref="LZQ735:LZT735"/>
    <mergeCell ref="LZU735:LZX735"/>
    <mergeCell ref="LZY735:MAB735"/>
    <mergeCell ref="MAC735:MAF735"/>
    <mergeCell ref="LYS735:LYV735"/>
    <mergeCell ref="LYW735:LYZ735"/>
    <mergeCell ref="LZA735:LZD735"/>
    <mergeCell ref="LZE735:LZH735"/>
    <mergeCell ref="LZI735:LZL735"/>
    <mergeCell ref="LXY735:LYB735"/>
    <mergeCell ref="LYC735:LYF735"/>
    <mergeCell ref="LYG735:LYJ735"/>
    <mergeCell ref="LYK735:LYN735"/>
    <mergeCell ref="LYO735:LYR735"/>
    <mergeCell ref="MHY735:MIB735"/>
    <mergeCell ref="MIC735:MIF735"/>
    <mergeCell ref="MIG735:MIJ735"/>
    <mergeCell ref="MIK735:MIN735"/>
    <mergeCell ref="MIO735:MIR735"/>
    <mergeCell ref="MHE735:MHH735"/>
    <mergeCell ref="MHI735:MHL735"/>
    <mergeCell ref="MHM735:MHP735"/>
    <mergeCell ref="MHQ735:MHT735"/>
    <mergeCell ref="MHU735:MHX735"/>
    <mergeCell ref="MGK735:MGN735"/>
    <mergeCell ref="MGO735:MGR735"/>
    <mergeCell ref="MGS735:MGV735"/>
    <mergeCell ref="MGW735:MGZ735"/>
    <mergeCell ref="MHA735:MHD735"/>
    <mergeCell ref="MFQ735:MFT735"/>
    <mergeCell ref="MFU735:MFX735"/>
    <mergeCell ref="MFY735:MGB735"/>
    <mergeCell ref="MGC735:MGF735"/>
    <mergeCell ref="MGG735:MGJ735"/>
    <mergeCell ref="MEW735:MEZ735"/>
    <mergeCell ref="MFA735:MFD735"/>
    <mergeCell ref="MFE735:MFH735"/>
    <mergeCell ref="MFI735:MFL735"/>
    <mergeCell ref="MFM735:MFP735"/>
    <mergeCell ref="MEC735:MEF735"/>
    <mergeCell ref="MEG735:MEJ735"/>
    <mergeCell ref="MEK735:MEN735"/>
    <mergeCell ref="MEO735:MER735"/>
    <mergeCell ref="MES735:MEV735"/>
    <mergeCell ref="MDI735:MDL735"/>
    <mergeCell ref="MDM735:MDP735"/>
    <mergeCell ref="MDQ735:MDT735"/>
    <mergeCell ref="MDU735:MDX735"/>
    <mergeCell ref="MDY735:MEB735"/>
    <mergeCell ref="MNI735:MNL735"/>
    <mergeCell ref="MNM735:MNP735"/>
    <mergeCell ref="MNQ735:MNT735"/>
    <mergeCell ref="MNU735:MNX735"/>
    <mergeCell ref="MNY735:MOB735"/>
    <mergeCell ref="MMO735:MMR735"/>
    <mergeCell ref="MMS735:MMV735"/>
    <mergeCell ref="MMW735:MMZ735"/>
    <mergeCell ref="MNA735:MND735"/>
    <mergeCell ref="MNE735:MNH735"/>
    <mergeCell ref="MLU735:MLX735"/>
    <mergeCell ref="MLY735:MMB735"/>
    <mergeCell ref="MMC735:MMF735"/>
    <mergeCell ref="MMG735:MMJ735"/>
    <mergeCell ref="MMK735:MMN735"/>
    <mergeCell ref="MLA735:MLD735"/>
    <mergeCell ref="MLE735:MLH735"/>
    <mergeCell ref="MLI735:MLL735"/>
    <mergeCell ref="MLM735:MLP735"/>
    <mergeCell ref="MLQ735:MLT735"/>
    <mergeCell ref="MKG735:MKJ735"/>
    <mergeCell ref="MKK735:MKN735"/>
    <mergeCell ref="MKO735:MKR735"/>
    <mergeCell ref="MKS735:MKV735"/>
    <mergeCell ref="MKW735:MKZ735"/>
    <mergeCell ref="MJM735:MJP735"/>
    <mergeCell ref="MJQ735:MJT735"/>
    <mergeCell ref="MJU735:MJX735"/>
    <mergeCell ref="MJY735:MKB735"/>
    <mergeCell ref="MKC735:MKF735"/>
    <mergeCell ref="MIS735:MIV735"/>
    <mergeCell ref="MIW735:MIZ735"/>
    <mergeCell ref="MJA735:MJD735"/>
    <mergeCell ref="MJE735:MJH735"/>
    <mergeCell ref="MJI735:MJL735"/>
    <mergeCell ref="MSS735:MSV735"/>
    <mergeCell ref="MSW735:MSZ735"/>
    <mergeCell ref="MTA735:MTD735"/>
    <mergeCell ref="MTE735:MTH735"/>
    <mergeCell ref="MTI735:MTL735"/>
    <mergeCell ref="MRY735:MSB735"/>
    <mergeCell ref="MSC735:MSF735"/>
    <mergeCell ref="MSG735:MSJ735"/>
    <mergeCell ref="MSK735:MSN735"/>
    <mergeCell ref="MSO735:MSR735"/>
    <mergeCell ref="MRE735:MRH735"/>
    <mergeCell ref="MRI735:MRL735"/>
    <mergeCell ref="MRM735:MRP735"/>
    <mergeCell ref="MRQ735:MRT735"/>
    <mergeCell ref="MRU735:MRX735"/>
    <mergeCell ref="MQK735:MQN735"/>
    <mergeCell ref="MQO735:MQR735"/>
    <mergeCell ref="MQS735:MQV735"/>
    <mergeCell ref="MQW735:MQZ735"/>
    <mergeCell ref="MRA735:MRD735"/>
    <mergeCell ref="MPQ735:MPT735"/>
    <mergeCell ref="MPU735:MPX735"/>
    <mergeCell ref="MPY735:MQB735"/>
    <mergeCell ref="MQC735:MQF735"/>
    <mergeCell ref="MQG735:MQJ735"/>
    <mergeCell ref="MOW735:MOZ735"/>
    <mergeCell ref="MPA735:MPD735"/>
    <mergeCell ref="MPE735:MPH735"/>
    <mergeCell ref="MPI735:MPL735"/>
    <mergeCell ref="MPM735:MPP735"/>
    <mergeCell ref="MOC735:MOF735"/>
    <mergeCell ref="MOG735:MOJ735"/>
    <mergeCell ref="MOK735:MON735"/>
    <mergeCell ref="MOO735:MOR735"/>
    <mergeCell ref="MOS735:MOV735"/>
    <mergeCell ref="MYC735:MYF735"/>
    <mergeCell ref="MYG735:MYJ735"/>
    <mergeCell ref="MYK735:MYN735"/>
    <mergeCell ref="MYO735:MYR735"/>
    <mergeCell ref="MYS735:MYV735"/>
    <mergeCell ref="MXI735:MXL735"/>
    <mergeCell ref="MXM735:MXP735"/>
    <mergeCell ref="MXQ735:MXT735"/>
    <mergeCell ref="MXU735:MXX735"/>
    <mergeCell ref="MXY735:MYB735"/>
    <mergeCell ref="MWO735:MWR735"/>
    <mergeCell ref="MWS735:MWV735"/>
    <mergeCell ref="MWW735:MWZ735"/>
    <mergeCell ref="MXA735:MXD735"/>
    <mergeCell ref="MXE735:MXH735"/>
    <mergeCell ref="MVU735:MVX735"/>
    <mergeCell ref="MVY735:MWB735"/>
    <mergeCell ref="MWC735:MWF735"/>
    <mergeCell ref="MWG735:MWJ735"/>
    <mergeCell ref="MWK735:MWN735"/>
    <mergeCell ref="MVA735:MVD735"/>
    <mergeCell ref="MVE735:MVH735"/>
    <mergeCell ref="MVI735:MVL735"/>
    <mergeCell ref="MVM735:MVP735"/>
    <mergeCell ref="MVQ735:MVT735"/>
    <mergeCell ref="MUG735:MUJ735"/>
    <mergeCell ref="MUK735:MUN735"/>
    <mergeCell ref="MUO735:MUR735"/>
    <mergeCell ref="MUS735:MUV735"/>
    <mergeCell ref="MUW735:MUZ735"/>
    <mergeCell ref="MTM735:MTP735"/>
    <mergeCell ref="MTQ735:MTT735"/>
    <mergeCell ref="MTU735:MTX735"/>
    <mergeCell ref="MTY735:MUB735"/>
    <mergeCell ref="MUC735:MUF735"/>
    <mergeCell ref="NDM735:NDP735"/>
    <mergeCell ref="NDQ735:NDT735"/>
    <mergeCell ref="NDU735:NDX735"/>
    <mergeCell ref="NDY735:NEB735"/>
    <mergeCell ref="NEC735:NEF735"/>
    <mergeCell ref="NCS735:NCV735"/>
    <mergeCell ref="NCW735:NCZ735"/>
    <mergeCell ref="NDA735:NDD735"/>
    <mergeCell ref="NDE735:NDH735"/>
    <mergeCell ref="NDI735:NDL735"/>
    <mergeCell ref="NBY735:NCB735"/>
    <mergeCell ref="NCC735:NCF735"/>
    <mergeCell ref="NCG735:NCJ735"/>
    <mergeCell ref="NCK735:NCN735"/>
    <mergeCell ref="NCO735:NCR735"/>
    <mergeCell ref="NBE735:NBH735"/>
    <mergeCell ref="NBI735:NBL735"/>
    <mergeCell ref="NBM735:NBP735"/>
    <mergeCell ref="NBQ735:NBT735"/>
    <mergeCell ref="NBU735:NBX735"/>
    <mergeCell ref="NAK735:NAN735"/>
    <mergeCell ref="NAO735:NAR735"/>
    <mergeCell ref="NAS735:NAV735"/>
    <mergeCell ref="NAW735:NAZ735"/>
    <mergeCell ref="NBA735:NBD735"/>
    <mergeCell ref="MZQ735:MZT735"/>
    <mergeCell ref="MZU735:MZX735"/>
    <mergeCell ref="MZY735:NAB735"/>
    <mergeCell ref="NAC735:NAF735"/>
    <mergeCell ref="NAG735:NAJ735"/>
    <mergeCell ref="MYW735:MYZ735"/>
    <mergeCell ref="MZA735:MZD735"/>
    <mergeCell ref="MZE735:MZH735"/>
    <mergeCell ref="MZI735:MZL735"/>
    <mergeCell ref="MZM735:MZP735"/>
    <mergeCell ref="NIW735:NIZ735"/>
    <mergeCell ref="NJA735:NJD735"/>
    <mergeCell ref="NJE735:NJH735"/>
    <mergeCell ref="NJI735:NJL735"/>
    <mergeCell ref="NJM735:NJP735"/>
    <mergeCell ref="NIC735:NIF735"/>
    <mergeCell ref="NIG735:NIJ735"/>
    <mergeCell ref="NIK735:NIN735"/>
    <mergeCell ref="NIO735:NIR735"/>
    <mergeCell ref="NIS735:NIV735"/>
    <mergeCell ref="NHI735:NHL735"/>
    <mergeCell ref="NHM735:NHP735"/>
    <mergeCell ref="NHQ735:NHT735"/>
    <mergeCell ref="NHU735:NHX735"/>
    <mergeCell ref="NHY735:NIB735"/>
    <mergeCell ref="NGO735:NGR735"/>
    <mergeCell ref="NGS735:NGV735"/>
    <mergeCell ref="NGW735:NGZ735"/>
    <mergeCell ref="NHA735:NHD735"/>
    <mergeCell ref="NHE735:NHH735"/>
    <mergeCell ref="NFU735:NFX735"/>
    <mergeCell ref="NFY735:NGB735"/>
    <mergeCell ref="NGC735:NGF735"/>
    <mergeCell ref="NGG735:NGJ735"/>
    <mergeCell ref="NGK735:NGN735"/>
    <mergeCell ref="NFA735:NFD735"/>
    <mergeCell ref="NFE735:NFH735"/>
    <mergeCell ref="NFI735:NFL735"/>
    <mergeCell ref="NFM735:NFP735"/>
    <mergeCell ref="NFQ735:NFT735"/>
    <mergeCell ref="NEG735:NEJ735"/>
    <mergeCell ref="NEK735:NEN735"/>
    <mergeCell ref="NEO735:NER735"/>
    <mergeCell ref="NES735:NEV735"/>
    <mergeCell ref="NEW735:NEZ735"/>
    <mergeCell ref="NOG735:NOJ735"/>
    <mergeCell ref="NOK735:NON735"/>
    <mergeCell ref="NOO735:NOR735"/>
    <mergeCell ref="NOS735:NOV735"/>
    <mergeCell ref="NOW735:NOZ735"/>
    <mergeCell ref="NNM735:NNP735"/>
    <mergeCell ref="NNQ735:NNT735"/>
    <mergeCell ref="NNU735:NNX735"/>
    <mergeCell ref="NNY735:NOB735"/>
    <mergeCell ref="NOC735:NOF735"/>
    <mergeCell ref="NMS735:NMV735"/>
    <mergeCell ref="NMW735:NMZ735"/>
    <mergeCell ref="NNA735:NND735"/>
    <mergeCell ref="NNE735:NNH735"/>
    <mergeCell ref="NNI735:NNL735"/>
    <mergeCell ref="NLY735:NMB735"/>
    <mergeCell ref="NMC735:NMF735"/>
    <mergeCell ref="NMG735:NMJ735"/>
    <mergeCell ref="NMK735:NMN735"/>
    <mergeCell ref="NMO735:NMR735"/>
    <mergeCell ref="NLE735:NLH735"/>
    <mergeCell ref="NLI735:NLL735"/>
    <mergeCell ref="NLM735:NLP735"/>
    <mergeCell ref="NLQ735:NLT735"/>
    <mergeCell ref="NLU735:NLX735"/>
    <mergeCell ref="NKK735:NKN735"/>
    <mergeCell ref="NKO735:NKR735"/>
    <mergeCell ref="NKS735:NKV735"/>
    <mergeCell ref="NKW735:NKZ735"/>
    <mergeCell ref="NLA735:NLD735"/>
    <mergeCell ref="NJQ735:NJT735"/>
    <mergeCell ref="NJU735:NJX735"/>
    <mergeCell ref="NJY735:NKB735"/>
    <mergeCell ref="NKC735:NKF735"/>
    <mergeCell ref="NKG735:NKJ735"/>
    <mergeCell ref="NTQ735:NTT735"/>
    <mergeCell ref="NTU735:NTX735"/>
    <mergeCell ref="NTY735:NUB735"/>
    <mergeCell ref="NUC735:NUF735"/>
    <mergeCell ref="NUG735:NUJ735"/>
    <mergeCell ref="NSW735:NSZ735"/>
    <mergeCell ref="NTA735:NTD735"/>
    <mergeCell ref="NTE735:NTH735"/>
    <mergeCell ref="NTI735:NTL735"/>
    <mergeCell ref="NTM735:NTP735"/>
    <mergeCell ref="NSC735:NSF735"/>
    <mergeCell ref="NSG735:NSJ735"/>
    <mergeCell ref="NSK735:NSN735"/>
    <mergeCell ref="NSO735:NSR735"/>
    <mergeCell ref="NSS735:NSV735"/>
    <mergeCell ref="NRI735:NRL735"/>
    <mergeCell ref="NRM735:NRP735"/>
    <mergeCell ref="NRQ735:NRT735"/>
    <mergeCell ref="NRU735:NRX735"/>
    <mergeCell ref="NRY735:NSB735"/>
    <mergeCell ref="NQO735:NQR735"/>
    <mergeCell ref="NQS735:NQV735"/>
    <mergeCell ref="NQW735:NQZ735"/>
    <mergeCell ref="NRA735:NRD735"/>
    <mergeCell ref="NRE735:NRH735"/>
    <mergeCell ref="NPU735:NPX735"/>
    <mergeCell ref="NPY735:NQB735"/>
    <mergeCell ref="NQC735:NQF735"/>
    <mergeCell ref="NQG735:NQJ735"/>
    <mergeCell ref="NQK735:NQN735"/>
    <mergeCell ref="NPA735:NPD735"/>
    <mergeCell ref="NPE735:NPH735"/>
    <mergeCell ref="NPI735:NPL735"/>
    <mergeCell ref="NPM735:NPP735"/>
    <mergeCell ref="NPQ735:NPT735"/>
    <mergeCell ref="NZA735:NZD735"/>
    <mergeCell ref="NZE735:NZH735"/>
    <mergeCell ref="NZI735:NZL735"/>
    <mergeCell ref="NZM735:NZP735"/>
    <mergeCell ref="NZQ735:NZT735"/>
    <mergeCell ref="NYG735:NYJ735"/>
    <mergeCell ref="NYK735:NYN735"/>
    <mergeCell ref="NYO735:NYR735"/>
    <mergeCell ref="NYS735:NYV735"/>
    <mergeCell ref="NYW735:NYZ735"/>
    <mergeCell ref="NXM735:NXP735"/>
    <mergeCell ref="NXQ735:NXT735"/>
    <mergeCell ref="NXU735:NXX735"/>
    <mergeCell ref="NXY735:NYB735"/>
    <mergeCell ref="NYC735:NYF735"/>
    <mergeCell ref="NWS735:NWV735"/>
    <mergeCell ref="NWW735:NWZ735"/>
    <mergeCell ref="NXA735:NXD735"/>
    <mergeCell ref="NXE735:NXH735"/>
    <mergeCell ref="NXI735:NXL735"/>
    <mergeCell ref="NVY735:NWB735"/>
    <mergeCell ref="NWC735:NWF735"/>
    <mergeCell ref="NWG735:NWJ735"/>
    <mergeCell ref="NWK735:NWN735"/>
    <mergeCell ref="NWO735:NWR735"/>
    <mergeCell ref="NVE735:NVH735"/>
    <mergeCell ref="NVI735:NVL735"/>
    <mergeCell ref="NVM735:NVP735"/>
    <mergeCell ref="NVQ735:NVT735"/>
    <mergeCell ref="NVU735:NVX735"/>
    <mergeCell ref="NUK735:NUN735"/>
    <mergeCell ref="NUO735:NUR735"/>
    <mergeCell ref="NUS735:NUV735"/>
    <mergeCell ref="NUW735:NUZ735"/>
    <mergeCell ref="NVA735:NVD735"/>
    <mergeCell ref="OEK735:OEN735"/>
    <mergeCell ref="OEO735:OER735"/>
    <mergeCell ref="OES735:OEV735"/>
    <mergeCell ref="OEW735:OEZ735"/>
    <mergeCell ref="OFA735:OFD735"/>
    <mergeCell ref="ODQ735:ODT735"/>
    <mergeCell ref="ODU735:ODX735"/>
    <mergeCell ref="ODY735:OEB735"/>
    <mergeCell ref="OEC735:OEF735"/>
    <mergeCell ref="OEG735:OEJ735"/>
    <mergeCell ref="OCW735:OCZ735"/>
    <mergeCell ref="ODA735:ODD735"/>
    <mergeCell ref="ODE735:ODH735"/>
    <mergeCell ref="ODI735:ODL735"/>
    <mergeCell ref="ODM735:ODP735"/>
    <mergeCell ref="OCC735:OCF735"/>
    <mergeCell ref="OCG735:OCJ735"/>
    <mergeCell ref="OCK735:OCN735"/>
    <mergeCell ref="OCO735:OCR735"/>
    <mergeCell ref="OCS735:OCV735"/>
    <mergeCell ref="OBI735:OBL735"/>
    <mergeCell ref="OBM735:OBP735"/>
    <mergeCell ref="OBQ735:OBT735"/>
    <mergeCell ref="OBU735:OBX735"/>
    <mergeCell ref="OBY735:OCB735"/>
    <mergeCell ref="OAO735:OAR735"/>
    <mergeCell ref="OAS735:OAV735"/>
    <mergeCell ref="OAW735:OAZ735"/>
    <mergeCell ref="OBA735:OBD735"/>
    <mergeCell ref="OBE735:OBH735"/>
    <mergeCell ref="NZU735:NZX735"/>
    <mergeCell ref="NZY735:OAB735"/>
    <mergeCell ref="OAC735:OAF735"/>
    <mergeCell ref="OAG735:OAJ735"/>
    <mergeCell ref="OAK735:OAN735"/>
    <mergeCell ref="OJU735:OJX735"/>
    <mergeCell ref="OJY735:OKB735"/>
    <mergeCell ref="OKC735:OKF735"/>
    <mergeCell ref="OKG735:OKJ735"/>
    <mergeCell ref="OKK735:OKN735"/>
    <mergeCell ref="OJA735:OJD735"/>
    <mergeCell ref="OJE735:OJH735"/>
    <mergeCell ref="OJI735:OJL735"/>
    <mergeCell ref="OJM735:OJP735"/>
    <mergeCell ref="OJQ735:OJT735"/>
    <mergeCell ref="OIG735:OIJ735"/>
    <mergeCell ref="OIK735:OIN735"/>
    <mergeCell ref="OIO735:OIR735"/>
    <mergeCell ref="OIS735:OIV735"/>
    <mergeCell ref="OIW735:OIZ735"/>
    <mergeCell ref="OHM735:OHP735"/>
    <mergeCell ref="OHQ735:OHT735"/>
    <mergeCell ref="OHU735:OHX735"/>
    <mergeCell ref="OHY735:OIB735"/>
    <mergeCell ref="OIC735:OIF735"/>
    <mergeCell ref="OGS735:OGV735"/>
    <mergeCell ref="OGW735:OGZ735"/>
    <mergeCell ref="OHA735:OHD735"/>
    <mergeCell ref="OHE735:OHH735"/>
    <mergeCell ref="OHI735:OHL735"/>
    <mergeCell ref="OFY735:OGB735"/>
    <mergeCell ref="OGC735:OGF735"/>
    <mergeCell ref="OGG735:OGJ735"/>
    <mergeCell ref="OGK735:OGN735"/>
    <mergeCell ref="OGO735:OGR735"/>
    <mergeCell ref="OFE735:OFH735"/>
    <mergeCell ref="OFI735:OFL735"/>
    <mergeCell ref="OFM735:OFP735"/>
    <mergeCell ref="OFQ735:OFT735"/>
    <mergeCell ref="OFU735:OFX735"/>
    <mergeCell ref="OPE735:OPH735"/>
    <mergeCell ref="OPI735:OPL735"/>
    <mergeCell ref="OPM735:OPP735"/>
    <mergeCell ref="OPQ735:OPT735"/>
    <mergeCell ref="OPU735:OPX735"/>
    <mergeCell ref="OOK735:OON735"/>
    <mergeCell ref="OOO735:OOR735"/>
    <mergeCell ref="OOS735:OOV735"/>
    <mergeCell ref="OOW735:OOZ735"/>
    <mergeCell ref="OPA735:OPD735"/>
    <mergeCell ref="ONQ735:ONT735"/>
    <mergeCell ref="ONU735:ONX735"/>
    <mergeCell ref="ONY735:OOB735"/>
    <mergeCell ref="OOC735:OOF735"/>
    <mergeCell ref="OOG735:OOJ735"/>
    <mergeCell ref="OMW735:OMZ735"/>
    <mergeCell ref="ONA735:OND735"/>
    <mergeCell ref="ONE735:ONH735"/>
    <mergeCell ref="ONI735:ONL735"/>
    <mergeCell ref="ONM735:ONP735"/>
    <mergeCell ref="OMC735:OMF735"/>
    <mergeCell ref="OMG735:OMJ735"/>
    <mergeCell ref="OMK735:OMN735"/>
    <mergeCell ref="OMO735:OMR735"/>
    <mergeCell ref="OMS735:OMV735"/>
    <mergeCell ref="OLI735:OLL735"/>
    <mergeCell ref="OLM735:OLP735"/>
    <mergeCell ref="OLQ735:OLT735"/>
    <mergeCell ref="OLU735:OLX735"/>
    <mergeCell ref="OLY735:OMB735"/>
    <mergeCell ref="OKO735:OKR735"/>
    <mergeCell ref="OKS735:OKV735"/>
    <mergeCell ref="OKW735:OKZ735"/>
    <mergeCell ref="OLA735:OLD735"/>
    <mergeCell ref="OLE735:OLH735"/>
    <mergeCell ref="OUO735:OUR735"/>
    <mergeCell ref="OUS735:OUV735"/>
    <mergeCell ref="OUW735:OUZ735"/>
    <mergeCell ref="OVA735:OVD735"/>
    <mergeCell ref="OVE735:OVH735"/>
    <mergeCell ref="OTU735:OTX735"/>
    <mergeCell ref="OTY735:OUB735"/>
    <mergeCell ref="OUC735:OUF735"/>
    <mergeCell ref="OUG735:OUJ735"/>
    <mergeCell ref="OUK735:OUN735"/>
    <mergeCell ref="OTA735:OTD735"/>
    <mergeCell ref="OTE735:OTH735"/>
    <mergeCell ref="OTI735:OTL735"/>
    <mergeCell ref="OTM735:OTP735"/>
    <mergeCell ref="OTQ735:OTT735"/>
    <mergeCell ref="OSG735:OSJ735"/>
    <mergeCell ref="OSK735:OSN735"/>
    <mergeCell ref="OSO735:OSR735"/>
    <mergeCell ref="OSS735:OSV735"/>
    <mergeCell ref="OSW735:OSZ735"/>
    <mergeCell ref="ORM735:ORP735"/>
    <mergeCell ref="ORQ735:ORT735"/>
    <mergeCell ref="ORU735:ORX735"/>
    <mergeCell ref="ORY735:OSB735"/>
    <mergeCell ref="OSC735:OSF735"/>
    <mergeCell ref="OQS735:OQV735"/>
    <mergeCell ref="OQW735:OQZ735"/>
    <mergeCell ref="ORA735:ORD735"/>
    <mergeCell ref="ORE735:ORH735"/>
    <mergeCell ref="ORI735:ORL735"/>
    <mergeCell ref="OPY735:OQB735"/>
    <mergeCell ref="OQC735:OQF735"/>
    <mergeCell ref="OQG735:OQJ735"/>
    <mergeCell ref="OQK735:OQN735"/>
    <mergeCell ref="OQO735:OQR735"/>
    <mergeCell ref="OZY735:PAB735"/>
    <mergeCell ref="PAC735:PAF735"/>
    <mergeCell ref="PAG735:PAJ735"/>
    <mergeCell ref="PAK735:PAN735"/>
    <mergeCell ref="PAO735:PAR735"/>
    <mergeCell ref="OZE735:OZH735"/>
    <mergeCell ref="OZI735:OZL735"/>
    <mergeCell ref="OZM735:OZP735"/>
    <mergeCell ref="OZQ735:OZT735"/>
    <mergeCell ref="OZU735:OZX735"/>
    <mergeCell ref="OYK735:OYN735"/>
    <mergeCell ref="OYO735:OYR735"/>
    <mergeCell ref="OYS735:OYV735"/>
    <mergeCell ref="OYW735:OYZ735"/>
    <mergeCell ref="OZA735:OZD735"/>
    <mergeCell ref="OXQ735:OXT735"/>
    <mergeCell ref="OXU735:OXX735"/>
    <mergeCell ref="OXY735:OYB735"/>
    <mergeCell ref="OYC735:OYF735"/>
    <mergeCell ref="OYG735:OYJ735"/>
    <mergeCell ref="OWW735:OWZ735"/>
    <mergeCell ref="OXA735:OXD735"/>
    <mergeCell ref="OXE735:OXH735"/>
    <mergeCell ref="OXI735:OXL735"/>
    <mergeCell ref="OXM735:OXP735"/>
    <mergeCell ref="OWC735:OWF735"/>
    <mergeCell ref="OWG735:OWJ735"/>
    <mergeCell ref="OWK735:OWN735"/>
    <mergeCell ref="OWO735:OWR735"/>
    <mergeCell ref="OWS735:OWV735"/>
    <mergeCell ref="OVI735:OVL735"/>
    <mergeCell ref="OVM735:OVP735"/>
    <mergeCell ref="OVQ735:OVT735"/>
    <mergeCell ref="OVU735:OVX735"/>
    <mergeCell ref="OVY735:OWB735"/>
    <mergeCell ref="PFI735:PFL735"/>
    <mergeCell ref="PFM735:PFP735"/>
    <mergeCell ref="PFQ735:PFT735"/>
    <mergeCell ref="PFU735:PFX735"/>
    <mergeCell ref="PFY735:PGB735"/>
    <mergeCell ref="PEO735:PER735"/>
    <mergeCell ref="PES735:PEV735"/>
    <mergeCell ref="PEW735:PEZ735"/>
    <mergeCell ref="PFA735:PFD735"/>
    <mergeCell ref="PFE735:PFH735"/>
    <mergeCell ref="PDU735:PDX735"/>
    <mergeCell ref="PDY735:PEB735"/>
    <mergeCell ref="PEC735:PEF735"/>
    <mergeCell ref="PEG735:PEJ735"/>
    <mergeCell ref="PEK735:PEN735"/>
    <mergeCell ref="PDA735:PDD735"/>
    <mergeCell ref="PDE735:PDH735"/>
    <mergeCell ref="PDI735:PDL735"/>
    <mergeCell ref="PDM735:PDP735"/>
    <mergeCell ref="PDQ735:PDT735"/>
    <mergeCell ref="PCG735:PCJ735"/>
    <mergeCell ref="PCK735:PCN735"/>
    <mergeCell ref="PCO735:PCR735"/>
    <mergeCell ref="PCS735:PCV735"/>
    <mergeCell ref="PCW735:PCZ735"/>
    <mergeCell ref="PBM735:PBP735"/>
    <mergeCell ref="PBQ735:PBT735"/>
    <mergeCell ref="PBU735:PBX735"/>
    <mergeCell ref="PBY735:PCB735"/>
    <mergeCell ref="PCC735:PCF735"/>
    <mergeCell ref="PAS735:PAV735"/>
    <mergeCell ref="PAW735:PAZ735"/>
    <mergeCell ref="PBA735:PBD735"/>
    <mergeCell ref="PBE735:PBH735"/>
    <mergeCell ref="PBI735:PBL735"/>
    <mergeCell ref="PKS735:PKV735"/>
    <mergeCell ref="PKW735:PKZ735"/>
    <mergeCell ref="PLA735:PLD735"/>
    <mergeCell ref="PLE735:PLH735"/>
    <mergeCell ref="PLI735:PLL735"/>
    <mergeCell ref="PJY735:PKB735"/>
    <mergeCell ref="PKC735:PKF735"/>
    <mergeCell ref="PKG735:PKJ735"/>
    <mergeCell ref="PKK735:PKN735"/>
    <mergeCell ref="PKO735:PKR735"/>
    <mergeCell ref="PJE735:PJH735"/>
    <mergeCell ref="PJI735:PJL735"/>
    <mergeCell ref="PJM735:PJP735"/>
    <mergeCell ref="PJQ735:PJT735"/>
    <mergeCell ref="PJU735:PJX735"/>
    <mergeCell ref="PIK735:PIN735"/>
    <mergeCell ref="PIO735:PIR735"/>
    <mergeCell ref="PIS735:PIV735"/>
    <mergeCell ref="PIW735:PIZ735"/>
    <mergeCell ref="PJA735:PJD735"/>
    <mergeCell ref="PHQ735:PHT735"/>
    <mergeCell ref="PHU735:PHX735"/>
    <mergeCell ref="PHY735:PIB735"/>
    <mergeCell ref="PIC735:PIF735"/>
    <mergeCell ref="PIG735:PIJ735"/>
    <mergeCell ref="PGW735:PGZ735"/>
    <mergeCell ref="PHA735:PHD735"/>
    <mergeCell ref="PHE735:PHH735"/>
    <mergeCell ref="PHI735:PHL735"/>
    <mergeCell ref="PHM735:PHP735"/>
    <mergeCell ref="PGC735:PGF735"/>
    <mergeCell ref="PGG735:PGJ735"/>
    <mergeCell ref="PGK735:PGN735"/>
    <mergeCell ref="PGO735:PGR735"/>
    <mergeCell ref="PGS735:PGV735"/>
    <mergeCell ref="PQC735:PQF735"/>
    <mergeCell ref="PQG735:PQJ735"/>
    <mergeCell ref="PQK735:PQN735"/>
    <mergeCell ref="PQO735:PQR735"/>
    <mergeCell ref="PQS735:PQV735"/>
    <mergeCell ref="PPI735:PPL735"/>
    <mergeCell ref="PPM735:PPP735"/>
    <mergeCell ref="PPQ735:PPT735"/>
    <mergeCell ref="PPU735:PPX735"/>
    <mergeCell ref="PPY735:PQB735"/>
    <mergeCell ref="POO735:POR735"/>
    <mergeCell ref="POS735:POV735"/>
    <mergeCell ref="POW735:POZ735"/>
    <mergeCell ref="PPA735:PPD735"/>
    <mergeCell ref="PPE735:PPH735"/>
    <mergeCell ref="PNU735:PNX735"/>
    <mergeCell ref="PNY735:POB735"/>
    <mergeCell ref="POC735:POF735"/>
    <mergeCell ref="POG735:POJ735"/>
    <mergeCell ref="POK735:PON735"/>
    <mergeCell ref="PNA735:PND735"/>
    <mergeCell ref="PNE735:PNH735"/>
    <mergeCell ref="PNI735:PNL735"/>
    <mergeCell ref="PNM735:PNP735"/>
    <mergeCell ref="PNQ735:PNT735"/>
    <mergeCell ref="PMG735:PMJ735"/>
    <mergeCell ref="PMK735:PMN735"/>
    <mergeCell ref="PMO735:PMR735"/>
    <mergeCell ref="PMS735:PMV735"/>
    <mergeCell ref="PMW735:PMZ735"/>
    <mergeCell ref="PLM735:PLP735"/>
    <mergeCell ref="PLQ735:PLT735"/>
    <mergeCell ref="PLU735:PLX735"/>
    <mergeCell ref="PLY735:PMB735"/>
    <mergeCell ref="PMC735:PMF735"/>
    <mergeCell ref="PVM735:PVP735"/>
    <mergeCell ref="PVQ735:PVT735"/>
    <mergeCell ref="PVU735:PVX735"/>
    <mergeCell ref="PVY735:PWB735"/>
    <mergeCell ref="PWC735:PWF735"/>
    <mergeCell ref="PUS735:PUV735"/>
    <mergeCell ref="PUW735:PUZ735"/>
    <mergeCell ref="PVA735:PVD735"/>
    <mergeCell ref="PVE735:PVH735"/>
    <mergeCell ref="PVI735:PVL735"/>
    <mergeCell ref="PTY735:PUB735"/>
    <mergeCell ref="PUC735:PUF735"/>
    <mergeCell ref="PUG735:PUJ735"/>
    <mergeCell ref="PUK735:PUN735"/>
    <mergeCell ref="PUO735:PUR735"/>
    <mergeCell ref="PTE735:PTH735"/>
    <mergeCell ref="PTI735:PTL735"/>
    <mergeCell ref="PTM735:PTP735"/>
    <mergeCell ref="PTQ735:PTT735"/>
    <mergeCell ref="PTU735:PTX735"/>
    <mergeCell ref="PSK735:PSN735"/>
    <mergeCell ref="PSO735:PSR735"/>
    <mergeCell ref="PSS735:PSV735"/>
    <mergeCell ref="PSW735:PSZ735"/>
    <mergeCell ref="PTA735:PTD735"/>
    <mergeCell ref="PRQ735:PRT735"/>
    <mergeCell ref="PRU735:PRX735"/>
    <mergeCell ref="PRY735:PSB735"/>
    <mergeCell ref="PSC735:PSF735"/>
    <mergeCell ref="PSG735:PSJ735"/>
    <mergeCell ref="PQW735:PQZ735"/>
    <mergeCell ref="PRA735:PRD735"/>
    <mergeCell ref="PRE735:PRH735"/>
    <mergeCell ref="PRI735:PRL735"/>
    <mergeCell ref="PRM735:PRP735"/>
    <mergeCell ref="QAW735:QAZ735"/>
    <mergeCell ref="QBA735:QBD735"/>
    <mergeCell ref="QBE735:QBH735"/>
    <mergeCell ref="QBI735:QBL735"/>
    <mergeCell ref="QBM735:QBP735"/>
    <mergeCell ref="QAC735:QAF735"/>
    <mergeCell ref="QAG735:QAJ735"/>
    <mergeCell ref="QAK735:QAN735"/>
    <mergeCell ref="QAO735:QAR735"/>
    <mergeCell ref="QAS735:QAV735"/>
    <mergeCell ref="PZI735:PZL735"/>
    <mergeCell ref="PZM735:PZP735"/>
    <mergeCell ref="PZQ735:PZT735"/>
    <mergeCell ref="PZU735:PZX735"/>
    <mergeCell ref="PZY735:QAB735"/>
    <mergeCell ref="PYO735:PYR735"/>
    <mergeCell ref="PYS735:PYV735"/>
    <mergeCell ref="PYW735:PYZ735"/>
    <mergeCell ref="PZA735:PZD735"/>
    <mergeCell ref="PZE735:PZH735"/>
    <mergeCell ref="PXU735:PXX735"/>
    <mergeCell ref="PXY735:PYB735"/>
    <mergeCell ref="PYC735:PYF735"/>
    <mergeCell ref="PYG735:PYJ735"/>
    <mergeCell ref="PYK735:PYN735"/>
    <mergeCell ref="PXA735:PXD735"/>
    <mergeCell ref="PXE735:PXH735"/>
    <mergeCell ref="PXI735:PXL735"/>
    <mergeCell ref="PXM735:PXP735"/>
    <mergeCell ref="PXQ735:PXT735"/>
    <mergeCell ref="PWG735:PWJ735"/>
    <mergeCell ref="PWK735:PWN735"/>
    <mergeCell ref="PWO735:PWR735"/>
    <mergeCell ref="PWS735:PWV735"/>
    <mergeCell ref="PWW735:PWZ735"/>
    <mergeCell ref="QGG735:QGJ735"/>
    <mergeCell ref="QGK735:QGN735"/>
    <mergeCell ref="QGO735:QGR735"/>
    <mergeCell ref="QGS735:QGV735"/>
    <mergeCell ref="QGW735:QGZ735"/>
    <mergeCell ref="QFM735:QFP735"/>
    <mergeCell ref="QFQ735:QFT735"/>
    <mergeCell ref="QFU735:QFX735"/>
    <mergeCell ref="QFY735:QGB735"/>
    <mergeCell ref="QGC735:QGF735"/>
    <mergeCell ref="QES735:QEV735"/>
    <mergeCell ref="QEW735:QEZ735"/>
    <mergeCell ref="QFA735:QFD735"/>
    <mergeCell ref="QFE735:QFH735"/>
    <mergeCell ref="QFI735:QFL735"/>
    <mergeCell ref="QDY735:QEB735"/>
    <mergeCell ref="QEC735:QEF735"/>
    <mergeCell ref="QEG735:QEJ735"/>
    <mergeCell ref="QEK735:QEN735"/>
    <mergeCell ref="QEO735:QER735"/>
    <mergeCell ref="QDE735:QDH735"/>
    <mergeCell ref="QDI735:QDL735"/>
    <mergeCell ref="QDM735:QDP735"/>
    <mergeCell ref="QDQ735:QDT735"/>
    <mergeCell ref="QDU735:QDX735"/>
    <mergeCell ref="QCK735:QCN735"/>
    <mergeCell ref="QCO735:QCR735"/>
    <mergeCell ref="QCS735:QCV735"/>
    <mergeCell ref="QCW735:QCZ735"/>
    <mergeCell ref="QDA735:QDD735"/>
    <mergeCell ref="QBQ735:QBT735"/>
    <mergeCell ref="QBU735:QBX735"/>
    <mergeCell ref="QBY735:QCB735"/>
    <mergeCell ref="QCC735:QCF735"/>
    <mergeCell ref="QCG735:QCJ735"/>
    <mergeCell ref="QLQ735:QLT735"/>
    <mergeCell ref="QLU735:QLX735"/>
    <mergeCell ref="QLY735:QMB735"/>
    <mergeCell ref="QMC735:QMF735"/>
    <mergeCell ref="QMG735:QMJ735"/>
    <mergeCell ref="QKW735:QKZ735"/>
    <mergeCell ref="QLA735:QLD735"/>
    <mergeCell ref="QLE735:QLH735"/>
    <mergeCell ref="QLI735:QLL735"/>
    <mergeCell ref="QLM735:QLP735"/>
    <mergeCell ref="QKC735:QKF735"/>
    <mergeCell ref="QKG735:QKJ735"/>
    <mergeCell ref="QKK735:QKN735"/>
    <mergeCell ref="QKO735:QKR735"/>
    <mergeCell ref="QKS735:QKV735"/>
    <mergeCell ref="QJI735:QJL735"/>
    <mergeCell ref="QJM735:QJP735"/>
    <mergeCell ref="QJQ735:QJT735"/>
    <mergeCell ref="QJU735:QJX735"/>
    <mergeCell ref="QJY735:QKB735"/>
    <mergeCell ref="QIO735:QIR735"/>
    <mergeCell ref="QIS735:QIV735"/>
    <mergeCell ref="QIW735:QIZ735"/>
    <mergeCell ref="QJA735:QJD735"/>
    <mergeCell ref="QJE735:QJH735"/>
    <mergeCell ref="QHU735:QHX735"/>
    <mergeCell ref="QHY735:QIB735"/>
    <mergeCell ref="QIC735:QIF735"/>
    <mergeCell ref="QIG735:QIJ735"/>
    <mergeCell ref="QIK735:QIN735"/>
    <mergeCell ref="QHA735:QHD735"/>
    <mergeCell ref="QHE735:QHH735"/>
    <mergeCell ref="QHI735:QHL735"/>
    <mergeCell ref="QHM735:QHP735"/>
    <mergeCell ref="QHQ735:QHT735"/>
    <mergeCell ref="QRA735:QRD735"/>
    <mergeCell ref="QRE735:QRH735"/>
    <mergeCell ref="QRI735:QRL735"/>
    <mergeCell ref="QRM735:QRP735"/>
    <mergeCell ref="QRQ735:QRT735"/>
    <mergeCell ref="QQG735:QQJ735"/>
    <mergeCell ref="QQK735:QQN735"/>
    <mergeCell ref="QQO735:QQR735"/>
    <mergeCell ref="QQS735:QQV735"/>
    <mergeCell ref="QQW735:QQZ735"/>
    <mergeCell ref="QPM735:QPP735"/>
    <mergeCell ref="QPQ735:QPT735"/>
    <mergeCell ref="QPU735:QPX735"/>
    <mergeCell ref="QPY735:QQB735"/>
    <mergeCell ref="QQC735:QQF735"/>
    <mergeCell ref="QOS735:QOV735"/>
    <mergeCell ref="QOW735:QOZ735"/>
    <mergeCell ref="QPA735:QPD735"/>
    <mergeCell ref="QPE735:QPH735"/>
    <mergeCell ref="QPI735:QPL735"/>
    <mergeCell ref="QNY735:QOB735"/>
    <mergeCell ref="QOC735:QOF735"/>
    <mergeCell ref="QOG735:QOJ735"/>
    <mergeCell ref="QOK735:QON735"/>
    <mergeCell ref="QOO735:QOR735"/>
    <mergeCell ref="QNE735:QNH735"/>
    <mergeCell ref="QNI735:QNL735"/>
    <mergeCell ref="QNM735:QNP735"/>
    <mergeCell ref="QNQ735:QNT735"/>
    <mergeCell ref="QNU735:QNX735"/>
    <mergeCell ref="QMK735:QMN735"/>
    <mergeCell ref="QMO735:QMR735"/>
    <mergeCell ref="QMS735:QMV735"/>
    <mergeCell ref="QMW735:QMZ735"/>
    <mergeCell ref="QNA735:QND735"/>
    <mergeCell ref="QWK735:QWN735"/>
    <mergeCell ref="QWO735:QWR735"/>
    <mergeCell ref="QWS735:QWV735"/>
    <mergeCell ref="QWW735:QWZ735"/>
    <mergeCell ref="QXA735:QXD735"/>
    <mergeCell ref="QVQ735:QVT735"/>
    <mergeCell ref="QVU735:QVX735"/>
    <mergeCell ref="QVY735:QWB735"/>
    <mergeCell ref="QWC735:QWF735"/>
    <mergeCell ref="QWG735:QWJ735"/>
    <mergeCell ref="QUW735:QUZ735"/>
    <mergeCell ref="QVA735:QVD735"/>
    <mergeCell ref="QVE735:QVH735"/>
    <mergeCell ref="QVI735:QVL735"/>
    <mergeCell ref="QVM735:QVP735"/>
    <mergeCell ref="QUC735:QUF735"/>
    <mergeCell ref="QUG735:QUJ735"/>
    <mergeCell ref="QUK735:QUN735"/>
    <mergeCell ref="QUO735:QUR735"/>
    <mergeCell ref="QUS735:QUV735"/>
    <mergeCell ref="QTI735:QTL735"/>
    <mergeCell ref="QTM735:QTP735"/>
    <mergeCell ref="QTQ735:QTT735"/>
    <mergeCell ref="QTU735:QTX735"/>
    <mergeCell ref="QTY735:QUB735"/>
    <mergeCell ref="QSO735:QSR735"/>
    <mergeCell ref="QSS735:QSV735"/>
    <mergeCell ref="QSW735:QSZ735"/>
    <mergeCell ref="QTA735:QTD735"/>
    <mergeCell ref="QTE735:QTH735"/>
    <mergeCell ref="QRU735:QRX735"/>
    <mergeCell ref="QRY735:QSB735"/>
    <mergeCell ref="QSC735:QSF735"/>
    <mergeCell ref="QSG735:QSJ735"/>
    <mergeCell ref="QSK735:QSN735"/>
    <mergeCell ref="RBU735:RBX735"/>
    <mergeCell ref="RBY735:RCB735"/>
    <mergeCell ref="RCC735:RCF735"/>
    <mergeCell ref="RCG735:RCJ735"/>
    <mergeCell ref="RCK735:RCN735"/>
    <mergeCell ref="RBA735:RBD735"/>
    <mergeCell ref="RBE735:RBH735"/>
    <mergeCell ref="RBI735:RBL735"/>
    <mergeCell ref="RBM735:RBP735"/>
    <mergeCell ref="RBQ735:RBT735"/>
    <mergeCell ref="RAG735:RAJ735"/>
    <mergeCell ref="RAK735:RAN735"/>
    <mergeCell ref="RAO735:RAR735"/>
    <mergeCell ref="RAS735:RAV735"/>
    <mergeCell ref="RAW735:RAZ735"/>
    <mergeCell ref="QZM735:QZP735"/>
    <mergeCell ref="QZQ735:QZT735"/>
    <mergeCell ref="QZU735:QZX735"/>
    <mergeCell ref="QZY735:RAB735"/>
    <mergeCell ref="RAC735:RAF735"/>
    <mergeCell ref="QYS735:QYV735"/>
    <mergeCell ref="QYW735:QYZ735"/>
    <mergeCell ref="QZA735:QZD735"/>
    <mergeCell ref="QZE735:QZH735"/>
    <mergeCell ref="QZI735:QZL735"/>
    <mergeCell ref="QXY735:QYB735"/>
    <mergeCell ref="QYC735:QYF735"/>
    <mergeCell ref="QYG735:QYJ735"/>
    <mergeCell ref="QYK735:QYN735"/>
    <mergeCell ref="QYO735:QYR735"/>
    <mergeCell ref="QXE735:QXH735"/>
    <mergeCell ref="QXI735:QXL735"/>
    <mergeCell ref="QXM735:QXP735"/>
    <mergeCell ref="QXQ735:QXT735"/>
    <mergeCell ref="QXU735:QXX735"/>
    <mergeCell ref="RHE735:RHH735"/>
    <mergeCell ref="RHI735:RHL735"/>
    <mergeCell ref="RHM735:RHP735"/>
    <mergeCell ref="RHQ735:RHT735"/>
    <mergeCell ref="RHU735:RHX735"/>
    <mergeCell ref="RGK735:RGN735"/>
    <mergeCell ref="RGO735:RGR735"/>
    <mergeCell ref="RGS735:RGV735"/>
    <mergeCell ref="RGW735:RGZ735"/>
    <mergeCell ref="RHA735:RHD735"/>
    <mergeCell ref="RFQ735:RFT735"/>
    <mergeCell ref="RFU735:RFX735"/>
    <mergeCell ref="RFY735:RGB735"/>
    <mergeCell ref="RGC735:RGF735"/>
    <mergeCell ref="RGG735:RGJ735"/>
    <mergeCell ref="REW735:REZ735"/>
    <mergeCell ref="RFA735:RFD735"/>
    <mergeCell ref="RFE735:RFH735"/>
    <mergeCell ref="RFI735:RFL735"/>
    <mergeCell ref="RFM735:RFP735"/>
    <mergeCell ref="REC735:REF735"/>
    <mergeCell ref="REG735:REJ735"/>
    <mergeCell ref="REK735:REN735"/>
    <mergeCell ref="REO735:RER735"/>
    <mergeCell ref="RES735:REV735"/>
    <mergeCell ref="RDI735:RDL735"/>
    <mergeCell ref="RDM735:RDP735"/>
    <mergeCell ref="RDQ735:RDT735"/>
    <mergeCell ref="RDU735:RDX735"/>
    <mergeCell ref="RDY735:REB735"/>
    <mergeCell ref="RCO735:RCR735"/>
    <mergeCell ref="RCS735:RCV735"/>
    <mergeCell ref="RCW735:RCZ735"/>
    <mergeCell ref="RDA735:RDD735"/>
    <mergeCell ref="RDE735:RDH735"/>
    <mergeCell ref="RMO735:RMR735"/>
    <mergeCell ref="RMS735:RMV735"/>
    <mergeCell ref="RMW735:RMZ735"/>
    <mergeCell ref="RNA735:RND735"/>
    <mergeCell ref="RNE735:RNH735"/>
    <mergeCell ref="RLU735:RLX735"/>
    <mergeCell ref="RLY735:RMB735"/>
    <mergeCell ref="RMC735:RMF735"/>
    <mergeCell ref="RMG735:RMJ735"/>
    <mergeCell ref="RMK735:RMN735"/>
    <mergeCell ref="RLA735:RLD735"/>
    <mergeCell ref="RLE735:RLH735"/>
    <mergeCell ref="RLI735:RLL735"/>
    <mergeCell ref="RLM735:RLP735"/>
    <mergeCell ref="RLQ735:RLT735"/>
    <mergeCell ref="RKG735:RKJ735"/>
    <mergeCell ref="RKK735:RKN735"/>
    <mergeCell ref="RKO735:RKR735"/>
    <mergeCell ref="RKS735:RKV735"/>
    <mergeCell ref="RKW735:RKZ735"/>
    <mergeCell ref="RJM735:RJP735"/>
    <mergeCell ref="RJQ735:RJT735"/>
    <mergeCell ref="RJU735:RJX735"/>
    <mergeCell ref="RJY735:RKB735"/>
    <mergeCell ref="RKC735:RKF735"/>
    <mergeCell ref="RIS735:RIV735"/>
    <mergeCell ref="RIW735:RIZ735"/>
    <mergeCell ref="RJA735:RJD735"/>
    <mergeCell ref="RJE735:RJH735"/>
    <mergeCell ref="RJI735:RJL735"/>
    <mergeCell ref="RHY735:RIB735"/>
    <mergeCell ref="RIC735:RIF735"/>
    <mergeCell ref="RIG735:RIJ735"/>
    <mergeCell ref="RIK735:RIN735"/>
    <mergeCell ref="RIO735:RIR735"/>
    <mergeCell ref="RRY735:RSB735"/>
    <mergeCell ref="RSC735:RSF735"/>
    <mergeCell ref="RSG735:RSJ735"/>
    <mergeCell ref="RSK735:RSN735"/>
    <mergeCell ref="RSO735:RSR735"/>
    <mergeCell ref="RRE735:RRH735"/>
    <mergeCell ref="RRI735:RRL735"/>
    <mergeCell ref="RRM735:RRP735"/>
    <mergeCell ref="RRQ735:RRT735"/>
    <mergeCell ref="RRU735:RRX735"/>
    <mergeCell ref="RQK735:RQN735"/>
    <mergeCell ref="RQO735:RQR735"/>
    <mergeCell ref="RQS735:RQV735"/>
    <mergeCell ref="RQW735:RQZ735"/>
    <mergeCell ref="RRA735:RRD735"/>
    <mergeCell ref="RPQ735:RPT735"/>
    <mergeCell ref="RPU735:RPX735"/>
    <mergeCell ref="RPY735:RQB735"/>
    <mergeCell ref="RQC735:RQF735"/>
    <mergeCell ref="RQG735:RQJ735"/>
    <mergeCell ref="ROW735:ROZ735"/>
    <mergeCell ref="RPA735:RPD735"/>
    <mergeCell ref="RPE735:RPH735"/>
    <mergeCell ref="RPI735:RPL735"/>
    <mergeCell ref="RPM735:RPP735"/>
    <mergeCell ref="ROC735:ROF735"/>
    <mergeCell ref="ROG735:ROJ735"/>
    <mergeCell ref="ROK735:RON735"/>
    <mergeCell ref="ROO735:ROR735"/>
    <mergeCell ref="ROS735:ROV735"/>
    <mergeCell ref="RNI735:RNL735"/>
    <mergeCell ref="RNM735:RNP735"/>
    <mergeCell ref="RNQ735:RNT735"/>
    <mergeCell ref="RNU735:RNX735"/>
    <mergeCell ref="RNY735:ROB735"/>
    <mergeCell ref="RXI735:RXL735"/>
    <mergeCell ref="RXM735:RXP735"/>
    <mergeCell ref="RXQ735:RXT735"/>
    <mergeCell ref="RXU735:RXX735"/>
    <mergeCell ref="RXY735:RYB735"/>
    <mergeCell ref="RWO735:RWR735"/>
    <mergeCell ref="RWS735:RWV735"/>
    <mergeCell ref="RWW735:RWZ735"/>
    <mergeCell ref="RXA735:RXD735"/>
    <mergeCell ref="RXE735:RXH735"/>
    <mergeCell ref="RVU735:RVX735"/>
    <mergeCell ref="RVY735:RWB735"/>
    <mergeCell ref="RWC735:RWF735"/>
    <mergeCell ref="RWG735:RWJ735"/>
    <mergeCell ref="RWK735:RWN735"/>
    <mergeCell ref="RVA735:RVD735"/>
    <mergeCell ref="RVE735:RVH735"/>
    <mergeCell ref="RVI735:RVL735"/>
    <mergeCell ref="RVM735:RVP735"/>
    <mergeCell ref="RVQ735:RVT735"/>
    <mergeCell ref="RUG735:RUJ735"/>
    <mergeCell ref="RUK735:RUN735"/>
    <mergeCell ref="RUO735:RUR735"/>
    <mergeCell ref="RUS735:RUV735"/>
    <mergeCell ref="RUW735:RUZ735"/>
    <mergeCell ref="RTM735:RTP735"/>
    <mergeCell ref="RTQ735:RTT735"/>
    <mergeCell ref="RTU735:RTX735"/>
    <mergeCell ref="RTY735:RUB735"/>
    <mergeCell ref="RUC735:RUF735"/>
    <mergeCell ref="RSS735:RSV735"/>
    <mergeCell ref="RSW735:RSZ735"/>
    <mergeCell ref="RTA735:RTD735"/>
    <mergeCell ref="RTE735:RTH735"/>
    <mergeCell ref="RTI735:RTL735"/>
    <mergeCell ref="SCS735:SCV735"/>
    <mergeCell ref="SCW735:SCZ735"/>
    <mergeCell ref="SDA735:SDD735"/>
    <mergeCell ref="SDE735:SDH735"/>
    <mergeCell ref="SDI735:SDL735"/>
    <mergeCell ref="SBY735:SCB735"/>
    <mergeCell ref="SCC735:SCF735"/>
    <mergeCell ref="SCG735:SCJ735"/>
    <mergeCell ref="SCK735:SCN735"/>
    <mergeCell ref="SCO735:SCR735"/>
    <mergeCell ref="SBE735:SBH735"/>
    <mergeCell ref="SBI735:SBL735"/>
    <mergeCell ref="SBM735:SBP735"/>
    <mergeCell ref="SBQ735:SBT735"/>
    <mergeCell ref="SBU735:SBX735"/>
    <mergeCell ref="SAK735:SAN735"/>
    <mergeCell ref="SAO735:SAR735"/>
    <mergeCell ref="SAS735:SAV735"/>
    <mergeCell ref="SAW735:SAZ735"/>
    <mergeCell ref="SBA735:SBD735"/>
    <mergeCell ref="RZQ735:RZT735"/>
    <mergeCell ref="RZU735:RZX735"/>
    <mergeCell ref="RZY735:SAB735"/>
    <mergeCell ref="SAC735:SAF735"/>
    <mergeCell ref="SAG735:SAJ735"/>
    <mergeCell ref="RYW735:RYZ735"/>
    <mergeCell ref="RZA735:RZD735"/>
    <mergeCell ref="RZE735:RZH735"/>
    <mergeCell ref="RZI735:RZL735"/>
    <mergeCell ref="RZM735:RZP735"/>
    <mergeCell ref="RYC735:RYF735"/>
    <mergeCell ref="RYG735:RYJ735"/>
    <mergeCell ref="RYK735:RYN735"/>
    <mergeCell ref="RYO735:RYR735"/>
    <mergeCell ref="RYS735:RYV735"/>
    <mergeCell ref="SIC735:SIF735"/>
    <mergeCell ref="SIG735:SIJ735"/>
    <mergeCell ref="SIK735:SIN735"/>
    <mergeCell ref="SIO735:SIR735"/>
    <mergeCell ref="SIS735:SIV735"/>
    <mergeCell ref="SHI735:SHL735"/>
    <mergeCell ref="SHM735:SHP735"/>
    <mergeCell ref="SHQ735:SHT735"/>
    <mergeCell ref="SHU735:SHX735"/>
    <mergeCell ref="SHY735:SIB735"/>
    <mergeCell ref="SGO735:SGR735"/>
    <mergeCell ref="SGS735:SGV735"/>
    <mergeCell ref="SGW735:SGZ735"/>
    <mergeCell ref="SHA735:SHD735"/>
    <mergeCell ref="SHE735:SHH735"/>
    <mergeCell ref="SFU735:SFX735"/>
    <mergeCell ref="SFY735:SGB735"/>
    <mergeCell ref="SGC735:SGF735"/>
    <mergeCell ref="SGG735:SGJ735"/>
    <mergeCell ref="SGK735:SGN735"/>
    <mergeCell ref="SFA735:SFD735"/>
    <mergeCell ref="SFE735:SFH735"/>
    <mergeCell ref="SFI735:SFL735"/>
    <mergeCell ref="SFM735:SFP735"/>
    <mergeCell ref="SFQ735:SFT735"/>
    <mergeCell ref="SEG735:SEJ735"/>
    <mergeCell ref="SEK735:SEN735"/>
    <mergeCell ref="SEO735:SER735"/>
    <mergeCell ref="SES735:SEV735"/>
    <mergeCell ref="SEW735:SEZ735"/>
    <mergeCell ref="SDM735:SDP735"/>
    <mergeCell ref="SDQ735:SDT735"/>
    <mergeCell ref="SDU735:SDX735"/>
    <mergeCell ref="SDY735:SEB735"/>
    <mergeCell ref="SEC735:SEF735"/>
    <mergeCell ref="SNM735:SNP735"/>
    <mergeCell ref="SNQ735:SNT735"/>
    <mergeCell ref="SNU735:SNX735"/>
    <mergeCell ref="SNY735:SOB735"/>
    <mergeCell ref="SOC735:SOF735"/>
    <mergeCell ref="SMS735:SMV735"/>
    <mergeCell ref="SMW735:SMZ735"/>
    <mergeCell ref="SNA735:SND735"/>
    <mergeCell ref="SNE735:SNH735"/>
    <mergeCell ref="SNI735:SNL735"/>
    <mergeCell ref="SLY735:SMB735"/>
    <mergeCell ref="SMC735:SMF735"/>
    <mergeCell ref="SMG735:SMJ735"/>
    <mergeCell ref="SMK735:SMN735"/>
    <mergeCell ref="SMO735:SMR735"/>
    <mergeCell ref="SLE735:SLH735"/>
    <mergeCell ref="SLI735:SLL735"/>
    <mergeCell ref="SLM735:SLP735"/>
    <mergeCell ref="SLQ735:SLT735"/>
    <mergeCell ref="SLU735:SLX735"/>
    <mergeCell ref="SKK735:SKN735"/>
    <mergeCell ref="SKO735:SKR735"/>
    <mergeCell ref="SKS735:SKV735"/>
    <mergeCell ref="SKW735:SKZ735"/>
    <mergeCell ref="SLA735:SLD735"/>
    <mergeCell ref="SJQ735:SJT735"/>
    <mergeCell ref="SJU735:SJX735"/>
    <mergeCell ref="SJY735:SKB735"/>
    <mergeCell ref="SKC735:SKF735"/>
    <mergeCell ref="SKG735:SKJ735"/>
    <mergeCell ref="SIW735:SIZ735"/>
    <mergeCell ref="SJA735:SJD735"/>
    <mergeCell ref="SJE735:SJH735"/>
    <mergeCell ref="SJI735:SJL735"/>
    <mergeCell ref="SJM735:SJP735"/>
    <mergeCell ref="SSW735:SSZ735"/>
    <mergeCell ref="STA735:STD735"/>
    <mergeCell ref="STE735:STH735"/>
    <mergeCell ref="STI735:STL735"/>
    <mergeCell ref="STM735:STP735"/>
    <mergeCell ref="SSC735:SSF735"/>
    <mergeCell ref="SSG735:SSJ735"/>
    <mergeCell ref="SSK735:SSN735"/>
    <mergeCell ref="SSO735:SSR735"/>
    <mergeCell ref="SSS735:SSV735"/>
    <mergeCell ref="SRI735:SRL735"/>
    <mergeCell ref="SRM735:SRP735"/>
    <mergeCell ref="SRQ735:SRT735"/>
    <mergeCell ref="SRU735:SRX735"/>
    <mergeCell ref="SRY735:SSB735"/>
    <mergeCell ref="SQO735:SQR735"/>
    <mergeCell ref="SQS735:SQV735"/>
    <mergeCell ref="SQW735:SQZ735"/>
    <mergeCell ref="SRA735:SRD735"/>
    <mergeCell ref="SRE735:SRH735"/>
    <mergeCell ref="SPU735:SPX735"/>
    <mergeCell ref="SPY735:SQB735"/>
    <mergeCell ref="SQC735:SQF735"/>
    <mergeCell ref="SQG735:SQJ735"/>
    <mergeCell ref="SQK735:SQN735"/>
    <mergeCell ref="SPA735:SPD735"/>
    <mergeCell ref="SPE735:SPH735"/>
    <mergeCell ref="SPI735:SPL735"/>
    <mergeCell ref="SPM735:SPP735"/>
    <mergeCell ref="SPQ735:SPT735"/>
    <mergeCell ref="SOG735:SOJ735"/>
    <mergeCell ref="SOK735:SON735"/>
    <mergeCell ref="SOO735:SOR735"/>
    <mergeCell ref="SOS735:SOV735"/>
    <mergeCell ref="SOW735:SOZ735"/>
    <mergeCell ref="SYG735:SYJ735"/>
    <mergeCell ref="SYK735:SYN735"/>
    <mergeCell ref="SYO735:SYR735"/>
    <mergeCell ref="SYS735:SYV735"/>
    <mergeCell ref="SYW735:SYZ735"/>
    <mergeCell ref="SXM735:SXP735"/>
    <mergeCell ref="SXQ735:SXT735"/>
    <mergeCell ref="SXU735:SXX735"/>
    <mergeCell ref="SXY735:SYB735"/>
    <mergeCell ref="SYC735:SYF735"/>
    <mergeCell ref="SWS735:SWV735"/>
    <mergeCell ref="SWW735:SWZ735"/>
    <mergeCell ref="SXA735:SXD735"/>
    <mergeCell ref="SXE735:SXH735"/>
    <mergeCell ref="SXI735:SXL735"/>
    <mergeCell ref="SVY735:SWB735"/>
    <mergeCell ref="SWC735:SWF735"/>
    <mergeCell ref="SWG735:SWJ735"/>
    <mergeCell ref="SWK735:SWN735"/>
    <mergeCell ref="SWO735:SWR735"/>
    <mergeCell ref="SVE735:SVH735"/>
    <mergeCell ref="SVI735:SVL735"/>
    <mergeCell ref="SVM735:SVP735"/>
    <mergeCell ref="SVQ735:SVT735"/>
    <mergeCell ref="SVU735:SVX735"/>
    <mergeCell ref="SUK735:SUN735"/>
    <mergeCell ref="SUO735:SUR735"/>
    <mergeCell ref="SUS735:SUV735"/>
    <mergeCell ref="SUW735:SUZ735"/>
    <mergeCell ref="SVA735:SVD735"/>
    <mergeCell ref="STQ735:STT735"/>
    <mergeCell ref="STU735:STX735"/>
    <mergeCell ref="STY735:SUB735"/>
    <mergeCell ref="SUC735:SUF735"/>
    <mergeCell ref="SUG735:SUJ735"/>
    <mergeCell ref="TDQ735:TDT735"/>
    <mergeCell ref="TDU735:TDX735"/>
    <mergeCell ref="TDY735:TEB735"/>
    <mergeCell ref="TEC735:TEF735"/>
    <mergeCell ref="TEG735:TEJ735"/>
    <mergeCell ref="TCW735:TCZ735"/>
    <mergeCell ref="TDA735:TDD735"/>
    <mergeCell ref="TDE735:TDH735"/>
    <mergeCell ref="TDI735:TDL735"/>
    <mergeCell ref="TDM735:TDP735"/>
    <mergeCell ref="TCC735:TCF735"/>
    <mergeCell ref="TCG735:TCJ735"/>
    <mergeCell ref="TCK735:TCN735"/>
    <mergeCell ref="TCO735:TCR735"/>
    <mergeCell ref="TCS735:TCV735"/>
    <mergeCell ref="TBI735:TBL735"/>
    <mergeCell ref="TBM735:TBP735"/>
    <mergeCell ref="TBQ735:TBT735"/>
    <mergeCell ref="TBU735:TBX735"/>
    <mergeCell ref="TBY735:TCB735"/>
    <mergeCell ref="TAO735:TAR735"/>
    <mergeCell ref="TAS735:TAV735"/>
    <mergeCell ref="TAW735:TAZ735"/>
    <mergeCell ref="TBA735:TBD735"/>
    <mergeCell ref="TBE735:TBH735"/>
    <mergeCell ref="SZU735:SZX735"/>
    <mergeCell ref="SZY735:TAB735"/>
    <mergeCell ref="TAC735:TAF735"/>
    <mergeCell ref="TAG735:TAJ735"/>
    <mergeCell ref="TAK735:TAN735"/>
    <mergeCell ref="SZA735:SZD735"/>
    <mergeCell ref="SZE735:SZH735"/>
    <mergeCell ref="SZI735:SZL735"/>
    <mergeCell ref="SZM735:SZP735"/>
    <mergeCell ref="SZQ735:SZT735"/>
    <mergeCell ref="TJA735:TJD735"/>
    <mergeCell ref="TJE735:TJH735"/>
    <mergeCell ref="TJI735:TJL735"/>
    <mergeCell ref="TJM735:TJP735"/>
    <mergeCell ref="TJQ735:TJT735"/>
    <mergeCell ref="TIG735:TIJ735"/>
    <mergeCell ref="TIK735:TIN735"/>
    <mergeCell ref="TIO735:TIR735"/>
    <mergeCell ref="TIS735:TIV735"/>
    <mergeCell ref="TIW735:TIZ735"/>
    <mergeCell ref="THM735:THP735"/>
    <mergeCell ref="THQ735:THT735"/>
    <mergeCell ref="THU735:THX735"/>
    <mergeCell ref="THY735:TIB735"/>
    <mergeCell ref="TIC735:TIF735"/>
    <mergeCell ref="TGS735:TGV735"/>
    <mergeCell ref="TGW735:TGZ735"/>
    <mergeCell ref="THA735:THD735"/>
    <mergeCell ref="THE735:THH735"/>
    <mergeCell ref="THI735:THL735"/>
    <mergeCell ref="TFY735:TGB735"/>
    <mergeCell ref="TGC735:TGF735"/>
    <mergeCell ref="TGG735:TGJ735"/>
    <mergeCell ref="TGK735:TGN735"/>
    <mergeCell ref="TGO735:TGR735"/>
    <mergeCell ref="TFE735:TFH735"/>
    <mergeCell ref="TFI735:TFL735"/>
    <mergeCell ref="TFM735:TFP735"/>
    <mergeCell ref="TFQ735:TFT735"/>
    <mergeCell ref="TFU735:TFX735"/>
    <mergeCell ref="TEK735:TEN735"/>
    <mergeCell ref="TEO735:TER735"/>
    <mergeCell ref="TES735:TEV735"/>
    <mergeCell ref="TEW735:TEZ735"/>
    <mergeCell ref="TFA735:TFD735"/>
    <mergeCell ref="TOK735:TON735"/>
    <mergeCell ref="TOO735:TOR735"/>
    <mergeCell ref="TOS735:TOV735"/>
    <mergeCell ref="TOW735:TOZ735"/>
    <mergeCell ref="TPA735:TPD735"/>
    <mergeCell ref="TNQ735:TNT735"/>
    <mergeCell ref="TNU735:TNX735"/>
    <mergeCell ref="TNY735:TOB735"/>
    <mergeCell ref="TOC735:TOF735"/>
    <mergeCell ref="TOG735:TOJ735"/>
    <mergeCell ref="TMW735:TMZ735"/>
    <mergeCell ref="TNA735:TND735"/>
    <mergeCell ref="TNE735:TNH735"/>
    <mergeCell ref="TNI735:TNL735"/>
    <mergeCell ref="TNM735:TNP735"/>
    <mergeCell ref="TMC735:TMF735"/>
    <mergeCell ref="TMG735:TMJ735"/>
    <mergeCell ref="TMK735:TMN735"/>
    <mergeCell ref="TMO735:TMR735"/>
    <mergeCell ref="TMS735:TMV735"/>
    <mergeCell ref="TLI735:TLL735"/>
    <mergeCell ref="TLM735:TLP735"/>
    <mergeCell ref="TLQ735:TLT735"/>
    <mergeCell ref="TLU735:TLX735"/>
    <mergeCell ref="TLY735:TMB735"/>
    <mergeCell ref="TKO735:TKR735"/>
    <mergeCell ref="TKS735:TKV735"/>
    <mergeCell ref="TKW735:TKZ735"/>
    <mergeCell ref="TLA735:TLD735"/>
    <mergeCell ref="TLE735:TLH735"/>
    <mergeCell ref="TJU735:TJX735"/>
    <mergeCell ref="TJY735:TKB735"/>
    <mergeCell ref="TKC735:TKF735"/>
    <mergeCell ref="TKG735:TKJ735"/>
    <mergeCell ref="TKK735:TKN735"/>
    <mergeCell ref="TTU735:TTX735"/>
    <mergeCell ref="TTY735:TUB735"/>
    <mergeCell ref="TUC735:TUF735"/>
    <mergeCell ref="TUG735:TUJ735"/>
    <mergeCell ref="TUK735:TUN735"/>
    <mergeCell ref="TTA735:TTD735"/>
    <mergeCell ref="TTE735:TTH735"/>
    <mergeCell ref="TTI735:TTL735"/>
    <mergeCell ref="TTM735:TTP735"/>
    <mergeCell ref="TTQ735:TTT735"/>
    <mergeCell ref="TSG735:TSJ735"/>
    <mergeCell ref="TSK735:TSN735"/>
    <mergeCell ref="TSO735:TSR735"/>
    <mergeCell ref="TSS735:TSV735"/>
    <mergeCell ref="TSW735:TSZ735"/>
    <mergeCell ref="TRM735:TRP735"/>
    <mergeCell ref="TRQ735:TRT735"/>
    <mergeCell ref="TRU735:TRX735"/>
    <mergeCell ref="TRY735:TSB735"/>
    <mergeCell ref="TSC735:TSF735"/>
    <mergeCell ref="TQS735:TQV735"/>
    <mergeCell ref="TQW735:TQZ735"/>
    <mergeCell ref="TRA735:TRD735"/>
    <mergeCell ref="TRE735:TRH735"/>
    <mergeCell ref="TRI735:TRL735"/>
    <mergeCell ref="TPY735:TQB735"/>
    <mergeCell ref="TQC735:TQF735"/>
    <mergeCell ref="TQG735:TQJ735"/>
    <mergeCell ref="TQK735:TQN735"/>
    <mergeCell ref="TQO735:TQR735"/>
    <mergeCell ref="TPE735:TPH735"/>
    <mergeCell ref="TPI735:TPL735"/>
    <mergeCell ref="TPM735:TPP735"/>
    <mergeCell ref="TPQ735:TPT735"/>
    <mergeCell ref="TPU735:TPX735"/>
    <mergeCell ref="TZE735:TZH735"/>
    <mergeCell ref="TZI735:TZL735"/>
    <mergeCell ref="TZM735:TZP735"/>
    <mergeCell ref="TZQ735:TZT735"/>
    <mergeCell ref="TZU735:TZX735"/>
    <mergeCell ref="TYK735:TYN735"/>
    <mergeCell ref="TYO735:TYR735"/>
    <mergeCell ref="TYS735:TYV735"/>
    <mergeCell ref="TYW735:TYZ735"/>
    <mergeCell ref="TZA735:TZD735"/>
    <mergeCell ref="TXQ735:TXT735"/>
    <mergeCell ref="TXU735:TXX735"/>
    <mergeCell ref="TXY735:TYB735"/>
    <mergeCell ref="TYC735:TYF735"/>
    <mergeCell ref="TYG735:TYJ735"/>
    <mergeCell ref="TWW735:TWZ735"/>
    <mergeCell ref="TXA735:TXD735"/>
    <mergeCell ref="TXE735:TXH735"/>
    <mergeCell ref="TXI735:TXL735"/>
    <mergeCell ref="TXM735:TXP735"/>
    <mergeCell ref="TWC735:TWF735"/>
    <mergeCell ref="TWG735:TWJ735"/>
    <mergeCell ref="TWK735:TWN735"/>
    <mergeCell ref="TWO735:TWR735"/>
    <mergeCell ref="TWS735:TWV735"/>
    <mergeCell ref="TVI735:TVL735"/>
    <mergeCell ref="TVM735:TVP735"/>
    <mergeCell ref="TVQ735:TVT735"/>
    <mergeCell ref="TVU735:TVX735"/>
    <mergeCell ref="TVY735:TWB735"/>
    <mergeCell ref="TUO735:TUR735"/>
    <mergeCell ref="TUS735:TUV735"/>
    <mergeCell ref="TUW735:TUZ735"/>
    <mergeCell ref="TVA735:TVD735"/>
    <mergeCell ref="TVE735:TVH735"/>
    <mergeCell ref="UEO735:UER735"/>
    <mergeCell ref="UES735:UEV735"/>
    <mergeCell ref="UEW735:UEZ735"/>
    <mergeCell ref="UFA735:UFD735"/>
    <mergeCell ref="UFE735:UFH735"/>
    <mergeCell ref="UDU735:UDX735"/>
    <mergeCell ref="UDY735:UEB735"/>
    <mergeCell ref="UEC735:UEF735"/>
    <mergeCell ref="UEG735:UEJ735"/>
    <mergeCell ref="UEK735:UEN735"/>
    <mergeCell ref="UDA735:UDD735"/>
    <mergeCell ref="UDE735:UDH735"/>
    <mergeCell ref="UDI735:UDL735"/>
    <mergeCell ref="UDM735:UDP735"/>
    <mergeCell ref="UDQ735:UDT735"/>
    <mergeCell ref="UCG735:UCJ735"/>
    <mergeCell ref="UCK735:UCN735"/>
    <mergeCell ref="UCO735:UCR735"/>
    <mergeCell ref="UCS735:UCV735"/>
    <mergeCell ref="UCW735:UCZ735"/>
    <mergeCell ref="UBM735:UBP735"/>
    <mergeCell ref="UBQ735:UBT735"/>
    <mergeCell ref="UBU735:UBX735"/>
    <mergeCell ref="UBY735:UCB735"/>
    <mergeCell ref="UCC735:UCF735"/>
    <mergeCell ref="UAS735:UAV735"/>
    <mergeCell ref="UAW735:UAZ735"/>
    <mergeCell ref="UBA735:UBD735"/>
    <mergeCell ref="UBE735:UBH735"/>
    <mergeCell ref="UBI735:UBL735"/>
    <mergeCell ref="TZY735:UAB735"/>
    <mergeCell ref="UAC735:UAF735"/>
    <mergeCell ref="UAG735:UAJ735"/>
    <mergeCell ref="UAK735:UAN735"/>
    <mergeCell ref="UAO735:UAR735"/>
    <mergeCell ref="UJY735:UKB735"/>
    <mergeCell ref="UKC735:UKF735"/>
    <mergeCell ref="UKG735:UKJ735"/>
    <mergeCell ref="UKK735:UKN735"/>
    <mergeCell ref="UKO735:UKR735"/>
    <mergeCell ref="UJE735:UJH735"/>
    <mergeCell ref="UJI735:UJL735"/>
    <mergeCell ref="UJM735:UJP735"/>
    <mergeCell ref="UJQ735:UJT735"/>
    <mergeCell ref="UJU735:UJX735"/>
    <mergeCell ref="UIK735:UIN735"/>
    <mergeCell ref="UIO735:UIR735"/>
    <mergeCell ref="UIS735:UIV735"/>
    <mergeCell ref="UIW735:UIZ735"/>
    <mergeCell ref="UJA735:UJD735"/>
    <mergeCell ref="UHQ735:UHT735"/>
    <mergeCell ref="UHU735:UHX735"/>
    <mergeCell ref="UHY735:UIB735"/>
    <mergeCell ref="UIC735:UIF735"/>
    <mergeCell ref="UIG735:UIJ735"/>
    <mergeCell ref="UGW735:UGZ735"/>
    <mergeCell ref="UHA735:UHD735"/>
    <mergeCell ref="UHE735:UHH735"/>
    <mergeCell ref="UHI735:UHL735"/>
    <mergeCell ref="UHM735:UHP735"/>
    <mergeCell ref="UGC735:UGF735"/>
    <mergeCell ref="UGG735:UGJ735"/>
    <mergeCell ref="UGK735:UGN735"/>
    <mergeCell ref="UGO735:UGR735"/>
    <mergeCell ref="UGS735:UGV735"/>
    <mergeCell ref="UFI735:UFL735"/>
    <mergeCell ref="UFM735:UFP735"/>
    <mergeCell ref="UFQ735:UFT735"/>
    <mergeCell ref="UFU735:UFX735"/>
    <mergeCell ref="UFY735:UGB735"/>
    <mergeCell ref="UPI735:UPL735"/>
    <mergeCell ref="UPM735:UPP735"/>
    <mergeCell ref="UPQ735:UPT735"/>
    <mergeCell ref="UPU735:UPX735"/>
    <mergeCell ref="UPY735:UQB735"/>
    <mergeCell ref="UOO735:UOR735"/>
    <mergeCell ref="UOS735:UOV735"/>
    <mergeCell ref="UOW735:UOZ735"/>
    <mergeCell ref="UPA735:UPD735"/>
    <mergeCell ref="UPE735:UPH735"/>
    <mergeCell ref="UNU735:UNX735"/>
    <mergeCell ref="UNY735:UOB735"/>
    <mergeCell ref="UOC735:UOF735"/>
    <mergeCell ref="UOG735:UOJ735"/>
    <mergeCell ref="UOK735:UON735"/>
    <mergeCell ref="UNA735:UND735"/>
    <mergeCell ref="UNE735:UNH735"/>
    <mergeCell ref="UNI735:UNL735"/>
    <mergeCell ref="UNM735:UNP735"/>
    <mergeCell ref="UNQ735:UNT735"/>
    <mergeCell ref="UMG735:UMJ735"/>
    <mergeCell ref="UMK735:UMN735"/>
    <mergeCell ref="UMO735:UMR735"/>
    <mergeCell ref="UMS735:UMV735"/>
    <mergeCell ref="UMW735:UMZ735"/>
    <mergeCell ref="ULM735:ULP735"/>
    <mergeCell ref="ULQ735:ULT735"/>
    <mergeCell ref="ULU735:ULX735"/>
    <mergeCell ref="ULY735:UMB735"/>
    <mergeCell ref="UMC735:UMF735"/>
    <mergeCell ref="UKS735:UKV735"/>
    <mergeCell ref="UKW735:UKZ735"/>
    <mergeCell ref="ULA735:ULD735"/>
    <mergeCell ref="ULE735:ULH735"/>
    <mergeCell ref="ULI735:ULL735"/>
    <mergeCell ref="UUS735:UUV735"/>
    <mergeCell ref="UUW735:UUZ735"/>
    <mergeCell ref="UVA735:UVD735"/>
    <mergeCell ref="UVE735:UVH735"/>
    <mergeCell ref="UVI735:UVL735"/>
    <mergeCell ref="UTY735:UUB735"/>
    <mergeCell ref="UUC735:UUF735"/>
    <mergeCell ref="UUG735:UUJ735"/>
    <mergeCell ref="UUK735:UUN735"/>
    <mergeCell ref="UUO735:UUR735"/>
    <mergeCell ref="UTE735:UTH735"/>
    <mergeCell ref="UTI735:UTL735"/>
    <mergeCell ref="UTM735:UTP735"/>
    <mergeCell ref="UTQ735:UTT735"/>
    <mergeCell ref="UTU735:UTX735"/>
    <mergeCell ref="USK735:USN735"/>
    <mergeCell ref="USO735:USR735"/>
    <mergeCell ref="USS735:USV735"/>
    <mergeCell ref="USW735:USZ735"/>
    <mergeCell ref="UTA735:UTD735"/>
    <mergeCell ref="URQ735:URT735"/>
    <mergeCell ref="URU735:URX735"/>
    <mergeCell ref="URY735:USB735"/>
    <mergeCell ref="USC735:USF735"/>
    <mergeCell ref="USG735:USJ735"/>
    <mergeCell ref="UQW735:UQZ735"/>
    <mergeCell ref="URA735:URD735"/>
    <mergeCell ref="URE735:URH735"/>
    <mergeCell ref="URI735:URL735"/>
    <mergeCell ref="URM735:URP735"/>
    <mergeCell ref="UQC735:UQF735"/>
    <mergeCell ref="UQG735:UQJ735"/>
    <mergeCell ref="UQK735:UQN735"/>
    <mergeCell ref="UQO735:UQR735"/>
    <mergeCell ref="UQS735:UQV735"/>
    <mergeCell ref="VAC735:VAF735"/>
    <mergeCell ref="VAG735:VAJ735"/>
    <mergeCell ref="VAK735:VAN735"/>
    <mergeCell ref="VAO735:VAR735"/>
    <mergeCell ref="VAS735:VAV735"/>
    <mergeCell ref="UZI735:UZL735"/>
    <mergeCell ref="UZM735:UZP735"/>
    <mergeCell ref="UZQ735:UZT735"/>
    <mergeCell ref="UZU735:UZX735"/>
    <mergeCell ref="UZY735:VAB735"/>
    <mergeCell ref="UYO735:UYR735"/>
    <mergeCell ref="UYS735:UYV735"/>
    <mergeCell ref="UYW735:UYZ735"/>
    <mergeCell ref="UZA735:UZD735"/>
    <mergeCell ref="UZE735:UZH735"/>
    <mergeCell ref="UXU735:UXX735"/>
    <mergeCell ref="UXY735:UYB735"/>
    <mergeCell ref="UYC735:UYF735"/>
    <mergeCell ref="UYG735:UYJ735"/>
    <mergeCell ref="UYK735:UYN735"/>
    <mergeCell ref="UXA735:UXD735"/>
    <mergeCell ref="UXE735:UXH735"/>
    <mergeCell ref="UXI735:UXL735"/>
    <mergeCell ref="UXM735:UXP735"/>
    <mergeCell ref="UXQ735:UXT735"/>
    <mergeCell ref="UWG735:UWJ735"/>
    <mergeCell ref="UWK735:UWN735"/>
    <mergeCell ref="UWO735:UWR735"/>
    <mergeCell ref="UWS735:UWV735"/>
    <mergeCell ref="UWW735:UWZ735"/>
    <mergeCell ref="UVM735:UVP735"/>
    <mergeCell ref="UVQ735:UVT735"/>
    <mergeCell ref="UVU735:UVX735"/>
    <mergeCell ref="UVY735:UWB735"/>
    <mergeCell ref="UWC735:UWF735"/>
    <mergeCell ref="VFM735:VFP735"/>
    <mergeCell ref="VFQ735:VFT735"/>
    <mergeCell ref="VFU735:VFX735"/>
    <mergeCell ref="VFY735:VGB735"/>
    <mergeCell ref="VGC735:VGF735"/>
    <mergeCell ref="VES735:VEV735"/>
    <mergeCell ref="VEW735:VEZ735"/>
    <mergeCell ref="VFA735:VFD735"/>
    <mergeCell ref="VFE735:VFH735"/>
    <mergeCell ref="VFI735:VFL735"/>
    <mergeCell ref="VDY735:VEB735"/>
    <mergeCell ref="VEC735:VEF735"/>
    <mergeCell ref="VEG735:VEJ735"/>
    <mergeCell ref="VEK735:VEN735"/>
    <mergeCell ref="VEO735:VER735"/>
    <mergeCell ref="VDE735:VDH735"/>
    <mergeCell ref="VDI735:VDL735"/>
    <mergeCell ref="VDM735:VDP735"/>
    <mergeCell ref="VDQ735:VDT735"/>
    <mergeCell ref="VDU735:VDX735"/>
    <mergeCell ref="VCK735:VCN735"/>
    <mergeCell ref="VCO735:VCR735"/>
    <mergeCell ref="VCS735:VCV735"/>
    <mergeCell ref="VCW735:VCZ735"/>
    <mergeCell ref="VDA735:VDD735"/>
    <mergeCell ref="VBQ735:VBT735"/>
    <mergeCell ref="VBU735:VBX735"/>
    <mergeCell ref="VBY735:VCB735"/>
    <mergeCell ref="VCC735:VCF735"/>
    <mergeCell ref="VCG735:VCJ735"/>
    <mergeCell ref="VAW735:VAZ735"/>
    <mergeCell ref="VBA735:VBD735"/>
    <mergeCell ref="VBE735:VBH735"/>
    <mergeCell ref="VBI735:VBL735"/>
    <mergeCell ref="VBM735:VBP735"/>
    <mergeCell ref="VKW735:VKZ735"/>
    <mergeCell ref="VLA735:VLD735"/>
    <mergeCell ref="VLE735:VLH735"/>
    <mergeCell ref="VLI735:VLL735"/>
    <mergeCell ref="VLM735:VLP735"/>
    <mergeCell ref="VKC735:VKF735"/>
    <mergeCell ref="VKG735:VKJ735"/>
    <mergeCell ref="VKK735:VKN735"/>
    <mergeCell ref="VKO735:VKR735"/>
    <mergeCell ref="VKS735:VKV735"/>
    <mergeCell ref="VJI735:VJL735"/>
    <mergeCell ref="VJM735:VJP735"/>
    <mergeCell ref="VJQ735:VJT735"/>
    <mergeCell ref="VJU735:VJX735"/>
    <mergeCell ref="VJY735:VKB735"/>
    <mergeCell ref="VIO735:VIR735"/>
    <mergeCell ref="VIS735:VIV735"/>
    <mergeCell ref="VIW735:VIZ735"/>
    <mergeCell ref="VJA735:VJD735"/>
    <mergeCell ref="VJE735:VJH735"/>
    <mergeCell ref="VHU735:VHX735"/>
    <mergeCell ref="VHY735:VIB735"/>
    <mergeCell ref="VIC735:VIF735"/>
    <mergeCell ref="VIG735:VIJ735"/>
    <mergeCell ref="VIK735:VIN735"/>
    <mergeCell ref="VHA735:VHD735"/>
    <mergeCell ref="VHE735:VHH735"/>
    <mergeCell ref="VHI735:VHL735"/>
    <mergeCell ref="VHM735:VHP735"/>
    <mergeCell ref="VHQ735:VHT735"/>
    <mergeCell ref="VGG735:VGJ735"/>
    <mergeCell ref="VGK735:VGN735"/>
    <mergeCell ref="VGO735:VGR735"/>
    <mergeCell ref="VGS735:VGV735"/>
    <mergeCell ref="VGW735:VGZ735"/>
    <mergeCell ref="VQG735:VQJ735"/>
    <mergeCell ref="VQK735:VQN735"/>
    <mergeCell ref="VQO735:VQR735"/>
    <mergeCell ref="VQS735:VQV735"/>
    <mergeCell ref="VQW735:VQZ735"/>
    <mergeCell ref="VPM735:VPP735"/>
    <mergeCell ref="VPQ735:VPT735"/>
    <mergeCell ref="VPU735:VPX735"/>
    <mergeCell ref="VPY735:VQB735"/>
    <mergeCell ref="VQC735:VQF735"/>
    <mergeCell ref="VOS735:VOV735"/>
    <mergeCell ref="VOW735:VOZ735"/>
    <mergeCell ref="VPA735:VPD735"/>
    <mergeCell ref="VPE735:VPH735"/>
    <mergeCell ref="VPI735:VPL735"/>
    <mergeCell ref="VNY735:VOB735"/>
    <mergeCell ref="VOC735:VOF735"/>
    <mergeCell ref="VOG735:VOJ735"/>
    <mergeCell ref="VOK735:VON735"/>
    <mergeCell ref="VOO735:VOR735"/>
    <mergeCell ref="VNE735:VNH735"/>
    <mergeCell ref="VNI735:VNL735"/>
    <mergeCell ref="VNM735:VNP735"/>
    <mergeCell ref="VNQ735:VNT735"/>
    <mergeCell ref="VNU735:VNX735"/>
    <mergeCell ref="VMK735:VMN735"/>
    <mergeCell ref="VMO735:VMR735"/>
    <mergeCell ref="VMS735:VMV735"/>
    <mergeCell ref="VMW735:VMZ735"/>
    <mergeCell ref="VNA735:VND735"/>
    <mergeCell ref="VLQ735:VLT735"/>
    <mergeCell ref="VLU735:VLX735"/>
    <mergeCell ref="VLY735:VMB735"/>
    <mergeCell ref="VMC735:VMF735"/>
    <mergeCell ref="VMG735:VMJ735"/>
    <mergeCell ref="VVQ735:VVT735"/>
    <mergeCell ref="VVU735:VVX735"/>
    <mergeCell ref="VVY735:VWB735"/>
    <mergeCell ref="VWC735:VWF735"/>
    <mergeCell ref="VWG735:VWJ735"/>
    <mergeCell ref="VUW735:VUZ735"/>
    <mergeCell ref="VVA735:VVD735"/>
    <mergeCell ref="VVE735:VVH735"/>
    <mergeCell ref="VVI735:VVL735"/>
    <mergeCell ref="VVM735:VVP735"/>
    <mergeCell ref="VUC735:VUF735"/>
    <mergeCell ref="VUG735:VUJ735"/>
    <mergeCell ref="VUK735:VUN735"/>
    <mergeCell ref="VUO735:VUR735"/>
    <mergeCell ref="VUS735:VUV735"/>
    <mergeCell ref="VTI735:VTL735"/>
    <mergeCell ref="VTM735:VTP735"/>
    <mergeCell ref="VTQ735:VTT735"/>
    <mergeCell ref="VTU735:VTX735"/>
    <mergeCell ref="VTY735:VUB735"/>
    <mergeCell ref="VSO735:VSR735"/>
    <mergeCell ref="VSS735:VSV735"/>
    <mergeCell ref="VSW735:VSZ735"/>
    <mergeCell ref="VTA735:VTD735"/>
    <mergeCell ref="VTE735:VTH735"/>
    <mergeCell ref="VRU735:VRX735"/>
    <mergeCell ref="VRY735:VSB735"/>
    <mergeCell ref="VSC735:VSF735"/>
    <mergeCell ref="VSG735:VSJ735"/>
    <mergeCell ref="VSK735:VSN735"/>
    <mergeCell ref="VRA735:VRD735"/>
    <mergeCell ref="VRE735:VRH735"/>
    <mergeCell ref="VRI735:VRL735"/>
    <mergeCell ref="VRM735:VRP735"/>
    <mergeCell ref="VRQ735:VRT735"/>
    <mergeCell ref="WBA735:WBD735"/>
    <mergeCell ref="WBE735:WBH735"/>
    <mergeCell ref="WBI735:WBL735"/>
    <mergeCell ref="WBM735:WBP735"/>
    <mergeCell ref="WBQ735:WBT735"/>
    <mergeCell ref="WAG735:WAJ735"/>
    <mergeCell ref="WAK735:WAN735"/>
    <mergeCell ref="WAO735:WAR735"/>
    <mergeCell ref="WAS735:WAV735"/>
    <mergeCell ref="WAW735:WAZ735"/>
    <mergeCell ref="VZM735:VZP735"/>
    <mergeCell ref="VZQ735:VZT735"/>
    <mergeCell ref="VZU735:VZX735"/>
    <mergeCell ref="VZY735:WAB735"/>
    <mergeCell ref="WAC735:WAF735"/>
    <mergeCell ref="VYS735:VYV735"/>
    <mergeCell ref="VYW735:VYZ735"/>
    <mergeCell ref="VZA735:VZD735"/>
    <mergeCell ref="VZE735:VZH735"/>
    <mergeCell ref="VZI735:VZL735"/>
    <mergeCell ref="VXY735:VYB735"/>
    <mergeCell ref="VYC735:VYF735"/>
    <mergeCell ref="VYG735:VYJ735"/>
    <mergeCell ref="VYK735:VYN735"/>
    <mergeCell ref="VYO735:VYR735"/>
    <mergeCell ref="VXE735:VXH735"/>
    <mergeCell ref="VXI735:VXL735"/>
    <mergeCell ref="VXM735:VXP735"/>
    <mergeCell ref="VXQ735:VXT735"/>
    <mergeCell ref="VXU735:VXX735"/>
    <mergeCell ref="VWK735:VWN735"/>
    <mergeCell ref="VWO735:VWR735"/>
    <mergeCell ref="VWS735:VWV735"/>
    <mergeCell ref="VWW735:VWZ735"/>
    <mergeCell ref="VXA735:VXD735"/>
    <mergeCell ref="WGK735:WGN735"/>
    <mergeCell ref="WGO735:WGR735"/>
    <mergeCell ref="WGS735:WGV735"/>
    <mergeCell ref="WGW735:WGZ735"/>
    <mergeCell ref="WHA735:WHD735"/>
    <mergeCell ref="WFQ735:WFT735"/>
    <mergeCell ref="WFU735:WFX735"/>
    <mergeCell ref="WFY735:WGB735"/>
    <mergeCell ref="WGC735:WGF735"/>
    <mergeCell ref="WGG735:WGJ735"/>
    <mergeCell ref="WEW735:WEZ735"/>
    <mergeCell ref="WFA735:WFD735"/>
    <mergeCell ref="WFE735:WFH735"/>
    <mergeCell ref="WFI735:WFL735"/>
    <mergeCell ref="WFM735:WFP735"/>
    <mergeCell ref="WEC735:WEF735"/>
    <mergeCell ref="WEG735:WEJ735"/>
    <mergeCell ref="WEK735:WEN735"/>
    <mergeCell ref="WEO735:WER735"/>
    <mergeCell ref="WES735:WEV735"/>
    <mergeCell ref="WDI735:WDL735"/>
    <mergeCell ref="WDM735:WDP735"/>
    <mergeCell ref="WDQ735:WDT735"/>
    <mergeCell ref="WDU735:WDX735"/>
    <mergeCell ref="WDY735:WEB735"/>
    <mergeCell ref="WCO735:WCR735"/>
    <mergeCell ref="WCS735:WCV735"/>
    <mergeCell ref="WCW735:WCZ735"/>
    <mergeCell ref="WDA735:WDD735"/>
    <mergeCell ref="WDE735:WDH735"/>
    <mergeCell ref="WBU735:WBX735"/>
    <mergeCell ref="WBY735:WCB735"/>
    <mergeCell ref="WCC735:WCF735"/>
    <mergeCell ref="WCG735:WCJ735"/>
    <mergeCell ref="WCK735:WCN735"/>
    <mergeCell ref="WLU735:WLX735"/>
    <mergeCell ref="WLY735:WMB735"/>
    <mergeCell ref="WMC735:WMF735"/>
    <mergeCell ref="WMG735:WMJ735"/>
    <mergeCell ref="WMK735:WMN735"/>
    <mergeCell ref="WLA735:WLD735"/>
    <mergeCell ref="WLE735:WLH735"/>
    <mergeCell ref="WLI735:WLL735"/>
    <mergeCell ref="WLM735:WLP735"/>
    <mergeCell ref="WLQ735:WLT735"/>
    <mergeCell ref="WKG735:WKJ735"/>
    <mergeCell ref="WKK735:WKN735"/>
    <mergeCell ref="WKO735:WKR735"/>
    <mergeCell ref="WKS735:WKV735"/>
    <mergeCell ref="WKW735:WKZ735"/>
    <mergeCell ref="WJM735:WJP735"/>
    <mergeCell ref="WJQ735:WJT735"/>
    <mergeCell ref="WJU735:WJX735"/>
    <mergeCell ref="WJY735:WKB735"/>
    <mergeCell ref="WKC735:WKF735"/>
    <mergeCell ref="WIS735:WIV735"/>
    <mergeCell ref="WIW735:WIZ735"/>
    <mergeCell ref="WJA735:WJD735"/>
    <mergeCell ref="WJE735:WJH735"/>
    <mergeCell ref="WJI735:WJL735"/>
    <mergeCell ref="WHY735:WIB735"/>
    <mergeCell ref="WIC735:WIF735"/>
    <mergeCell ref="WIG735:WIJ735"/>
    <mergeCell ref="WIK735:WIN735"/>
    <mergeCell ref="WIO735:WIR735"/>
    <mergeCell ref="WHE735:WHH735"/>
    <mergeCell ref="WHI735:WHL735"/>
    <mergeCell ref="WHM735:WHP735"/>
    <mergeCell ref="WHQ735:WHT735"/>
    <mergeCell ref="WHU735:WHX735"/>
    <mergeCell ref="WRE735:WRH735"/>
    <mergeCell ref="WRI735:WRL735"/>
    <mergeCell ref="WRM735:WRP735"/>
    <mergeCell ref="WRQ735:WRT735"/>
    <mergeCell ref="WRU735:WRX735"/>
    <mergeCell ref="WQK735:WQN735"/>
    <mergeCell ref="WQO735:WQR735"/>
    <mergeCell ref="WQS735:WQV735"/>
    <mergeCell ref="WQW735:WQZ735"/>
    <mergeCell ref="WRA735:WRD735"/>
    <mergeCell ref="WPQ735:WPT735"/>
    <mergeCell ref="WPU735:WPX735"/>
    <mergeCell ref="WPY735:WQB735"/>
    <mergeCell ref="WQC735:WQF735"/>
    <mergeCell ref="WQG735:WQJ735"/>
    <mergeCell ref="WOW735:WOZ735"/>
    <mergeCell ref="WPA735:WPD735"/>
    <mergeCell ref="WPE735:WPH735"/>
    <mergeCell ref="WPI735:WPL735"/>
    <mergeCell ref="WPM735:WPP735"/>
    <mergeCell ref="WOC735:WOF735"/>
    <mergeCell ref="WOG735:WOJ735"/>
    <mergeCell ref="WOK735:WON735"/>
    <mergeCell ref="WOO735:WOR735"/>
    <mergeCell ref="WOS735:WOV735"/>
    <mergeCell ref="WNI735:WNL735"/>
    <mergeCell ref="WNM735:WNP735"/>
    <mergeCell ref="WNQ735:WNT735"/>
    <mergeCell ref="WNU735:WNX735"/>
    <mergeCell ref="WNY735:WOB735"/>
    <mergeCell ref="WMO735:WMR735"/>
    <mergeCell ref="WMS735:WMV735"/>
    <mergeCell ref="WMW735:WMZ735"/>
    <mergeCell ref="WNA735:WND735"/>
    <mergeCell ref="WNE735:WNH735"/>
    <mergeCell ref="WXU735:WXX735"/>
    <mergeCell ref="WXY735:WYB735"/>
    <mergeCell ref="WWO735:WWR735"/>
    <mergeCell ref="WWS735:WWV735"/>
    <mergeCell ref="WWW735:WWZ735"/>
    <mergeCell ref="WXA735:WXD735"/>
    <mergeCell ref="WXE735:WXH735"/>
    <mergeCell ref="WVU735:WVX735"/>
    <mergeCell ref="WVY735:WWB735"/>
    <mergeCell ref="WWC735:WWF735"/>
    <mergeCell ref="WWG735:WWJ735"/>
    <mergeCell ref="WWK735:WWN735"/>
    <mergeCell ref="WVA735:WVD735"/>
    <mergeCell ref="WVE735:WVH735"/>
    <mergeCell ref="WVI735:WVL735"/>
    <mergeCell ref="WVM735:WVP735"/>
    <mergeCell ref="WVQ735:WVT735"/>
    <mergeCell ref="WUG735:WUJ735"/>
    <mergeCell ref="WUK735:WUN735"/>
    <mergeCell ref="WUO735:WUR735"/>
    <mergeCell ref="WUS735:WUV735"/>
    <mergeCell ref="WUW735:WUZ735"/>
    <mergeCell ref="WTM735:WTP735"/>
    <mergeCell ref="WTQ735:WTT735"/>
    <mergeCell ref="WTU735:WTX735"/>
    <mergeCell ref="WTY735:WUB735"/>
    <mergeCell ref="WUC735:WUF735"/>
    <mergeCell ref="WSS735:WSV735"/>
    <mergeCell ref="WSW735:WSZ735"/>
    <mergeCell ref="WTA735:WTD735"/>
    <mergeCell ref="WTE735:WTH735"/>
    <mergeCell ref="WTI735:WTL735"/>
    <mergeCell ref="WRY735:WSB735"/>
    <mergeCell ref="WSC735:WSF735"/>
    <mergeCell ref="WSG735:WSJ735"/>
    <mergeCell ref="WSK735:WSN735"/>
    <mergeCell ref="WSO735:WSR735"/>
    <mergeCell ref="XFA735:XFD735"/>
    <mergeCell ref="A736:D736"/>
    <mergeCell ref="E736:H736"/>
    <mergeCell ref="I736:L736"/>
    <mergeCell ref="M736:P736"/>
    <mergeCell ref="Q736:T736"/>
    <mergeCell ref="U736:X736"/>
    <mergeCell ref="Y736:AB736"/>
    <mergeCell ref="AC736:AF736"/>
    <mergeCell ref="AG736:AJ736"/>
    <mergeCell ref="AK736:AN736"/>
    <mergeCell ref="AO736:AR736"/>
    <mergeCell ref="AS736:AV736"/>
    <mergeCell ref="AW736:AZ736"/>
    <mergeCell ref="BA736:BD736"/>
    <mergeCell ref="BE736:BH736"/>
    <mergeCell ref="XEG735:XEJ735"/>
    <mergeCell ref="XEK735:XEN735"/>
    <mergeCell ref="XEO735:XER735"/>
    <mergeCell ref="XES735:XEV735"/>
    <mergeCell ref="XEW735:XEZ735"/>
    <mergeCell ref="XDM735:XDP735"/>
    <mergeCell ref="XDQ735:XDT735"/>
    <mergeCell ref="XDU735:XDX735"/>
    <mergeCell ref="XDY735:XEB735"/>
    <mergeCell ref="XEC735:XEF735"/>
    <mergeCell ref="XCS735:XCV735"/>
    <mergeCell ref="XCW735:XCZ735"/>
    <mergeCell ref="XDA735:XDD735"/>
    <mergeCell ref="XDE735:XDH735"/>
    <mergeCell ref="XDI735:XDL735"/>
    <mergeCell ref="XBY735:XCB735"/>
    <mergeCell ref="XCC735:XCF735"/>
    <mergeCell ref="XCG735:XCJ735"/>
    <mergeCell ref="XCK735:XCN735"/>
    <mergeCell ref="XCO735:XCR735"/>
    <mergeCell ref="XBE735:XBH735"/>
    <mergeCell ref="XBI735:XBL735"/>
    <mergeCell ref="XBM735:XBP735"/>
    <mergeCell ref="XBQ735:XBT735"/>
    <mergeCell ref="XBU735:XBX735"/>
    <mergeCell ref="XAK735:XAN735"/>
    <mergeCell ref="XAO735:XAR735"/>
    <mergeCell ref="XAS735:XAV735"/>
    <mergeCell ref="XAW735:XAZ735"/>
    <mergeCell ref="XBA735:XBD735"/>
    <mergeCell ref="WZQ735:WZT735"/>
    <mergeCell ref="WZU735:WZX735"/>
    <mergeCell ref="WZY735:XAB735"/>
    <mergeCell ref="XAC735:XAF735"/>
    <mergeCell ref="XAG735:XAJ735"/>
    <mergeCell ref="WYW735:WYZ735"/>
    <mergeCell ref="WZA735:WZD735"/>
    <mergeCell ref="WZE735:WZH735"/>
    <mergeCell ref="WZI735:WZL735"/>
    <mergeCell ref="WZM735:WZP735"/>
    <mergeCell ref="WYC735:WYF735"/>
    <mergeCell ref="WYG735:WYJ735"/>
    <mergeCell ref="WYK735:WYN735"/>
    <mergeCell ref="WYO735:WYR735"/>
    <mergeCell ref="WYS735:WYV735"/>
    <mergeCell ref="WXI735:WXL735"/>
    <mergeCell ref="WXM735:WXP735"/>
    <mergeCell ref="WXQ735:WXT735"/>
    <mergeCell ref="FY736:GB736"/>
    <mergeCell ref="GC736:GF736"/>
    <mergeCell ref="GG736:GJ736"/>
    <mergeCell ref="GK736:GN736"/>
    <mergeCell ref="GO736:GR736"/>
    <mergeCell ref="FE736:FH736"/>
    <mergeCell ref="FI736:FL736"/>
    <mergeCell ref="FM736:FP736"/>
    <mergeCell ref="FQ736:FT736"/>
    <mergeCell ref="FU736:FX736"/>
    <mergeCell ref="EK736:EN736"/>
    <mergeCell ref="EO736:ER736"/>
    <mergeCell ref="ES736:EV736"/>
    <mergeCell ref="EW736:EZ736"/>
    <mergeCell ref="FA736:FD736"/>
    <mergeCell ref="DQ736:DT736"/>
    <mergeCell ref="DU736:DX736"/>
    <mergeCell ref="DY736:EB736"/>
    <mergeCell ref="EC736:EF736"/>
    <mergeCell ref="EG736:EJ736"/>
    <mergeCell ref="CW736:CZ736"/>
    <mergeCell ref="DA736:DD736"/>
    <mergeCell ref="DE736:DH736"/>
    <mergeCell ref="DI736:DL736"/>
    <mergeCell ref="DM736:DP736"/>
    <mergeCell ref="CC736:CF736"/>
    <mergeCell ref="CG736:CJ736"/>
    <mergeCell ref="CK736:CN736"/>
    <mergeCell ref="CO736:CR736"/>
    <mergeCell ref="CS736:CV736"/>
    <mergeCell ref="BI736:BL736"/>
    <mergeCell ref="BM736:BP736"/>
    <mergeCell ref="BQ736:BT736"/>
    <mergeCell ref="BU736:BX736"/>
    <mergeCell ref="BY736:CB736"/>
    <mergeCell ref="LI736:LL736"/>
    <mergeCell ref="LM736:LP736"/>
    <mergeCell ref="LQ736:LT736"/>
    <mergeCell ref="LU736:LX736"/>
    <mergeCell ref="LY736:MB736"/>
    <mergeCell ref="KO736:KR736"/>
    <mergeCell ref="KS736:KV736"/>
    <mergeCell ref="KW736:KZ736"/>
    <mergeCell ref="LA736:LD736"/>
    <mergeCell ref="LE736:LH736"/>
    <mergeCell ref="JU736:JX736"/>
    <mergeCell ref="JY736:KB736"/>
    <mergeCell ref="KC736:KF736"/>
    <mergeCell ref="KG736:KJ736"/>
    <mergeCell ref="KK736:KN736"/>
    <mergeCell ref="JA736:JD736"/>
    <mergeCell ref="JE736:JH736"/>
    <mergeCell ref="JI736:JL736"/>
    <mergeCell ref="JM736:JP736"/>
    <mergeCell ref="JQ736:JT736"/>
    <mergeCell ref="IG736:IJ736"/>
    <mergeCell ref="IK736:IN736"/>
    <mergeCell ref="IO736:IR736"/>
    <mergeCell ref="IS736:IV736"/>
    <mergeCell ref="IW736:IZ736"/>
    <mergeCell ref="HM736:HP736"/>
    <mergeCell ref="HQ736:HT736"/>
    <mergeCell ref="HU736:HX736"/>
    <mergeCell ref="HY736:IB736"/>
    <mergeCell ref="IC736:IF736"/>
    <mergeCell ref="GS736:GV736"/>
    <mergeCell ref="GW736:GZ736"/>
    <mergeCell ref="HA736:HD736"/>
    <mergeCell ref="HE736:HH736"/>
    <mergeCell ref="HI736:HL736"/>
    <mergeCell ref="QS736:QV736"/>
    <mergeCell ref="QW736:QZ736"/>
    <mergeCell ref="RA736:RD736"/>
    <mergeCell ref="RE736:RH736"/>
    <mergeCell ref="RI736:RL736"/>
    <mergeCell ref="PY736:QB736"/>
    <mergeCell ref="QC736:QF736"/>
    <mergeCell ref="QG736:QJ736"/>
    <mergeCell ref="QK736:QN736"/>
    <mergeCell ref="QO736:QR736"/>
    <mergeCell ref="PE736:PH736"/>
    <mergeCell ref="PI736:PL736"/>
    <mergeCell ref="PM736:PP736"/>
    <mergeCell ref="PQ736:PT736"/>
    <mergeCell ref="PU736:PX736"/>
    <mergeCell ref="OK736:ON736"/>
    <mergeCell ref="OO736:OR736"/>
    <mergeCell ref="OS736:OV736"/>
    <mergeCell ref="OW736:OZ736"/>
    <mergeCell ref="PA736:PD736"/>
    <mergeCell ref="NQ736:NT736"/>
    <mergeCell ref="NU736:NX736"/>
    <mergeCell ref="NY736:OB736"/>
    <mergeCell ref="OC736:OF736"/>
    <mergeCell ref="OG736:OJ736"/>
    <mergeCell ref="MW736:MZ736"/>
    <mergeCell ref="NA736:ND736"/>
    <mergeCell ref="NE736:NH736"/>
    <mergeCell ref="NI736:NL736"/>
    <mergeCell ref="NM736:NP736"/>
    <mergeCell ref="MC736:MF736"/>
    <mergeCell ref="MG736:MJ736"/>
    <mergeCell ref="MK736:MN736"/>
    <mergeCell ref="MO736:MR736"/>
    <mergeCell ref="MS736:MV736"/>
    <mergeCell ref="WC736:WF736"/>
    <mergeCell ref="WG736:WJ736"/>
    <mergeCell ref="WK736:WN736"/>
    <mergeCell ref="WO736:WR736"/>
    <mergeCell ref="WS736:WV736"/>
    <mergeCell ref="VI736:VL736"/>
    <mergeCell ref="VM736:VP736"/>
    <mergeCell ref="VQ736:VT736"/>
    <mergeCell ref="VU736:VX736"/>
    <mergeCell ref="VY736:WB736"/>
    <mergeCell ref="UO736:UR736"/>
    <mergeCell ref="US736:UV736"/>
    <mergeCell ref="UW736:UZ736"/>
    <mergeCell ref="VA736:VD736"/>
    <mergeCell ref="VE736:VH736"/>
    <mergeCell ref="TU736:TX736"/>
    <mergeCell ref="TY736:UB736"/>
    <mergeCell ref="UC736:UF736"/>
    <mergeCell ref="UG736:UJ736"/>
    <mergeCell ref="UK736:UN736"/>
    <mergeCell ref="TA736:TD736"/>
    <mergeCell ref="TE736:TH736"/>
    <mergeCell ref="TI736:TL736"/>
    <mergeCell ref="TM736:TP736"/>
    <mergeCell ref="TQ736:TT736"/>
    <mergeCell ref="SG736:SJ736"/>
    <mergeCell ref="SK736:SN736"/>
    <mergeCell ref="SO736:SR736"/>
    <mergeCell ref="SS736:SV736"/>
    <mergeCell ref="SW736:SZ736"/>
    <mergeCell ref="RM736:RP736"/>
    <mergeCell ref="RQ736:RT736"/>
    <mergeCell ref="RU736:RX736"/>
    <mergeCell ref="RY736:SB736"/>
    <mergeCell ref="SC736:SF736"/>
    <mergeCell ref="ABM736:ABP736"/>
    <mergeCell ref="ABQ736:ABT736"/>
    <mergeCell ref="ABU736:ABX736"/>
    <mergeCell ref="ABY736:ACB736"/>
    <mergeCell ref="ACC736:ACF736"/>
    <mergeCell ref="AAS736:AAV736"/>
    <mergeCell ref="AAW736:AAZ736"/>
    <mergeCell ref="ABA736:ABD736"/>
    <mergeCell ref="ABE736:ABH736"/>
    <mergeCell ref="ABI736:ABL736"/>
    <mergeCell ref="ZY736:AAB736"/>
    <mergeCell ref="AAC736:AAF736"/>
    <mergeCell ref="AAG736:AAJ736"/>
    <mergeCell ref="AAK736:AAN736"/>
    <mergeCell ref="AAO736:AAR736"/>
    <mergeCell ref="ZE736:ZH736"/>
    <mergeCell ref="ZI736:ZL736"/>
    <mergeCell ref="ZM736:ZP736"/>
    <mergeCell ref="ZQ736:ZT736"/>
    <mergeCell ref="ZU736:ZX736"/>
    <mergeCell ref="YK736:YN736"/>
    <mergeCell ref="YO736:YR736"/>
    <mergeCell ref="YS736:YV736"/>
    <mergeCell ref="YW736:YZ736"/>
    <mergeCell ref="ZA736:ZD736"/>
    <mergeCell ref="XQ736:XT736"/>
    <mergeCell ref="XU736:XX736"/>
    <mergeCell ref="XY736:YB736"/>
    <mergeCell ref="YC736:YF736"/>
    <mergeCell ref="YG736:YJ736"/>
    <mergeCell ref="WW736:WZ736"/>
    <mergeCell ref="XA736:XD736"/>
    <mergeCell ref="XE736:XH736"/>
    <mergeCell ref="XI736:XL736"/>
    <mergeCell ref="XM736:XP736"/>
    <mergeCell ref="AGW736:AGZ736"/>
    <mergeCell ref="AHA736:AHD736"/>
    <mergeCell ref="AHE736:AHH736"/>
    <mergeCell ref="AHI736:AHL736"/>
    <mergeCell ref="AHM736:AHP736"/>
    <mergeCell ref="AGC736:AGF736"/>
    <mergeCell ref="AGG736:AGJ736"/>
    <mergeCell ref="AGK736:AGN736"/>
    <mergeCell ref="AGO736:AGR736"/>
    <mergeCell ref="AGS736:AGV736"/>
    <mergeCell ref="AFI736:AFL736"/>
    <mergeCell ref="AFM736:AFP736"/>
    <mergeCell ref="AFQ736:AFT736"/>
    <mergeCell ref="AFU736:AFX736"/>
    <mergeCell ref="AFY736:AGB736"/>
    <mergeCell ref="AEO736:AER736"/>
    <mergeCell ref="AES736:AEV736"/>
    <mergeCell ref="AEW736:AEZ736"/>
    <mergeCell ref="AFA736:AFD736"/>
    <mergeCell ref="AFE736:AFH736"/>
    <mergeCell ref="ADU736:ADX736"/>
    <mergeCell ref="ADY736:AEB736"/>
    <mergeCell ref="AEC736:AEF736"/>
    <mergeCell ref="AEG736:AEJ736"/>
    <mergeCell ref="AEK736:AEN736"/>
    <mergeCell ref="ADA736:ADD736"/>
    <mergeCell ref="ADE736:ADH736"/>
    <mergeCell ref="ADI736:ADL736"/>
    <mergeCell ref="ADM736:ADP736"/>
    <mergeCell ref="ADQ736:ADT736"/>
    <mergeCell ref="ACG736:ACJ736"/>
    <mergeCell ref="ACK736:ACN736"/>
    <mergeCell ref="ACO736:ACR736"/>
    <mergeCell ref="ACS736:ACV736"/>
    <mergeCell ref="ACW736:ACZ736"/>
    <mergeCell ref="AMG736:AMJ736"/>
    <mergeCell ref="AMK736:AMN736"/>
    <mergeCell ref="AMO736:AMR736"/>
    <mergeCell ref="AMS736:AMV736"/>
    <mergeCell ref="AMW736:AMZ736"/>
    <mergeCell ref="ALM736:ALP736"/>
    <mergeCell ref="ALQ736:ALT736"/>
    <mergeCell ref="ALU736:ALX736"/>
    <mergeCell ref="ALY736:AMB736"/>
    <mergeCell ref="AMC736:AMF736"/>
    <mergeCell ref="AKS736:AKV736"/>
    <mergeCell ref="AKW736:AKZ736"/>
    <mergeCell ref="ALA736:ALD736"/>
    <mergeCell ref="ALE736:ALH736"/>
    <mergeCell ref="ALI736:ALL736"/>
    <mergeCell ref="AJY736:AKB736"/>
    <mergeCell ref="AKC736:AKF736"/>
    <mergeCell ref="AKG736:AKJ736"/>
    <mergeCell ref="AKK736:AKN736"/>
    <mergeCell ref="AKO736:AKR736"/>
    <mergeCell ref="AJE736:AJH736"/>
    <mergeCell ref="AJI736:AJL736"/>
    <mergeCell ref="AJM736:AJP736"/>
    <mergeCell ref="AJQ736:AJT736"/>
    <mergeCell ref="AJU736:AJX736"/>
    <mergeCell ref="AIK736:AIN736"/>
    <mergeCell ref="AIO736:AIR736"/>
    <mergeCell ref="AIS736:AIV736"/>
    <mergeCell ref="AIW736:AIZ736"/>
    <mergeCell ref="AJA736:AJD736"/>
    <mergeCell ref="AHQ736:AHT736"/>
    <mergeCell ref="AHU736:AHX736"/>
    <mergeCell ref="AHY736:AIB736"/>
    <mergeCell ref="AIC736:AIF736"/>
    <mergeCell ref="AIG736:AIJ736"/>
    <mergeCell ref="ARQ736:ART736"/>
    <mergeCell ref="ARU736:ARX736"/>
    <mergeCell ref="ARY736:ASB736"/>
    <mergeCell ref="ASC736:ASF736"/>
    <mergeCell ref="ASG736:ASJ736"/>
    <mergeCell ref="AQW736:AQZ736"/>
    <mergeCell ref="ARA736:ARD736"/>
    <mergeCell ref="ARE736:ARH736"/>
    <mergeCell ref="ARI736:ARL736"/>
    <mergeCell ref="ARM736:ARP736"/>
    <mergeCell ref="AQC736:AQF736"/>
    <mergeCell ref="AQG736:AQJ736"/>
    <mergeCell ref="AQK736:AQN736"/>
    <mergeCell ref="AQO736:AQR736"/>
    <mergeCell ref="AQS736:AQV736"/>
    <mergeCell ref="API736:APL736"/>
    <mergeCell ref="APM736:APP736"/>
    <mergeCell ref="APQ736:APT736"/>
    <mergeCell ref="APU736:APX736"/>
    <mergeCell ref="APY736:AQB736"/>
    <mergeCell ref="AOO736:AOR736"/>
    <mergeCell ref="AOS736:AOV736"/>
    <mergeCell ref="AOW736:AOZ736"/>
    <mergeCell ref="APA736:APD736"/>
    <mergeCell ref="APE736:APH736"/>
    <mergeCell ref="ANU736:ANX736"/>
    <mergeCell ref="ANY736:AOB736"/>
    <mergeCell ref="AOC736:AOF736"/>
    <mergeCell ref="AOG736:AOJ736"/>
    <mergeCell ref="AOK736:AON736"/>
    <mergeCell ref="ANA736:AND736"/>
    <mergeCell ref="ANE736:ANH736"/>
    <mergeCell ref="ANI736:ANL736"/>
    <mergeCell ref="ANM736:ANP736"/>
    <mergeCell ref="ANQ736:ANT736"/>
    <mergeCell ref="AXA736:AXD736"/>
    <mergeCell ref="AXE736:AXH736"/>
    <mergeCell ref="AXI736:AXL736"/>
    <mergeCell ref="AXM736:AXP736"/>
    <mergeCell ref="AXQ736:AXT736"/>
    <mergeCell ref="AWG736:AWJ736"/>
    <mergeCell ref="AWK736:AWN736"/>
    <mergeCell ref="AWO736:AWR736"/>
    <mergeCell ref="AWS736:AWV736"/>
    <mergeCell ref="AWW736:AWZ736"/>
    <mergeCell ref="AVM736:AVP736"/>
    <mergeCell ref="AVQ736:AVT736"/>
    <mergeCell ref="AVU736:AVX736"/>
    <mergeCell ref="AVY736:AWB736"/>
    <mergeCell ref="AWC736:AWF736"/>
    <mergeCell ref="AUS736:AUV736"/>
    <mergeCell ref="AUW736:AUZ736"/>
    <mergeCell ref="AVA736:AVD736"/>
    <mergeCell ref="AVE736:AVH736"/>
    <mergeCell ref="AVI736:AVL736"/>
    <mergeCell ref="ATY736:AUB736"/>
    <mergeCell ref="AUC736:AUF736"/>
    <mergeCell ref="AUG736:AUJ736"/>
    <mergeCell ref="AUK736:AUN736"/>
    <mergeCell ref="AUO736:AUR736"/>
    <mergeCell ref="ATE736:ATH736"/>
    <mergeCell ref="ATI736:ATL736"/>
    <mergeCell ref="ATM736:ATP736"/>
    <mergeCell ref="ATQ736:ATT736"/>
    <mergeCell ref="ATU736:ATX736"/>
    <mergeCell ref="ASK736:ASN736"/>
    <mergeCell ref="ASO736:ASR736"/>
    <mergeCell ref="ASS736:ASV736"/>
    <mergeCell ref="ASW736:ASZ736"/>
    <mergeCell ref="ATA736:ATD736"/>
    <mergeCell ref="BCK736:BCN736"/>
    <mergeCell ref="BCO736:BCR736"/>
    <mergeCell ref="BCS736:BCV736"/>
    <mergeCell ref="BCW736:BCZ736"/>
    <mergeCell ref="BDA736:BDD736"/>
    <mergeCell ref="BBQ736:BBT736"/>
    <mergeCell ref="BBU736:BBX736"/>
    <mergeCell ref="BBY736:BCB736"/>
    <mergeCell ref="BCC736:BCF736"/>
    <mergeCell ref="BCG736:BCJ736"/>
    <mergeCell ref="BAW736:BAZ736"/>
    <mergeCell ref="BBA736:BBD736"/>
    <mergeCell ref="BBE736:BBH736"/>
    <mergeCell ref="BBI736:BBL736"/>
    <mergeCell ref="BBM736:BBP736"/>
    <mergeCell ref="BAC736:BAF736"/>
    <mergeCell ref="BAG736:BAJ736"/>
    <mergeCell ref="BAK736:BAN736"/>
    <mergeCell ref="BAO736:BAR736"/>
    <mergeCell ref="BAS736:BAV736"/>
    <mergeCell ref="AZI736:AZL736"/>
    <mergeCell ref="AZM736:AZP736"/>
    <mergeCell ref="AZQ736:AZT736"/>
    <mergeCell ref="AZU736:AZX736"/>
    <mergeCell ref="AZY736:BAB736"/>
    <mergeCell ref="AYO736:AYR736"/>
    <mergeCell ref="AYS736:AYV736"/>
    <mergeCell ref="AYW736:AYZ736"/>
    <mergeCell ref="AZA736:AZD736"/>
    <mergeCell ref="AZE736:AZH736"/>
    <mergeCell ref="AXU736:AXX736"/>
    <mergeCell ref="AXY736:AYB736"/>
    <mergeCell ref="AYC736:AYF736"/>
    <mergeCell ref="AYG736:AYJ736"/>
    <mergeCell ref="AYK736:AYN736"/>
    <mergeCell ref="BHU736:BHX736"/>
    <mergeCell ref="BHY736:BIB736"/>
    <mergeCell ref="BIC736:BIF736"/>
    <mergeCell ref="BIG736:BIJ736"/>
    <mergeCell ref="BIK736:BIN736"/>
    <mergeCell ref="BHA736:BHD736"/>
    <mergeCell ref="BHE736:BHH736"/>
    <mergeCell ref="BHI736:BHL736"/>
    <mergeCell ref="BHM736:BHP736"/>
    <mergeCell ref="BHQ736:BHT736"/>
    <mergeCell ref="BGG736:BGJ736"/>
    <mergeCell ref="BGK736:BGN736"/>
    <mergeCell ref="BGO736:BGR736"/>
    <mergeCell ref="BGS736:BGV736"/>
    <mergeCell ref="BGW736:BGZ736"/>
    <mergeCell ref="BFM736:BFP736"/>
    <mergeCell ref="BFQ736:BFT736"/>
    <mergeCell ref="BFU736:BFX736"/>
    <mergeCell ref="BFY736:BGB736"/>
    <mergeCell ref="BGC736:BGF736"/>
    <mergeCell ref="BES736:BEV736"/>
    <mergeCell ref="BEW736:BEZ736"/>
    <mergeCell ref="BFA736:BFD736"/>
    <mergeCell ref="BFE736:BFH736"/>
    <mergeCell ref="BFI736:BFL736"/>
    <mergeCell ref="BDY736:BEB736"/>
    <mergeCell ref="BEC736:BEF736"/>
    <mergeCell ref="BEG736:BEJ736"/>
    <mergeCell ref="BEK736:BEN736"/>
    <mergeCell ref="BEO736:BER736"/>
    <mergeCell ref="BDE736:BDH736"/>
    <mergeCell ref="BDI736:BDL736"/>
    <mergeCell ref="BDM736:BDP736"/>
    <mergeCell ref="BDQ736:BDT736"/>
    <mergeCell ref="BDU736:BDX736"/>
    <mergeCell ref="BNE736:BNH736"/>
    <mergeCell ref="BNI736:BNL736"/>
    <mergeCell ref="BNM736:BNP736"/>
    <mergeCell ref="BNQ736:BNT736"/>
    <mergeCell ref="BNU736:BNX736"/>
    <mergeCell ref="BMK736:BMN736"/>
    <mergeCell ref="BMO736:BMR736"/>
    <mergeCell ref="BMS736:BMV736"/>
    <mergeCell ref="BMW736:BMZ736"/>
    <mergeCell ref="BNA736:BND736"/>
    <mergeCell ref="BLQ736:BLT736"/>
    <mergeCell ref="BLU736:BLX736"/>
    <mergeCell ref="BLY736:BMB736"/>
    <mergeCell ref="BMC736:BMF736"/>
    <mergeCell ref="BMG736:BMJ736"/>
    <mergeCell ref="BKW736:BKZ736"/>
    <mergeCell ref="BLA736:BLD736"/>
    <mergeCell ref="BLE736:BLH736"/>
    <mergeCell ref="BLI736:BLL736"/>
    <mergeCell ref="BLM736:BLP736"/>
    <mergeCell ref="BKC736:BKF736"/>
    <mergeCell ref="BKG736:BKJ736"/>
    <mergeCell ref="BKK736:BKN736"/>
    <mergeCell ref="BKO736:BKR736"/>
    <mergeCell ref="BKS736:BKV736"/>
    <mergeCell ref="BJI736:BJL736"/>
    <mergeCell ref="BJM736:BJP736"/>
    <mergeCell ref="BJQ736:BJT736"/>
    <mergeCell ref="BJU736:BJX736"/>
    <mergeCell ref="BJY736:BKB736"/>
    <mergeCell ref="BIO736:BIR736"/>
    <mergeCell ref="BIS736:BIV736"/>
    <mergeCell ref="BIW736:BIZ736"/>
    <mergeCell ref="BJA736:BJD736"/>
    <mergeCell ref="BJE736:BJH736"/>
    <mergeCell ref="BSO736:BSR736"/>
    <mergeCell ref="BSS736:BSV736"/>
    <mergeCell ref="BSW736:BSZ736"/>
    <mergeCell ref="BTA736:BTD736"/>
    <mergeCell ref="BTE736:BTH736"/>
    <mergeCell ref="BRU736:BRX736"/>
    <mergeCell ref="BRY736:BSB736"/>
    <mergeCell ref="BSC736:BSF736"/>
    <mergeCell ref="BSG736:BSJ736"/>
    <mergeCell ref="BSK736:BSN736"/>
    <mergeCell ref="BRA736:BRD736"/>
    <mergeCell ref="BRE736:BRH736"/>
    <mergeCell ref="BRI736:BRL736"/>
    <mergeCell ref="BRM736:BRP736"/>
    <mergeCell ref="BRQ736:BRT736"/>
    <mergeCell ref="BQG736:BQJ736"/>
    <mergeCell ref="BQK736:BQN736"/>
    <mergeCell ref="BQO736:BQR736"/>
    <mergeCell ref="BQS736:BQV736"/>
    <mergeCell ref="BQW736:BQZ736"/>
    <mergeCell ref="BPM736:BPP736"/>
    <mergeCell ref="BPQ736:BPT736"/>
    <mergeCell ref="BPU736:BPX736"/>
    <mergeCell ref="BPY736:BQB736"/>
    <mergeCell ref="BQC736:BQF736"/>
    <mergeCell ref="BOS736:BOV736"/>
    <mergeCell ref="BOW736:BOZ736"/>
    <mergeCell ref="BPA736:BPD736"/>
    <mergeCell ref="BPE736:BPH736"/>
    <mergeCell ref="BPI736:BPL736"/>
    <mergeCell ref="BNY736:BOB736"/>
    <mergeCell ref="BOC736:BOF736"/>
    <mergeCell ref="BOG736:BOJ736"/>
    <mergeCell ref="BOK736:BON736"/>
    <mergeCell ref="BOO736:BOR736"/>
    <mergeCell ref="BXY736:BYB736"/>
    <mergeCell ref="BYC736:BYF736"/>
    <mergeCell ref="BYG736:BYJ736"/>
    <mergeCell ref="BYK736:BYN736"/>
    <mergeCell ref="BYO736:BYR736"/>
    <mergeCell ref="BXE736:BXH736"/>
    <mergeCell ref="BXI736:BXL736"/>
    <mergeCell ref="BXM736:BXP736"/>
    <mergeCell ref="BXQ736:BXT736"/>
    <mergeCell ref="BXU736:BXX736"/>
    <mergeCell ref="BWK736:BWN736"/>
    <mergeCell ref="BWO736:BWR736"/>
    <mergeCell ref="BWS736:BWV736"/>
    <mergeCell ref="BWW736:BWZ736"/>
    <mergeCell ref="BXA736:BXD736"/>
    <mergeCell ref="BVQ736:BVT736"/>
    <mergeCell ref="BVU736:BVX736"/>
    <mergeCell ref="BVY736:BWB736"/>
    <mergeCell ref="BWC736:BWF736"/>
    <mergeCell ref="BWG736:BWJ736"/>
    <mergeCell ref="BUW736:BUZ736"/>
    <mergeCell ref="BVA736:BVD736"/>
    <mergeCell ref="BVE736:BVH736"/>
    <mergeCell ref="BVI736:BVL736"/>
    <mergeCell ref="BVM736:BVP736"/>
    <mergeCell ref="BUC736:BUF736"/>
    <mergeCell ref="BUG736:BUJ736"/>
    <mergeCell ref="BUK736:BUN736"/>
    <mergeCell ref="BUO736:BUR736"/>
    <mergeCell ref="BUS736:BUV736"/>
    <mergeCell ref="BTI736:BTL736"/>
    <mergeCell ref="BTM736:BTP736"/>
    <mergeCell ref="BTQ736:BTT736"/>
    <mergeCell ref="BTU736:BTX736"/>
    <mergeCell ref="BTY736:BUB736"/>
    <mergeCell ref="CDI736:CDL736"/>
    <mergeCell ref="CDM736:CDP736"/>
    <mergeCell ref="CDQ736:CDT736"/>
    <mergeCell ref="CDU736:CDX736"/>
    <mergeCell ref="CDY736:CEB736"/>
    <mergeCell ref="CCO736:CCR736"/>
    <mergeCell ref="CCS736:CCV736"/>
    <mergeCell ref="CCW736:CCZ736"/>
    <mergeCell ref="CDA736:CDD736"/>
    <mergeCell ref="CDE736:CDH736"/>
    <mergeCell ref="CBU736:CBX736"/>
    <mergeCell ref="CBY736:CCB736"/>
    <mergeCell ref="CCC736:CCF736"/>
    <mergeCell ref="CCG736:CCJ736"/>
    <mergeCell ref="CCK736:CCN736"/>
    <mergeCell ref="CBA736:CBD736"/>
    <mergeCell ref="CBE736:CBH736"/>
    <mergeCell ref="CBI736:CBL736"/>
    <mergeCell ref="CBM736:CBP736"/>
    <mergeCell ref="CBQ736:CBT736"/>
    <mergeCell ref="CAG736:CAJ736"/>
    <mergeCell ref="CAK736:CAN736"/>
    <mergeCell ref="CAO736:CAR736"/>
    <mergeCell ref="CAS736:CAV736"/>
    <mergeCell ref="CAW736:CAZ736"/>
    <mergeCell ref="BZM736:BZP736"/>
    <mergeCell ref="BZQ736:BZT736"/>
    <mergeCell ref="BZU736:BZX736"/>
    <mergeCell ref="BZY736:CAB736"/>
    <mergeCell ref="CAC736:CAF736"/>
    <mergeCell ref="BYS736:BYV736"/>
    <mergeCell ref="BYW736:BYZ736"/>
    <mergeCell ref="BZA736:BZD736"/>
    <mergeCell ref="BZE736:BZH736"/>
    <mergeCell ref="BZI736:BZL736"/>
    <mergeCell ref="CIS736:CIV736"/>
    <mergeCell ref="CIW736:CIZ736"/>
    <mergeCell ref="CJA736:CJD736"/>
    <mergeCell ref="CJE736:CJH736"/>
    <mergeCell ref="CJI736:CJL736"/>
    <mergeCell ref="CHY736:CIB736"/>
    <mergeCell ref="CIC736:CIF736"/>
    <mergeCell ref="CIG736:CIJ736"/>
    <mergeCell ref="CIK736:CIN736"/>
    <mergeCell ref="CIO736:CIR736"/>
    <mergeCell ref="CHE736:CHH736"/>
    <mergeCell ref="CHI736:CHL736"/>
    <mergeCell ref="CHM736:CHP736"/>
    <mergeCell ref="CHQ736:CHT736"/>
    <mergeCell ref="CHU736:CHX736"/>
    <mergeCell ref="CGK736:CGN736"/>
    <mergeCell ref="CGO736:CGR736"/>
    <mergeCell ref="CGS736:CGV736"/>
    <mergeCell ref="CGW736:CGZ736"/>
    <mergeCell ref="CHA736:CHD736"/>
    <mergeCell ref="CFQ736:CFT736"/>
    <mergeCell ref="CFU736:CFX736"/>
    <mergeCell ref="CFY736:CGB736"/>
    <mergeCell ref="CGC736:CGF736"/>
    <mergeCell ref="CGG736:CGJ736"/>
    <mergeCell ref="CEW736:CEZ736"/>
    <mergeCell ref="CFA736:CFD736"/>
    <mergeCell ref="CFE736:CFH736"/>
    <mergeCell ref="CFI736:CFL736"/>
    <mergeCell ref="CFM736:CFP736"/>
    <mergeCell ref="CEC736:CEF736"/>
    <mergeCell ref="CEG736:CEJ736"/>
    <mergeCell ref="CEK736:CEN736"/>
    <mergeCell ref="CEO736:CER736"/>
    <mergeCell ref="CES736:CEV736"/>
    <mergeCell ref="COC736:COF736"/>
    <mergeCell ref="COG736:COJ736"/>
    <mergeCell ref="COK736:CON736"/>
    <mergeCell ref="COO736:COR736"/>
    <mergeCell ref="COS736:COV736"/>
    <mergeCell ref="CNI736:CNL736"/>
    <mergeCell ref="CNM736:CNP736"/>
    <mergeCell ref="CNQ736:CNT736"/>
    <mergeCell ref="CNU736:CNX736"/>
    <mergeCell ref="CNY736:COB736"/>
    <mergeCell ref="CMO736:CMR736"/>
    <mergeCell ref="CMS736:CMV736"/>
    <mergeCell ref="CMW736:CMZ736"/>
    <mergeCell ref="CNA736:CND736"/>
    <mergeCell ref="CNE736:CNH736"/>
    <mergeCell ref="CLU736:CLX736"/>
    <mergeCell ref="CLY736:CMB736"/>
    <mergeCell ref="CMC736:CMF736"/>
    <mergeCell ref="CMG736:CMJ736"/>
    <mergeCell ref="CMK736:CMN736"/>
    <mergeCell ref="CLA736:CLD736"/>
    <mergeCell ref="CLE736:CLH736"/>
    <mergeCell ref="CLI736:CLL736"/>
    <mergeCell ref="CLM736:CLP736"/>
    <mergeCell ref="CLQ736:CLT736"/>
    <mergeCell ref="CKG736:CKJ736"/>
    <mergeCell ref="CKK736:CKN736"/>
    <mergeCell ref="CKO736:CKR736"/>
    <mergeCell ref="CKS736:CKV736"/>
    <mergeCell ref="CKW736:CKZ736"/>
    <mergeCell ref="CJM736:CJP736"/>
    <mergeCell ref="CJQ736:CJT736"/>
    <mergeCell ref="CJU736:CJX736"/>
    <mergeCell ref="CJY736:CKB736"/>
    <mergeCell ref="CKC736:CKF736"/>
    <mergeCell ref="CTM736:CTP736"/>
    <mergeCell ref="CTQ736:CTT736"/>
    <mergeCell ref="CTU736:CTX736"/>
    <mergeCell ref="CTY736:CUB736"/>
    <mergeCell ref="CUC736:CUF736"/>
    <mergeCell ref="CSS736:CSV736"/>
    <mergeCell ref="CSW736:CSZ736"/>
    <mergeCell ref="CTA736:CTD736"/>
    <mergeCell ref="CTE736:CTH736"/>
    <mergeCell ref="CTI736:CTL736"/>
    <mergeCell ref="CRY736:CSB736"/>
    <mergeCell ref="CSC736:CSF736"/>
    <mergeCell ref="CSG736:CSJ736"/>
    <mergeCell ref="CSK736:CSN736"/>
    <mergeCell ref="CSO736:CSR736"/>
    <mergeCell ref="CRE736:CRH736"/>
    <mergeCell ref="CRI736:CRL736"/>
    <mergeCell ref="CRM736:CRP736"/>
    <mergeCell ref="CRQ736:CRT736"/>
    <mergeCell ref="CRU736:CRX736"/>
    <mergeCell ref="CQK736:CQN736"/>
    <mergeCell ref="CQO736:CQR736"/>
    <mergeCell ref="CQS736:CQV736"/>
    <mergeCell ref="CQW736:CQZ736"/>
    <mergeCell ref="CRA736:CRD736"/>
    <mergeCell ref="CPQ736:CPT736"/>
    <mergeCell ref="CPU736:CPX736"/>
    <mergeCell ref="CPY736:CQB736"/>
    <mergeCell ref="CQC736:CQF736"/>
    <mergeCell ref="CQG736:CQJ736"/>
    <mergeCell ref="COW736:COZ736"/>
    <mergeCell ref="CPA736:CPD736"/>
    <mergeCell ref="CPE736:CPH736"/>
    <mergeCell ref="CPI736:CPL736"/>
    <mergeCell ref="CPM736:CPP736"/>
    <mergeCell ref="CYW736:CYZ736"/>
    <mergeCell ref="CZA736:CZD736"/>
    <mergeCell ref="CZE736:CZH736"/>
    <mergeCell ref="CZI736:CZL736"/>
    <mergeCell ref="CZM736:CZP736"/>
    <mergeCell ref="CYC736:CYF736"/>
    <mergeCell ref="CYG736:CYJ736"/>
    <mergeCell ref="CYK736:CYN736"/>
    <mergeCell ref="CYO736:CYR736"/>
    <mergeCell ref="CYS736:CYV736"/>
    <mergeCell ref="CXI736:CXL736"/>
    <mergeCell ref="CXM736:CXP736"/>
    <mergeCell ref="CXQ736:CXT736"/>
    <mergeCell ref="CXU736:CXX736"/>
    <mergeCell ref="CXY736:CYB736"/>
    <mergeCell ref="CWO736:CWR736"/>
    <mergeCell ref="CWS736:CWV736"/>
    <mergeCell ref="CWW736:CWZ736"/>
    <mergeCell ref="CXA736:CXD736"/>
    <mergeCell ref="CXE736:CXH736"/>
    <mergeCell ref="CVU736:CVX736"/>
    <mergeCell ref="CVY736:CWB736"/>
    <mergeCell ref="CWC736:CWF736"/>
    <mergeCell ref="CWG736:CWJ736"/>
    <mergeCell ref="CWK736:CWN736"/>
    <mergeCell ref="CVA736:CVD736"/>
    <mergeCell ref="CVE736:CVH736"/>
    <mergeCell ref="CVI736:CVL736"/>
    <mergeCell ref="CVM736:CVP736"/>
    <mergeCell ref="CVQ736:CVT736"/>
    <mergeCell ref="CUG736:CUJ736"/>
    <mergeCell ref="CUK736:CUN736"/>
    <mergeCell ref="CUO736:CUR736"/>
    <mergeCell ref="CUS736:CUV736"/>
    <mergeCell ref="CUW736:CUZ736"/>
    <mergeCell ref="DEG736:DEJ736"/>
    <mergeCell ref="DEK736:DEN736"/>
    <mergeCell ref="DEO736:DER736"/>
    <mergeCell ref="DES736:DEV736"/>
    <mergeCell ref="DEW736:DEZ736"/>
    <mergeCell ref="DDM736:DDP736"/>
    <mergeCell ref="DDQ736:DDT736"/>
    <mergeCell ref="DDU736:DDX736"/>
    <mergeCell ref="DDY736:DEB736"/>
    <mergeCell ref="DEC736:DEF736"/>
    <mergeCell ref="DCS736:DCV736"/>
    <mergeCell ref="DCW736:DCZ736"/>
    <mergeCell ref="DDA736:DDD736"/>
    <mergeCell ref="DDE736:DDH736"/>
    <mergeCell ref="DDI736:DDL736"/>
    <mergeCell ref="DBY736:DCB736"/>
    <mergeCell ref="DCC736:DCF736"/>
    <mergeCell ref="DCG736:DCJ736"/>
    <mergeCell ref="DCK736:DCN736"/>
    <mergeCell ref="DCO736:DCR736"/>
    <mergeCell ref="DBE736:DBH736"/>
    <mergeCell ref="DBI736:DBL736"/>
    <mergeCell ref="DBM736:DBP736"/>
    <mergeCell ref="DBQ736:DBT736"/>
    <mergeCell ref="DBU736:DBX736"/>
    <mergeCell ref="DAK736:DAN736"/>
    <mergeCell ref="DAO736:DAR736"/>
    <mergeCell ref="DAS736:DAV736"/>
    <mergeCell ref="DAW736:DAZ736"/>
    <mergeCell ref="DBA736:DBD736"/>
    <mergeCell ref="CZQ736:CZT736"/>
    <mergeCell ref="CZU736:CZX736"/>
    <mergeCell ref="CZY736:DAB736"/>
    <mergeCell ref="DAC736:DAF736"/>
    <mergeCell ref="DAG736:DAJ736"/>
    <mergeCell ref="DJQ736:DJT736"/>
    <mergeCell ref="DJU736:DJX736"/>
    <mergeCell ref="DJY736:DKB736"/>
    <mergeCell ref="DKC736:DKF736"/>
    <mergeCell ref="DKG736:DKJ736"/>
    <mergeCell ref="DIW736:DIZ736"/>
    <mergeCell ref="DJA736:DJD736"/>
    <mergeCell ref="DJE736:DJH736"/>
    <mergeCell ref="DJI736:DJL736"/>
    <mergeCell ref="DJM736:DJP736"/>
    <mergeCell ref="DIC736:DIF736"/>
    <mergeCell ref="DIG736:DIJ736"/>
    <mergeCell ref="DIK736:DIN736"/>
    <mergeCell ref="DIO736:DIR736"/>
    <mergeCell ref="DIS736:DIV736"/>
    <mergeCell ref="DHI736:DHL736"/>
    <mergeCell ref="DHM736:DHP736"/>
    <mergeCell ref="DHQ736:DHT736"/>
    <mergeCell ref="DHU736:DHX736"/>
    <mergeCell ref="DHY736:DIB736"/>
    <mergeCell ref="DGO736:DGR736"/>
    <mergeCell ref="DGS736:DGV736"/>
    <mergeCell ref="DGW736:DGZ736"/>
    <mergeCell ref="DHA736:DHD736"/>
    <mergeCell ref="DHE736:DHH736"/>
    <mergeCell ref="DFU736:DFX736"/>
    <mergeCell ref="DFY736:DGB736"/>
    <mergeCell ref="DGC736:DGF736"/>
    <mergeCell ref="DGG736:DGJ736"/>
    <mergeCell ref="DGK736:DGN736"/>
    <mergeCell ref="DFA736:DFD736"/>
    <mergeCell ref="DFE736:DFH736"/>
    <mergeCell ref="DFI736:DFL736"/>
    <mergeCell ref="DFM736:DFP736"/>
    <mergeCell ref="DFQ736:DFT736"/>
    <mergeCell ref="DPA736:DPD736"/>
    <mergeCell ref="DPE736:DPH736"/>
    <mergeCell ref="DPI736:DPL736"/>
    <mergeCell ref="DPM736:DPP736"/>
    <mergeCell ref="DPQ736:DPT736"/>
    <mergeCell ref="DOG736:DOJ736"/>
    <mergeCell ref="DOK736:DON736"/>
    <mergeCell ref="DOO736:DOR736"/>
    <mergeCell ref="DOS736:DOV736"/>
    <mergeCell ref="DOW736:DOZ736"/>
    <mergeCell ref="DNM736:DNP736"/>
    <mergeCell ref="DNQ736:DNT736"/>
    <mergeCell ref="DNU736:DNX736"/>
    <mergeCell ref="DNY736:DOB736"/>
    <mergeCell ref="DOC736:DOF736"/>
    <mergeCell ref="DMS736:DMV736"/>
    <mergeCell ref="DMW736:DMZ736"/>
    <mergeCell ref="DNA736:DND736"/>
    <mergeCell ref="DNE736:DNH736"/>
    <mergeCell ref="DNI736:DNL736"/>
    <mergeCell ref="DLY736:DMB736"/>
    <mergeCell ref="DMC736:DMF736"/>
    <mergeCell ref="DMG736:DMJ736"/>
    <mergeCell ref="DMK736:DMN736"/>
    <mergeCell ref="DMO736:DMR736"/>
    <mergeCell ref="DLE736:DLH736"/>
    <mergeCell ref="DLI736:DLL736"/>
    <mergeCell ref="DLM736:DLP736"/>
    <mergeCell ref="DLQ736:DLT736"/>
    <mergeCell ref="DLU736:DLX736"/>
    <mergeCell ref="DKK736:DKN736"/>
    <mergeCell ref="DKO736:DKR736"/>
    <mergeCell ref="DKS736:DKV736"/>
    <mergeCell ref="DKW736:DKZ736"/>
    <mergeCell ref="DLA736:DLD736"/>
    <mergeCell ref="DUK736:DUN736"/>
    <mergeCell ref="DUO736:DUR736"/>
    <mergeCell ref="DUS736:DUV736"/>
    <mergeCell ref="DUW736:DUZ736"/>
    <mergeCell ref="DVA736:DVD736"/>
    <mergeCell ref="DTQ736:DTT736"/>
    <mergeCell ref="DTU736:DTX736"/>
    <mergeCell ref="DTY736:DUB736"/>
    <mergeCell ref="DUC736:DUF736"/>
    <mergeCell ref="DUG736:DUJ736"/>
    <mergeCell ref="DSW736:DSZ736"/>
    <mergeCell ref="DTA736:DTD736"/>
    <mergeCell ref="DTE736:DTH736"/>
    <mergeCell ref="DTI736:DTL736"/>
    <mergeCell ref="DTM736:DTP736"/>
    <mergeCell ref="DSC736:DSF736"/>
    <mergeCell ref="DSG736:DSJ736"/>
    <mergeCell ref="DSK736:DSN736"/>
    <mergeCell ref="DSO736:DSR736"/>
    <mergeCell ref="DSS736:DSV736"/>
    <mergeCell ref="DRI736:DRL736"/>
    <mergeCell ref="DRM736:DRP736"/>
    <mergeCell ref="DRQ736:DRT736"/>
    <mergeCell ref="DRU736:DRX736"/>
    <mergeCell ref="DRY736:DSB736"/>
    <mergeCell ref="DQO736:DQR736"/>
    <mergeCell ref="DQS736:DQV736"/>
    <mergeCell ref="DQW736:DQZ736"/>
    <mergeCell ref="DRA736:DRD736"/>
    <mergeCell ref="DRE736:DRH736"/>
    <mergeCell ref="DPU736:DPX736"/>
    <mergeCell ref="DPY736:DQB736"/>
    <mergeCell ref="DQC736:DQF736"/>
    <mergeCell ref="DQG736:DQJ736"/>
    <mergeCell ref="DQK736:DQN736"/>
    <mergeCell ref="DZU736:DZX736"/>
    <mergeCell ref="DZY736:EAB736"/>
    <mergeCell ref="EAC736:EAF736"/>
    <mergeCell ref="EAG736:EAJ736"/>
    <mergeCell ref="EAK736:EAN736"/>
    <mergeCell ref="DZA736:DZD736"/>
    <mergeCell ref="DZE736:DZH736"/>
    <mergeCell ref="DZI736:DZL736"/>
    <mergeCell ref="DZM736:DZP736"/>
    <mergeCell ref="DZQ736:DZT736"/>
    <mergeCell ref="DYG736:DYJ736"/>
    <mergeCell ref="DYK736:DYN736"/>
    <mergeCell ref="DYO736:DYR736"/>
    <mergeCell ref="DYS736:DYV736"/>
    <mergeCell ref="DYW736:DYZ736"/>
    <mergeCell ref="DXM736:DXP736"/>
    <mergeCell ref="DXQ736:DXT736"/>
    <mergeCell ref="DXU736:DXX736"/>
    <mergeCell ref="DXY736:DYB736"/>
    <mergeCell ref="DYC736:DYF736"/>
    <mergeCell ref="DWS736:DWV736"/>
    <mergeCell ref="DWW736:DWZ736"/>
    <mergeCell ref="DXA736:DXD736"/>
    <mergeCell ref="DXE736:DXH736"/>
    <mergeCell ref="DXI736:DXL736"/>
    <mergeCell ref="DVY736:DWB736"/>
    <mergeCell ref="DWC736:DWF736"/>
    <mergeCell ref="DWG736:DWJ736"/>
    <mergeCell ref="DWK736:DWN736"/>
    <mergeCell ref="DWO736:DWR736"/>
    <mergeCell ref="DVE736:DVH736"/>
    <mergeCell ref="DVI736:DVL736"/>
    <mergeCell ref="DVM736:DVP736"/>
    <mergeCell ref="DVQ736:DVT736"/>
    <mergeCell ref="DVU736:DVX736"/>
    <mergeCell ref="EFE736:EFH736"/>
    <mergeCell ref="EFI736:EFL736"/>
    <mergeCell ref="EFM736:EFP736"/>
    <mergeCell ref="EFQ736:EFT736"/>
    <mergeCell ref="EFU736:EFX736"/>
    <mergeCell ref="EEK736:EEN736"/>
    <mergeCell ref="EEO736:EER736"/>
    <mergeCell ref="EES736:EEV736"/>
    <mergeCell ref="EEW736:EEZ736"/>
    <mergeCell ref="EFA736:EFD736"/>
    <mergeCell ref="EDQ736:EDT736"/>
    <mergeCell ref="EDU736:EDX736"/>
    <mergeCell ref="EDY736:EEB736"/>
    <mergeCell ref="EEC736:EEF736"/>
    <mergeCell ref="EEG736:EEJ736"/>
    <mergeCell ref="ECW736:ECZ736"/>
    <mergeCell ref="EDA736:EDD736"/>
    <mergeCell ref="EDE736:EDH736"/>
    <mergeCell ref="EDI736:EDL736"/>
    <mergeCell ref="EDM736:EDP736"/>
    <mergeCell ref="ECC736:ECF736"/>
    <mergeCell ref="ECG736:ECJ736"/>
    <mergeCell ref="ECK736:ECN736"/>
    <mergeCell ref="ECO736:ECR736"/>
    <mergeCell ref="ECS736:ECV736"/>
    <mergeCell ref="EBI736:EBL736"/>
    <mergeCell ref="EBM736:EBP736"/>
    <mergeCell ref="EBQ736:EBT736"/>
    <mergeCell ref="EBU736:EBX736"/>
    <mergeCell ref="EBY736:ECB736"/>
    <mergeCell ref="EAO736:EAR736"/>
    <mergeCell ref="EAS736:EAV736"/>
    <mergeCell ref="EAW736:EAZ736"/>
    <mergeCell ref="EBA736:EBD736"/>
    <mergeCell ref="EBE736:EBH736"/>
    <mergeCell ref="EKO736:EKR736"/>
    <mergeCell ref="EKS736:EKV736"/>
    <mergeCell ref="EKW736:EKZ736"/>
    <mergeCell ref="ELA736:ELD736"/>
    <mergeCell ref="ELE736:ELH736"/>
    <mergeCell ref="EJU736:EJX736"/>
    <mergeCell ref="EJY736:EKB736"/>
    <mergeCell ref="EKC736:EKF736"/>
    <mergeCell ref="EKG736:EKJ736"/>
    <mergeCell ref="EKK736:EKN736"/>
    <mergeCell ref="EJA736:EJD736"/>
    <mergeCell ref="EJE736:EJH736"/>
    <mergeCell ref="EJI736:EJL736"/>
    <mergeCell ref="EJM736:EJP736"/>
    <mergeCell ref="EJQ736:EJT736"/>
    <mergeCell ref="EIG736:EIJ736"/>
    <mergeCell ref="EIK736:EIN736"/>
    <mergeCell ref="EIO736:EIR736"/>
    <mergeCell ref="EIS736:EIV736"/>
    <mergeCell ref="EIW736:EIZ736"/>
    <mergeCell ref="EHM736:EHP736"/>
    <mergeCell ref="EHQ736:EHT736"/>
    <mergeCell ref="EHU736:EHX736"/>
    <mergeCell ref="EHY736:EIB736"/>
    <mergeCell ref="EIC736:EIF736"/>
    <mergeCell ref="EGS736:EGV736"/>
    <mergeCell ref="EGW736:EGZ736"/>
    <mergeCell ref="EHA736:EHD736"/>
    <mergeCell ref="EHE736:EHH736"/>
    <mergeCell ref="EHI736:EHL736"/>
    <mergeCell ref="EFY736:EGB736"/>
    <mergeCell ref="EGC736:EGF736"/>
    <mergeCell ref="EGG736:EGJ736"/>
    <mergeCell ref="EGK736:EGN736"/>
    <mergeCell ref="EGO736:EGR736"/>
    <mergeCell ref="EPY736:EQB736"/>
    <mergeCell ref="EQC736:EQF736"/>
    <mergeCell ref="EQG736:EQJ736"/>
    <mergeCell ref="EQK736:EQN736"/>
    <mergeCell ref="EQO736:EQR736"/>
    <mergeCell ref="EPE736:EPH736"/>
    <mergeCell ref="EPI736:EPL736"/>
    <mergeCell ref="EPM736:EPP736"/>
    <mergeCell ref="EPQ736:EPT736"/>
    <mergeCell ref="EPU736:EPX736"/>
    <mergeCell ref="EOK736:EON736"/>
    <mergeCell ref="EOO736:EOR736"/>
    <mergeCell ref="EOS736:EOV736"/>
    <mergeCell ref="EOW736:EOZ736"/>
    <mergeCell ref="EPA736:EPD736"/>
    <mergeCell ref="ENQ736:ENT736"/>
    <mergeCell ref="ENU736:ENX736"/>
    <mergeCell ref="ENY736:EOB736"/>
    <mergeCell ref="EOC736:EOF736"/>
    <mergeCell ref="EOG736:EOJ736"/>
    <mergeCell ref="EMW736:EMZ736"/>
    <mergeCell ref="ENA736:END736"/>
    <mergeCell ref="ENE736:ENH736"/>
    <mergeCell ref="ENI736:ENL736"/>
    <mergeCell ref="ENM736:ENP736"/>
    <mergeCell ref="EMC736:EMF736"/>
    <mergeCell ref="EMG736:EMJ736"/>
    <mergeCell ref="EMK736:EMN736"/>
    <mergeCell ref="EMO736:EMR736"/>
    <mergeCell ref="EMS736:EMV736"/>
    <mergeCell ref="ELI736:ELL736"/>
    <mergeCell ref="ELM736:ELP736"/>
    <mergeCell ref="ELQ736:ELT736"/>
    <mergeCell ref="ELU736:ELX736"/>
    <mergeCell ref="ELY736:EMB736"/>
    <mergeCell ref="EVI736:EVL736"/>
    <mergeCell ref="EVM736:EVP736"/>
    <mergeCell ref="EVQ736:EVT736"/>
    <mergeCell ref="EVU736:EVX736"/>
    <mergeCell ref="EVY736:EWB736"/>
    <mergeCell ref="EUO736:EUR736"/>
    <mergeCell ref="EUS736:EUV736"/>
    <mergeCell ref="EUW736:EUZ736"/>
    <mergeCell ref="EVA736:EVD736"/>
    <mergeCell ref="EVE736:EVH736"/>
    <mergeCell ref="ETU736:ETX736"/>
    <mergeCell ref="ETY736:EUB736"/>
    <mergeCell ref="EUC736:EUF736"/>
    <mergeCell ref="EUG736:EUJ736"/>
    <mergeCell ref="EUK736:EUN736"/>
    <mergeCell ref="ETA736:ETD736"/>
    <mergeCell ref="ETE736:ETH736"/>
    <mergeCell ref="ETI736:ETL736"/>
    <mergeCell ref="ETM736:ETP736"/>
    <mergeCell ref="ETQ736:ETT736"/>
    <mergeCell ref="ESG736:ESJ736"/>
    <mergeCell ref="ESK736:ESN736"/>
    <mergeCell ref="ESO736:ESR736"/>
    <mergeCell ref="ESS736:ESV736"/>
    <mergeCell ref="ESW736:ESZ736"/>
    <mergeCell ref="ERM736:ERP736"/>
    <mergeCell ref="ERQ736:ERT736"/>
    <mergeCell ref="ERU736:ERX736"/>
    <mergeCell ref="ERY736:ESB736"/>
    <mergeCell ref="ESC736:ESF736"/>
    <mergeCell ref="EQS736:EQV736"/>
    <mergeCell ref="EQW736:EQZ736"/>
    <mergeCell ref="ERA736:ERD736"/>
    <mergeCell ref="ERE736:ERH736"/>
    <mergeCell ref="ERI736:ERL736"/>
    <mergeCell ref="FAS736:FAV736"/>
    <mergeCell ref="FAW736:FAZ736"/>
    <mergeCell ref="FBA736:FBD736"/>
    <mergeCell ref="FBE736:FBH736"/>
    <mergeCell ref="FBI736:FBL736"/>
    <mergeCell ref="EZY736:FAB736"/>
    <mergeCell ref="FAC736:FAF736"/>
    <mergeCell ref="FAG736:FAJ736"/>
    <mergeCell ref="FAK736:FAN736"/>
    <mergeCell ref="FAO736:FAR736"/>
    <mergeCell ref="EZE736:EZH736"/>
    <mergeCell ref="EZI736:EZL736"/>
    <mergeCell ref="EZM736:EZP736"/>
    <mergeCell ref="EZQ736:EZT736"/>
    <mergeCell ref="EZU736:EZX736"/>
    <mergeCell ref="EYK736:EYN736"/>
    <mergeCell ref="EYO736:EYR736"/>
    <mergeCell ref="EYS736:EYV736"/>
    <mergeCell ref="EYW736:EYZ736"/>
    <mergeCell ref="EZA736:EZD736"/>
    <mergeCell ref="EXQ736:EXT736"/>
    <mergeCell ref="EXU736:EXX736"/>
    <mergeCell ref="EXY736:EYB736"/>
    <mergeCell ref="EYC736:EYF736"/>
    <mergeCell ref="EYG736:EYJ736"/>
    <mergeCell ref="EWW736:EWZ736"/>
    <mergeCell ref="EXA736:EXD736"/>
    <mergeCell ref="EXE736:EXH736"/>
    <mergeCell ref="EXI736:EXL736"/>
    <mergeCell ref="EXM736:EXP736"/>
    <mergeCell ref="EWC736:EWF736"/>
    <mergeCell ref="EWG736:EWJ736"/>
    <mergeCell ref="EWK736:EWN736"/>
    <mergeCell ref="EWO736:EWR736"/>
    <mergeCell ref="EWS736:EWV736"/>
    <mergeCell ref="FGC736:FGF736"/>
    <mergeCell ref="FGG736:FGJ736"/>
    <mergeCell ref="FGK736:FGN736"/>
    <mergeCell ref="FGO736:FGR736"/>
    <mergeCell ref="FGS736:FGV736"/>
    <mergeCell ref="FFI736:FFL736"/>
    <mergeCell ref="FFM736:FFP736"/>
    <mergeCell ref="FFQ736:FFT736"/>
    <mergeCell ref="FFU736:FFX736"/>
    <mergeCell ref="FFY736:FGB736"/>
    <mergeCell ref="FEO736:FER736"/>
    <mergeCell ref="FES736:FEV736"/>
    <mergeCell ref="FEW736:FEZ736"/>
    <mergeCell ref="FFA736:FFD736"/>
    <mergeCell ref="FFE736:FFH736"/>
    <mergeCell ref="FDU736:FDX736"/>
    <mergeCell ref="FDY736:FEB736"/>
    <mergeCell ref="FEC736:FEF736"/>
    <mergeCell ref="FEG736:FEJ736"/>
    <mergeCell ref="FEK736:FEN736"/>
    <mergeCell ref="FDA736:FDD736"/>
    <mergeCell ref="FDE736:FDH736"/>
    <mergeCell ref="FDI736:FDL736"/>
    <mergeCell ref="FDM736:FDP736"/>
    <mergeCell ref="FDQ736:FDT736"/>
    <mergeCell ref="FCG736:FCJ736"/>
    <mergeCell ref="FCK736:FCN736"/>
    <mergeCell ref="FCO736:FCR736"/>
    <mergeCell ref="FCS736:FCV736"/>
    <mergeCell ref="FCW736:FCZ736"/>
    <mergeCell ref="FBM736:FBP736"/>
    <mergeCell ref="FBQ736:FBT736"/>
    <mergeCell ref="FBU736:FBX736"/>
    <mergeCell ref="FBY736:FCB736"/>
    <mergeCell ref="FCC736:FCF736"/>
    <mergeCell ref="FLM736:FLP736"/>
    <mergeCell ref="FLQ736:FLT736"/>
    <mergeCell ref="FLU736:FLX736"/>
    <mergeCell ref="FLY736:FMB736"/>
    <mergeCell ref="FMC736:FMF736"/>
    <mergeCell ref="FKS736:FKV736"/>
    <mergeCell ref="FKW736:FKZ736"/>
    <mergeCell ref="FLA736:FLD736"/>
    <mergeCell ref="FLE736:FLH736"/>
    <mergeCell ref="FLI736:FLL736"/>
    <mergeCell ref="FJY736:FKB736"/>
    <mergeCell ref="FKC736:FKF736"/>
    <mergeCell ref="FKG736:FKJ736"/>
    <mergeCell ref="FKK736:FKN736"/>
    <mergeCell ref="FKO736:FKR736"/>
    <mergeCell ref="FJE736:FJH736"/>
    <mergeCell ref="FJI736:FJL736"/>
    <mergeCell ref="FJM736:FJP736"/>
    <mergeCell ref="FJQ736:FJT736"/>
    <mergeCell ref="FJU736:FJX736"/>
    <mergeCell ref="FIK736:FIN736"/>
    <mergeCell ref="FIO736:FIR736"/>
    <mergeCell ref="FIS736:FIV736"/>
    <mergeCell ref="FIW736:FIZ736"/>
    <mergeCell ref="FJA736:FJD736"/>
    <mergeCell ref="FHQ736:FHT736"/>
    <mergeCell ref="FHU736:FHX736"/>
    <mergeCell ref="FHY736:FIB736"/>
    <mergeCell ref="FIC736:FIF736"/>
    <mergeCell ref="FIG736:FIJ736"/>
    <mergeCell ref="FGW736:FGZ736"/>
    <mergeCell ref="FHA736:FHD736"/>
    <mergeCell ref="FHE736:FHH736"/>
    <mergeCell ref="FHI736:FHL736"/>
    <mergeCell ref="FHM736:FHP736"/>
    <mergeCell ref="FQW736:FQZ736"/>
    <mergeCell ref="FRA736:FRD736"/>
    <mergeCell ref="FRE736:FRH736"/>
    <mergeCell ref="FRI736:FRL736"/>
    <mergeCell ref="FRM736:FRP736"/>
    <mergeCell ref="FQC736:FQF736"/>
    <mergeCell ref="FQG736:FQJ736"/>
    <mergeCell ref="FQK736:FQN736"/>
    <mergeCell ref="FQO736:FQR736"/>
    <mergeCell ref="FQS736:FQV736"/>
    <mergeCell ref="FPI736:FPL736"/>
    <mergeCell ref="FPM736:FPP736"/>
    <mergeCell ref="FPQ736:FPT736"/>
    <mergeCell ref="FPU736:FPX736"/>
    <mergeCell ref="FPY736:FQB736"/>
    <mergeCell ref="FOO736:FOR736"/>
    <mergeCell ref="FOS736:FOV736"/>
    <mergeCell ref="FOW736:FOZ736"/>
    <mergeCell ref="FPA736:FPD736"/>
    <mergeCell ref="FPE736:FPH736"/>
    <mergeCell ref="FNU736:FNX736"/>
    <mergeCell ref="FNY736:FOB736"/>
    <mergeCell ref="FOC736:FOF736"/>
    <mergeCell ref="FOG736:FOJ736"/>
    <mergeCell ref="FOK736:FON736"/>
    <mergeCell ref="FNA736:FND736"/>
    <mergeCell ref="FNE736:FNH736"/>
    <mergeCell ref="FNI736:FNL736"/>
    <mergeCell ref="FNM736:FNP736"/>
    <mergeCell ref="FNQ736:FNT736"/>
    <mergeCell ref="FMG736:FMJ736"/>
    <mergeCell ref="FMK736:FMN736"/>
    <mergeCell ref="FMO736:FMR736"/>
    <mergeCell ref="FMS736:FMV736"/>
    <mergeCell ref="FMW736:FMZ736"/>
    <mergeCell ref="FWG736:FWJ736"/>
    <mergeCell ref="FWK736:FWN736"/>
    <mergeCell ref="FWO736:FWR736"/>
    <mergeCell ref="FWS736:FWV736"/>
    <mergeCell ref="FWW736:FWZ736"/>
    <mergeCell ref="FVM736:FVP736"/>
    <mergeCell ref="FVQ736:FVT736"/>
    <mergeCell ref="FVU736:FVX736"/>
    <mergeCell ref="FVY736:FWB736"/>
    <mergeCell ref="FWC736:FWF736"/>
    <mergeCell ref="FUS736:FUV736"/>
    <mergeCell ref="FUW736:FUZ736"/>
    <mergeCell ref="FVA736:FVD736"/>
    <mergeCell ref="FVE736:FVH736"/>
    <mergeCell ref="FVI736:FVL736"/>
    <mergeCell ref="FTY736:FUB736"/>
    <mergeCell ref="FUC736:FUF736"/>
    <mergeCell ref="FUG736:FUJ736"/>
    <mergeCell ref="FUK736:FUN736"/>
    <mergeCell ref="FUO736:FUR736"/>
    <mergeCell ref="FTE736:FTH736"/>
    <mergeCell ref="FTI736:FTL736"/>
    <mergeCell ref="FTM736:FTP736"/>
    <mergeCell ref="FTQ736:FTT736"/>
    <mergeCell ref="FTU736:FTX736"/>
    <mergeCell ref="FSK736:FSN736"/>
    <mergeCell ref="FSO736:FSR736"/>
    <mergeCell ref="FSS736:FSV736"/>
    <mergeCell ref="FSW736:FSZ736"/>
    <mergeCell ref="FTA736:FTD736"/>
    <mergeCell ref="FRQ736:FRT736"/>
    <mergeCell ref="FRU736:FRX736"/>
    <mergeCell ref="FRY736:FSB736"/>
    <mergeCell ref="FSC736:FSF736"/>
    <mergeCell ref="FSG736:FSJ736"/>
    <mergeCell ref="GBQ736:GBT736"/>
    <mergeCell ref="GBU736:GBX736"/>
    <mergeCell ref="GBY736:GCB736"/>
    <mergeCell ref="GCC736:GCF736"/>
    <mergeCell ref="GCG736:GCJ736"/>
    <mergeCell ref="GAW736:GAZ736"/>
    <mergeCell ref="GBA736:GBD736"/>
    <mergeCell ref="GBE736:GBH736"/>
    <mergeCell ref="GBI736:GBL736"/>
    <mergeCell ref="GBM736:GBP736"/>
    <mergeCell ref="GAC736:GAF736"/>
    <mergeCell ref="GAG736:GAJ736"/>
    <mergeCell ref="GAK736:GAN736"/>
    <mergeCell ref="GAO736:GAR736"/>
    <mergeCell ref="GAS736:GAV736"/>
    <mergeCell ref="FZI736:FZL736"/>
    <mergeCell ref="FZM736:FZP736"/>
    <mergeCell ref="FZQ736:FZT736"/>
    <mergeCell ref="FZU736:FZX736"/>
    <mergeCell ref="FZY736:GAB736"/>
    <mergeCell ref="FYO736:FYR736"/>
    <mergeCell ref="FYS736:FYV736"/>
    <mergeCell ref="FYW736:FYZ736"/>
    <mergeCell ref="FZA736:FZD736"/>
    <mergeCell ref="FZE736:FZH736"/>
    <mergeCell ref="FXU736:FXX736"/>
    <mergeCell ref="FXY736:FYB736"/>
    <mergeCell ref="FYC736:FYF736"/>
    <mergeCell ref="FYG736:FYJ736"/>
    <mergeCell ref="FYK736:FYN736"/>
    <mergeCell ref="FXA736:FXD736"/>
    <mergeCell ref="FXE736:FXH736"/>
    <mergeCell ref="FXI736:FXL736"/>
    <mergeCell ref="FXM736:FXP736"/>
    <mergeCell ref="FXQ736:FXT736"/>
    <mergeCell ref="GHA736:GHD736"/>
    <mergeCell ref="GHE736:GHH736"/>
    <mergeCell ref="GHI736:GHL736"/>
    <mergeCell ref="GHM736:GHP736"/>
    <mergeCell ref="GHQ736:GHT736"/>
    <mergeCell ref="GGG736:GGJ736"/>
    <mergeCell ref="GGK736:GGN736"/>
    <mergeCell ref="GGO736:GGR736"/>
    <mergeCell ref="GGS736:GGV736"/>
    <mergeCell ref="GGW736:GGZ736"/>
    <mergeCell ref="GFM736:GFP736"/>
    <mergeCell ref="GFQ736:GFT736"/>
    <mergeCell ref="GFU736:GFX736"/>
    <mergeCell ref="GFY736:GGB736"/>
    <mergeCell ref="GGC736:GGF736"/>
    <mergeCell ref="GES736:GEV736"/>
    <mergeCell ref="GEW736:GEZ736"/>
    <mergeCell ref="GFA736:GFD736"/>
    <mergeCell ref="GFE736:GFH736"/>
    <mergeCell ref="GFI736:GFL736"/>
    <mergeCell ref="GDY736:GEB736"/>
    <mergeCell ref="GEC736:GEF736"/>
    <mergeCell ref="GEG736:GEJ736"/>
    <mergeCell ref="GEK736:GEN736"/>
    <mergeCell ref="GEO736:GER736"/>
    <mergeCell ref="GDE736:GDH736"/>
    <mergeCell ref="GDI736:GDL736"/>
    <mergeCell ref="GDM736:GDP736"/>
    <mergeCell ref="GDQ736:GDT736"/>
    <mergeCell ref="GDU736:GDX736"/>
    <mergeCell ref="GCK736:GCN736"/>
    <mergeCell ref="GCO736:GCR736"/>
    <mergeCell ref="GCS736:GCV736"/>
    <mergeCell ref="GCW736:GCZ736"/>
    <mergeCell ref="GDA736:GDD736"/>
    <mergeCell ref="GMK736:GMN736"/>
    <mergeCell ref="GMO736:GMR736"/>
    <mergeCell ref="GMS736:GMV736"/>
    <mergeCell ref="GMW736:GMZ736"/>
    <mergeCell ref="GNA736:GND736"/>
    <mergeCell ref="GLQ736:GLT736"/>
    <mergeCell ref="GLU736:GLX736"/>
    <mergeCell ref="GLY736:GMB736"/>
    <mergeCell ref="GMC736:GMF736"/>
    <mergeCell ref="GMG736:GMJ736"/>
    <mergeCell ref="GKW736:GKZ736"/>
    <mergeCell ref="GLA736:GLD736"/>
    <mergeCell ref="GLE736:GLH736"/>
    <mergeCell ref="GLI736:GLL736"/>
    <mergeCell ref="GLM736:GLP736"/>
    <mergeCell ref="GKC736:GKF736"/>
    <mergeCell ref="GKG736:GKJ736"/>
    <mergeCell ref="GKK736:GKN736"/>
    <mergeCell ref="GKO736:GKR736"/>
    <mergeCell ref="GKS736:GKV736"/>
    <mergeCell ref="GJI736:GJL736"/>
    <mergeCell ref="GJM736:GJP736"/>
    <mergeCell ref="GJQ736:GJT736"/>
    <mergeCell ref="GJU736:GJX736"/>
    <mergeCell ref="GJY736:GKB736"/>
    <mergeCell ref="GIO736:GIR736"/>
    <mergeCell ref="GIS736:GIV736"/>
    <mergeCell ref="GIW736:GIZ736"/>
    <mergeCell ref="GJA736:GJD736"/>
    <mergeCell ref="GJE736:GJH736"/>
    <mergeCell ref="GHU736:GHX736"/>
    <mergeCell ref="GHY736:GIB736"/>
    <mergeCell ref="GIC736:GIF736"/>
    <mergeCell ref="GIG736:GIJ736"/>
    <mergeCell ref="GIK736:GIN736"/>
    <mergeCell ref="GRU736:GRX736"/>
    <mergeCell ref="GRY736:GSB736"/>
    <mergeCell ref="GSC736:GSF736"/>
    <mergeCell ref="GSG736:GSJ736"/>
    <mergeCell ref="GSK736:GSN736"/>
    <mergeCell ref="GRA736:GRD736"/>
    <mergeCell ref="GRE736:GRH736"/>
    <mergeCell ref="GRI736:GRL736"/>
    <mergeCell ref="GRM736:GRP736"/>
    <mergeCell ref="GRQ736:GRT736"/>
    <mergeCell ref="GQG736:GQJ736"/>
    <mergeCell ref="GQK736:GQN736"/>
    <mergeCell ref="GQO736:GQR736"/>
    <mergeCell ref="GQS736:GQV736"/>
    <mergeCell ref="GQW736:GQZ736"/>
    <mergeCell ref="GPM736:GPP736"/>
    <mergeCell ref="GPQ736:GPT736"/>
    <mergeCell ref="GPU736:GPX736"/>
    <mergeCell ref="GPY736:GQB736"/>
    <mergeCell ref="GQC736:GQF736"/>
    <mergeCell ref="GOS736:GOV736"/>
    <mergeCell ref="GOW736:GOZ736"/>
    <mergeCell ref="GPA736:GPD736"/>
    <mergeCell ref="GPE736:GPH736"/>
    <mergeCell ref="GPI736:GPL736"/>
    <mergeCell ref="GNY736:GOB736"/>
    <mergeCell ref="GOC736:GOF736"/>
    <mergeCell ref="GOG736:GOJ736"/>
    <mergeCell ref="GOK736:GON736"/>
    <mergeCell ref="GOO736:GOR736"/>
    <mergeCell ref="GNE736:GNH736"/>
    <mergeCell ref="GNI736:GNL736"/>
    <mergeCell ref="GNM736:GNP736"/>
    <mergeCell ref="GNQ736:GNT736"/>
    <mergeCell ref="GNU736:GNX736"/>
    <mergeCell ref="GXE736:GXH736"/>
    <mergeCell ref="GXI736:GXL736"/>
    <mergeCell ref="GXM736:GXP736"/>
    <mergeCell ref="GXQ736:GXT736"/>
    <mergeCell ref="GXU736:GXX736"/>
    <mergeCell ref="GWK736:GWN736"/>
    <mergeCell ref="GWO736:GWR736"/>
    <mergeCell ref="GWS736:GWV736"/>
    <mergeCell ref="GWW736:GWZ736"/>
    <mergeCell ref="GXA736:GXD736"/>
    <mergeCell ref="GVQ736:GVT736"/>
    <mergeCell ref="GVU736:GVX736"/>
    <mergeCell ref="GVY736:GWB736"/>
    <mergeCell ref="GWC736:GWF736"/>
    <mergeCell ref="GWG736:GWJ736"/>
    <mergeCell ref="GUW736:GUZ736"/>
    <mergeCell ref="GVA736:GVD736"/>
    <mergeCell ref="GVE736:GVH736"/>
    <mergeCell ref="GVI736:GVL736"/>
    <mergeCell ref="GVM736:GVP736"/>
    <mergeCell ref="GUC736:GUF736"/>
    <mergeCell ref="GUG736:GUJ736"/>
    <mergeCell ref="GUK736:GUN736"/>
    <mergeCell ref="GUO736:GUR736"/>
    <mergeCell ref="GUS736:GUV736"/>
    <mergeCell ref="GTI736:GTL736"/>
    <mergeCell ref="GTM736:GTP736"/>
    <mergeCell ref="GTQ736:GTT736"/>
    <mergeCell ref="GTU736:GTX736"/>
    <mergeCell ref="GTY736:GUB736"/>
    <mergeCell ref="GSO736:GSR736"/>
    <mergeCell ref="GSS736:GSV736"/>
    <mergeCell ref="GSW736:GSZ736"/>
    <mergeCell ref="GTA736:GTD736"/>
    <mergeCell ref="GTE736:GTH736"/>
    <mergeCell ref="HCO736:HCR736"/>
    <mergeCell ref="HCS736:HCV736"/>
    <mergeCell ref="HCW736:HCZ736"/>
    <mergeCell ref="HDA736:HDD736"/>
    <mergeCell ref="HDE736:HDH736"/>
    <mergeCell ref="HBU736:HBX736"/>
    <mergeCell ref="HBY736:HCB736"/>
    <mergeCell ref="HCC736:HCF736"/>
    <mergeCell ref="HCG736:HCJ736"/>
    <mergeCell ref="HCK736:HCN736"/>
    <mergeCell ref="HBA736:HBD736"/>
    <mergeCell ref="HBE736:HBH736"/>
    <mergeCell ref="HBI736:HBL736"/>
    <mergeCell ref="HBM736:HBP736"/>
    <mergeCell ref="HBQ736:HBT736"/>
    <mergeCell ref="HAG736:HAJ736"/>
    <mergeCell ref="HAK736:HAN736"/>
    <mergeCell ref="HAO736:HAR736"/>
    <mergeCell ref="HAS736:HAV736"/>
    <mergeCell ref="HAW736:HAZ736"/>
    <mergeCell ref="GZM736:GZP736"/>
    <mergeCell ref="GZQ736:GZT736"/>
    <mergeCell ref="GZU736:GZX736"/>
    <mergeCell ref="GZY736:HAB736"/>
    <mergeCell ref="HAC736:HAF736"/>
    <mergeCell ref="GYS736:GYV736"/>
    <mergeCell ref="GYW736:GYZ736"/>
    <mergeCell ref="GZA736:GZD736"/>
    <mergeCell ref="GZE736:GZH736"/>
    <mergeCell ref="GZI736:GZL736"/>
    <mergeCell ref="GXY736:GYB736"/>
    <mergeCell ref="GYC736:GYF736"/>
    <mergeCell ref="GYG736:GYJ736"/>
    <mergeCell ref="GYK736:GYN736"/>
    <mergeCell ref="GYO736:GYR736"/>
    <mergeCell ref="HHY736:HIB736"/>
    <mergeCell ref="HIC736:HIF736"/>
    <mergeCell ref="HIG736:HIJ736"/>
    <mergeCell ref="HIK736:HIN736"/>
    <mergeCell ref="HIO736:HIR736"/>
    <mergeCell ref="HHE736:HHH736"/>
    <mergeCell ref="HHI736:HHL736"/>
    <mergeCell ref="HHM736:HHP736"/>
    <mergeCell ref="HHQ736:HHT736"/>
    <mergeCell ref="HHU736:HHX736"/>
    <mergeCell ref="HGK736:HGN736"/>
    <mergeCell ref="HGO736:HGR736"/>
    <mergeCell ref="HGS736:HGV736"/>
    <mergeCell ref="HGW736:HGZ736"/>
    <mergeCell ref="HHA736:HHD736"/>
    <mergeCell ref="HFQ736:HFT736"/>
    <mergeCell ref="HFU736:HFX736"/>
    <mergeCell ref="HFY736:HGB736"/>
    <mergeCell ref="HGC736:HGF736"/>
    <mergeCell ref="HGG736:HGJ736"/>
    <mergeCell ref="HEW736:HEZ736"/>
    <mergeCell ref="HFA736:HFD736"/>
    <mergeCell ref="HFE736:HFH736"/>
    <mergeCell ref="HFI736:HFL736"/>
    <mergeCell ref="HFM736:HFP736"/>
    <mergeCell ref="HEC736:HEF736"/>
    <mergeCell ref="HEG736:HEJ736"/>
    <mergeCell ref="HEK736:HEN736"/>
    <mergeCell ref="HEO736:HER736"/>
    <mergeCell ref="HES736:HEV736"/>
    <mergeCell ref="HDI736:HDL736"/>
    <mergeCell ref="HDM736:HDP736"/>
    <mergeCell ref="HDQ736:HDT736"/>
    <mergeCell ref="HDU736:HDX736"/>
    <mergeCell ref="HDY736:HEB736"/>
    <mergeCell ref="HNI736:HNL736"/>
    <mergeCell ref="HNM736:HNP736"/>
    <mergeCell ref="HNQ736:HNT736"/>
    <mergeCell ref="HNU736:HNX736"/>
    <mergeCell ref="HNY736:HOB736"/>
    <mergeCell ref="HMO736:HMR736"/>
    <mergeCell ref="HMS736:HMV736"/>
    <mergeCell ref="HMW736:HMZ736"/>
    <mergeCell ref="HNA736:HND736"/>
    <mergeCell ref="HNE736:HNH736"/>
    <mergeCell ref="HLU736:HLX736"/>
    <mergeCell ref="HLY736:HMB736"/>
    <mergeCell ref="HMC736:HMF736"/>
    <mergeCell ref="HMG736:HMJ736"/>
    <mergeCell ref="HMK736:HMN736"/>
    <mergeCell ref="HLA736:HLD736"/>
    <mergeCell ref="HLE736:HLH736"/>
    <mergeCell ref="HLI736:HLL736"/>
    <mergeCell ref="HLM736:HLP736"/>
    <mergeCell ref="HLQ736:HLT736"/>
    <mergeCell ref="HKG736:HKJ736"/>
    <mergeCell ref="HKK736:HKN736"/>
    <mergeCell ref="HKO736:HKR736"/>
    <mergeCell ref="HKS736:HKV736"/>
    <mergeCell ref="HKW736:HKZ736"/>
    <mergeCell ref="HJM736:HJP736"/>
    <mergeCell ref="HJQ736:HJT736"/>
    <mergeCell ref="HJU736:HJX736"/>
    <mergeCell ref="HJY736:HKB736"/>
    <mergeCell ref="HKC736:HKF736"/>
    <mergeCell ref="HIS736:HIV736"/>
    <mergeCell ref="HIW736:HIZ736"/>
    <mergeCell ref="HJA736:HJD736"/>
    <mergeCell ref="HJE736:HJH736"/>
    <mergeCell ref="HJI736:HJL736"/>
    <mergeCell ref="HSS736:HSV736"/>
    <mergeCell ref="HSW736:HSZ736"/>
    <mergeCell ref="HTA736:HTD736"/>
    <mergeCell ref="HTE736:HTH736"/>
    <mergeCell ref="HTI736:HTL736"/>
    <mergeCell ref="HRY736:HSB736"/>
    <mergeCell ref="HSC736:HSF736"/>
    <mergeCell ref="HSG736:HSJ736"/>
    <mergeCell ref="HSK736:HSN736"/>
    <mergeCell ref="HSO736:HSR736"/>
    <mergeCell ref="HRE736:HRH736"/>
    <mergeCell ref="HRI736:HRL736"/>
    <mergeCell ref="HRM736:HRP736"/>
    <mergeCell ref="HRQ736:HRT736"/>
    <mergeCell ref="HRU736:HRX736"/>
    <mergeCell ref="HQK736:HQN736"/>
    <mergeCell ref="HQO736:HQR736"/>
    <mergeCell ref="HQS736:HQV736"/>
    <mergeCell ref="HQW736:HQZ736"/>
    <mergeCell ref="HRA736:HRD736"/>
    <mergeCell ref="HPQ736:HPT736"/>
    <mergeCell ref="HPU736:HPX736"/>
    <mergeCell ref="HPY736:HQB736"/>
    <mergeCell ref="HQC736:HQF736"/>
    <mergeCell ref="HQG736:HQJ736"/>
    <mergeCell ref="HOW736:HOZ736"/>
    <mergeCell ref="HPA736:HPD736"/>
    <mergeCell ref="HPE736:HPH736"/>
    <mergeCell ref="HPI736:HPL736"/>
    <mergeCell ref="HPM736:HPP736"/>
    <mergeCell ref="HOC736:HOF736"/>
    <mergeCell ref="HOG736:HOJ736"/>
    <mergeCell ref="HOK736:HON736"/>
    <mergeCell ref="HOO736:HOR736"/>
    <mergeCell ref="HOS736:HOV736"/>
    <mergeCell ref="HYC736:HYF736"/>
    <mergeCell ref="HYG736:HYJ736"/>
    <mergeCell ref="HYK736:HYN736"/>
    <mergeCell ref="HYO736:HYR736"/>
    <mergeCell ref="HYS736:HYV736"/>
    <mergeCell ref="HXI736:HXL736"/>
    <mergeCell ref="HXM736:HXP736"/>
    <mergeCell ref="HXQ736:HXT736"/>
    <mergeCell ref="HXU736:HXX736"/>
    <mergeCell ref="HXY736:HYB736"/>
    <mergeCell ref="HWO736:HWR736"/>
    <mergeCell ref="HWS736:HWV736"/>
    <mergeCell ref="HWW736:HWZ736"/>
    <mergeCell ref="HXA736:HXD736"/>
    <mergeCell ref="HXE736:HXH736"/>
    <mergeCell ref="HVU736:HVX736"/>
    <mergeCell ref="HVY736:HWB736"/>
    <mergeCell ref="HWC736:HWF736"/>
    <mergeCell ref="HWG736:HWJ736"/>
    <mergeCell ref="HWK736:HWN736"/>
    <mergeCell ref="HVA736:HVD736"/>
    <mergeCell ref="HVE736:HVH736"/>
    <mergeCell ref="HVI736:HVL736"/>
    <mergeCell ref="HVM736:HVP736"/>
    <mergeCell ref="HVQ736:HVT736"/>
    <mergeCell ref="HUG736:HUJ736"/>
    <mergeCell ref="HUK736:HUN736"/>
    <mergeCell ref="HUO736:HUR736"/>
    <mergeCell ref="HUS736:HUV736"/>
    <mergeCell ref="HUW736:HUZ736"/>
    <mergeCell ref="HTM736:HTP736"/>
    <mergeCell ref="HTQ736:HTT736"/>
    <mergeCell ref="HTU736:HTX736"/>
    <mergeCell ref="HTY736:HUB736"/>
    <mergeCell ref="HUC736:HUF736"/>
    <mergeCell ref="IDM736:IDP736"/>
    <mergeCell ref="IDQ736:IDT736"/>
    <mergeCell ref="IDU736:IDX736"/>
    <mergeCell ref="IDY736:IEB736"/>
    <mergeCell ref="IEC736:IEF736"/>
    <mergeCell ref="ICS736:ICV736"/>
    <mergeCell ref="ICW736:ICZ736"/>
    <mergeCell ref="IDA736:IDD736"/>
    <mergeCell ref="IDE736:IDH736"/>
    <mergeCell ref="IDI736:IDL736"/>
    <mergeCell ref="IBY736:ICB736"/>
    <mergeCell ref="ICC736:ICF736"/>
    <mergeCell ref="ICG736:ICJ736"/>
    <mergeCell ref="ICK736:ICN736"/>
    <mergeCell ref="ICO736:ICR736"/>
    <mergeCell ref="IBE736:IBH736"/>
    <mergeCell ref="IBI736:IBL736"/>
    <mergeCell ref="IBM736:IBP736"/>
    <mergeCell ref="IBQ736:IBT736"/>
    <mergeCell ref="IBU736:IBX736"/>
    <mergeCell ref="IAK736:IAN736"/>
    <mergeCell ref="IAO736:IAR736"/>
    <mergeCell ref="IAS736:IAV736"/>
    <mergeCell ref="IAW736:IAZ736"/>
    <mergeCell ref="IBA736:IBD736"/>
    <mergeCell ref="HZQ736:HZT736"/>
    <mergeCell ref="HZU736:HZX736"/>
    <mergeCell ref="HZY736:IAB736"/>
    <mergeCell ref="IAC736:IAF736"/>
    <mergeCell ref="IAG736:IAJ736"/>
    <mergeCell ref="HYW736:HYZ736"/>
    <mergeCell ref="HZA736:HZD736"/>
    <mergeCell ref="HZE736:HZH736"/>
    <mergeCell ref="HZI736:HZL736"/>
    <mergeCell ref="HZM736:HZP736"/>
    <mergeCell ref="IIW736:IIZ736"/>
    <mergeCell ref="IJA736:IJD736"/>
    <mergeCell ref="IJE736:IJH736"/>
    <mergeCell ref="IJI736:IJL736"/>
    <mergeCell ref="IJM736:IJP736"/>
    <mergeCell ref="IIC736:IIF736"/>
    <mergeCell ref="IIG736:IIJ736"/>
    <mergeCell ref="IIK736:IIN736"/>
    <mergeCell ref="IIO736:IIR736"/>
    <mergeCell ref="IIS736:IIV736"/>
    <mergeCell ref="IHI736:IHL736"/>
    <mergeCell ref="IHM736:IHP736"/>
    <mergeCell ref="IHQ736:IHT736"/>
    <mergeCell ref="IHU736:IHX736"/>
    <mergeCell ref="IHY736:IIB736"/>
    <mergeCell ref="IGO736:IGR736"/>
    <mergeCell ref="IGS736:IGV736"/>
    <mergeCell ref="IGW736:IGZ736"/>
    <mergeCell ref="IHA736:IHD736"/>
    <mergeCell ref="IHE736:IHH736"/>
    <mergeCell ref="IFU736:IFX736"/>
    <mergeCell ref="IFY736:IGB736"/>
    <mergeCell ref="IGC736:IGF736"/>
    <mergeCell ref="IGG736:IGJ736"/>
    <mergeCell ref="IGK736:IGN736"/>
    <mergeCell ref="IFA736:IFD736"/>
    <mergeCell ref="IFE736:IFH736"/>
    <mergeCell ref="IFI736:IFL736"/>
    <mergeCell ref="IFM736:IFP736"/>
    <mergeCell ref="IFQ736:IFT736"/>
    <mergeCell ref="IEG736:IEJ736"/>
    <mergeCell ref="IEK736:IEN736"/>
    <mergeCell ref="IEO736:IER736"/>
    <mergeCell ref="IES736:IEV736"/>
    <mergeCell ref="IEW736:IEZ736"/>
    <mergeCell ref="IOG736:IOJ736"/>
    <mergeCell ref="IOK736:ION736"/>
    <mergeCell ref="IOO736:IOR736"/>
    <mergeCell ref="IOS736:IOV736"/>
    <mergeCell ref="IOW736:IOZ736"/>
    <mergeCell ref="INM736:INP736"/>
    <mergeCell ref="INQ736:INT736"/>
    <mergeCell ref="INU736:INX736"/>
    <mergeCell ref="INY736:IOB736"/>
    <mergeCell ref="IOC736:IOF736"/>
    <mergeCell ref="IMS736:IMV736"/>
    <mergeCell ref="IMW736:IMZ736"/>
    <mergeCell ref="INA736:IND736"/>
    <mergeCell ref="INE736:INH736"/>
    <mergeCell ref="INI736:INL736"/>
    <mergeCell ref="ILY736:IMB736"/>
    <mergeCell ref="IMC736:IMF736"/>
    <mergeCell ref="IMG736:IMJ736"/>
    <mergeCell ref="IMK736:IMN736"/>
    <mergeCell ref="IMO736:IMR736"/>
    <mergeCell ref="ILE736:ILH736"/>
    <mergeCell ref="ILI736:ILL736"/>
    <mergeCell ref="ILM736:ILP736"/>
    <mergeCell ref="ILQ736:ILT736"/>
    <mergeCell ref="ILU736:ILX736"/>
    <mergeCell ref="IKK736:IKN736"/>
    <mergeCell ref="IKO736:IKR736"/>
    <mergeCell ref="IKS736:IKV736"/>
    <mergeCell ref="IKW736:IKZ736"/>
    <mergeCell ref="ILA736:ILD736"/>
    <mergeCell ref="IJQ736:IJT736"/>
    <mergeCell ref="IJU736:IJX736"/>
    <mergeCell ref="IJY736:IKB736"/>
    <mergeCell ref="IKC736:IKF736"/>
    <mergeCell ref="IKG736:IKJ736"/>
    <mergeCell ref="ITQ736:ITT736"/>
    <mergeCell ref="ITU736:ITX736"/>
    <mergeCell ref="ITY736:IUB736"/>
    <mergeCell ref="IUC736:IUF736"/>
    <mergeCell ref="IUG736:IUJ736"/>
    <mergeCell ref="ISW736:ISZ736"/>
    <mergeCell ref="ITA736:ITD736"/>
    <mergeCell ref="ITE736:ITH736"/>
    <mergeCell ref="ITI736:ITL736"/>
    <mergeCell ref="ITM736:ITP736"/>
    <mergeCell ref="ISC736:ISF736"/>
    <mergeCell ref="ISG736:ISJ736"/>
    <mergeCell ref="ISK736:ISN736"/>
    <mergeCell ref="ISO736:ISR736"/>
    <mergeCell ref="ISS736:ISV736"/>
    <mergeCell ref="IRI736:IRL736"/>
    <mergeCell ref="IRM736:IRP736"/>
    <mergeCell ref="IRQ736:IRT736"/>
    <mergeCell ref="IRU736:IRX736"/>
    <mergeCell ref="IRY736:ISB736"/>
    <mergeCell ref="IQO736:IQR736"/>
    <mergeCell ref="IQS736:IQV736"/>
    <mergeCell ref="IQW736:IQZ736"/>
    <mergeCell ref="IRA736:IRD736"/>
    <mergeCell ref="IRE736:IRH736"/>
    <mergeCell ref="IPU736:IPX736"/>
    <mergeCell ref="IPY736:IQB736"/>
    <mergeCell ref="IQC736:IQF736"/>
    <mergeCell ref="IQG736:IQJ736"/>
    <mergeCell ref="IQK736:IQN736"/>
    <mergeCell ref="IPA736:IPD736"/>
    <mergeCell ref="IPE736:IPH736"/>
    <mergeCell ref="IPI736:IPL736"/>
    <mergeCell ref="IPM736:IPP736"/>
    <mergeCell ref="IPQ736:IPT736"/>
    <mergeCell ref="IZA736:IZD736"/>
    <mergeCell ref="IZE736:IZH736"/>
    <mergeCell ref="IZI736:IZL736"/>
    <mergeCell ref="IZM736:IZP736"/>
    <mergeCell ref="IZQ736:IZT736"/>
    <mergeCell ref="IYG736:IYJ736"/>
    <mergeCell ref="IYK736:IYN736"/>
    <mergeCell ref="IYO736:IYR736"/>
    <mergeCell ref="IYS736:IYV736"/>
    <mergeCell ref="IYW736:IYZ736"/>
    <mergeCell ref="IXM736:IXP736"/>
    <mergeCell ref="IXQ736:IXT736"/>
    <mergeCell ref="IXU736:IXX736"/>
    <mergeCell ref="IXY736:IYB736"/>
    <mergeCell ref="IYC736:IYF736"/>
    <mergeCell ref="IWS736:IWV736"/>
    <mergeCell ref="IWW736:IWZ736"/>
    <mergeCell ref="IXA736:IXD736"/>
    <mergeCell ref="IXE736:IXH736"/>
    <mergeCell ref="IXI736:IXL736"/>
    <mergeCell ref="IVY736:IWB736"/>
    <mergeCell ref="IWC736:IWF736"/>
    <mergeCell ref="IWG736:IWJ736"/>
    <mergeCell ref="IWK736:IWN736"/>
    <mergeCell ref="IWO736:IWR736"/>
    <mergeCell ref="IVE736:IVH736"/>
    <mergeCell ref="IVI736:IVL736"/>
    <mergeCell ref="IVM736:IVP736"/>
    <mergeCell ref="IVQ736:IVT736"/>
    <mergeCell ref="IVU736:IVX736"/>
    <mergeCell ref="IUK736:IUN736"/>
    <mergeCell ref="IUO736:IUR736"/>
    <mergeCell ref="IUS736:IUV736"/>
    <mergeCell ref="IUW736:IUZ736"/>
    <mergeCell ref="IVA736:IVD736"/>
    <mergeCell ref="JEK736:JEN736"/>
    <mergeCell ref="JEO736:JER736"/>
    <mergeCell ref="JES736:JEV736"/>
    <mergeCell ref="JEW736:JEZ736"/>
    <mergeCell ref="JFA736:JFD736"/>
    <mergeCell ref="JDQ736:JDT736"/>
    <mergeCell ref="JDU736:JDX736"/>
    <mergeCell ref="JDY736:JEB736"/>
    <mergeCell ref="JEC736:JEF736"/>
    <mergeCell ref="JEG736:JEJ736"/>
    <mergeCell ref="JCW736:JCZ736"/>
    <mergeCell ref="JDA736:JDD736"/>
    <mergeCell ref="JDE736:JDH736"/>
    <mergeCell ref="JDI736:JDL736"/>
    <mergeCell ref="JDM736:JDP736"/>
    <mergeCell ref="JCC736:JCF736"/>
    <mergeCell ref="JCG736:JCJ736"/>
    <mergeCell ref="JCK736:JCN736"/>
    <mergeCell ref="JCO736:JCR736"/>
    <mergeCell ref="JCS736:JCV736"/>
    <mergeCell ref="JBI736:JBL736"/>
    <mergeCell ref="JBM736:JBP736"/>
    <mergeCell ref="JBQ736:JBT736"/>
    <mergeCell ref="JBU736:JBX736"/>
    <mergeCell ref="JBY736:JCB736"/>
    <mergeCell ref="JAO736:JAR736"/>
    <mergeCell ref="JAS736:JAV736"/>
    <mergeCell ref="JAW736:JAZ736"/>
    <mergeCell ref="JBA736:JBD736"/>
    <mergeCell ref="JBE736:JBH736"/>
    <mergeCell ref="IZU736:IZX736"/>
    <mergeCell ref="IZY736:JAB736"/>
    <mergeCell ref="JAC736:JAF736"/>
    <mergeCell ref="JAG736:JAJ736"/>
    <mergeCell ref="JAK736:JAN736"/>
    <mergeCell ref="JJU736:JJX736"/>
    <mergeCell ref="JJY736:JKB736"/>
    <mergeCell ref="JKC736:JKF736"/>
    <mergeCell ref="JKG736:JKJ736"/>
    <mergeCell ref="JKK736:JKN736"/>
    <mergeCell ref="JJA736:JJD736"/>
    <mergeCell ref="JJE736:JJH736"/>
    <mergeCell ref="JJI736:JJL736"/>
    <mergeCell ref="JJM736:JJP736"/>
    <mergeCell ref="JJQ736:JJT736"/>
    <mergeCell ref="JIG736:JIJ736"/>
    <mergeCell ref="JIK736:JIN736"/>
    <mergeCell ref="JIO736:JIR736"/>
    <mergeCell ref="JIS736:JIV736"/>
    <mergeCell ref="JIW736:JIZ736"/>
    <mergeCell ref="JHM736:JHP736"/>
    <mergeCell ref="JHQ736:JHT736"/>
    <mergeCell ref="JHU736:JHX736"/>
    <mergeCell ref="JHY736:JIB736"/>
    <mergeCell ref="JIC736:JIF736"/>
    <mergeCell ref="JGS736:JGV736"/>
    <mergeCell ref="JGW736:JGZ736"/>
    <mergeCell ref="JHA736:JHD736"/>
    <mergeCell ref="JHE736:JHH736"/>
    <mergeCell ref="JHI736:JHL736"/>
    <mergeCell ref="JFY736:JGB736"/>
    <mergeCell ref="JGC736:JGF736"/>
    <mergeCell ref="JGG736:JGJ736"/>
    <mergeCell ref="JGK736:JGN736"/>
    <mergeCell ref="JGO736:JGR736"/>
    <mergeCell ref="JFE736:JFH736"/>
    <mergeCell ref="JFI736:JFL736"/>
    <mergeCell ref="JFM736:JFP736"/>
    <mergeCell ref="JFQ736:JFT736"/>
    <mergeCell ref="JFU736:JFX736"/>
    <mergeCell ref="JPE736:JPH736"/>
    <mergeCell ref="JPI736:JPL736"/>
    <mergeCell ref="JPM736:JPP736"/>
    <mergeCell ref="JPQ736:JPT736"/>
    <mergeCell ref="JPU736:JPX736"/>
    <mergeCell ref="JOK736:JON736"/>
    <mergeCell ref="JOO736:JOR736"/>
    <mergeCell ref="JOS736:JOV736"/>
    <mergeCell ref="JOW736:JOZ736"/>
    <mergeCell ref="JPA736:JPD736"/>
    <mergeCell ref="JNQ736:JNT736"/>
    <mergeCell ref="JNU736:JNX736"/>
    <mergeCell ref="JNY736:JOB736"/>
    <mergeCell ref="JOC736:JOF736"/>
    <mergeCell ref="JOG736:JOJ736"/>
    <mergeCell ref="JMW736:JMZ736"/>
    <mergeCell ref="JNA736:JND736"/>
    <mergeCell ref="JNE736:JNH736"/>
    <mergeCell ref="JNI736:JNL736"/>
    <mergeCell ref="JNM736:JNP736"/>
    <mergeCell ref="JMC736:JMF736"/>
    <mergeCell ref="JMG736:JMJ736"/>
    <mergeCell ref="JMK736:JMN736"/>
    <mergeCell ref="JMO736:JMR736"/>
    <mergeCell ref="JMS736:JMV736"/>
    <mergeCell ref="JLI736:JLL736"/>
    <mergeCell ref="JLM736:JLP736"/>
    <mergeCell ref="JLQ736:JLT736"/>
    <mergeCell ref="JLU736:JLX736"/>
    <mergeCell ref="JLY736:JMB736"/>
    <mergeCell ref="JKO736:JKR736"/>
    <mergeCell ref="JKS736:JKV736"/>
    <mergeCell ref="JKW736:JKZ736"/>
    <mergeCell ref="JLA736:JLD736"/>
    <mergeCell ref="JLE736:JLH736"/>
    <mergeCell ref="JUO736:JUR736"/>
    <mergeCell ref="JUS736:JUV736"/>
    <mergeCell ref="JUW736:JUZ736"/>
    <mergeCell ref="JVA736:JVD736"/>
    <mergeCell ref="JVE736:JVH736"/>
    <mergeCell ref="JTU736:JTX736"/>
    <mergeCell ref="JTY736:JUB736"/>
    <mergeCell ref="JUC736:JUF736"/>
    <mergeCell ref="JUG736:JUJ736"/>
    <mergeCell ref="JUK736:JUN736"/>
    <mergeCell ref="JTA736:JTD736"/>
    <mergeCell ref="JTE736:JTH736"/>
    <mergeCell ref="JTI736:JTL736"/>
    <mergeCell ref="JTM736:JTP736"/>
    <mergeCell ref="JTQ736:JTT736"/>
    <mergeCell ref="JSG736:JSJ736"/>
    <mergeCell ref="JSK736:JSN736"/>
    <mergeCell ref="JSO736:JSR736"/>
    <mergeCell ref="JSS736:JSV736"/>
    <mergeCell ref="JSW736:JSZ736"/>
    <mergeCell ref="JRM736:JRP736"/>
    <mergeCell ref="JRQ736:JRT736"/>
    <mergeCell ref="JRU736:JRX736"/>
    <mergeCell ref="JRY736:JSB736"/>
    <mergeCell ref="JSC736:JSF736"/>
    <mergeCell ref="JQS736:JQV736"/>
    <mergeCell ref="JQW736:JQZ736"/>
    <mergeCell ref="JRA736:JRD736"/>
    <mergeCell ref="JRE736:JRH736"/>
    <mergeCell ref="JRI736:JRL736"/>
    <mergeCell ref="JPY736:JQB736"/>
    <mergeCell ref="JQC736:JQF736"/>
    <mergeCell ref="JQG736:JQJ736"/>
    <mergeCell ref="JQK736:JQN736"/>
    <mergeCell ref="JQO736:JQR736"/>
    <mergeCell ref="JZY736:KAB736"/>
    <mergeCell ref="KAC736:KAF736"/>
    <mergeCell ref="KAG736:KAJ736"/>
    <mergeCell ref="KAK736:KAN736"/>
    <mergeCell ref="KAO736:KAR736"/>
    <mergeCell ref="JZE736:JZH736"/>
    <mergeCell ref="JZI736:JZL736"/>
    <mergeCell ref="JZM736:JZP736"/>
    <mergeCell ref="JZQ736:JZT736"/>
    <mergeCell ref="JZU736:JZX736"/>
    <mergeCell ref="JYK736:JYN736"/>
    <mergeCell ref="JYO736:JYR736"/>
    <mergeCell ref="JYS736:JYV736"/>
    <mergeCell ref="JYW736:JYZ736"/>
    <mergeCell ref="JZA736:JZD736"/>
    <mergeCell ref="JXQ736:JXT736"/>
    <mergeCell ref="JXU736:JXX736"/>
    <mergeCell ref="JXY736:JYB736"/>
    <mergeCell ref="JYC736:JYF736"/>
    <mergeCell ref="JYG736:JYJ736"/>
    <mergeCell ref="JWW736:JWZ736"/>
    <mergeCell ref="JXA736:JXD736"/>
    <mergeCell ref="JXE736:JXH736"/>
    <mergeCell ref="JXI736:JXL736"/>
    <mergeCell ref="JXM736:JXP736"/>
    <mergeCell ref="JWC736:JWF736"/>
    <mergeCell ref="JWG736:JWJ736"/>
    <mergeCell ref="JWK736:JWN736"/>
    <mergeCell ref="JWO736:JWR736"/>
    <mergeCell ref="JWS736:JWV736"/>
    <mergeCell ref="JVI736:JVL736"/>
    <mergeCell ref="JVM736:JVP736"/>
    <mergeCell ref="JVQ736:JVT736"/>
    <mergeCell ref="JVU736:JVX736"/>
    <mergeCell ref="JVY736:JWB736"/>
    <mergeCell ref="KFI736:KFL736"/>
    <mergeCell ref="KFM736:KFP736"/>
    <mergeCell ref="KFQ736:KFT736"/>
    <mergeCell ref="KFU736:KFX736"/>
    <mergeCell ref="KFY736:KGB736"/>
    <mergeCell ref="KEO736:KER736"/>
    <mergeCell ref="KES736:KEV736"/>
    <mergeCell ref="KEW736:KEZ736"/>
    <mergeCell ref="KFA736:KFD736"/>
    <mergeCell ref="KFE736:KFH736"/>
    <mergeCell ref="KDU736:KDX736"/>
    <mergeCell ref="KDY736:KEB736"/>
    <mergeCell ref="KEC736:KEF736"/>
    <mergeCell ref="KEG736:KEJ736"/>
    <mergeCell ref="KEK736:KEN736"/>
    <mergeCell ref="KDA736:KDD736"/>
    <mergeCell ref="KDE736:KDH736"/>
    <mergeCell ref="KDI736:KDL736"/>
    <mergeCell ref="KDM736:KDP736"/>
    <mergeCell ref="KDQ736:KDT736"/>
    <mergeCell ref="KCG736:KCJ736"/>
    <mergeCell ref="KCK736:KCN736"/>
    <mergeCell ref="KCO736:KCR736"/>
    <mergeCell ref="KCS736:KCV736"/>
    <mergeCell ref="KCW736:KCZ736"/>
    <mergeCell ref="KBM736:KBP736"/>
    <mergeCell ref="KBQ736:KBT736"/>
    <mergeCell ref="KBU736:KBX736"/>
    <mergeCell ref="KBY736:KCB736"/>
    <mergeCell ref="KCC736:KCF736"/>
    <mergeCell ref="KAS736:KAV736"/>
    <mergeCell ref="KAW736:KAZ736"/>
    <mergeCell ref="KBA736:KBD736"/>
    <mergeCell ref="KBE736:KBH736"/>
    <mergeCell ref="KBI736:KBL736"/>
    <mergeCell ref="KKS736:KKV736"/>
    <mergeCell ref="KKW736:KKZ736"/>
    <mergeCell ref="KLA736:KLD736"/>
    <mergeCell ref="KLE736:KLH736"/>
    <mergeCell ref="KLI736:KLL736"/>
    <mergeCell ref="KJY736:KKB736"/>
    <mergeCell ref="KKC736:KKF736"/>
    <mergeCell ref="KKG736:KKJ736"/>
    <mergeCell ref="KKK736:KKN736"/>
    <mergeCell ref="KKO736:KKR736"/>
    <mergeCell ref="KJE736:KJH736"/>
    <mergeCell ref="KJI736:KJL736"/>
    <mergeCell ref="KJM736:KJP736"/>
    <mergeCell ref="KJQ736:KJT736"/>
    <mergeCell ref="KJU736:KJX736"/>
    <mergeCell ref="KIK736:KIN736"/>
    <mergeCell ref="KIO736:KIR736"/>
    <mergeCell ref="KIS736:KIV736"/>
    <mergeCell ref="KIW736:KIZ736"/>
    <mergeCell ref="KJA736:KJD736"/>
    <mergeCell ref="KHQ736:KHT736"/>
    <mergeCell ref="KHU736:KHX736"/>
    <mergeCell ref="KHY736:KIB736"/>
    <mergeCell ref="KIC736:KIF736"/>
    <mergeCell ref="KIG736:KIJ736"/>
    <mergeCell ref="KGW736:KGZ736"/>
    <mergeCell ref="KHA736:KHD736"/>
    <mergeCell ref="KHE736:KHH736"/>
    <mergeCell ref="KHI736:KHL736"/>
    <mergeCell ref="KHM736:KHP736"/>
    <mergeCell ref="KGC736:KGF736"/>
    <mergeCell ref="KGG736:KGJ736"/>
    <mergeCell ref="KGK736:KGN736"/>
    <mergeCell ref="KGO736:KGR736"/>
    <mergeCell ref="KGS736:KGV736"/>
    <mergeCell ref="KQC736:KQF736"/>
    <mergeCell ref="KQG736:KQJ736"/>
    <mergeCell ref="KQK736:KQN736"/>
    <mergeCell ref="KQO736:KQR736"/>
    <mergeCell ref="KQS736:KQV736"/>
    <mergeCell ref="KPI736:KPL736"/>
    <mergeCell ref="KPM736:KPP736"/>
    <mergeCell ref="KPQ736:KPT736"/>
    <mergeCell ref="KPU736:KPX736"/>
    <mergeCell ref="KPY736:KQB736"/>
    <mergeCell ref="KOO736:KOR736"/>
    <mergeCell ref="KOS736:KOV736"/>
    <mergeCell ref="KOW736:KOZ736"/>
    <mergeCell ref="KPA736:KPD736"/>
    <mergeCell ref="KPE736:KPH736"/>
    <mergeCell ref="KNU736:KNX736"/>
    <mergeCell ref="KNY736:KOB736"/>
    <mergeCell ref="KOC736:KOF736"/>
    <mergeCell ref="KOG736:KOJ736"/>
    <mergeCell ref="KOK736:KON736"/>
    <mergeCell ref="KNA736:KND736"/>
    <mergeCell ref="KNE736:KNH736"/>
    <mergeCell ref="KNI736:KNL736"/>
    <mergeCell ref="KNM736:KNP736"/>
    <mergeCell ref="KNQ736:KNT736"/>
    <mergeCell ref="KMG736:KMJ736"/>
    <mergeCell ref="KMK736:KMN736"/>
    <mergeCell ref="KMO736:KMR736"/>
    <mergeCell ref="KMS736:KMV736"/>
    <mergeCell ref="KMW736:KMZ736"/>
    <mergeCell ref="KLM736:KLP736"/>
    <mergeCell ref="KLQ736:KLT736"/>
    <mergeCell ref="KLU736:KLX736"/>
    <mergeCell ref="KLY736:KMB736"/>
    <mergeCell ref="KMC736:KMF736"/>
    <mergeCell ref="KVM736:KVP736"/>
    <mergeCell ref="KVQ736:KVT736"/>
    <mergeCell ref="KVU736:KVX736"/>
    <mergeCell ref="KVY736:KWB736"/>
    <mergeCell ref="KWC736:KWF736"/>
    <mergeCell ref="KUS736:KUV736"/>
    <mergeCell ref="KUW736:KUZ736"/>
    <mergeCell ref="KVA736:KVD736"/>
    <mergeCell ref="KVE736:KVH736"/>
    <mergeCell ref="KVI736:KVL736"/>
    <mergeCell ref="KTY736:KUB736"/>
    <mergeCell ref="KUC736:KUF736"/>
    <mergeCell ref="KUG736:KUJ736"/>
    <mergeCell ref="KUK736:KUN736"/>
    <mergeCell ref="KUO736:KUR736"/>
    <mergeCell ref="KTE736:KTH736"/>
    <mergeCell ref="KTI736:KTL736"/>
    <mergeCell ref="KTM736:KTP736"/>
    <mergeCell ref="KTQ736:KTT736"/>
    <mergeCell ref="KTU736:KTX736"/>
    <mergeCell ref="KSK736:KSN736"/>
    <mergeCell ref="KSO736:KSR736"/>
    <mergeCell ref="KSS736:KSV736"/>
    <mergeCell ref="KSW736:KSZ736"/>
    <mergeCell ref="KTA736:KTD736"/>
    <mergeCell ref="KRQ736:KRT736"/>
    <mergeCell ref="KRU736:KRX736"/>
    <mergeCell ref="KRY736:KSB736"/>
    <mergeCell ref="KSC736:KSF736"/>
    <mergeCell ref="KSG736:KSJ736"/>
    <mergeCell ref="KQW736:KQZ736"/>
    <mergeCell ref="KRA736:KRD736"/>
    <mergeCell ref="KRE736:KRH736"/>
    <mergeCell ref="KRI736:KRL736"/>
    <mergeCell ref="KRM736:KRP736"/>
    <mergeCell ref="LAW736:LAZ736"/>
    <mergeCell ref="LBA736:LBD736"/>
    <mergeCell ref="LBE736:LBH736"/>
    <mergeCell ref="LBI736:LBL736"/>
    <mergeCell ref="LBM736:LBP736"/>
    <mergeCell ref="LAC736:LAF736"/>
    <mergeCell ref="LAG736:LAJ736"/>
    <mergeCell ref="LAK736:LAN736"/>
    <mergeCell ref="LAO736:LAR736"/>
    <mergeCell ref="LAS736:LAV736"/>
    <mergeCell ref="KZI736:KZL736"/>
    <mergeCell ref="KZM736:KZP736"/>
    <mergeCell ref="KZQ736:KZT736"/>
    <mergeCell ref="KZU736:KZX736"/>
    <mergeCell ref="KZY736:LAB736"/>
    <mergeCell ref="KYO736:KYR736"/>
    <mergeCell ref="KYS736:KYV736"/>
    <mergeCell ref="KYW736:KYZ736"/>
    <mergeCell ref="KZA736:KZD736"/>
    <mergeCell ref="KZE736:KZH736"/>
    <mergeCell ref="KXU736:KXX736"/>
    <mergeCell ref="KXY736:KYB736"/>
    <mergeCell ref="KYC736:KYF736"/>
    <mergeCell ref="KYG736:KYJ736"/>
    <mergeCell ref="KYK736:KYN736"/>
    <mergeCell ref="KXA736:KXD736"/>
    <mergeCell ref="KXE736:KXH736"/>
    <mergeCell ref="KXI736:KXL736"/>
    <mergeCell ref="KXM736:KXP736"/>
    <mergeCell ref="KXQ736:KXT736"/>
    <mergeCell ref="KWG736:KWJ736"/>
    <mergeCell ref="KWK736:KWN736"/>
    <mergeCell ref="KWO736:KWR736"/>
    <mergeCell ref="KWS736:KWV736"/>
    <mergeCell ref="KWW736:KWZ736"/>
    <mergeCell ref="LGG736:LGJ736"/>
    <mergeCell ref="LGK736:LGN736"/>
    <mergeCell ref="LGO736:LGR736"/>
    <mergeCell ref="LGS736:LGV736"/>
    <mergeCell ref="LGW736:LGZ736"/>
    <mergeCell ref="LFM736:LFP736"/>
    <mergeCell ref="LFQ736:LFT736"/>
    <mergeCell ref="LFU736:LFX736"/>
    <mergeCell ref="LFY736:LGB736"/>
    <mergeCell ref="LGC736:LGF736"/>
    <mergeCell ref="LES736:LEV736"/>
    <mergeCell ref="LEW736:LEZ736"/>
    <mergeCell ref="LFA736:LFD736"/>
    <mergeCell ref="LFE736:LFH736"/>
    <mergeCell ref="LFI736:LFL736"/>
    <mergeCell ref="LDY736:LEB736"/>
    <mergeCell ref="LEC736:LEF736"/>
    <mergeCell ref="LEG736:LEJ736"/>
    <mergeCell ref="LEK736:LEN736"/>
    <mergeCell ref="LEO736:LER736"/>
    <mergeCell ref="LDE736:LDH736"/>
    <mergeCell ref="LDI736:LDL736"/>
    <mergeCell ref="LDM736:LDP736"/>
    <mergeCell ref="LDQ736:LDT736"/>
    <mergeCell ref="LDU736:LDX736"/>
    <mergeCell ref="LCK736:LCN736"/>
    <mergeCell ref="LCO736:LCR736"/>
    <mergeCell ref="LCS736:LCV736"/>
    <mergeCell ref="LCW736:LCZ736"/>
    <mergeCell ref="LDA736:LDD736"/>
    <mergeCell ref="LBQ736:LBT736"/>
    <mergeCell ref="LBU736:LBX736"/>
    <mergeCell ref="LBY736:LCB736"/>
    <mergeCell ref="LCC736:LCF736"/>
    <mergeCell ref="LCG736:LCJ736"/>
    <mergeCell ref="LLQ736:LLT736"/>
    <mergeCell ref="LLU736:LLX736"/>
    <mergeCell ref="LLY736:LMB736"/>
    <mergeCell ref="LMC736:LMF736"/>
    <mergeCell ref="LMG736:LMJ736"/>
    <mergeCell ref="LKW736:LKZ736"/>
    <mergeCell ref="LLA736:LLD736"/>
    <mergeCell ref="LLE736:LLH736"/>
    <mergeCell ref="LLI736:LLL736"/>
    <mergeCell ref="LLM736:LLP736"/>
    <mergeCell ref="LKC736:LKF736"/>
    <mergeCell ref="LKG736:LKJ736"/>
    <mergeCell ref="LKK736:LKN736"/>
    <mergeCell ref="LKO736:LKR736"/>
    <mergeCell ref="LKS736:LKV736"/>
    <mergeCell ref="LJI736:LJL736"/>
    <mergeCell ref="LJM736:LJP736"/>
    <mergeCell ref="LJQ736:LJT736"/>
    <mergeCell ref="LJU736:LJX736"/>
    <mergeCell ref="LJY736:LKB736"/>
    <mergeCell ref="LIO736:LIR736"/>
    <mergeCell ref="LIS736:LIV736"/>
    <mergeCell ref="LIW736:LIZ736"/>
    <mergeCell ref="LJA736:LJD736"/>
    <mergeCell ref="LJE736:LJH736"/>
    <mergeCell ref="LHU736:LHX736"/>
    <mergeCell ref="LHY736:LIB736"/>
    <mergeCell ref="LIC736:LIF736"/>
    <mergeCell ref="LIG736:LIJ736"/>
    <mergeCell ref="LIK736:LIN736"/>
    <mergeCell ref="LHA736:LHD736"/>
    <mergeCell ref="LHE736:LHH736"/>
    <mergeCell ref="LHI736:LHL736"/>
    <mergeCell ref="LHM736:LHP736"/>
    <mergeCell ref="LHQ736:LHT736"/>
    <mergeCell ref="LRA736:LRD736"/>
    <mergeCell ref="LRE736:LRH736"/>
    <mergeCell ref="LRI736:LRL736"/>
    <mergeCell ref="LRM736:LRP736"/>
    <mergeCell ref="LRQ736:LRT736"/>
    <mergeCell ref="LQG736:LQJ736"/>
    <mergeCell ref="LQK736:LQN736"/>
    <mergeCell ref="LQO736:LQR736"/>
    <mergeCell ref="LQS736:LQV736"/>
    <mergeCell ref="LQW736:LQZ736"/>
    <mergeCell ref="LPM736:LPP736"/>
    <mergeCell ref="LPQ736:LPT736"/>
    <mergeCell ref="LPU736:LPX736"/>
    <mergeCell ref="LPY736:LQB736"/>
    <mergeCell ref="LQC736:LQF736"/>
    <mergeCell ref="LOS736:LOV736"/>
    <mergeCell ref="LOW736:LOZ736"/>
    <mergeCell ref="LPA736:LPD736"/>
    <mergeCell ref="LPE736:LPH736"/>
    <mergeCell ref="LPI736:LPL736"/>
    <mergeCell ref="LNY736:LOB736"/>
    <mergeCell ref="LOC736:LOF736"/>
    <mergeCell ref="LOG736:LOJ736"/>
    <mergeCell ref="LOK736:LON736"/>
    <mergeCell ref="LOO736:LOR736"/>
    <mergeCell ref="LNE736:LNH736"/>
    <mergeCell ref="LNI736:LNL736"/>
    <mergeCell ref="LNM736:LNP736"/>
    <mergeCell ref="LNQ736:LNT736"/>
    <mergeCell ref="LNU736:LNX736"/>
    <mergeCell ref="LMK736:LMN736"/>
    <mergeCell ref="LMO736:LMR736"/>
    <mergeCell ref="LMS736:LMV736"/>
    <mergeCell ref="LMW736:LMZ736"/>
    <mergeCell ref="LNA736:LND736"/>
    <mergeCell ref="LWK736:LWN736"/>
    <mergeCell ref="LWO736:LWR736"/>
    <mergeCell ref="LWS736:LWV736"/>
    <mergeCell ref="LWW736:LWZ736"/>
    <mergeCell ref="LXA736:LXD736"/>
    <mergeCell ref="LVQ736:LVT736"/>
    <mergeCell ref="LVU736:LVX736"/>
    <mergeCell ref="LVY736:LWB736"/>
    <mergeCell ref="LWC736:LWF736"/>
    <mergeCell ref="LWG736:LWJ736"/>
    <mergeCell ref="LUW736:LUZ736"/>
    <mergeCell ref="LVA736:LVD736"/>
    <mergeCell ref="LVE736:LVH736"/>
    <mergeCell ref="LVI736:LVL736"/>
    <mergeCell ref="LVM736:LVP736"/>
    <mergeCell ref="LUC736:LUF736"/>
    <mergeCell ref="LUG736:LUJ736"/>
    <mergeCell ref="LUK736:LUN736"/>
    <mergeCell ref="LUO736:LUR736"/>
    <mergeCell ref="LUS736:LUV736"/>
    <mergeCell ref="LTI736:LTL736"/>
    <mergeCell ref="LTM736:LTP736"/>
    <mergeCell ref="LTQ736:LTT736"/>
    <mergeCell ref="LTU736:LTX736"/>
    <mergeCell ref="LTY736:LUB736"/>
    <mergeCell ref="LSO736:LSR736"/>
    <mergeCell ref="LSS736:LSV736"/>
    <mergeCell ref="LSW736:LSZ736"/>
    <mergeCell ref="LTA736:LTD736"/>
    <mergeCell ref="LTE736:LTH736"/>
    <mergeCell ref="LRU736:LRX736"/>
    <mergeCell ref="LRY736:LSB736"/>
    <mergeCell ref="LSC736:LSF736"/>
    <mergeCell ref="LSG736:LSJ736"/>
    <mergeCell ref="LSK736:LSN736"/>
    <mergeCell ref="MBU736:MBX736"/>
    <mergeCell ref="MBY736:MCB736"/>
    <mergeCell ref="MCC736:MCF736"/>
    <mergeCell ref="MCG736:MCJ736"/>
    <mergeCell ref="MCK736:MCN736"/>
    <mergeCell ref="MBA736:MBD736"/>
    <mergeCell ref="MBE736:MBH736"/>
    <mergeCell ref="MBI736:MBL736"/>
    <mergeCell ref="MBM736:MBP736"/>
    <mergeCell ref="MBQ736:MBT736"/>
    <mergeCell ref="MAG736:MAJ736"/>
    <mergeCell ref="MAK736:MAN736"/>
    <mergeCell ref="MAO736:MAR736"/>
    <mergeCell ref="MAS736:MAV736"/>
    <mergeCell ref="MAW736:MAZ736"/>
    <mergeCell ref="LZM736:LZP736"/>
    <mergeCell ref="LZQ736:LZT736"/>
    <mergeCell ref="LZU736:LZX736"/>
    <mergeCell ref="LZY736:MAB736"/>
    <mergeCell ref="MAC736:MAF736"/>
    <mergeCell ref="LYS736:LYV736"/>
    <mergeCell ref="LYW736:LYZ736"/>
    <mergeCell ref="LZA736:LZD736"/>
    <mergeCell ref="LZE736:LZH736"/>
    <mergeCell ref="LZI736:LZL736"/>
    <mergeCell ref="LXY736:LYB736"/>
    <mergeCell ref="LYC736:LYF736"/>
    <mergeCell ref="LYG736:LYJ736"/>
    <mergeCell ref="LYK736:LYN736"/>
    <mergeCell ref="LYO736:LYR736"/>
    <mergeCell ref="LXE736:LXH736"/>
    <mergeCell ref="LXI736:LXL736"/>
    <mergeCell ref="LXM736:LXP736"/>
    <mergeCell ref="LXQ736:LXT736"/>
    <mergeCell ref="LXU736:LXX736"/>
    <mergeCell ref="MHE736:MHH736"/>
    <mergeCell ref="MHI736:MHL736"/>
    <mergeCell ref="MHM736:MHP736"/>
    <mergeCell ref="MHQ736:MHT736"/>
    <mergeCell ref="MHU736:MHX736"/>
    <mergeCell ref="MGK736:MGN736"/>
    <mergeCell ref="MGO736:MGR736"/>
    <mergeCell ref="MGS736:MGV736"/>
    <mergeCell ref="MGW736:MGZ736"/>
    <mergeCell ref="MHA736:MHD736"/>
    <mergeCell ref="MFQ736:MFT736"/>
    <mergeCell ref="MFU736:MFX736"/>
    <mergeCell ref="MFY736:MGB736"/>
    <mergeCell ref="MGC736:MGF736"/>
    <mergeCell ref="MGG736:MGJ736"/>
    <mergeCell ref="MEW736:MEZ736"/>
    <mergeCell ref="MFA736:MFD736"/>
    <mergeCell ref="MFE736:MFH736"/>
    <mergeCell ref="MFI736:MFL736"/>
    <mergeCell ref="MFM736:MFP736"/>
    <mergeCell ref="MEC736:MEF736"/>
    <mergeCell ref="MEG736:MEJ736"/>
    <mergeCell ref="MEK736:MEN736"/>
    <mergeCell ref="MEO736:MER736"/>
    <mergeCell ref="MES736:MEV736"/>
    <mergeCell ref="MDI736:MDL736"/>
    <mergeCell ref="MDM736:MDP736"/>
    <mergeCell ref="MDQ736:MDT736"/>
    <mergeCell ref="MDU736:MDX736"/>
    <mergeCell ref="MDY736:MEB736"/>
    <mergeCell ref="MCO736:MCR736"/>
    <mergeCell ref="MCS736:MCV736"/>
    <mergeCell ref="MCW736:MCZ736"/>
    <mergeCell ref="MDA736:MDD736"/>
    <mergeCell ref="MDE736:MDH736"/>
    <mergeCell ref="MMO736:MMR736"/>
    <mergeCell ref="MMS736:MMV736"/>
    <mergeCell ref="MMW736:MMZ736"/>
    <mergeCell ref="MNA736:MND736"/>
    <mergeCell ref="MNE736:MNH736"/>
    <mergeCell ref="MLU736:MLX736"/>
    <mergeCell ref="MLY736:MMB736"/>
    <mergeCell ref="MMC736:MMF736"/>
    <mergeCell ref="MMG736:MMJ736"/>
    <mergeCell ref="MMK736:MMN736"/>
    <mergeCell ref="MLA736:MLD736"/>
    <mergeCell ref="MLE736:MLH736"/>
    <mergeCell ref="MLI736:MLL736"/>
    <mergeCell ref="MLM736:MLP736"/>
    <mergeCell ref="MLQ736:MLT736"/>
    <mergeCell ref="MKG736:MKJ736"/>
    <mergeCell ref="MKK736:MKN736"/>
    <mergeCell ref="MKO736:MKR736"/>
    <mergeCell ref="MKS736:MKV736"/>
    <mergeCell ref="MKW736:MKZ736"/>
    <mergeCell ref="MJM736:MJP736"/>
    <mergeCell ref="MJQ736:MJT736"/>
    <mergeCell ref="MJU736:MJX736"/>
    <mergeCell ref="MJY736:MKB736"/>
    <mergeCell ref="MKC736:MKF736"/>
    <mergeCell ref="MIS736:MIV736"/>
    <mergeCell ref="MIW736:MIZ736"/>
    <mergeCell ref="MJA736:MJD736"/>
    <mergeCell ref="MJE736:MJH736"/>
    <mergeCell ref="MJI736:MJL736"/>
    <mergeCell ref="MHY736:MIB736"/>
    <mergeCell ref="MIC736:MIF736"/>
    <mergeCell ref="MIG736:MIJ736"/>
    <mergeCell ref="MIK736:MIN736"/>
    <mergeCell ref="MIO736:MIR736"/>
    <mergeCell ref="MRY736:MSB736"/>
    <mergeCell ref="MSC736:MSF736"/>
    <mergeCell ref="MSG736:MSJ736"/>
    <mergeCell ref="MSK736:MSN736"/>
    <mergeCell ref="MSO736:MSR736"/>
    <mergeCell ref="MRE736:MRH736"/>
    <mergeCell ref="MRI736:MRL736"/>
    <mergeCell ref="MRM736:MRP736"/>
    <mergeCell ref="MRQ736:MRT736"/>
    <mergeCell ref="MRU736:MRX736"/>
    <mergeCell ref="MQK736:MQN736"/>
    <mergeCell ref="MQO736:MQR736"/>
    <mergeCell ref="MQS736:MQV736"/>
    <mergeCell ref="MQW736:MQZ736"/>
    <mergeCell ref="MRA736:MRD736"/>
    <mergeCell ref="MPQ736:MPT736"/>
    <mergeCell ref="MPU736:MPX736"/>
    <mergeCell ref="MPY736:MQB736"/>
    <mergeCell ref="MQC736:MQF736"/>
    <mergeCell ref="MQG736:MQJ736"/>
    <mergeCell ref="MOW736:MOZ736"/>
    <mergeCell ref="MPA736:MPD736"/>
    <mergeCell ref="MPE736:MPH736"/>
    <mergeCell ref="MPI736:MPL736"/>
    <mergeCell ref="MPM736:MPP736"/>
    <mergeCell ref="MOC736:MOF736"/>
    <mergeCell ref="MOG736:MOJ736"/>
    <mergeCell ref="MOK736:MON736"/>
    <mergeCell ref="MOO736:MOR736"/>
    <mergeCell ref="MOS736:MOV736"/>
    <mergeCell ref="MNI736:MNL736"/>
    <mergeCell ref="MNM736:MNP736"/>
    <mergeCell ref="MNQ736:MNT736"/>
    <mergeCell ref="MNU736:MNX736"/>
    <mergeCell ref="MNY736:MOB736"/>
    <mergeCell ref="MXI736:MXL736"/>
    <mergeCell ref="MXM736:MXP736"/>
    <mergeCell ref="MXQ736:MXT736"/>
    <mergeCell ref="MXU736:MXX736"/>
    <mergeCell ref="MXY736:MYB736"/>
    <mergeCell ref="MWO736:MWR736"/>
    <mergeCell ref="MWS736:MWV736"/>
    <mergeCell ref="MWW736:MWZ736"/>
    <mergeCell ref="MXA736:MXD736"/>
    <mergeCell ref="MXE736:MXH736"/>
    <mergeCell ref="MVU736:MVX736"/>
    <mergeCell ref="MVY736:MWB736"/>
    <mergeCell ref="MWC736:MWF736"/>
    <mergeCell ref="MWG736:MWJ736"/>
    <mergeCell ref="MWK736:MWN736"/>
    <mergeCell ref="MVA736:MVD736"/>
    <mergeCell ref="MVE736:MVH736"/>
    <mergeCell ref="MVI736:MVL736"/>
    <mergeCell ref="MVM736:MVP736"/>
    <mergeCell ref="MVQ736:MVT736"/>
    <mergeCell ref="MUG736:MUJ736"/>
    <mergeCell ref="MUK736:MUN736"/>
    <mergeCell ref="MUO736:MUR736"/>
    <mergeCell ref="MUS736:MUV736"/>
    <mergeCell ref="MUW736:MUZ736"/>
    <mergeCell ref="MTM736:MTP736"/>
    <mergeCell ref="MTQ736:MTT736"/>
    <mergeCell ref="MTU736:MTX736"/>
    <mergeCell ref="MTY736:MUB736"/>
    <mergeCell ref="MUC736:MUF736"/>
    <mergeCell ref="MSS736:MSV736"/>
    <mergeCell ref="MSW736:MSZ736"/>
    <mergeCell ref="MTA736:MTD736"/>
    <mergeCell ref="MTE736:MTH736"/>
    <mergeCell ref="MTI736:MTL736"/>
    <mergeCell ref="NCS736:NCV736"/>
    <mergeCell ref="NCW736:NCZ736"/>
    <mergeCell ref="NDA736:NDD736"/>
    <mergeCell ref="NDE736:NDH736"/>
    <mergeCell ref="NDI736:NDL736"/>
    <mergeCell ref="NBY736:NCB736"/>
    <mergeCell ref="NCC736:NCF736"/>
    <mergeCell ref="NCG736:NCJ736"/>
    <mergeCell ref="NCK736:NCN736"/>
    <mergeCell ref="NCO736:NCR736"/>
    <mergeCell ref="NBE736:NBH736"/>
    <mergeCell ref="NBI736:NBL736"/>
    <mergeCell ref="NBM736:NBP736"/>
    <mergeCell ref="NBQ736:NBT736"/>
    <mergeCell ref="NBU736:NBX736"/>
    <mergeCell ref="NAK736:NAN736"/>
    <mergeCell ref="NAO736:NAR736"/>
    <mergeCell ref="NAS736:NAV736"/>
    <mergeCell ref="NAW736:NAZ736"/>
    <mergeCell ref="NBA736:NBD736"/>
    <mergeCell ref="MZQ736:MZT736"/>
    <mergeCell ref="MZU736:MZX736"/>
    <mergeCell ref="MZY736:NAB736"/>
    <mergeCell ref="NAC736:NAF736"/>
    <mergeCell ref="NAG736:NAJ736"/>
    <mergeCell ref="MYW736:MYZ736"/>
    <mergeCell ref="MZA736:MZD736"/>
    <mergeCell ref="MZE736:MZH736"/>
    <mergeCell ref="MZI736:MZL736"/>
    <mergeCell ref="MZM736:MZP736"/>
    <mergeCell ref="MYC736:MYF736"/>
    <mergeCell ref="MYG736:MYJ736"/>
    <mergeCell ref="MYK736:MYN736"/>
    <mergeCell ref="MYO736:MYR736"/>
    <mergeCell ref="MYS736:MYV736"/>
    <mergeCell ref="NIC736:NIF736"/>
    <mergeCell ref="NIG736:NIJ736"/>
    <mergeCell ref="NIK736:NIN736"/>
    <mergeCell ref="NIO736:NIR736"/>
    <mergeCell ref="NIS736:NIV736"/>
    <mergeCell ref="NHI736:NHL736"/>
    <mergeCell ref="NHM736:NHP736"/>
    <mergeCell ref="NHQ736:NHT736"/>
    <mergeCell ref="NHU736:NHX736"/>
    <mergeCell ref="NHY736:NIB736"/>
    <mergeCell ref="NGO736:NGR736"/>
    <mergeCell ref="NGS736:NGV736"/>
    <mergeCell ref="NGW736:NGZ736"/>
    <mergeCell ref="NHA736:NHD736"/>
    <mergeCell ref="NHE736:NHH736"/>
    <mergeCell ref="NFU736:NFX736"/>
    <mergeCell ref="NFY736:NGB736"/>
    <mergeCell ref="NGC736:NGF736"/>
    <mergeCell ref="NGG736:NGJ736"/>
    <mergeCell ref="NGK736:NGN736"/>
    <mergeCell ref="NFA736:NFD736"/>
    <mergeCell ref="NFE736:NFH736"/>
    <mergeCell ref="NFI736:NFL736"/>
    <mergeCell ref="NFM736:NFP736"/>
    <mergeCell ref="NFQ736:NFT736"/>
    <mergeCell ref="NEG736:NEJ736"/>
    <mergeCell ref="NEK736:NEN736"/>
    <mergeCell ref="NEO736:NER736"/>
    <mergeCell ref="NES736:NEV736"/>
    <mergeCell ref="NEW736:NEZ736"/>
    <mergeCell ref="NDM736:NDP736"/>
    <mergeCell ref="NDQ736:NDT736"/>
    <mergeCell ref="NDU736:NDX736"/>
    <mergeCell ref="NDY736:NEB736"/>
    <mergeCell ref="NEC736:NEF736"/>
    <mergeCell ref="NNM736:NNP736"/>
    <mergeCell ref="NNQ736:NNT736"/>
    <mergeCell ref="NNU736:NNX736"/>
    <mergeCell ref="NNY736:NOB736"/>
    <mergeCell ref="NOC736:NOF736"/>
    <mergeCell ref="NMS736:NMV736"/>
    <mergeCell ref="NMW736:NMZ736"/>
    <mergeCell ref="NNA736:NND736"/>
    <mergeCell ref="NNE736:NNH736"/>
    <mergeCell ref="NNI736:NNL736"/>
    <mergeCell ref="NLY736:NMB736"/>
    <mergeCell ref="NMC736:NMF736"/>
    <mergeCell ref="NMG736:NMJ736"/>
    <mergeCell ref="NMK736:NMN736"/>
    <mergeCell ref="NMO736:NMR736"/>
    <mergeCell ref="NLE736:NLH736"/>
    <mergeCell ref="NLI736:NLL736"/>
    <mergeCell ref="NLM736:NLP736"/>
    <mergeCell ref="NLQ736:NLT736"/>
    <mergeCell ref="NLU736:NLX736"/>
    <mergeCell ref="NKK736:NKN736"/>
    <mergeCell ref="NKO736:NKR736"/>
    <mergeCell ref="NKS736:NKV736"/>
    <mergeCell ref="NKW736:NKZ736"/>
    <mergeCell ref="NLA736:NLD736"/>
    <mergeCell ref="NJQ736:NJT736"/>
    <mergeCell ref="NJU736:NJX736"/>
    <mergeCell ref="NJY736:NKB736"/>
    <mergeCell ref="NKC736:NKF736"/>
    <mergeCell ref="NKG736:NKJ736"/>
    <mergeCell ref="NIW736:NIZ736"/>
    <mergeCell ref="NJA736:NJD736"/>
    <mergeCell ref="NJE736:NJH736"/>
    <mergeCell ref="NJI736:NJL736"/>
    <mergeCell ref="NJM736:NJP736"/>
    <mergeCell ref="NSW736:NSZ736"/>
    <mergeCell ref="NTA736:NTD736"/>
    <mergeCell ref="NTE736:NTH736"/>
    <mergeCell ref="NTI736:NTL736"/>
    <mergeCell ref="NTM736:NTP736"/>
    <mergeCell ref="NSC736:NSF736"/>
    <mergeCell ref="NSG736:NSJ736"/>
    <mergeCell ref="NSK736:NSN736"/>
    <mergeCell ref="NSO736:NSR736"/>
    <mergeCell ref="NSS736:NSV736"/>
    <mergeCell ref="NRI736:NRL736"/>
    <mergeCell ref="NRM736:NRP736"/>
    <mergeCell ref="NRQ736:NRT736"/>
    <mergeCell ref="NRU736:NRX736"/>
    <mergeCell ref="NRY736:NSB736"/>
    <mergeCell ref="NQO736:NQR736"/>
    <mergeCell ref="NQS736:NQV736"/>
    <mergeCell ref="NQW736:NQZ736"/>
    <mergeCell ref="NRA736:NRD736"/>
    <mergeCell ref="NRE736:NRH736"/>
    <mergeCell ref="NPU736:NPX736"/>
    <mergeCell ref="NPY736:NQB736"/>
    <mergeCell ref="NQC736:NQF736"/>
    <mergeCell ref="NQG736:NQJ736"/>
    <mergeCell ref="NQK736:NQN736"/>
    <mergeCell ref="NPA736:NPD736"/>
    <mergeCell ref="NPE736:NPH736"/>
    <mergeCell ref="NPI736:NPL736"/>
    <mergeCell ref="NPM736:NPP736"/>
    <mergeCell ref="NPQ736:NPT736"/>
    <mergeCell ref="NOG736:NOJ736"/>
    <mergeCell ref="NOK736:NON736"/>
    <mergeCell ref="NOO736:NOR736"/>
    <mergeCell ref="NOS736:NOV736"/>
    <mergeCell ref="NOW736:NOZ736"/>
    <mergeCell ref="NYG736:NYJ736"/>
    <mergeCell ref="NYK736:NYN736"/>
    <mergeCell ref="NYO736:NYR736"/>
    <mergeCell ref="NYS736:NYV736"/>
    <mergeCell ref="NYW736:NYZ736"/>
    <mergeCell ref="NXM736:NXP736"/>
    <mergeCell ref="NXQ736:NXT736"/>
    <mergeCell ref="NXU736:NXX736"/>
    <mergeCell ref="NXY736:NYB736"/>
    <mergeCell ref="NYC736:NYF736"/>
    <mergeCell ref="NWS736:NWV736"/>
    <mergeCell ref="NWW736:NWZ736"/>
    <mergeCell ref="NXA736:NXD736"/>
    <mergeCell ref="NXE736:NXH736"/>
    <mergeCell ref="NXI736:NXL736"/>
    <mergeCell ref="NVY736:NWB736"/>
    <mergeCell ref="NWC736:NWF736"/>
    <mergeCell ref="NWG736:NWJ736"/>
    <mergeCell ref="NWK736:NWN736"/>
    <mergeCell ref="NWO736:NWR736"/>
    <mergeCell ref="NVE736:NVH736"/>
    <mergeCell ref="NVI736:NVL736"/>
    <mergeCell ref="NVM736:NVP736"/>
    <mergeCell ref="NVQ736:NVT736"/>
    <mergeCell ref="NVU736:NVX736"/>
    <mergeCell ref="NUK736:NUN736"/>
    <mergeCell ref="NUO736:NUR736"/>
    <mergeCell ref="NUS736:NUV736"/>
    <mergeCell ref="NUW736:NUZ736"/>
    <mergeCell ref="NVA736:NVD736"/>
    <mergeCell ref="NTQ736:NTT736"/>
    <mergeCell ref="NTU736:NTX736"/>
    <mergeCell ref="NTY736:NUB736"/>
    <mergeCell ref="NUC736:NUF736"/>
    <mergeCell ref="NUG736:NUJ736"/>
    <mergeCell ref="ODQ736:ODT736"/>
    <mergeCell ref="ODU736:ODX736"/>
    <mergeCell ref="ODY736:OEB736"/>
    <mergeCell ref="OEC736:OEF736"/>
    <mergeCell ref="OEG736:OEJ736"/>
    <mergeCell ref="OCW736:OCZ736"/>
    <mergeCell ref="ODA736:ODD736"/>
    <mergeCell ref="ODE736:ODH736"/>
    <mergeCell ref="ODI736:ODL736"/>
    <mergeCell ref="ODM736:ODP736"/>
    <mergeCell ref="OCC736:OCF736"/>
    <mergeCell ref="OCG736:OCJ736"/>
    <mergeCell ref="OCK736:OCN736"/>
    <mergeCell ref="OCO736:OCR736"/>
    <mergeCell ref="OCS736:OCV736"/>
    <mergeCell ref="OBI736:OBL736"/>
    <mergeCell ref="OBM736:OBP736"/>
    <mergeCell ref="OBQ736:OBT736"/>
    <mergeCell ref="OBU736:OBX736"/>
    <mergeCell ref="OBY736:OCB736"/>
    <mergeCell ref="OAO736:OAR736"/>
    <mergeCell ref="OAS736:OAV736"/>
    <mergeCell ref="OAW736:OAZ736"/>
    <mergeCell ref="OBA736:OBD736"/>
    <mergeCell ref="OBE736:OBH736"/>
    <mergeCell ref="NZU736:NZX736"/>
    <mergeCell ref="NZY736:OAB736"/>
    <mergeCell ref="OAC736:OAF736"/>
    <mergeCell ref="OAG736:OAJ736"/>
    <mergeCell ref="OAK736:OAN736"/>
    <mergeCell ref="NZA736:NZD736"/>
    <mergeCell ref="NZE736:NZH736"/>
    <mergeCell ref="NZI736:NZL736"/>
    <mergeCell ref="NZM736:NZP736"/>
    <mergeCell ref="NZQ736:NZT736"/>
    <mergeCell ref="OJA736:OJD736"/>
    <mergeCell ref="OJE736:OJH736"/>
    <mergeCell ref="OJI736:OJL736"/>
    <mergeCell ref="OJM736:OJP736"/>
    <mergeCell ref="OJQ736:OJT736"/>
    <mergeCell ref="OIG736:OIJ736"/>
    <mergeCell ref="OIK736:OIN736"/>
    <mergeCell ref="OIO736:OIR736"/>
    <mergeCell ref="OIS736:OIV736"/>
    <mergeCell ref="OIW736:OIZ736"/>
    <mergeCell ref="OHM736:OHP736"/>
    <mergeCell ref="OHQ736:OHT736"/>
    <mergeCell ref="OHU736:OHX736"/>
    <mergeCell ref="OHY736:OIB736"/>
    <mergeCell ref="OIC736:OIF736"/>
    <mergeCell ref="OGS736:OGV736"/>
    <mergeCell ref="OGW736:OGZ736"/>
    <mergeCell ref="OHA736:OHD736"/>
    <mergeCell ref="OHE736:OHH736"/>
    <mergeCell ref="OHI736:OHL736"/>
    <mergeCell ref="OFY736:OGB736"/>
    <mergeCell ref="OGC736:OGF736"/>
    <mergeCell ref="OGG736:OGJ736"/>
    <mergeCell ref="OGK736:OGN736"/>
    <mergeCell ref="OGO736:OGR736"/>
    <mergeCell ref="OFE736:OFH736"/>
    <mergeCell ref="OFI736:OFL736"/>
    <mergeCell ref="OFM736:OFP736"/>
    <mergeCell ref="OFQ736:OFT736"/>
    <mergeCell ref="OFU736:OFX736"/>
    <mergeCell ref="OEK736:OEN736"/>
    <mergeCell ref="OEO736:OER736"/>
    <mergeCell ref="OES736:OEV736"/>
    <mergeCell ref="OEW736:OEZ736"/>
    <mergeCell ref="OFA736:OFD736"/>
    <mergeCell ref="OOK736:OON736"/>
    <mergeCell ref="OOO736:OOR736"/>
    <mergeCell ref="OOS736:OOV736"/>
    <mergeCell ref="OOW736:OOZ736"/>
    <mergeCell ref="OPA736:OPD736"/>
    <mergeCell ref="ONQ736:ONT736"/>
    <mergeCell ref="ONU736:ONX736"/>
    <mergeCell ref="ONY736:OOB736"/>
    <mergeCell ref="OOC736:OOF736"/>
    <mergeCell ref="OOG736:OOJ736"/>
    <mergeCell ref="OMW736:OMZ736"/>
    <mergeCell ref="ONA736:OND736"/>
    <mergeCell ref="ONE736:ONH736"/>
    <mergeCell ref="ONI736:ONL736"/>
    <mergeCell ref="ONM736:ONP736"/>
    <mergeCell ref="OMC736:OMF736"/>
    <mergeCell ref="OMG736:OMJ736"/>
    <mergeCell ref="OMK736:OMN736"/>
    <mergeCell ref="OMO736:OMR736"/>
    <mergeCell ref="OMS736:OMV736"/>
    <mergeCell ref="OLI736:OLL736"/>
    <mergeCell ref="OLM736:OLP736"/>
    <mergeCell ref="OLQ736:OLT736"/>
    <mergeCell ref="OLU736:OLX736"/>
    <mergeCell ref="OLY736:OMB736"/>
    <mergeCell ref="OKO736:OKR736"/>
    <mergeCell ref="OKS736:OKV736"/>
    <mergeCell ref="OKW736:OKZ736"/>
    <mergeCell ref="OLA736:OLD736"/>
    <mergeCell ref="OLE736:OLH736"/>
    <mergeCell ref="OJU736:OJX736"/>
    <mergeCell ref="OJY736:OKB736"/>
    <mergeCell ref="OKC736:OKF736"/>
    <mergeCell ref="OKG736:OKJ736"/>
    <mergeCell ref="OKK736:OKN736"/>
    <mergeCell ref="OTU736:OTX736"/>
    <mergeCell ref="OTY736:OUB736"/>
    <mergeCell ref="OUC736:OUF736"/>
    <mergeCell ref="OUG736:OUJ736"/>
    <mergeCell ref="OUK736:OUN736"/>
    <mergeCell ref="OTA736:OTD736"/>
    <mergeCell ref="OTE736:OTH736"/>
    <mergeCell ref="OTI736:OTL736"/>
    <mergeCell ref="OTM736:OTP736"/>
    <mergeCell ref="OTQ736:OTT736"/>
    <mergeCell ref="OSG736:OSJ736"/>
    <mergeCell ref="OSK736:OSN736"/>
    <mergeCell ref="OSO736:OSR736"/>
    <mergeCell ref="OSS736:OSV736"/>
    <mergeCell ref="OSW736:OSZ736"/>
    <mergeCell ref="ORM736:ORP736"/>
    <mergeCell ref="ORQ736:ORT736"/>
    <mergeCell ref="ORU736:ORX736"/>
    <mergeCell ref="ORY736:OSB736"/>
    <mergeCell ref="OSC736:OSF736"/>
    <mergeCell ref="OQS736:OQV736"/>
    <mergeCell ref="OQW736:OQZ736"/>
    <mergeCell ref="ORA736:ORD736"/>
    <mergeCell ref="ORE736:ORH736"/>
    <mergeCell ref="ORI736:ORL736"/>
    <mergeCell ref="OPY736:OQB736"/>
    <mergeCell ref="OQC736:OQF736"/>
    <mergeCell ref="OQG736:OQJ736"/>
    <mergeCell ref="OQK736:OQN736"/>
    <mergeCell ref="OQO736:OQR736"/>
    <mergeCell ref="OPE736:OPH736"/>
    <mergeCell ref="OPI736:OPL736"/>
    <mergeCell ref="OPM736:OPP736"/>
    <mergeCell ref="OPQ736:OPT736"/>
    <mergeCell ref="OPU736:OPX736"/>
    <mergeCell ref="OZE736:OZH736"/>
    <mergeCell ref="OZI736:OZL736"/>
    <mergeCell ref="OZM736:OZP736"/>
    <mergeCell ref="OZQ736:OZT736"/>
    <mergeCell ref="OZU736:OZX736"/>
    <mergeCell ref="OYK736:OYN736"/>
    <mergeCell ref="OYO736:OYR736"/>
    <mergeCell ref="OYS736:OYV736"/>
    <mergeCell ref="OYW736:OYZ736"/>
    <mergeCell ref="OZA736:OZD736"/>
    <mergeCell ref="OXQ736:OXT736"/>
    <mergeCell ref="OXU736:OXX736"/>
    <mergeCell ref="OXY736:OYB736"/>
    <mergeCell ref="OYC736:OYF736"/>
    <mergeCell ref="OYG736:OYJ736"/>
    <mergeCell ref="OWW736:OWZ736"/>
    <mergeCell ref="OXA736:OXD736"/>
    <mergeCell ref="OXE736:OXH736"/>
    <mergeCell ref="OXI736:OXL736"/>
    <mergeCell ref="OXM736:OXP736"/>
    <mergeCell ref="OWC736:OWF736"/>
    <mergeCell ref="OWG736:OWJ736"/>
    <mergeCell ref="OWK736:OWN736"/>
    <mergeCell ref="OWO736:OWR736"/>
    <mergeCell ref="OWS736:OWV736"/>
    <mergeCell ref="OVI736:OVL736"/>
    <mergeCell ref="OVM736:OVP736"/>
    <mergeCell ref="OVQ736:OVT736"/>
    <mergeCell ref="OVU736:OVX736"/>
    <mergeCell ref="OVY736:OWB736"/>
    <mergeCell ref="OUO736:OUR736"/>
    <mergeCell ref="OUS736:OUV736"/>
    <mergeCell ref="OUW736:OUZ736"/>
    <mergeCell ref="OVA736:OVD736"/>
    <mergeCell ref="OVE736:OVH736"/>
    <mergeCell ref="PEO736:PER736"/>
    <mergeCell ref="PES736:PEV736"/>
    <mergeCell ref="PEW736:PEZ736"/>
    <mergeCell ref="PFA736:PFD736"/>
    <mergeCell ref="PFE736:PFH736"/>
    <mergeCell ref="PDU736:PDX736"/>
    <mergeCell ref="PDY736:PEB736"/>
    <mergeCell ref="PEC736:PEF736"/>
    <mergeCell ref="PEG736:PEJ736"/>
    <mergeCell ref="PEK736:PEN736"/>
    <mergeCell ref="PDA736:PDD736"/>
    <mergeCell ref="PDE736:PDH736"/>
    <mergeCell ref="PDI736:PDL736"/>
    <mergeCell ref="PDM736:PDP736"/>
    <mergeCell ref="PDQ736:PDT736"/>
    <mergeCell ref="PCG736:PCJ736"/>
    <mergeCell ref="PCK736:PCN736"/>
    <mergeCell ref="PCO736:PCR736"/>
    <mergeCell ref="PCS736:PCV736"/>
    <mergeCell ref="PCW736:PCZ736"/>
    <mergeCell ref="PBM736:PBP736"/>
    <mergeCell ref="PBQ736:PBT736"/>
    <mergeCell ref="PBU736:PBX736"/>
    <mergeCell ref="PBY736:PCB736"/>
    <mergeCell ref="PCC736:PCF736"/>
    <mergeCell ref="PAS736:PAV736"/>
    <mergeCell ref="PAW736:PAZ736"/>
    <mergeCell ref="PBA736:PBD736"/>
    <mergeCell ref="PBE736:PBH736"/>
    <mergeCell ref="PBI736:PBL736"/>
    <mergeCell ref="OZY736:PAB736"/>
    <mergeCell ref="PAC736:PAF736"/>
    <mergeCell ref="PAG736:PAJ736"/>
    <mergeCell ref="PAK736:PAN736"/>
    <mergeCell ref="PAO736:PAR736"/>
    <mergeCell ref="PJY736:PKB736"/>
    <mergeCell ref="PKC736:PKF736"/>
    <mergeCell ref="PKG736:PKJ736"/>
    <mergeCell ref="PKK736:PKN736"/>
    <mergeCell ref="PKO736:PKR736"/>
    <mergeCell ref="PJE736:PJH736"/>
    <mergeCell ref="PJI736:PJL736"/>
    <mergeCell ref="PJM736:PJP736"/>
    <mergeCell ref="PJQ736:PJT736"/>
    <mergeCell ref="PJU736:PJX736"/>
    <mergeCell ref="PIK736:PIN736"/>
    <mergeCell ref="PIO736:PIR736"/>
    <mergeCell ref="PIS736:PIV736"/>
    <mergeCell ref="PIW736:PIZ736"/>
    <mergeCell ref="PJA736:PJD736"/>
    <mergeCell ref="PHQ736:PHT736"/>
    <mergeCell ref="PHU736:PHX736"/>
    <mergeCell ref="PHY736:PIB736"/>
    <mergeCell ref="PIC736:PIF736"/>
    <mergeCell ref="PIG736:PIJ736"/>
    <mergeCell ref="PGW736:PGZ736"/>
    <mergeCell ref="PHA736:PHD736"/>
    <mergeCell ref="PHE736:PHH736"/>
    <mergeCell ref="PHI736:PHL736"/>
    <mergeCell ref="PHM736:PHP736"/>
    <mergeCell ref="PGC736:PGF736"/>
    <mergeCell ref="PGG736:PGJ736"/>
    <mergeCell ref="PGK736:PGN736"/>
    <mergeCell ref="PGO736:PGR736"/>
    <mergeCell ref="PGS736:PGV736"/>
    <mergeCell ref="PFI736:PFL736"/>
    <mergeCell ref="PFM736:PFP736"/>
    <mergeCell ref="PFQ736:PFT736"/>
    <mergeCell ref="PFU736:PFX736"/>
    <mergeCell ref="PFY736:PGB736"/>
    <mergeCell ref="PPI736:PPL736"/>
    <mergeCell ref="PPM736:PPP736"/>
    <mergeCell ref="PPQ736:PPT736"/>
    <mergeCell ref="PPU736:PPX736"/>
    <mergeCell ref="PPY736:PQB736"/>
    <mergeCell ref="POO736:POR736"/>
    <mergeCell ref="POS736:POV736"/>
    <mergeCell ref="POW736:POZ736"/>
    <mergeCell ref="PPA736:PPD736"/>
    <mergeCell ref="PPE736:PPH736"/>
    <mergeCell ref="PNU736:PNX736"/>
    <mergeCell ref="PNY736:POB736"/>
    <mergeCell ref="POC736:POF736"/>
    <mergeCell ref="POG736:POJ736"/>
    <mergeCell ref="POK736:PON736"/>
    <mergeCell ref="PNA736:PND736"/>
    <mergeCell ref="PNE736:PNH736"/>
    <mergeCell ref="PNI736:PNL736"/>
    <mergeCell ref="PNM736:PNP736"/>
    <mergeCell ref="PNQ736:PNT736"/>
    <mergeCell ref="PMG736:PMJ736"/>
    <mergeCell ref="PMK736:PMN736"/>
    <mergeCell ref="PMO736:PMR736"/>
    <mergeCell ref="PMS736:PMV736"/>
    <mergeCell ref="PMW736:PMZ736"/>
    <mergeCell ref="PLM736:PLP736"/>
    <mergeCell ref="PLQ736:PLT736"/>
    <mergeCell ref="PLU736:PLX736"/>
    <mergeCell ref="PLY736:PMB736"/>
    <mergeCell ref="PMC736:PMF736"/>
    <mergeCell ref="PKS736:PKV736"/>
    <mergeCell ref="PKW736:PKZ736"/>
    <mergeCell ref="PLA736:PLD736"/>
    <mergeCell ref="PLE736:PLH736"/>
    <mergeCell ref="PLI736:PLL736"/>
    <mergeCell ref="PUS736:PUV736"/>
    <mergeCell ref="PUW736:PUZ736"/>
    <mergeCell ref="PVA736:PVD736"/>
    <mergeCell ref="PVE736:PVH736"/>
    <mergeCell ref="PVI736:PVL736"/>
    <mergeCell ref="PTY736:PUB736"/>
    <mergeCell ref="PUC736:PUF736"/>
    <mergeCell ref="PUG736:PUJ736"/>
    <mergeCell ref="PUK736:PUN736"/>
    <mergeCell ref="PUO736:PUR736"/>
    <mergeCell ref="PTE736:PTH736"/>
    <mergeCell ref="PTI736:PTL736"/>
    <mergeCell ref="PTM736:PTP736"/>
    <mergeCell ref="PTQ736:PTT736"/>
    <mergeCell ref="PTU736:PTX736"/>
    <mergeCell ref="PSK736:PSN736"/>
    <mergeCell ref="PSO736:PSR736"/>
    <mergeCell ref="PSS736:PSV736"/>
    <mergeCell ref="PSW736:PSZ736"/>
    <mergeCell ref="PTA736:PTD736"/>
    <mergeCell ref="PRQ736:PRT736"/>
    <mergeCell ref="PRU736:PRX736"/>
    <mergeCell ref="PRY736:PSB736"/>
    <mergeCell ref="PSC736:PSF736"/>
    <mergeCell ref="PSG736:PSJ736"/>
    <mergeCell ref="PQW736:PQZ736"/>
    <mergeCell ref="PRA736:PRD736"/>
    <mergeCell ref="PRE736:PRH736"/>
    <mergeCell ref="PRI736:PRL736"/>
    <mergeCell ref="PRM736:PRP736"/>
    <mergeCell ref="PQC736:PQF736"/>
    <mergeCell ref="PQG736:PQJ736"/>
    <mergeCell ref="PQK736:PQN736"/>
    <mergeCell ref="PQO736:PQR736"/>
    <mergeCell ref="PQS736:PQV736"/>
    <mergeCell ref="QAC736:QAF736"/>
    <mergeCell ref="QAG736:QAJ736"/>
    <mergeCell ref="QAK736:QAN736"/>
    <mergeCell ref="QAO736:QAR736"/>
    <mergeCell ref="QAS736:QAV736"/>
    <mergeCell ref="PZI736:PZL736"/>
    <mergeCell ref="PZM736:PZP736"/>
    <mergeCell ref="PZQ736:PZT736"/>
    <mergeCell ref="PZU736:PZX736"/>
    <mergeCell ref="PZY736:QAB736"/>
    <mergeCell ref="PYO736:PYR736"/>
    <mergeCell ref="PYS736:PYV736"/>
    <mergeCell ref="PYW736:PYZ736"/>
    <mergeCell ref="PZA736:PZD736"/>
    <mergeCell ref="PZE736:PZH736"/>
    <mergeCell ref="PXU736:PXX736"/>
    <mergeCell ref="PXY736:PYB736"/>
    <mergeCell ref="PYC736:PYF736"/>
    <mergeCell ref="PYG736:PYJ736"/>
    <mergeCell ref="PYK736:PYN736"/>
    <mergeCell ref="PXA736:PXD736"/>
    <mergeCell ref="PXE736:PXH736"/>
    <mergeCell ref="PXI736:PXL736"/>
    <mergeCell ref="PXM736:PXP736"/>
    <mergeCell ref="PXQ736:PXT736"/>
    <mergeCell ref="PWG736:PWJ736"/>
    <mergeCell ref="PWK736:PWN736"/>
    <mergeCell ref="PWO736:PWR736"/>
    <mergeCell ref="PWS736:PWV736"/>
    <mergeCell ref="PWW736:PWZ736"/>
    <mergeCell ref="PVM736:PVP736"/>
    <mergeCell ref="PVQ736:PVT736"/>
    <mergeCell ref="PVU736:PVX736"/>
    <mergeCell ref="PVY736:PWB736"/>
    <mergeCell ref="PWC736:PWF736"/>
    <mergeCell ref="QFM736:QFP736"/>
    <mergeCell ref="QFQ736:QFT736"/>
    <mergeCell ref="QFU736:QFX736"/>
    <mergeCell ref="QFY736:QGB736"/>
    <mergeCell ref="QGC736:QGF736"/>
    <mergeCell ref="QES736:QEV736"/>
    <mergeCell ref="QEW736:QEZ736"/>
    <mergeCell ref="QFA736:QFD736"/>
    <mergeCell ref="QFE736:QFH736"/>
    <mergeCell ref="QFI736:QFL736"/>
    <mergeCell ref="QDY736:QEB736"/>
    <mergeCell ref="QEC736:QEF736"/>
    <mergeCell ref="QEG736:QEJ736"/>
    <mergeCell ref="QEK736:QEN736"/>
    <mergeCell ref="QEO736:QER736"/>
    <mergeCell ref="QDE736:QDH736"/>
    <mergeCell ref="QDI736:QDL736"/>
    <mergeCell ref="QDM736:QDP736"/>
    <mergeCell ref="QDQ736:QDT736"/>
    <mergeCell ref="QDU736:QDX736"/>
    <mergeCell ref="QCK736:QCN736"/>
    <mergeCell ref="QCO736:QCR736"/>
    <mergeCell ref="QCS736:QCV736"/>
    <mergeCell ref="QCW736:QCZ736"/>
    <mergeCell ref="QDA736:QDD736"/>
    <mergeCell ref="QBQ736:QBT736"/>
    <mergeCell ref="QBU736:QBX736"/>
    <mergeCell ref="QBY736:QCB736"/>
    <mergeCell ref="QCC736:QCF736"/>
    <mergeCell ref="QCG736:QCJ736"/>
    <mergeCell ref="QAW736:QAZ736"/>
    <mergeCell ref="QBA736:QBD736"/>
    <mergeCell ref="QBE736:QBH736"/>
    <mergeCell ref="QBI736:QBL736"/>
    <mergeCell ref="QBM736:QBP736"/>
    <mergeCell ref="QKW736:QKZ736"/>
    <mergeCell ref="QLA736:QLD736"/>
    <mergeCell ref="QLE736:QLH736"/>
    <mergeCell ref="QLI736:QLL736"/>
    <mergeCell ref="QLM736:QLP736"/>
    <mergeCell ref="QKC736:QKF736"/>
    <mergeCell ref="QKG736:QKJ736"/>
    <mergeCell ref="QKK736:QKN736"/>
    <mergeCell ref="QKO736:QKR736"/>
    <mergeCell ref="QKS736:QKV736"/>
    <mergeCell ref="QJI736:QJL736"/>
    <mergeCell ref="QJM736:QJP736"/>
    <mergeCell ref="QJQ736:QJT736"/>
    <mergeCell ref="QJU736:QJX736"/>
    <mergeCell ref="QJY736:QKB736"/>
    <mergeCell ref="QIO736:QIR736"/>
    <mergeCell ref="QIS736:QIV736"/>
    <mergeCell ref="QIW736:QIZ736"/>
    <mergeCell ref="QJA736:QJD736"/>
    <mergeCell ref="QJE736:QJH736"/>
    <mergeCell ref="QHU736:QHX736"/>
    <mergeCell ref="QHY736:QIB736"/>
    <mergeCell ref="QIC736:QIF736"/>
    <mergeCell ref="QIG736:QIJ736"/>
    <mergeCell ref="QIK736:QIN736"/>
    <mergeCell ref="QHA736:QHD736"/>
    <mergeCell ref="QHE736:QHH736"/>
    <mergeCell ref="QHI736:QHL736"/>
    <mergeCell ref="QHM736:QHP736"/>
    <mergeCell ref="QHQ736:QHT736"/>
    <mergeCell ref="QGG736:QGJ736"/>
    <mergeCell ref="QGK736:QGN736"/>
    <mergeCell ref="QGO736:QGR736"/>
    <mergeCell ref="QGS736:QGV736"/>
    <mergeCell ref="QGW736:QGZ736"/>
    <mergeCell ref="QQG736:QQJ736"/>
    <mergeCell ref="QQK736:QQN736"/>
    <mergeCell ref="QQO736:QQR736"/>
    <mergeCell ref="QQS736:QQV736"/>
    <mergeCell ref="QQW736:QQZ736"/>
    <mergeCell ref="QPM736:QPP736"/>
    <mergeCell ref="QPQ736:QPT736"/>
    <mergeCell ref="QPU736:QPX736"/>
    <mergeCell ref="QPY736:QQB736"/>
    <mergeCell ref="QQC736:QQF736"/>
    <mergeCell ref="QOS736:QOV736"/>
    <mergeCell ref="QOW736:QOZ736"/>
    <mergeCell ref="QPA736:QPD736"/>
    <mergeCell ref="QPE736:QPH736"/>
    <mergeCell ref="QPI736:QPL736"/>
    <mergeCell ref="QNY736:QOB736"/>
    <mergeCell ref="QOC736:QOF736"/>
    <mergeCell ref="QOG736:QOJ736"/>
    <mergeCell ref="QOK736:QON736"/>
    <mergeCell ref="QOO736:QOR736"/>
    <mergeCell ref="QNE736:QNH736"/>
    <mergeCell ref="QNI736:QNL736"/>
    <mergeCell ref="QNM736:QNP736"/>
    <mergeCell ref="QNQ736:QNT736"/>
    <mergeCell ref="QNU736:QNX736"/>
    <mergeCell ref="QMK736:QMN736"/>
    <mergeCell ref="QMO736:QMR736"/>
    <mergeCell ref="QMS736:QMV736"/>
    <mergeCell ref="QMW736:QMZ736"/>
    <mergeCell ref="QNA736:QND736"/>
    <mergeCell ref="QLQ736:QLT736"/>
    <mergeCell ref="QLU736:QLX736"/>
    <mergeCell ref="QLY736:QMB736"/>
    <mergeCell ref="QMC736:QMF736"/>
    <mergeCell ref="QMG736:QMJ736"/>
    <mergeCell ref="QVQ736:QVT736"/>
    <mergeCell ref="QVU736:QVX736"/>
    <mergeCell ref="QVY736:QWB736"/>
    <mergeCell ref="QWC736:QWF736"/>
    <mergeCell ref="QWG736:QWJ736"/>
    <mergeCell ref="QUW736:QUZ736"/>
    <mergeCell ref="QVA736:QVD736"/>
    <mergeCell ref="QVE736:QVH736"/>
    <mergeCell ref="QVI736:QVL736"/>
    <mergeCell ref="QVM736:QVP736"/>
    <mergeCell ref="QUC736:QUF736"/>
    <mergeCell ref="QUG736:QUJ736"/>
    <mergeCell ref="QUK736:QUN736"/>
    <mergeCell ref="QUO736:QUR736"/>
    <mergeCell ref="QUS736:QUV736"/>
    <mergeCell ref="QTI736:QTL736"/>
    <mergeCell ref="QTM736:QTP736"/>
    <mergeCell ref="QTQ736:QTT736"/>
    <mergeCell ref="QTU736:QTX736"/>
    <mergeCell ref="QTY736:QUB736"/>
    <mergeCell ref="QSO736:QSR736"/>
    <mergeCell ref="QSS736:QSV736"/>
    <mergeCell ref="QSW736:QSZ736"/>
    <mergeCell ref="QTA736:QTD736"/>
    <mergeCell ref="QTE736:QTH736"/>
    <mergeCell ref="QRU736:QRX736"/>
    <mergeCell ref="QRY736:QSB736"/>
    <mergeCell ref="QSC736:QSF736"/>
    <mergeCell ref="QSG736:QSJ736"/>
    <mergeCell ref="QSK736:QSN736"/>
    <mergeCell ref="QRA736:QRD736"/>
    <mergeCell ref="QRE736:QRH736"/>
    <mergeCell ref="QRI736:QRL736"/>
    <mergeCell ref="QRM736:QRP736"/>
    <mergeCell ref="QRQ736:QRT736"/>
    <mergeCell ref="RBA736:RBD736"/>
    <mergeCell ref="RBE736:RBH736"/>
    <mergeCell ref="RBI736:RBL736"/>
    <mergeCell ref="RBM736:RBP736"/>
    <mergeCell ref="RBQ736:RBT736"/>
    <mergeCell ref="RAG736:RAJ736"/>
    <mergeCell ref="RAK736:RAN736"/>
    <mergeCell ref="RAO736:RAR736"/>
    <mergeCell ref="RAS736:RAV736"/>
    <mergeCell ref="RAW736:RAZ736"/>
    <mergeCell ref="QZM736:QZP736"/>
    <mergeCell ref="QZQ736:QZT736"/>
    <mergeCell ref="QZU736:QZX736"/>
    <mergeCell ref="QZY736:RAB736"/>
    <mergeCell ref="RAC736:RAF736"/>
    <mergeCell ref="QYS736:QYV736"/>
    <mergeCell ref="QYW736:QYZ736"/>
    <mergeCell ref="QZA736:QZD736"/>
    <mergeCell ref="QZE736:QZH736"/>
    <mergeCell ref="QZI736:QZL736"/>
    <mergeCell ref="QXY736:QYB736"/>
    <mergeCell ref="QYC736:QYF736"/>
    <mergeCell ref="QYG736:QYJ736"/>
    <mergeCell ref="QYK736:QYN736"/>
    <mergeCell ref="QYO736:QYR736"/>
    <mergeCell ref="QXE736:QXH736"/>
    <mergeCell ref="QXI736:QXL736"/>
    <mergeCell ref="QXM736:QXP736"/>
    <mergeCell ref="QXQ736:QXT736"/>
    <mergeCell ref="QXU736:QXX736"/>
    <mergeCell ref="QWK736:QWN736"/>
    <mergeCell ref="QWO736:QWR736"/>
    <mergeCell ref="QWS736:QWV736"/>
    <mergeCell ref="QWW736:QWZ736"/>
    <mergeCell ref="QXA736:QXD736"/>
    <mergeCell ref="RGK736:RGN736"/>
    <mergeCell ref="RGO736:RGR736"/>
    <mergeCell ref="RGS736:RGV736"/>
    <mergeCell ref="RGW736:RGZ736"/>
    <mergeCell ref="RHA736:RHD736"/>
    <mergeCell ref="RFQ736:RFT736"/>
    <mergeCell ref="RFU736:RFX736"/>
    <mergeCell ref="RFY736:RGB736"/>
    <mergeCell ref="RGC736:RGF736"/>
    <mergeCell ref="RGG736:RGJ736"/>
    <mergeCell ref="REW736:REZ736"/>
    <mergeCell ref="RFA736:RFD736"/>
    <mergeCell ref="RFE736:RFH736"/>
    <mergeCell ref="RFI736:RFL736"/>
    <mergeCell ref="RFM736:RFP736"/>
    <mergeCell ref="REC736:REF736"/>
    <mergeCell ref="REG736:REJ736"/>
    <mergeCell ref="REK736:REN736"/>
    <mergeCell ref="REO736:RER736"/>
    <mergeCell ref="RES736:REV736"/>
    <mergeCell ref="RDI736:RDL736"/>
    <mergeCell ref="RDM736:RDP736"/>
    <mergeCell ref="RDQ736:RDT736"/>
    <mergeCell ref="RDU736:RDX736"/>
    <mergeCell ref="RDY736:REB736"/>
    <mergeCell ref="RCO736:RCR736"/>
    <mergeCell ref="RCS736:RCV736"/>
    <mergeCell ref="RCW736:RCZ736"/>
    <mergeCell ref="RDA736:RDD736"/>
    <mergeCell ref="RDE736:RDH736"/>
    <mergeCell ref="RBU736:RBX736"/>
    <mergeCell ref="RBY736:RCB736"/>
    <mergeCell ref="RCC736:RCF736"/>
    <mergeCell ref="RCG736:RCJ736"/>
    <mergeCell ref="RCK736:RCN736"/>
    <mergeCell ref="RLU736:RLX736"/>
    <mergeCell ref="RLY736:RMB736"/>
    <mergeCell ref="RMC736:RMF736"/>
    <mergeCell ref="RMG736:RMJ736"/>
    <mergeCell ref="RMK736:RMN736"/>
    <mergeCell ref="RLA736:RLD736"/>
    <mergeCell ref="RLE736:RLH736"/>
    <mergeCell ref="RLI736:RLL736"/>
    <mergeCell ref="RLM736:RLP736"/>
    <mergeCell ref="RLQ736:RLT736"/>
    <mergeCell ref="RKG736:RKJ736"/>
    <mergeCell ref="RKK736:RKN736"/>
    <mergeCell ref="RKO736:RKR736"/>
    <mergeCell ref="RKS736:RKV736"/>
    <mergeCell ref="RKW736:RKZ736"/>
    <mergeCell ref="RJM736:RJP736"/>
    <mergeCell ref="RJQ736:RJT736"/>
    <mergeCell ref="RJU736:RJX736"/>
    <mergeCell ref="RJY736:RKB736"/>
    <mergeCell ref="RKC736:RKF736"/>
    <mergeCell ref="RIS736:RIV736"/>
    <mergeCell ref="RIW736:RIZ736"/>
    <mergeCell ref="RJA736:RJD736"/>
    <mergeCell ref="RJE736:RJH736"/>
    <mergeCell ref="RJI736:RJL736"/>
    <mergeCell ref="RHY736:RIB736"/>
    <mergeCell ref="RIC736:RIF736"/>
    <mergeCell ref="RIG736:RIJ736"/>
    <mergeCell ref="RIK736:RIN736"/>
    <mergeCell ref="RIO736:RIR736"/>
    <mergeCell ref="RHE736:RHH736"/>
    <mergeCell ref="RHI736:RHL736"/>
    <mergeCell ref="RHM736:RHP736"/>
    <mergeCell ref="RHQ736:RHT736"/>
    <mergeCell ref="RHU736:RHX736"/>
    <mergeCell ref="RRE736:RRH736"/>
    <mergeCell ref="RRI736:RRL736"/>
    <mergeCell ref="RRM736:RRP736"/>
    <mergeCell ref="RRQ736:RRT736"/>
    <mergeCell ref="RRU736:RRX736"/>
    <mergeCell ref="RQK736:RQN736"/>
    <mergeCell ref="RQO736:RQR736"/>
    <mergeCell ref="RQS736:RQV736"/>
    <mergeCell ref="RQW736:RQZ736"/>
    <mergeCell ref="RRA736:RRD736"/>
    <mergeCell ref="RPQ736:RPT736"/>
    <mergeCell ref="RPU736:RPX736"/>
    <mergeCell ref="RPY736:RQB736"/>
    <mergeCell ref="RQC736:RQF736"/>
    <mergeCell ref="RQG736:RQJ736"/>
    <mergeCell ref="ROW736:ROZ736"/>
    <mergeCell ref="RPA736:RPD736"/>
    <mergeCell ref="RPE736:RPH736"/>
    <mergeCell ref="RPI736:RPL736"/>
    <mergeCell ref="RPM736:RPP736"/>
    <mergeCell ref="ROC736:ROF736"/>
    <mergeCell ref="ROG736:ROJ736"/>
    <mergeCell ref="ROK736:RON736"/>
    <mergeCell ref="ROO736:ROR736"/>
    <mergeCell ref="ROS736:ROV736"/>
    <mergeCell ref="RNI736:RNL736"/>
    <mergeCell ref="RNM736:RNP736"/>
    <mergeCell ref="RNQ736:RNT736"/>
    <mergeCell ref="RNU736:RNX736"/>
    <mergeCell ref="RNY736:ROB736"/>
    <mergeCell ref="RMO736:RMR736"/>
    <mergeCell ref="RMS736:RMV736"/>
    <mergeCell ref="RMW736:RMZ736"/>
    <mergeCell ref="RNA736:RND736"/>
    <mergeCell ref="RNE736:RNH736"/>
    <mergeCell ref="RWO736:RWR736"/>
    <mergeCell ref="RWS736:RWV736"/>
    <mergeCell ref="RWW736:RWZ736"/>
    <mergeCell ref="RXA736:RXD736"/>
    <mergeCell ref="RXE736:RXH736"/>
    <mergeCell ref="RVU736:RVX736"/>
    <mergeCell ref="RVY736:RWB736"/>
    <mergeCell ref="RWC736:RWF736"/>
    <mergeCell ref="RWG736:RWJ736"/>
    <mergeCell ref="RWK736:RWN736"/>
    <mergeCell ref="RVA736:RVD736"/>
    <mergeCell ref="RVE736:RVH736"/>
    <mergeCell ref="RVI736:RVL736"/>
    <mergeCell ref="RVM736:RVP736"/>
    <mergeCell ref="RVQ736:RVT736"/>
    <mergeCell ref="RUG736:RUJ736"/>
    <mergeCell ref="RUK736:RUN736"/>
    <mergeCell ref="RUO736:RUR736"/>
    <mergeCell ref="RUS736:RUV736"/>
    <mergeCell ref="RUW736:RUZ736"/>
    <mergeCell ref="RTM736:RTP736"/>
    <mergeCell ref="RTQ736:RTT736"/>
    <mergeCell ref="RTU736:RTX736"/>
    <mergeCell ref="RTY736:RUB736"/>
    <mergeCell ref="RUC736:RUF736"/>
    <mergeCell ref="RSS736:RSV736"/>
    <mergeCell ref="RSW736:RSZ736"/>
    <mergeCell ref="RTA736:RTD736"/>
    <mergeCell ref="RTE736:RTH736"/>
    <mergeCell ref="RTI736:RTL736"/>
    <mergeCell ref="RRY736:RSB736"/>
    <mergeCell ref="RSC736:RSF736"/>
    <mergeCell ref="RSG736:RSJ736"/>
    <mergeCell ref="RSK736:RSN736"/>
    <mergeCell ref="RSO736:RSR736"/>
    <mergeCell ref="SBY736:SCB736"/>
    <mergeCell ref="SCC736:SCF736"/>
    <mergeCell ref="SCG736:SCJ736"/>
    <mergeCell ref="SCK736:SCN736"/>
    <mergeCell ref="SCO736:SCR736"/>
    <mergeCell ref="SBE736:SBH736"/>
    <mergeCell ref="SBI736:SBL736"/>
    <mergeCell ref="SBM736:SBP736"/>
    <mergeCell ref="SBQ736:SBT736"/>
    <mergeCell ref="SBU736:SBX736"/>
    <mergeCell ref="SAK736:SAN736"/>
    <mergeCell ref="SAO736:SAR736"/>
    <mergeCell ref="SAS736:SAV736"/>
    <mergeCell ref="SAW736:SAZ736"/>
    <mergeCell ref="SBA736:SBD736"/>
    <mergeCell ref="RZQ736:RZT736"/>
    <mergeCell ref="RZU736:RZX736"/>
    <mergeCell ref="RZY736:SAB736"/>
    <mergeCell ref="SAC736:SAF736"/>
    <mergeCell ref="SAG736:SAJ736"/>
    <mergeCell ref="RYW736:RYZ736"/>
    <mergeCell ref="RZA736:RZD736"/>
    <mergeCell ref="RZE736:RZH736"/>
    <mergeCell ref="RZI736:RZL736"/>
    <mergeCell ref="RZM736:RZP736"/>
    <mergeCell ref="RYC736:RYF736"/>
    <mergeCell ref="RYG736:RYJ736"/>
    <mergeCell ref="RYK736:RYN736"/>
    <mergeCell ref="RYO736:RYR736"/>
    <mergeCell ref="RYS736:RYV736"/>
    <mergeCell ref="RXI736:RXL736"/>
    <mergeCell ref="RXM736:RXP736"/>
    <mergeCell ref="RXQ736:RXT736"/>
    <mergeCell ref="RXU736:RXX736"/>
    <mergeCell ref="RXY736:RYB736"/>
    <mergeCell ref="SHI736:SHL736"/>
    <mergeCell ref="SHM736:SHP736"/>
    <mergeCell ref="SHQ736:SHT736"/>
    <mergeCell ref="SHU736:SHX736"/>
    <mergeCell ref="SHY736:SIB736"/>
    <mergeCell ref="SGO736:SGR736"/>
    <mergeCell ref="SGS736:SGV736"/>
    <mergeCell ref="SGW736:SGZ736"/>
    <mergeCell ref="SHA736:SHD736"/>
    <mergeCell ref="SHE736:SHH736"/>
    <mergeCell ref="SFU736:SFX736"/>
    <mergeCell ref="SFY736:SGB736"/>
    <mergeCell ref="SGC736:SGF736"/>
    <mergeCell ref="SGG736:SGJ736"/>
    <mergeCell ref="SGK736:SGN736"/>
    <mergeCell ref="SFA736:SFD736"/>
    <mergeCell ref="SFE736:SFH736"/>
    <mergeCell ref="SFI736:SFL736"/>
    <mergeCell ref="SFM736:SFP736"/>
    <mergeCell ref="SFQ736:SFT736"/>
    <mergeCell ref="SEG736:SEJ736"/>
    <mergeCell ref="SEK736:SEN736"/>
    <mergeCell ref="SEO736:SER736"/>
    <mergeCell ref="SES736:SEV736"/>
    <mergeCell ref="SEW736:SEZ736"/>
    <mergeCell ref="SDM736:SDP736"/>
    <mergeCell ref="SDQ736:SDT736"/>
    <mergeCell ref="SDU736:SDX736"/>
    <mergeCell ref="SDY736:SEB736"/>
    <mergeCell ref="SEC736:SEF736"/>
    <mergeCell ref="SCS736:SCV736"/>
    <mergeCell ref="SCW736:SCZ736"/>
    <mergeCell ref="SDA736:SDD736"/>
    <mergeCell ref="SDE736:SDH736"/>
    <mergeCell ref="SDI736:SDL736"/>
    <mergeCell ref="SMS736:SMV736"/>
    <mergeCell ref="SMW736:SMZ736"/>
    <mergeCell ref="SNA736:SND736"/>
    <mergeCell ref="SNE736:SNH736"/>
    <mergeCell ref="SNI736:SNL736"/>
    <mergeCell ref="SLY736:SMB736"/>
    <mergeCell ref="SMC736:SMF736"/>
    <mergeCell ref="SMG736:SMJ736"/>
    <mergeCell ref="SMK736:SMN736"/>
    <mergeCell ref="SMO736:SMR736"/>
    <mergeCell ref="SLE736:SLH736"/>
    <mergeCell ref="SLI736:SLL736"/>
    <mergeCell ref="SLM736:SLP736"/>
    <mergeCell ref="SLQ736:SLT736"/>
    <mergeCell ref="SLU736:SLX736"/>
    <mergeCell ref="SKK736:SKN736"/>
    <mergeCell ref="SKO736:SKR736"/>
    <mergeCell ref="SKS736:SKV736"/>
    <mergeCell ref="SKW736:SKZ736"/>
    <mergeCell ref="SLA736:SLD736"/>
    <mergeCell ref="SJQ736:SJT736"/>
    <mergeCell ref="SJU736:SJX736"/>
    <mergeCell ref="SJY736:SKB736"/>
    <mergeCell ref="SKC736:SKF736"/>
    <mergeCell ref="SKG736:SKJ736"/>
    <mergeCell ref="SIW736:SIZ736"/>
    <mergeCell ref="SJA736:SJD736"/>
    <mergeCell ref="SJE736:SJH736"/>
    <mergeCell ref="SJI736:SJL736"/>
    <mergeCell ref="SJM736:SJP736"/>
    <mergeCell ref="SIC736:SIF736"/>
    <mergeCell ref="SIG736:SIJ736"/>
    <mergeCell ref="SIK736:SIN736"/>
    <mergeCell ref="SIO736:SIR736"/>
    <mergeCell ref="SIS736:SIV736"/>
    <mergeCell ref="SSC736:SSF736"/>
    <mergeCell ref="SSG736:SSJ736"/>
    <mergeCell ref="SSK736:SSN736"/>
    <mergeCell ref="SSO736:SSR736"/>
    <mergeCell ref="SSS736:SSV736"/>
    <mergeCell ref="SRI736:SRL736"/>
    <mergeCell ref="SRM736:SRP736"/>
    <mergeCell ref="SRQ736:SRT736"/>
    <mergeCell ref="SRU736:SRX736"/>
    <mergeCell ref="SRY736:SSB736"/>
    <mergeCell ref="SQO736:SQR736"/>
    <mergeCell ref="SQS736:SQV736"/>
    <mergeCell ref="SQW736:SQZ736"/>
    <mergeCell ref="SRA736:SRD736"/>
    <mergeCell ref="SRE736:SRH736"/>
    <mergeCell ref="SPU736:SPX736"/>
    <mergeCell ref="SPY736:SQB736"/>
    <mergeCell ref="SQC736:SQF736"/>
    <mergeCell ref="SQG736:SQJ736"/>
    <mergeCell ref="SQK736:SQN736"/>
    <mergeCell ref="SPA736:SPD736"/>
    <mergeCell ref="SPE736:SPH736"/>
    <mergeCell ref="SPI736:SPL736"/>
    <mergeCell ref="SPM736:SPP736"/>
    <mergeCell ref="SPQ736:SPT736"/>
    <mergeCell ref="SOG736:SOJ736"/>
    <mergeCell ref="SOK736:SON736"/>
    <mergeCell ref="SOO736:SOR736"/>
    <mergeCell ref="SOS736:SOV736"/>
    <mergeCell ref="SOW736:SOZ736"/>
    <mergeCell ref="SNM736:SNP736"/>
    <mergeCell ref="SNQ736:SNT736"/>
    <mergeCell ref="SNU736:SNX736"/>
    <mergeCell ref="SNY736:SOB736"/>
    <mergeCell ref="SOC736:SOF736"/>
    <mergeCell ref="SXM736:SXP736"/>
    <mergeCell ref="SXQ736:SXT736"/>
    <mergeCell ref="SXU736:SXX736"/>
    <mergeCell ref="SXY736:SYB736"/>
    <mergeCell ref="SYC736:SYF736"/>
    <mergeCell ref="SWS736:SWV736"/>
    <mergeCell ref="SWW736:SWZ736"/>
    <mergeCell ref="SXA736:SXD736"/>
    <mergeCell ref="SXE736:SXH736"/>
    <mergeCell ref="SXI736:SXL736"/>
    <mergeCell ref="SVY736:SWB736"/>
    <mergeCell ref="SWC736:SWF736"/>
    <mergeCell ref="SWG736:SWJ736"/>
    <mergeCell ref="SWK736:SWN736"/>
    <mergeCell ref="SWO736:SWR736"/>
    <mergeCell ref="SVE736:SVH736"/>
    <mergeCell ref="SVI736:SVL736"/>
    <mergeCell ref="SVM736:SVP736"/>
    <mergeCell ref="SVQ736:SVT736"/>
    <mergeCell ref="SVU736:SVX736"/>
    <mergeCell ref="SUK736:SUN736"/>
    <mergeCell ref="SUO736:SUR736"/>
    <mergeCell ref="SUS736:SUV736"/>
    <mergeCell ref="SUW736:SUZ736"/>
    <mergeCell ref="SVA736:SVD736"/>
    <mergeCell ref="STQ736:STT736"/>
    <mergeCell ref="STU736:STX736"/>
    <mergeCell ref="STY736:SUB736"/>
    <mergeCell ref="SUC736:SUF736"/>
    <mergeCell ref="SUG736:SUJ736"/>
    <mergeCell ref="SSW736:SSZ736"/>
    <mergeCell ref="STA736:STD736"/>
    <mergeCell ref="STE736:STH736"/>
    <mergeCell ref="STI736:STL736"/>
    <mergeCell ref="STM736:STP736"/>
    <mergeCell ref="TCW736:TCZ736"/>
    <mergeCell ref="TDA736:TDD736"/>
    <mergeCell ref="TDE736:TDH736"/>
    <mergeCell ref="TDI736:TDL736"/>
    <mergeCell ref="TDM736:TDP736"/>
    <mergeCell ref="TCC736:TCF736"/>
    <mergeCell ref="TCG736:TCJ736"/>
    <mergeCell ref="TCK736:TCN736"/>
    <mergeCell ref="TCO736:TCR736"/>
    <mergeCell ref="TCS736:TCV736"/>
    <mergeCell ref="TBI736:TBL736"/>
    <mergeCell ref="TBM736:TBP736"/>
    <mergeCell ref="TBQ736:TBT736"/>
    <mergeCell ref="TBU736:TBX736"/>
    <mergeCell ref="TBY736:TCB736"/>
    <mergeCell ref="TAO736:TAR736"/>
    <mergeCell ref="TAS736:TAV736"/>
    <mergeCell ref="TAW736:TAZ736"/>
    <mergeCell ref="TBA736:TBD736"/>
    <mergeCell ref="TBE736:TBH736"/>
    <mergeCell ref="SZU736:SZX736"/>
    <mergeCell ref="SZY736:TAB736"/>
    <mergeCell ref="TAC736:TAF736"/>
    <mergeCell ref="TAG736:TAJ736"/>
    <mergeCell ref="TAK736:TAN736"/>
    <mergeCell ref="SZA736:SZD736"/>
    <mergeCell ref="SZE736:SZH736"/>
    <mergeCell ref="SZI736:SZL736"/>
    <mergeCell ref="SZM736:SZP736"/>
    <mergeCell ref="SZQ736:SZT736"/>
    <mergeCell ref="SYG736:SYJ736"/>
    <mergeCell ref="SYK736:SYN736"/>
    <mergeCell ref="SYO736:SYR736"/>
    <mergeCell ref="SYS736:SYV736"/>
    <mergeCell ref="SYW736:SYZ736"/>
    <mergeCell ref="TIG736:TIJ736"/>
    <mergeCell ref="TIK736:TIN736"/>
    <mergeCell ref="TIO736:TIR736"/>
    <mergeCell ref="TIS736:TIV736"/>
    <mergeCell ref="TIW736:TIZ736"/>
    <mergeCell ref="THM736:THP736"/>
    <mergeCell ref="THQ736:THT736"/>
    <mergeCell ref="THU736:THX736"/>
    <mergeCell ref="THY736:TIB736"/>
    <mergeCell ref="TIC736:TIF736"/>
    <mergeCell ref="TGS736:TGV736"/>
    <mergeCell ref="TGW736:TGZ736"/>
    <mergeCell ref="THA736:THD736"/>
    <mergeCell ref="THE736:THH736"/>
    <mergeCell ref="THI736:THL736"/>
    <mergeCell ref="TFY736:TGB736"/>
    <mergeCell ref="TGC736:TGF736"/>
    <mergeCell ref="TGG736:TGJ736"/>
    <mergeCell ref="TGK736:TGN736"/>
    <mergeCell ref="TGO736:TGR736"/>
    <mergeCell ref="TFE736:TFH736"/>
    <mergeCell ref="TFI736:TFL736"/>
    <mergeCell ref="TFM736:TFP736"/>
    <mergeCell ref="TFQ736:TFT736"/>
    <mergeCell ref="TFU736:TFX736"/>
    <mergeCell ref="TEK736:TEN736"/>
    <mergeCell ref="TEO736:TER736"/>
    <mergeCell ref="TES736:TEV736"/>
    <mergeCell ref="TEW736:TEZ736"/>
    <mergeCell ref="TFA736:TFD736"/>
    <mergeCell ref="TDQ736:TDT736"/>
    <mergeCell ref="TDU736:TDX736"/>
    <mergeCell ref="TDY736:TEB736"/>
    <mergeCell ref="TEC736:TEF736"/>
    <mergeCell ref="TEG736:TEJ736"/>
    <mergeCell ref="TNQ736:TNT736"/>
    <mergeCell ref="TNU736:TNX736"/>
    <mergeCell ref="TNY736:TOB736"/>
    <mergeCell ref="TOC736:TOF736"/>
    <mergeCell ref="TOG736:TOJ736"/>
    <mergeCell ref="TMW736:TMZ736"/>
    <mergeCell ref="TNA736:TND736"/>
    <mergeCell ref="TNE736:TNH736"/>
    <mergeCell ref="TNI736:TNL736"/>
    <mergeCell ref="TNM736:TNP736"/>
    <mergeCell ref="TMC736:TMF736"/>
    <mergeCell ref="TMG736:TMJ736"/>
    <mergeCell ref="TMK736:TMN736"/>
    <mergeCell ref="TMO736:TMR736"/>
    <mergeCell ref="TMS736:TMV736"/>
    <mergeCell ref="TLI736:TLL736"/>
    <mergeCell ref="TLM736:TLP736"/>
    <mergeCell ref="TLQ736:TLT736"/>
    <mergeCell ref="TLU736:TLX736"/>
    <mergeCell ref="TLY736:TMB736"/>
    <mergeCell ref="TKO736:TKR736"/>
    <mergeCell ref="TKS736:TKV736"/>
    <mergeCell ref="TKW736:TKZ736"/>
    <mergeCell ref="TLA736:TLD736"/>
    <mergeCell ref="TLE736:TLH736"/>
    <mergeCell ref="TJU736:TJX736"/>
    <mergeCell ref="TJY736:TKB736"/>
    <mergeCell ref="TKC736:TKF736"/>
    <mergeCell ref="TKG736:TKJ736"/>
    <mergeCell ref="TKK736:TKN736"/>
    <mergeCell ref="TJA736:TJD736"/>
    <mergeCell ref="TJE736:TJH736"/>
    <mergeCell ref="TJI736:TJL736"/>
    <mergeCell ref="TJM736:TJP736"/>
    <mergeCell ref="TJQ736:TJT736"/>
    <mergeCell ref="TTA736:TTD736"/>
    <mergeCell ref="TTE736:TTH736"/>
    <mergeCell ref="TTI736:TTL736"/>
    <mergeCell ref="TTM736:TTP736"/>
    <mergeCell ref="TTQ736:TTT736"/>
    <mergeCell ref="TSG736:TSJ736"/>
    <mergeCell ref="TSK736:TSN736"/>
    <mergeCell ref="TSO736:TSR736"/>
    <mergeCell ref="TSS736:TSV736"/>
    <mergeCell ref="TSW736:TSZ736"/>
    <mergeCell ref="TRM736:TRP736"/>
    <mergeCell ref="TRQ736:TRT736"/>
    <mergeCell ref="TRU736:TRX736"/>
    <mergeCell ref="TRY736:TSB736"/>
    <mergeCell ref="TSC736:TSF736"/>
    <mergeCell ref="TQS736:TQV736"/>
    <mergeCell ref="TQW736:TQZ736"/>
    <mergeCell ref="TRA736:TRD736"/>
    <mergeCell ref="TRE736:TRH736"/>
    <mergeCell ref="TRI736:TRL736"/>
    <mergeCell ref="TPY736:TQB736"/>
    <mergeCell ref="TQC736:TQF736"/>
    <mergeCell ref="TQG736:TQJ736"/>
    <mergeCell ref="TQK736:TQN736"/>
    <mergeCell ref="TQO736:TQR736"/>
    <mergeCell ref="TPE736:TPH736"/>
    <mergeCell ref="TPI736:TPL736"/>
    <mergeCell ref="TPM736:TPP736"/>
    <mergeCell ref="TPQ736:TPT736"/>
    <mergeCell ref="TPU736:TPX736"/>
    <mergeCell ref="TOK736:TON736"/>
    <mergeCell ref="TOO736:TOR736"/>
    <mergeCell ref="TOS736:TOV736"/>
    <mergeCell ref="TOW736:TOZ736"/>
    <mergeCell ref="TPA736:TPD736"/>
    <mergeCell ref="TYK736:TYN736"/>
    <mergeCell ref="TYO736:TYR736"/>
    <mergeCell ref="TYS736:TYV736"/>
    <mergeCell ref="TYW736:TYZ736"/>
    <mergeCell ref="TZA736:TZD736"/>
    <mergeCell ref="TXQ736:TXT736"/>
    <mergeCell ref="TXU736:TXX736"/>
    <mergeCell ref="TXY736:TYB736"/>
    <mergeCell ref="TYC736:TYF736"/>
    <mergeCell ref="TYG736:TYJ736"/>
    <mergeCell ref="TWW736:TWZ736"/>
    <mergeCell ref="TXA736:TXD736"/>
    <mergeCell ref="TXE736:TXH736"/>
    <mergeCell ref="TXI736:TXL736"/>
    <mergeCell ref="TXM736:TXP736"/>
    <mergeCell ref="TWC736:TWF736"/>
    <mergeCell ref="TWG736:TWJ736"/>
    <mergeCell ref="TWK736:TWN736"/>
    <mergeCell ref="TWO736:TWR736"/>
    <mergeCell ref="TWS736:TWV736"/>
    <mergeCell ref="TVI736:TVL736"/>
    <mergeCell ref="TVM736:TVP736"/>
    <mergeCell ref="TVQ736:TVT736"/>
    <mergeCell ref="TVU736:TVX736"/>
    <mergeCell ref="TVY736:TWB736"/>
    <mergeCell ref="TUO736:TUR736"/>
    <mergeCell ref="TUS736:TUV736"/>
    <mergeCell ref="TUW736:TUZ736"/>
    <mergeCell ref="TVA736:TVD736"/>
    <mergeCell ref="TVE736:TVH736"/>
    <mergeCell ref="TTU736:TTX736"/>
    <mergeCell ref="TTY736:TUB736"/>
    <mergeCell ref="TUC736:TUF736"/>
    <mergeCell ref="TUG736:TUJ736"/>
    <mergeCell ref="TUK736:TUN736"/>
    <mergeCell ref="UDU736:UDX736"/>
    <mergeCell ref="UDY736:UEB736"/>
    <mergeCell ref="UEC736:UEF736"/>
    <mergeCell ref="UEG736:UEJ736"/>
    <mergeCell ref="UEK736:UEN736"/>
    <mergeCell ref="UDA736:UDD736"/>
    <mergeCell ref="UDE736:UDH736"/>
    <mergeCell ref="UDI736:UDL736"/>
    <mergeCell ref="UDM736:UDP736"/>
    <mergeCell ref="UDQ736:UDT736"/>
    <mergeCell ref="UCG736:UCJ736"/>
    <mergeCell ref="UCK736:UCN736"/>
    <mergeCell ref="UCO736:UCR736"/>
    <mergeCell ref="UCS736:UCV736"/>
    <mergeCell ref="UCW736:UCZ736"/>
    <mergeCell ref="UBM736:UBP736"/>
    <mergeCell ref="UBQ736:UBT736"/>
    <mergeCell ref="UBU736:UBX736"/>
    <mergeCell ref="UBY736:UCB736"/>
    <mergeCell ref="UCC736:UCF736"/>
    <mergeCell ref="UAS736:UAV736"/>
    <mergeCell ref="UAW736:UAZ736"/>
    <mergeCell ref="UBA736:UBD736"/>
    <mergeCell ref="UBE736:UBH736"/>
    <mergeCell ref="UBI736:UBL736"/>
    <mergeCell ref="TZY736:UAB736"/>
    <mergeCell ref="UAC736:UAF736"/>
    <mergeCell ref="UAG736:UAJ736"/>
    <mergeCell ref="UAK736:UAN736"/>
    <mergeCell ref="UAO736:UAR736"/>
    <mergeCell ref="TZE736:TZH736"/>
    <mergeCell ref="TZI736:TZL736"/>
    <mergeCell ref="TZM736:TZP736"/>
    <mergeCell ref="TZQ736:TZT736"/>
    <mergeCell ref="TZU736:TZX736"/>
    <mergeCell ref="UJE736:UJH736"/>
    <mergeCell ref="UJI736:UJL736"/>
    <mergeCell ref="UJM736:UJP736"/>
    <mergeCell ref="UJQ736:UJT736"/>
    <mergeCell ref="UJU736:UJX736"/>
    <mergeCell ref="UIK736:UIN736"/>
    <mergeCell ref="UIO736:UIR736"/>
    <mergeCell ref="UIS736:UIV736"/>
    <mergeCell ref="UIW736:UIZ736"/>
    <mergeCell ref="UJA736:UJD736"/>
    <mergeCell ref="UHQ736:UHT736"/>
    <mergeCell ref="UHU736:UHX736"/>
    <mergeCell ref="UHY736:UIB736"/>
    <mergeCell ref="UIC736:UIF736"/>
    <mergeCell ref="UIG736:UIJ736"/>
    <mergeCell ref="UGW736:UGZ736"/>
    <mergeCell ref="UHA736:UHD736"/>
    <mergeCell ref="UHE736:UHH736"/>
    <mergeCell ref="UHI736:UHL736"/>
    <mergeCell ref="UHM736:UHP736"/>
    <mergeCell ref="UGC736:UGF736"/>
    <mergeCell ref="UGG736:UGJ736"/>
    <mergeCell ref="UGK736:UGN736"/>
    <mergeCell ref="UGO736:UGR736"/>
    <mergeCell ref="UGS736:UGV736"/>
    <mergeCell ref="UFI736:UFL736"/>
    <mergeCell ref="UFM736:UFP736"/>
    <mergeCell ref="UFQ736:UFT736"/>
    <mergeCell ref="UFU736:UFX736"/>
    <mergeCell ref="UFY736:UGB736"/>
    <mergeCell ref="UEO736:UER736"/>
    <mergeCell ref="UES736:UEV736"/>
    <mergeCell ref="UEW736:UEZ736"/>
    <mergeCell ref="UFA736:UFD736"/>
    <mergeCell ref="UFE736:UFH736"/>
    <mergeCell ref="UOO736:UOR736"/>
    <mergeCell ref="UOS736:UOV736"/>
    <mergeCell ref="UOW736:UOZ736"/>
    <mergeCell ref="UPA736:UPD736"/>
    <mergeCell ref="UPE736:UPH736"/>
    <mergeCell ref="UNU736:UNX736"/>
    <mergeCell ref="UNY736:UOB736"/>
    <mergeCell ref="UOC736:UOF736"/>
    <mergeCell ref="UOG736:UOJ736"/>
    <mergeCell ref="UOK736:UON736"/>
    <mergeCell ref="UNA736:UND736"/>
    <mergeCell ref="UNE736:UNH736"/>
    <mergeCell ref="UNI736:UNL736"/>
    <mergeCell ref="UNM736:UNP736"/>
    <mergeCell ref="UNQ736:UNT736"/>
    <mergeCell ref="UMG736:UMJ736"/>
    <mergeCell ref="UMK736:UMN736"/>
    <mergeCell ref="UMO736:UMR736"/>
    <mergeCell ref="UMS736:UMV736"/>
    <mergeCell ref="UMW736:UMZ736"/>
    <mergeCell ref="ULM736:ULP736"/>
    <mergeCell ref="ULQ736:ULT736"/>
    <mergeCell ref="ULU736:ULX736"/>
    <mergeCell ref="ULY736:UMB736"/>
    <mergeCell ref="UMC736:UMF736"/>
    <mergeCell ref="UKS736:UKV736"/>
    <mergeCell ref="UKW736:UKZ736"/>
    <mergeCell ref="ULA736:ULD736"/>
    <mergeCell ref="ULE736:ULH736"/>
    <mergeCell ref="ULI736:ULL736"/>
    <mergeCell ref="UJY736:UKB736"/>
    <mergeCell ref="UKC736:UKF736"/>
    <mergeCell ref="UKG736:UKJ736"/>
    <mergeCell ref="UKK736:UKN736"/>
    <mergeCell ref="UKO736:UKR736"/>
    <mergeCell ref="UTY736:UUB736"/>
    <mergeCell ref="UUC736:UUF736"/>
    <mergeCell ref="UUG736:UUJ736"/>
    <mergeCell ref="UUK736:UUN736"/>
    <mergeCell ref="UUO736:UUR736"/>
    <mergeCell ref="UTE736:UTH736"/>
    <mergeCell ref="UTI736:UTL736"/>
    <mergeCell ref="UTM736:UTP736"/>
    <mergeCell ref="UTQ736:UTT736"/>
    <mergeCell ref="UTU736:UTX736"/>
    <mergeCell ref="USK736:USN736"/>
    <mergeCell ref="USO736:USR736"/>
    <mergeCell ref="USS736:USV736"/>
    <mergeCell ref="USW736:USZ736"/>
    <mergeCell ref="UTA736:UTD736"/>
    <mergeCell ref="URQ736:URT736"/>
    <mergeCell ref="URU736:URX736"/>
    <mergeCell ref="URY736:USB736"/>
    <mergeCell ref="USC736:USF736"/>
    <mergeCell ref="USG736:USJ736"/>
    <mergeCell ref="UQW736:UQZ736"/>
    <mergeCell ref="URA736:URD736"/>
    <mergeCell ref="URE736:URH736"/>
    <mergeCell ref="URI736:URL736"/>
    <mergeCell ref="URM736:URP736"/>
    <mergeCell ref="UQC736:UQF736"/>
    <mergeCell ref="UQG736:UQJ736"/>
    <mergeCell ref="UQK736:UQN736"/>
    <mergeCell ref="UQO736:UQR736"/>
    <mergeCell ref="UQS736:UQV736"/>
    <mergeCell ref="UPI736:UPL736"/>
    <mergeCell ref="UPM736:UPP736"/>
    <mergeCell ref="UPQ736:UPT736"/>
    <mergeCell ref="UPU736:UPX736"/>
    <mergeCell ref="UPY736:UQB736"/>
    <mergeCell ref="UZI736:UZL736"/>
    <mergeCell ref="UZM736:UZP736"/>
    <mergeCell ref="UZQ736:UZT736"/>
    <mergeCell ref="UZU736:UZX736"/>
    <mergeCell ref="UZY736:VAB736"/>
    <mergeCell ref="UYO736:UYR736"/>
    <mergeCell ref="UYS736:UYV736"/>
    <mergeCell ref="UYW736:UYZ736"/>
    <mergeCell ref="UZA736:UZD736"/>
    <mergeCell ref="UZE736:UZH736"/>
    <mergeCell ref="UXU736:UXX736"/>
    <mergeCell ref="UXY736:UYB736"/>
    <mergeCell ref="UYC736:UYF736"/>
    <mergeCell ref="UYG736:UYJ736"/>
    <mergeCell ref="UYK736:UYN736"/>
    <mergeCell ref="UXA736:UXD736"/>
    <mergeCell ref="UXE736:UXH736"/>
    <mergeCell ref="UXI736:UXL736"/>
    <mergeCell ref="UXM736:UXP736"/>
    <mergeCell ref="UXQ736:UXT736"/>
    <mergeCell ref="UWG736:UWJ736"/>
    <mergeCell ref="UWK736:UWN736"/>
    <mergeCell ref="UWO736:UWR736"/>
    <mergeCell ref="UWS736:UWV736"/>
    <mergeCell ref="UWW736:UWZ736"/>
    <mergeCell ref="UVM736:UVP736"/>
    <mergeCell ref="UVQ736:UVT736"/>
    <mergeCell ref="UVU736:UVX736"/>
    <mergeCell ref="UVY736:UWB736"/>
    <mergeCell ref="UWC736:UWF736"/>
    <mergeCell ref="UUS736:UUV736"/>
    <mergeCell ref="UUW736:UUZ736"/>
    <mergeCell ref="UVA736:UVD736"/>
    <mergeCell ref="UVE736:UVH736"/>
    <mergeCell ref="UVI736:UVL736"/>
    <mergeCell ref="VES736:VEV736"/>
    <mergeCell ref="VEW736:VEZ736"/>
    <mergeCell ref="VFA736:VFD736"/>
    <mergeCell ref="VFE736:VFH736"/>
    <mergeCell ref="VFI736:VFL736"/>
    <mergeCell ref="VDY736:VEB736"/>
    <mergeCell ref="VEC736:VEF736"/>
    <mergeCell ref="VEG736:VEJ736"/>
    <mergeCell ref="VEK736:VEN736"/>
    <mergeCell ref="VEO736:VER736"/>
    <mergeCell ref="VDE736:VDH736"/>
    <mergeCell ref="VDI736:VDL736"/>
    <mergeCell ref="VDM736:VDP736"/>
    <mergeCell ref="VDQ736:VDT736"/>
    <mergeCell ref="VDU736:VDX736"/>
    <mergeCell ref="VCK736:VCN736"/>
    <mergeCell ref="VCO736:VCR736"/>
    <mergeCell ref="VCS736:VCV736"/>
    <mergeCell ref="VCW736:VCZ736"/>
    <mergeCell ref="VDA736:VDD736"/>
    <mergeCell ref="VBQ736:VBT736"/>
    <mergeCell ref="VBU736:VBX736"/>
    <mergeCell ref="VBY736:VCB736"/>
    <mergeCell ref="VCC736:VCF736"/>
    <mergeCell ref="VCG736:VCJ736"/>
    <mergeCell ref="VAW736:VAZ736"/>
    <mergeCell ref="VBA736:VBD736"/>
    <mergeCell ref="VBE736:VBH736"/>
    <mergeCell ref="VBI736:VBL736"/>
    <mergeCell ref="VBM736:VBP736"/>
    <mergeCell ref="VAC736:VAF736"/>
    <mergeCell ref="VAG736:VAJ736"/>
    <mergeCell ref="VAK736:VAN736"/>
    <mergeCell ref="VAO736:VAR736"/>
    <mergeCell ref="VAS736:VAV736"/>
    <mergeCell ref="VKC736:VKF736"/>
    <mergeCell ref="VKG736:VKJ736"/>
    <mergeCell ref="VKK736:VKN736"/>
    <mergeCell ref="VKO736:VKR736"/>
    <mergeCell ref="VKS736:VKV736"/>
    <mergeCell ref="VJI736:VJL736"/>
    <mergeCell ref="VJM736:VJP736"/>
    <mergeCell ref="VJQ736:VJT736"/>
    <mergeCell ref="VJU736:VJX736"/>
    <mergeCell ref="VJY736:VKB736"/>
    <mergeCell ref="VIO736:VIR736"/>
    <mergeCell ref="VIS736:VIV736"/>
    <mergeCell ref="VIW736:VIZ736"/>
    <mergeCell ref="VJA736:VJD736"/>
    <mergeCell ref="VJE736:VJH736"/>
    <mergeCell ref="VHU736:VHX736"/>
    <mergeCell ref="VHY736:VIB736"/>
    <mergeCell ref="VIC736:VIF736"/>
    <mergeCell ref="VIG736:VIJ736"/>
    <mergeCell ref="VIK736:VIN736"/>
    <mergeCell ref="VHA736:VHD736"/>
    <mergeCell ref="VHE736:VHH736"/>
    <mergeCell ref="VHI736:VHL736"/>
    <mergeCell ref="VHM736:VHP736"/>
    <mergeCell ref="VHQ736:VHT736"/>
    <mergeCell ref="VGG736:VGJ736"/>
    <mergeCell ref="VGK736:VGN736"/>
    <mergeCell ref="VGO736:VGR736"/>
    <mergeCell ref="VGS736:VGV736"/>
    <mergeCell ref="VGW736:VGZ736"/>
    <mergeCell ref="VFM736:VFP736"/>
    <mergeCell ref="VFQ736:VFT736"/>
    <mergeCell ref="VFU736:VFX736"/>
    <mergeCell ref="VFY736:VGB736"/>
    <mergeCell ref="VGC736:VGF736"/>
    <mergeCell ref="VPM736:VPP736"/>
    <mergeCell ref="VPQ736:VPT736"/>
    <mergeCell ref="VPU736:VPX736"/>
    <mergeCell ref="VPY736:VQB736"/>
    <mergeCell ref="VQC736:VQF736"/>
    <mergeCell ref="VOS736:VOV736"/>
    <mergeCell ref="VOW736:VOZ736"/>
    <mergeCell ref="VPA736:VPD736"/>
    <mergeCell ref="VPE736:VPH736"/>
    <mergeCell ref="VPI736:VPL736"/>
    <mergeCell ref="VNY736:VOB736"/>
    <mergeCell ref="VOC736:VOF736"/>
    <mergeCell ref="VOG736:VOJ736"/>
    <mergeCell ref="VOK736:VON736"/>
    <mergeCell ref="VOO736:VOR736"/>
    <mergeCell ref="VNE736:VNH736"/>
    <mergeCell ref="VNI736:VNL736"/>
    <mergeCell ref="VNM736:VNP736"/>
    <mergeCell ref="VNQ736:VNT736"/>
    <mergeCell ref="VNU736:VNX736"/>
    <mergeCell ref="VMK736:VMN736"/>
    <mergeCell ref="VMO736:VMR736"/>
    <mergeCell ref="VMS736:VMV736"/>
    <mergeCell ref="VMW736:VMZ736"/>
    <mergeCell ref="VNA736:VND736"/>
    <mergeCell ref="VLQ736:VLT736"/>
    <mergeCell ref="VLU736:VLX736"/>
    <mergeCell ref="VLY736:VMB736"/>
    <mergeCell ref="VMC736:VMF736"/>
    <mergeCell ref="VMG736:VMJ736"/>
    <mergeCell ref="VKW736:VKZ736"/>
    <mergeCell ref="VLA736:VLD736"/>
    <mergeCell ref="VLE736:VLH736"/>
    <mergeCell ref="VLI736:VLL736"/>
    <mergeCell ref="VLM736:VLP736"/>
    <mergeCell ref="VUW736:VUZ736"/>
    <mergeCell ref="VVA736:VVD736"/>
    <mergeCell ref="VVE736:VVH736"/>
    <mergeCell ref="VVI736:VVL736"/>
    <mergeCell ref="VVM736:VVP736"/>
    <mergeCell ref="VUC736:VUF736"/>
    <mergeCell ref="VUG736:VUJ736"/>
    <mergeCell ref="VUK736:VUN736"/>
    <mergeCell ref="VUO736:VUR736"/>
    <mergeCell ref="VUS736:VUV736"/>
    <mergeCell ref="VTI736:VTL736"/>
    <mergeCell ref="VTM736:VTP736"/>
    <mergeCell ref="VTQ736:VTT736"/>
    <mergeCell ref="VTU736:VTX736"/>
    <mergeCell ref="VTY736:VUB736"/>
    <mergeCell ref="VSO736:VSR736"/>
    <mergeCell ref="VSS736:VSV736"/>
    <mergeCell ref="VSW736:VSZ736"/>
    <mergeCell ref="VTA736:VTD736"/>
    <mergeCell ref="VTE736:VTH736"/>
    <mergeCell ref="VRU736:VRX736"/>
    <mergeCell ref="VRY736:VSB736"/>
    <mergeCell ref="VSC736:VSF736"/>
    <mergeCell ref="VSG736:VSJ736"/>
    <mergeCell ref="VSK736:VSN736"/>
    <mergeCell ref="VRA736:VRD736"/>
    <mergeCell ref="VRE736:VRH736"/>
    <mergeCell ref="VRI736:VRL736"/>
    <mergeCell ref="VRM736:VRP736"/>
    <mergeCell ref="VRQ736:VRT736"/>
    <mergeCell ref="VQG736:VQJ736"/>
    <mergeCell ref="VQK736:VQN736"/>
    <mergeCell ref="VQO736:VQR736"/>
    <mergeCell ref="VQS736:VQV736"/>
    <mergeCell ref="VQW736:VQZ736"/>
    <mergeCell ref="WAG736:WAJ736"/>
    <mergeCell ref="WAK736:WAN736"/>
    <mergeCell ref="WAO736:WAR736"/>
    <mergeCell ref="WAS736:WAV736"/>
    <mergeCell ref="WAW736:WAZ736"/>
    <mergeCell ref="VZM736:VZP736"/>
    <mergeCell ref="VZQ736:VZT736"/>
    <mergeCell ref="VZU736:VZX736"/>
    <mergeCell ref="VZY736:WAB736"/>
    <mergeCell ref="WAC736:WAF736"/>
    <mergeCell ref="VYS736:VYV736"/>
    <mergeCell ref="VYW736:VYZ736"/>
    <mergeCell ref="VZA736:VZD736"/>
    <mergeCell ref="VZE736:VZH736"/>
    <mergeCell ref="VZI736:VZL736"/>
    <mergeCell ref="VXY736:VYB736"/>
    <mergeCell ref="VYC736:VYF736"/>
    <mergeCell ref="VYG736:VYJ736"/>
    <mergeCell ref="VYK736:VYN736"/>
    <mergeCell ref="VYO736:VYR736"/>
    <mergeCell ref="VXE736:VXH736"/>
    <mergeCell ref="VXI736:VXL736"/>
    <mergeCell ref="VXM736:VXP736"/>
    <mergeCell ref="VXQ736:VXT736"/>
    <mergeCell ref="VXU736:VXX736"/>
    <mergeCell ref="VWK736:VWN736"/>
    <mergeCell ref="VWO736:VWR736"/>
    <mergeCell ref="VWS736:VWV736"/>
    <mergeCell ref="VWW736:VWZ736"/>
    <mergeCell ref="VXA736:VXD736"/>
    <mergeCell ref="VVQ736:VVT736"/>
    <mergeCell ref="VVU736:VVX736"/>
    <mergeCell ref="VVY736:VWB736"/>
    <mergeCell ref="VWC736:VWF736"/>
    <mergeCell ref="VWG736:VWJ736"/>
    <mergeCell ref="WFQ736:WFT736"/>
    <mergeCell ref="WFU736:WFX736"/>
    <mergeCell ref="WFY736:WGB736"/>
    <mergeCell ref="WGC736:WGF736"/>
    <mergeCell ref="WGG736:WGJ736"/>
    <mergeCell ref="WEW736:WEZ736"/>
    <mergeCell ref="WFA736:WFD736"/>
    <mergeCell ref="WFE736:WFH736"/>
    <mergeCell ref="WFI736:WFL736"/>
    <mergeCell ref="WFM736:WFP736"/>
    <mergeCell ref="WEC736:WEF736"/>
    <mergeCell ref="WEG736:WEJ736"/>
    <mergeCell ref="WEK736:WEN736"/>
    <mergeCell ref="WEO736:WER736"/>
    <mergeCell ref="WES736:WEV736"/>
    <mergeCell ref="WDI736:WDL736"/>
    <mergeCell ref="WDM736:WDP736"/>
    <mergeCell ref="WDQ736:WDT736"/>
    <mergeCell ref="WDU736:WDX736"/>
    <mergeCell ref="WDY736:WEB736"/>
    <mergeCell ref="WCO736:WCR736"/>
    <mergeCell ref="WCS736:WCV736"/>
    <mergeCell ref="WCW736:WCZ736"/>
    <mergeCell ref="WDA736:WDD736"/>
    <mergeCell ref="WDE736:WDH736"/>
    <mergeCell ref="WBU736:WBX736"/>
    <mergeCell ref="WBY736:WCB736"/>
    <mergeCell ref="WCC736:WCF736"/>
    <mergeCell ref="WCG736:WCJ736"/>
    <mergeCell ref="WCK736:WCN736"/>
    <mergeCell ref="WBA736:WBD736"/>
    <mergeCell ref="WBE736:WBH736"/>
    <mergeCell ref="WBI736:WBL736"/>
    <mergeCell ref="WBM736:WBP736"/>
    <mergeCell ref="WBQ736:WBT736"/>
    <mergeCell ref="WLA736:WLD736"/>
    <mergeCell ref="WLE736:WLH736"/>
    <mergeCell ref="WLI736:WLL736"/>
    <mergeCell ref="WLM736:WLP736"/>
    <mergeCell ref="WLQ736:WLT736"/>
    <mergeCell ref="WKG736:WKJ736"/>
    <mergeCell ref="WKK736:WKN736"/>
    <mergeCell ref="WKO736:WKR736"/>
    <mergeCell ref="WKS736:WKV736"/>
    <mergeCell ref="WKW736:WKZ736"/>
    <mergeCell ref="WJM736:WJP736"/>
    <mergeCell ref="WJQ736:WJT736"/>
    <mergeCell ref="WJU736:WJX736"/>
    <mergeCell ref="WJY736:WKB736"/>
    <mergeCell ref="WKC736:WKF736"/>
    <mergeCell ref="WIS736:WIV736"/>
    <mergeCell ref="WIW736:WIZ736"/>
    <mergeCell ref="WJA736:WJD736"/>
    <mergeCell ref="WJE736:WJH736"/>
    <mergeCell ref="WJI736:WJL736"/>
    <mergeCell ref="WHY736:WIB736"/>
    <mergeCell ref="WIC736:WIF736"/>
    <mergeCell ref="WIG736:WIJ736"/>
    <mergeCell ref="WIK736:WIN736"/>
    <mergeCell ref="WIO736:WIR736"/>
    <mergeCell ref="WHE736:WHH736"/>
    <mergeCell ref="WHI736:WHL736"/>
    <mergeCell ref="WHM736:WHP736"/>
    <mergeCell ref="WHQ736:WHT736"/>
    <mergeCell ref="WHU736:WHX736"/>
    <mergeCell ref="WGK736:WGN736"/>
    <mergeCell ref="WGO736:WGR736"/>
    <mergeCell ref="WGS736:WGV736"/>
    <mergeCell ref="WGW736:WGZ736"/>
    <mergeCell ref="WHA736:WHD736"/>
    <mergeCell ref="WQK736:WQN736"/>
    <mergeCell ref="WQO736:WQR736"/>
    <mergeCell ref="WQS736:WQV736"/>
    <mergeCell ref="WQW736:WQZ736"/>
    <mergeCell ref="WRA736:WRD736"/>
    <mergeCell ref="WPQ736:WPT736"/>
    <mergeCell ref="WPU736:WPX736"/>
    <mergeCell ref="WPY736:WQB736"/>
    <mergeCell ref="WQC736:WQF736"/>
    <mergeCell ref="WQG736:WQJ736"/>
    <mergeCell ref="WOW736:WOZ736"/>
    <mergeCell ref="WPA736:WPD736"/>
    <mergeCell ref="WPE736:WPH736"/>
    <mergeCell ref="WPI736:WPL736"/>
    <mergeCell ref="WPM736:WPP736"/>
    <mergeCell ref="WOC736:WOF736"/>
    <mergeCell ref="WOG736:WOJ736"/>
    <mergeCell ref="WOK736:WON736"/>
    <mergeCell ref="WOO736:WOR736"/>
    <mergeCell ref="WOS736:WOV736"/>
    <mergeCell ref="WNI736:WNL736"/>
    <mergeCell ref="WNM736:WNP736"/>
    <mergeCell ref="WNQ736:WNT736"/>
    <mergeCell ref="WNU736:WNX736"/>
    <mergeCell ref="WNY736:WOB736"/>
    <mergeCell ref="WMO736:WMR736"/>
    <mergeCell ref="WMS736:WMV736"/>
    <mergeCell ref="WMW736:WMZ736"/>
    <mergeCell ref="WNA736:WND736"/>
    <mergeCell ref="WNE736:WNH736"/>
    <mergeCell ref="WLU736:WLX736"/>
    <mergeCell ref="WLY736:WMB736"/>
    <mergeCell ref="WMC736:WMF736"/>
    <mergeCell ref="WMG736:WMJ736"/>
    <mergeCell ref="WMK736:WMN736"/>
    <mergeCell ref="WVU736:WVX736"/>
    <mergeCell ref="WVY736:WWB736"/>
    <mergeCell ref="WWC736:WWF736"/>
    <mergeCell ref="WWG736:WWJ736"/>
    <mergeCell ref="WWK736:WWN736"/>
    <mergeCell ref="WVA736:WVD736"/>
    <mergeCell ref="WVE736:WVH736"/>
    <mergeCell ref="WVI736:WVL736"/>
    <mergeCell ref="WVM736:WVP736"/>
    <mergeCell ref="WVQ736:WVT736"/>
    <mergeCell ref="WUG736:WUJ736"/>
    <mergeCell ref="WUK736:WUN736"/>
    <mergeCell ref="WUO736:WUR736"/>
    <mergeCell ref="WUS736:WUV736"/>
    <mergeCell ref="WUW736:WUZ736"/>
    <mergeCell ref="WTM736:WTP736"/>
    <mergeCell ref="WTQ736:WTT736"/>
    <mergeCell ref="WTU736:WTX736"/>
    <mergeCell ref="WTY736:WUB736"/>
    <mergeCell ref="WUC736:WUF736"/>
    <mergeCell ref="WSS736:WSV736"/>
    <mergeCell ref="WSW736:WSZ736"/>
    <mergeCell ref="WTA736:WTD736"/>
    <mergeCell ref="WTE736:WTH736"/>
    <mergeCell ref="WTI736:WTL736"/>
    <mergeCell ref="WRY736:WSB736"/>
    <mergeCell ref="WSC736:WSF736"/>
    <mergeCell ref="WSG736:WSJ736"/>
    <mergeCell ref="WSK736:WSN736"/>
    <mergeCell ref="WSO736:WSR736"/>
    <mergeCell ref="WRE736:WRH736"/>
    <mergeCell ref="WRI736:WRL736"/>
    <mergeCell ref="WRM736:WRP736"/>
    <mergeCell ref="WRQ736:WRT736"/>
    <mergeCell ref="WRU736:WRX736"/>
    <mergeCell ref="XCK736:XCN736"/>
    <mergeCell ref="XCO736:XCR736"/>
    <mergeCell ref="XBE736:XBH736"/>
    <mergeCell ref="XBI736:XBL736"/>
    <mergeCell ref="XBM736:XBP736"/>
    <mergeCell ref="XBQ736:XBT736"/>
    <mergeCell ref="XBU736:XBX736"/>
    <mergeCell ref="XAK736:XAN736"/>
    <mergeCell ref="XAO736:XAR736"/>
    <mergeCell ref="XAS736:XAV736"/>
    <mergeCell ref="XAW736:XAZ736"/>
    <mergeCell ref="XBA736:XBD736"/>
    <mergeCell ref="WZQ736:WZT736"/>
    <mergeCell ref="WZU736:WZX736"/>
    <mergeCell ref="WZY736:XAB736"/>
    <mergeCell ref="XAC736:XAF736"/>
    <mergeCell ref="XAG736:XAJ736"/>
    <mergeCell ref="WYW736:WYZ736"/>
    <mergeCell ref="WZA736:WZD736"/>
    <mergeCell ref="WZE736:WZH736"/>
    <mergeCell ref="WZI736:WZL736"/>
    <mergeCell ref="WZM736:WZP736"/>
    <mergeCell ref="WYC736:WYF736"/>
    <mergeCell ref="WYG736:WYJ736"/>
    <mergeCell ref="WYK736:WYN736"/>
    <mergeCell ref="WYO736:WYR736"/>
    <mergeCell ref="WYS736:WYV736"/>
    <mergeCell ref="WXI736:WXL736"/>
    <mergeCell ref="WXM736:WXP736"/>
    <mergeCell ref="WXQ736:WXT736"/>
    <mergeCell ref="WXU736:WXX736"/>
    <mergeCell ref="WXY736:WYB736"/>
    <mergeCell ref="WWO736:WWR736"/>
    <mergeCell ref="WWS736:WWV736"/>
    <mergeCell ref="WWW736:WWZ736"/>
    <mergeCell ref="WXA736:WXD736"/>
    <mergeCell ref="WXE736:WXH736"/>
    <mergeCell ref="FE737:FH737"/>
    <mergeCell ref="FI737:FL737"/>
    <mergeCell ref="FM737:FP737"/>
    <mergeCell ref="FQ737:FT737"/>
    <mergeCell ref="FU737:FX737"/>
    <mergeCell ref="EK737:EN737"/>
    <mergeCell ref="EO737:ER737"/>
    <mergeCell ref="ES737:EV737"/>
    <mergeCell ref="EW737:EZ737"/>
    <mergeCell ref="FA737:FD737"/>
    <mergeCell ref="DQ737:DT737"/>
    <mergeCell ref="DU737:DX737"/>
    <mergeCell ref="DY737:EB737"/>
    <mergeCell ref="EC737:EF737"/>
    <mergeCell ref="EG737:EJ737"/>
    <mergeCell ref="CW737:CZ737"/>
    <mergeCell ref="DA737:DD737"/>
    <mergeCell ref="DE737:DH737"/>
    <mergeCell ref="DI737:DL737"/>
    <mergeCell ref="DM737:DP737"/>
    <mergeCell ref="CC737:CF737"/>
    <mergeCell ref="CG737:CJ737"/>
    <mergeCell ref="CK737:CN737"/>
    <mergeCell ref="CO737:CR737"/>
    <mergeCell ref="CS737:CV737"/>
    <mergeCell ref="BI737:BL737"/>
    <mergeCell ref="BM737:BP737"/>
    <mergeCell ref="BQ737:BT737"/>
    <mergeCell ref="BU737:BX737"/>
    <mergeCell ref="BY737:CB737"/>
    <mergeCell ref="XFA736:XFD736"/>
    <mergeCell ref="A737:D737"/>
    <mergeCell ref="E737:H737"/>
    <mergeCell ref="I737:L737"/>
    <mergeCell ref="M737:P737"/>
    <mergeCell ref="Q737:T737"/>
    <mergeCell ref="U737:X737"/>
    <mergeCell ref="Y737:AB737"/>
    <mergeCell ref="AC737:AF737"/>
    <mergeCell ref="AG737:AJ737"/>
    <mergeCell ref="AK737:AN737"/>
    <mergeCell ref="AO737:AR737"/>
    <mergeCell ref="AS737:AV737"/>
    <mergeCell ref="AW737:AZ737"/>
    <mergeCell ref="BA737:BD737"/>
    <mergeCell ref="BE737:BH737"/>
    <mergeCell ref="XEG736:XEJ736"/>
    <mergeCell ref="XEK736:XEN736"/>
    <mergeCell ref="XEO736:XER736"/>
    <mergeCell ref="XES736:XEV736"/>
    <mergeCell ref="XEW736:XEZ736"/>
    <mergeCell ref="XDM736:XDP736"/>
    <mergeCell ref="XDQ736:XDT736"/>
    <mergeCell ref="XDU736:XDX736"/>
    <mergeCell ref="XDY736:XEB736"/>
    <mergeCell ref="XEC736:XEF736"/>
    <mergeCell ref="XCS736:XCV736"/>
    <mergeCell ref="XCW736:XCZ736"/>
    <mergeCell ref="XDA736:XDD736"/>
    <mergeCell ref="XDE736:XDH736"/>
    <mergeCell ref="XDI736:XDL736"/>
    <mergeCell ref="XBY736:XCB736"/>
    <mergeCell ref="XCC736:XCF736"/>
    <mergeCell ref="XCG736:XCJ736"/>
    <mergeCell ref="KO737:KR737"/>
    <mergeCell ref="KS737:KV737"/>
    <mergeCell ref="KW737:KZ737"/>
    <mergeCell ref="LA737:LD737"/>
    <mergeCell ref="LE737:LH737"/>
    <mergeCell ref="JU737:JX737"/>
    <mergeCell ref="JY737:KB737"/>
    <mergeCell ref="KC737:KF737"/>
    <mergeCell ref="KG737:KJ737"/>
    <mergeCell ref="KK737:KN737"/>
    <mergeCell ref="JA737:JD737"/>
    <mergeCell ref="JE737:JH737"/>
    <mergeCell ref="JI737:JL737"/>
    <mergeCell ref="JM737:JP737"/>
    <mergeCell ref="JQ737:JT737"/>
    <mergeCell ref="IG737:IJ737"/>
    <mergeCell ref="IK737:IN737"/>
    <mergeCell ref="IO737:IR737"/>
    <mergeCell ref="IS737:IV737"/>
    <mergeCell ref="IW737:IZ737"/>
    <mergeCell ref="HM737:HP737"/>
    <mergeCell ref="HQ737:HT737"/>
    <mergeCell ref="HU737:HX737"/>
    <mergeCell ref="HY737:IB737"/>
    <mergeCell ref="IC737:IF737"/>
    <mergeCell ref="GS737:GV737"/>
    <mergeCell ref="GW737:GZ737"/>
    <mergeCell ref="HA737:HD737"/>
    <mergeCell ref="HE737:HH737"/>
    <mergeCell ref="HI737:HL737"/>
    <mergeCell ref="FY737:GB737"/>
    <mergeCell ref="GC737:GF737"/>
    <mergeCell ref="GG737:GJ737"/>
    <mergeCell ref="GK737:GN737"/>
    <mergeCell ref="GO737:GR737"/>
    <mergeCell ref="PY737:QB737"/>
    <mergeCell ref="QC737:QF737"/>
    <mergeCell ref="QG737:QJ737"/>
    <mergeCell ref="QK737:QN737"/>
    <mergeCell ref="QO737:QR737"/>
    <mergeCell ref="PE737:PH737"/>
    <mergeCell ref="PI737:PL737"/>
    <mergeCell ref="PM737:PP737"/>
    <mergeCell ref="PQ737:PT737"/>
    <mergeCell ref="PU737:PX737"/>
    <mergeCell ref="OK737:ON737"/>
    <mergeCell ref="OO737:OR737"/>
    <mergeCell ref="OS737:OV737"/>
    <mergeCell ref="OW737:OZ737"/>
    <mergeCell ref="PA737:PD737"/>
    <mergeCell ref="NQ737:NT737"/>
    <mergeCell ref="NU737:NX737"/>
    <mergeCell ref="NY737:OB737"/>
    <mergeCell ref="OC737:OF737"/>
    <mergeCell ref="OG737:OJ737"/>
    <mergeCell ref="MW737:MZ737"/>
    <mergeCell ref="NA737:ND737"/>
    <mergeCell ref="NE737:NH737"/>
    <mergeCell ref="NI737:NL737"/>
    <mergeCell ref="NM737:NP737"/>
    <mergeCell ref="MC737:MF737"/>
    <mergeCell ref="MG737:MJ737"/>
    <mergeCell ref="MK737:MN737"/>
    <mergeCell ref="MO737:MR737"/>
    <mergeCell ref="MS737:MV737"/>
    <mergeCell ref="LI737:LL737"/>
    <mergeCell ref="LM737:LP737"/>
    <mergeCell ref="LQ737:LT737"/>
    <mergeCell ref="LU737:LX737"/>
    <mergeCell ref="LY737:MB737"/>
    <mergeCell ref="VI737:VL737"/>
    <mergeCell ref="VM737:VP737"/>
    <mergeCell ref="VQ737:VT737"/>
    <mergeCell ref="VU737:VX737"/>
    <mergeCell ref="VY737:WB737"/>
    <mergeCell ref="UO737:UR737"/>
    <mergeCell ref="US737:UV737"/>
    <mergeCell ref="UW737:UZ737"/>
    <mergeCell ref="VA737:VD737"/>
    <mergeCell ref="VE737:VH737"/>
    <mergeCell ref="TU737:TX737"/>
    <mergeCell ref="TY737:UB737"/>
    <mergeCell ref="UC737:UF737"/>
    <mergeCell ref="UG737:UJ737"/>
    <mergeCell ref="UK737:UN737"/>
    <mergeCell ref="TA737:TD737"/>
    <mergeCell ref="TE737:TH737"/>
    <mergeCell ref="TI737:TL737"/>
    <mergeCell ref="TM737:TP737"/>
    <mergeCell ref="TQ737:TT737"/>
    <mergeCell ref="SG737:SJ737"/>
    <mergeCell ref="SK737:SN737"/>
    <mergeCell ref="SO737:SR737"/>
    <mergeCell ref="SS737:SV737"/>
    <mergeCell ref="SW737:SZ737"/>
    <mergeCell ref="RM737:RP737"/>
    <mergeCell ref="RQ737:RT737"/>
    <mergeCell ref="RU737:RX737"/>
    <mergeCell ref="RY737:SB737"/>
    <mergeCell ref="SC737:SF737"/>
    <mergeCell ref="QS737:QV737"/>
    <mergeCell ref="QW737:QZ737"/>
    <mergeCell ref="RA737:RD737"/>
    <mergeCell ref="RE737:RH737"/>
    <mergeCell ref="RI737:RL737"/>
    <mergeCell ref="AAS737:AAV737"/>
    <mergeCell ref="AAW737:AAZ737"/>
    <mergeCell ref="ABA737:ABD737"/>
    <mergeCell ref="ABE737:ABH737"/>
    <mergeCell ref="ABI737:ABL737"/>
    <mergeCell ref="ZY737:AAB737"/>
    <mergeCell ref="AAC737:AAF737"/>
    <mergeCell ref="AAG737:AAJ737"/>
    <mergeCell ref="AAK737:AAN737"/>
    <mergeCell ref="AAO737:AAR737"/>
    <mergeCell ref="ZE737:ZH737"/>
    <mergeCell ref="ZI737:ZL737"/>
    <mergeCell ref="ZM737:ZP737"/>
    <mergeCell ref="ZQ737:ZT737"/>
    <mergeCell ref="ZU737:ZX737"/>
    <mergeCell ref="YK737:YN737"/>
    <mergeCell ref="YO737:YR737"/>
    <mergeCell ref="YS737:YV737"/>
    <mergeCell ref="YW737:YZ737"/>
    <mergeCell ref="ZA737:ZD737"/>
    <mergeCell ref="XQ737:XT737"/>
    <mergeCell ref="XU737:XX737"/>
    <mergeCell ref="XY737:YB737"/>
    <mergeCell ref="YC737:YF737"/>
    <mergeCell ref="YG737:YJ737"/>
    <mergeCell ref="WW737:WZ737"/>
    <mergeCell ref="XA737:XD737"/>
    <mergeCell ref="XE737:XH737"/>
    <mergeCell ref="XI737:XL737"/>
    <mergeCell ref="XM737:XP737"/>
    <mergeCell ref="WC737:WF737"/>
    <mergeCell ref="WG737:WJ737"/>
    <mergeCell ref="WK737:WN737"/>
    <mergeCell ref="WO737:WR737"/>
    <mergeCell ref="WS737:WV737"/>
    <mergeCell ref="AGC737:AGF737"/>
    <mergeCell ref="AGG737:AGJ737"/>
    <mergeCell ref="AGK737:AGN737"/>
    <mergeCell ref="AGO737:AGR737"/>
    <mergeCell ref="AGS737:AGV737"/>
    <mergeCell ref="AFI737:AFL737"/>
    <mergeCell ref="AFM737:AFP737"/>
    <mergeCell ref="AFQ737:AFT737"/>
    <mergeCell ref="AFU737:AFX737"/>
    <mergeCell ref="AFY737:AGB737"/>
    <mergeCell ref="AEO737:AER737"/>
    <mergeCell ref="AES737:AEV737"/>
    <mergeCell ref="AEW737:AEZ737"/>
    <mergeCell ref="AFA737:AFD737"/>
    <mergeCell ref="AFE737:AFH737"/>
    <mergeCell ref="ADU737:ADX737"/>
    <mergeCell ref="ADY737:AEB737"/>
    <mergeCell ref="AEC737:AEF737"/>
    <mergeCell ref="AEG737:AEJ737"/>
    <mergeCell ref="AEK737:AEN737"/>
    <mergeCell ref="ADA737:ADD737"/>
    <mergeCell ref="ADE737:ADH737"/>
    <mergeCell ref="ADI737:ADL737"/>
    <mergeCell ref="ADM737:ADP737"/>
    <mergeCell ref="ADQ737:ADT737"/>
    <mergeCell ref="ACG737:ACJ737"/>
    <mergeCell ref="ACK737:ACN737"/>
    <mergeCell ref="ACO737:ACR737"/>
    <mergeCell ref="ACS737:ACV737"/>
    <mergeCell ref="ACW737:ACZ737"/>
    <mergeCell ref="ABM737:ABP737"/>
    <mergeCell ref="ABQ737:ABT737"/>
    <mergeCell ref="ABU737:ABX737"/>
    <mergeCell ref="ABY737:ACB737"/>
    <mergeCell ref="ACC737:ACF737"/>
    <mergeCell ref="ALM737:ALP737"/>
    <mergeCell ref="ALQ737:ALT737"/>
    <mergeCell ref="ALU737:ALX737"/>
    <mergeCell ref="ALY737:AMB737"/>
    <mergeCell ref="AMC737:AMF737"/>
    <mergeCell ref="AKS737:AKV737"/>
    <mergeCell ref="AKW737:AKZ737"/>
    <mergeCell ref="ALA737:ALD737"/>
    <mergeCell ref="ALE737:ALH737"/>
    <mergeCell ref="ALI737:ALL737"/>
    <mergeCell ref="AJY737:AKB737"/>
    <mergeCell ref="AKC737:AKF737"/>
    <mergeCell ref="AKG737:AKJ737"/>
    <mergeCell ref="AKK737:AKN737"/>
    <mergeCell ref="AKO737:AKR737"/>
    <mergeCell ref="AJE737:AJH737"/>
    <mergeCell ref="AJI737:AJL737"/>
    <mergeCell ref="AJM737:AJP737"/>
    <mergeCell ref="AJQ737:AJT737"/>
    <mergeCell ref="AJU737:AJX737"/>
    <mergeCell ref="AIK737:AIN737"/>
    <mergeCell ref="AIO737:AIR737"/>
    <mergeCell ref="AIS737:AIV737"/>
    <mergeCell ref="AIW737:AIZ737"/>
    <mergeCell ref="AJA737:AJD737"/>
    <mergeCell ref="AHQ737:AHT737"/>
    <mergeCell ref="AHU737:AHX737"/>
    <mergeCell ref="AHY737:AIB737"/>
    <mergeCell ref="AIC737:AIF737"/>
    <mergeCell ref="AIG737:AIJ737"/>
    <mergeCell ref="AGW737:AGZ737"/>
    <mergeCell ref="AHA737:AHD737"/>
    <mergeCell ref="AHE737:AHH737"/>
    <mergeCell ref="AHI737:AHL737"/>
    <mergeCell ref="AHM737:AHP737"/>
    <mergeCell ref="AQW737:AQZ737"/>
    <mergeCell ref="ARA737:ARD737"/>
    <mergeCell ref="ARE737:ARH737"/>
    <mergeCell ref="ARI737:ARL737"/>
    <mergeCell ref="ARM737:ARP737"/>
    <mergeCell ref="AQC737:AQF737"/>
    <mergeCell ref="AQG737:AQJ737"/>
    <mergeCell ref="AQK737:AQN737"/>
    <mergeCell ref="AQO737:AQR737"/>
    <mergeCell ref="AQS737:AQV737"/>
    <mergeCell ref="API737:APL737"/>
    <mergeCell ref="APM737:APP737"/>
    <mergeCell ref="APQ737:APT737"/>
    <mergeCell ref="APU737:APX737"/>
    <mergeCell ref="APY737:AQB737"/>
    <mergeCell ref="AOO737:AOR737"/>
    <mergeCell ref="AOS737:AOV737"/>
    <mergeCell ref="AOW737:AOZ737"/>
    <mergeCell ref="APA737:APD737"/>
    <mergeCell ref="APE737:APH737"/>
    <mergeCell ref="ANU737:ANX737"/>
    <mergeCell ref="ANY737:AOB737"/>
    <mergeCell ref="AOC737:AOF737"/>
    <mergeCell ref="AOG737:AOJ737"/>
    <mergeCell ref="AOK737:AON737"/>
    <mergeCell ref="ANA737:AND737"/>
    <mergeCell ref="ANE737:ANH737"/>
    <mergeCell ref="ANI737:ANL737"/>
    <mergeCell ref="ANM737:ANP737"/>
    <mergeCell ref="ANQ737:ANT737"/>
    <mergeCell ref="AMG737:AMJ737"/>
    <mergeCell ref="AMK737:AMN737"/>
    <mergeCell ref="AMO737:AMR737"/>
    <mergeCell ref="AMS737:AMV737"/>
    <mergeCell ref="AMW737:AMZ737"/>
    <mergeCell ref="AWG737:AWJ737"/>
    <mergeCell ref="AWK737:AWN737"/>
    <mergeCell ref="AWO737:AWR737"/>
    <mergeCell ref="AWS737:AWV737"/>
    <mergeCell ref="AWW737:AWZ737"/>
    <mergeCell ref="AVM737:AVP737"/>
    <mergeCell ref="AVQ737:AVT737"/>
    <mergeCell ref="AVU737:AVX737"/>
    <mergeCell ref="AVY737:AWB737"/>
    <mergeCell ref="AWC737:AWF737"/>
    <mergeCell ref="AUS737:AUV737"/>
    <mergeCell ref="AUW737:AUZ737"/>
    <mergeCell ref="AVA737:AVD737"/>
    <mergeCell ref="AVE737:AVH737"/>
    <mergeCell ref="AVI737:AVL737"/>
    <mergeCell ref="ATY737:AUB737"/>
    <mergeCell ref="AUC737:AUF737"/>
    <mergeCell ref="AUG737:AUJ737"/>
    <mergeCell ref="AUK737:AUN737"/>
    <mergeCell ref="AUO737:AUR737"/>
    <mergeCell ref="ATE737:ATH737"/>
    <mergeCell ref="ATI737:ATL737"/>
    <mergeCell ref="ATM737:ATP737"/>
    <mergeCell ref="ATQ737:ATT737"/>
    <mergeCell ref="ATU737:ATX737"/>
    <mergeCell ref="ASK737:ASN737"/>
    <mergeCell ref="ASO737:ASR737"/>
    <mergeCell ref="ASS737:ASV737"/>
    <mergeCell ref="ASW737:ASZ737"/>
    <mergeCell ref="ATA737:ATD737"/>
    <mergeCell ref="ARQ737:ART737"/>
    <mergeCell ref="ARU737:ARX737"/>
    <mergeCell ref="ARY737:ASB737"/>
    <mergeCell ref="ASC737:ASF737"/>
    <mergeCell ref="ASG737:ASJ737"/>
    <mergeCell ref="BBQ737:BBT737"/>
    <mergeCell ref="BBU737:BBX737"/>
    <mergeCell ref="BBY737:BCB737"/>
    <mergeCell ref="BCC737:BCF737"/>
    <mergeCell ref="BCG737:BCJ737"/>
    <mergeCell ref="BAW737:BAZ737"/>
    <mergeCell ref="BBA737:BBD737"/>
    <mergeCell ref="BBE737:BBH737"/>
    <mergeCell ref="BBI737:BBL737"/>
    <mergeCell ref="BBM737:BBP737"/>
    <mergeCell ref="BAC737:BAF737"/>
    <mergeCell ref="BAG737:BAJ737"/>
    <mergeCell ref="BAK737:BAN737"/>
    <mergeCell ref="BAO737:BAR737"/>
    <mergeCell ref="BAS737:BAV737"/>
    <mergeCell ref="AZI737:AZL737"/>
    <mergeCell ref="AZM737:AZP737"/>
    <mergeCell ref="AZQ737:AZT737"/>
    <mergeCell ref="AZU737:AZX737"/>
    <mergeCell ref="AZY737:BAB737"/>
    <mergeCell ref="AYO737:AYR737"/>
    <mergeCell ref="AYS737:AYV737"/>
    <mergeCell ref="AYW737:AYZ737"/>
    <mergeCell ref="AZA737:AZD737"/>
    <mergeCell ref="AZE737:AZH737"/>
    <mergeCell ref="AXU737:AXX737"/>
    <mergeCell ref="AXY737:AYB737"/>
    <mergeCell ref="AYC737:AYF737"/>
    <mergeCell ref="AYG737:AYJ737"/>
    <mergeCell ref="AYK737:AYN737"/>
    <mergeCell ref="AXA737:AXD737"/>
    <mergeCell ref="AXE737:AXH737"/>
    <mergeCell ref="AXI737:AXL737"/>
    <mergeCell ref="AXM737:AXP737"/>
    <mergeCell ref="AXQ737:AXT737"/>
    <mergeCell ref="BHA737:BHD737"/>
    <mergeCell ref="BHE737:BHH737"/>
    <mergeCell ref="BHI737:BHL737"/>
    <mergeCell ref="BHM737:BHP737"/>
    <mergeCell ref="BHQ737:BHT737"/>
    <mergeCell ref="BGG737:BGJ737"/>
    <mergeCell ref="BGK737:BGN737"/>
    <mergeCell ref="BGO737:BGR737"/>
    <mergeCell ref="BGS737:BGV737"/>
    <mergeCell ref="BGW737:BGZ737"/>
    <mergeCell ref="BFM737:BFP737"/>
    <mergeCell ref="BFQ737:BFT737"/>
    <mergeCell ref="BFU737:BFX737"/>
    <mergeCell ref="BFY737:BGB737"/>
    <mergeCell ref="BGC737:BGF737"/>
    <mergeCell ref="BES737:BEV737"/>
    <mergeCell ref="BEW737:BEZ737"/>
    <mergeCell ref="BFA737:BFD737"/>
    <mergeCell ref="BFE737:BFH737"/>
    <mergeCell ref="BFI737:BFL737"/>
    <mergeCell ref="BDY737:BEB737"/>
    <mergeCell ref="BEC737:BEF737"/>
    <mergeCell ref="BEG737:BEJ737"/>
    <mergeCell ref="BEK737:BEN737"/>
    <mergeCell ref="BEO737:BER737"/>
    <mergeCell ref="BDE737:BDH737"/>
    <mergeCell ref="BDI737:BDL737"/>
    <mergeCell ref="BDM737:BDP737"/>
    <mergeCell ref="BDQ737:BDT737"/>
    <mergeCell ref="BDU737:BDX737"/>
    <mergeCell ref="BCK737:BCN737"/>
    <mergeCell ref="BCO737:BCR737"/>
    <mergeCell ref="BCS737:BCV737"/>
    <mergeCell ref="BCW737:BCZ737"/>
    <mergeCell ref="BDA737:BDD737"/>
    <mergeCell ref="BMK737:BMN737"/>
    <mergeCell ref="BMO737:BMR737"/>
    <mergeCell ref="BMS737:BMV737"/>
    <mergeCell ref="BMW737:BMZ737"/>
    <mergeCell ref="BNA737:BND737"/>
    <mergeCell ref="BLQ737:BLT737"/>
    <mergeCell ref="BLU737:BLX737"/>
    <mergeCell ref="BLY737:BMB737"/>
    <mergeCell ref="BMC737:BMF737"/>
    <mergeCell ref="BMG737:BMJ737"/>
    <mergeCell ref="BKW737:BKZ737"/>
    <mergeCell ref="BLA737:BLD737"/>
    <mergeCell ref="BLE737:BLH737"/>
    <mergeCell ref="BLI737:BLL737"/>
    <mergeCell ref="BLM737:BLP737"/>
    <mergeCell ref="BKC737:BKF737"/>
    <mergeCell ref="BKG737:BKJ737"/>
    <mergeCell ref="BKK737:BKN737"/>
    <mergeCell ref="BKO737:BKR737"/>
    <mergeCell ref="BKS737:BKV737"/>
    <mergeCell ref="BJI737:BJL737"/>
    <mergeCell ref="BJM737:BJP737"/>
    <mergeCell ref="BJQ737:BJT737"/>
    <mergeCell ref="BJU737:BJX737"/>
    <mergeCell ref="BJY737:BKB737"/>
    <mergeCell ref="BIO737:BIR737"/>
    <mergeCell ref="BIS737:BIV737"/>
    <mergeCell ref="BIW737:BIZ737"/>
    <mergeCell ref="BJA737:BJD737"/>
    <mergeCell ref="BJE737:BJH737"/>
    <mergeCell ref="BHU737:BHX737"/>
    <mergeCell ref="BHY737:BIB737"/>
    <mergeCell ref="BIC737:BIF737"/>
    <mergeCell ref="BIG737:BIJ737"/>
    <mergeCell ref="BIK737:BIN737"/>
    <mergeCell ref="BRU737:BRX737"/>
    <mergeCell ref="BRY737:BSB737"/>
    <mergeCell ref="BSC737:BSF737"/>
    <mergeCell ref="BSG737:BSJ737"/>
    <mergeCell ref="BSK737:BSN737"/>
    <mergeCell ref="BRA737:BRD737"/>
    <mergeCell ref="BRE737:BRH737"/>
    <mergeCell ref="BRI737:BRL737"/>
    <mergeCell ref="BRM737:BRP737"/>
    <mergeCell ref="BRQ737:BRT737"/>
    <mergeCell ref="BQG737:BQJ737"/>
    <mergeCell ref="BQK737:BQN737"/>
    <mergeCell ref="BQO737:BQR737"/>
    <mergeCell ref="BQS737:BQV737"/>
    <mergeCell ref="BQW737:BQZ737"/>
    <mergeCell ref="BPM737:BPP737"/>
    <mergeCell ref="BPQ737:BPT737"/>
    <mergeCell ref="BPU737:BPX737"/>
    <mergeCell ref="BPY737:BQB737"/>
    <mergeCell ref="BQC737:BQF737"/>
    <mergeCell ref="BOS737:BOV737"/>
    <mergeCell ref="BOW737:BOZ737"/>
    <mergeCell ref="BPA737:BPD737"/>
    <mergeCell ref="BPE737:BPH737"/>
    <mergeCell ref="BPI737:BPL737"/>
    <mergeCell ref="BNY737:BOB737"/>
    <mergeCell ref="BOC737:BOF737"/>
    <mergeCell ref="BOG737:BOJ737"/>
    <mergeCell ref="BOK737:BON737"/>
    <mergeCell ref="BOO737:BOR737"/>
    <mergeCell ref="BNE737:BNH737"/>
    <mergeCell ref="BNI737:BNL737"/>
    <mergeCell ref="BNM737:BNP737"/>
    <mergeCell ref="BNQ737:BNT737"/>
    <mergeCell ref="BNU737:BNX737"/>
    <mergeCell ref="BXE737:BXH737"/>
    <mergeCell ref="BXI737:BXL737"/>
    <mergeCell ref="BXM737:BXP737"/>
    <mergeCell ref="BXQ737:BXT737"/>
    <mergeCell ref="BXU737:BXX737"/>
    <mergeCell ref="BWK737:BWN737"/>
    <mergeCell ref="BWO737:BWR737"/>
    <mergeCell ref="BWS737:BWV737"/>
    <mergeCell ref="BWW737:BWZ737"/>
    <mergeCell ref="BXA737:BXD737"/>
    <mergeCell ref="BVQ737:BVT737"/>
    <mergeCell ref="BVU737:BVX737"/>
    <mergeCell ref="BVY737:BWB737"/>
    <mergeCell ref="BWC737:BWF737"/>
    <mergeCell ref="BWG737:BWJ737"/>
    <mergeCell ref="BUW737:BUZ737"/>
    <mergeCell ref="BVA737:BVD737"/>
    <mergeCell ref="BVE737:BVH737"/>
    <mergeCell ref="BVI737:BVL737"/>
    <mergeCell ref="BVM737:BVP737"/>
    <mergeCell ref="BUC737:BUF737"/>
    <mergeCell ref="BUG737:BUJ737"/>
    <mergeCell ref="BUK737:BUN737"/>
    <mergeCell ref="BUO737:BUR737"/>
    <mergeCell ref="BUS737:BUV737"/>
    <mergeCell ref="BTI737:BTL737"/>
    <mergeCell ref="BTM737:BTP737"/>
    <mergeCell ref="BTQ737:BTT737"/>
    <mergeCell ref="BTU737:BTX737"/>
    <mergeCell ref="BTY737:BUB737"/>
    <mergeCell ref="BSO737:BSR737"/>
    <mergeCell ref="BSS737:BSV737"/>
    <mergeCell ref="BSW737:BSZ737"/>
    <mergeCell ref="BTA737:BTD737"/>
    <mergeCell ref="BTE737:BTH737"/>
    <mergeCell ref="CCO737:CCR737"/>
    <mergeCell ref="CCS737:CCV737"/>
    <mergeCell ref="CCW737:CCZ737"/>
    <mergeCell ref="CDA737:CDD737"/>
    <mergeCell ref="CDE737:CDH737"/>
    <mergeCell ref="CBU737:CBX737"/>
    <mergeCell ref="CBY737:CCB737"/>
    <mergeCell ref="CCC737:CCF737"/>
    <mergeCell ref="CCG737:CCJ737"/>
    <mergeCell ref="CCK737:CCN737"/>
    <mergeCell ref="CBA737:CBD737"/>
    <mergeCell ref="CBE737:CBH737"/>
    <mergeCell ref="CBI737:CBL737"/>
    <mergeCell ref="CBM737:CBP737"/>
    <mergeCell ref="CBQ737:CBT737"/>
    <mergeCell ref="CAG737:CAJ737"/>
    <mergeCell ref="CAK737:CAN737"/>
    <mergeCell ref="CAO737:CAR737"/>
    <mergeCell ref="CAS737:CAV737"/>
    <mergeCell ref="CAW737:CAZ737"/>
    <mergeCell ref="BZM737:BZP737"/>
    <mergeCell ref="BZQ737:BZT737"/>
    <mergeCell ref="BZU737:BZX737"/>
    <mergeCell ref="BZY737:CAB737"/>
    <mergeCell ref="CAC737:CAF737"/>
    <mergeCell ref="BYS737:BYV737"/>
    <mergeCell ref="BYW737:BYZ737"/>
    <mergeCell ref="BZA737:BZD737"/>
    <mergeCell ref="BZE737:BZH737"/>
    <mergeCell ref="BZI737:BZL737"/>
    <mergeCell ref="BXY737:BYB737"/>
    <mergeCell ref="BYC737:BYF737"/>
    <mergeCell ref="BYG737:BYJ737"/>
    <mergeCell ref="BYK737:BYN737"/>
    <mergeCell ref="BYO737:BYR737"/>
    <mergeCell ref="CHY737:CIB737"/>
    <mergeCell ref="CIC737:CIF737"/>
    <mergeCell ref="CIG737:CIJ737"/>
    <mergeCell ref="CIK737:CIN737"/>
    <mergeCell ref="CIO737:CIR737"/>
    <mergeCell ref="CHE737:CHH737"/>
    <mergeCell ref="CHI737:CHL737"/>
    <mergeCell ref="CHM737:CHP737"/>
    <mergeCell ref="CHQ737:CHT737"/>
    <mergeCell ref="CHU737:CHX737"/>
    <mergeCell ref="CGK737:CGN737"/>
    <mergeCell ref="CGO737:CGR737"/>
    <mergeCell ref="CGS737:CGV737"/>
    <mergeCell ref="CGW737:CGZ737"/>
    <mergeCell ref="CHA737:CHD737"/>
    <mergeCell ref="CFQ737:CFT737"/>
    <mergeCell ref="CFU737:CFX737"/>
    <mergeCell ref="CFY737:CGB737"/>
    <mergeCell ref="CGC737:CGF737"/>
    <mergeCell ref="CGG737:CGJ737"/>
    <mergeCell ref="CEW737:CEZ737"/>
    <mergeCell ref="CFA737:CFD737"/>
    <mergeCell ref="CFE737:CFH737"/>
    <mergeCell ref="CFI737:CFL737"/>
    <mergeCell ref="CFM737:CFP737"/>
    <mergeCell ref="CEC737:CEF737"/>
    <mergeCell ref="CEG737:CEJ737"/>
    <mergeCell ref="CEK737:CEN737"/>
    <mergeCell ref="CEO737:CER737"/>
    <mergeCell ref="CES737:CEV737"/>
    <mergeCell ref="CDI737:CDL737"/>
    <mergeCell ref="CDM737:CDP737"/>
    <mergeCell ref="CDQ737:CDT737"/>
    <mergeCell ref="CDU737:CDX737"/>
    <mergeCell ref="CDY737:CEB737"/>
    <mergeCell ref="CNI737:CNL737"/>
    <mergeCell ref="CNM737:CNP737"/>
    <mergeCell ref="CNQ737:CNT737"/>
    <mergeCell ref="CNU737:CNX737"/>
    <mergeCell ref="CNY737:COB737"/>
    <mergeCell ref="CMO737:CMR737"/>
    <mergeCell ref="CMS737:CMV737"/>
    <mergeCell ref="CMW737:CMZ737"/>
    <mergeCell ref="CNA737:CND737"/>
    <mergeCell ref="CNE737:CNH737"/>
    <mergeCell ref="CLU737:CLX737"/>
    <mergeCell ref="CLY737:CMB737"/>
    <mergeCell ref="CMC737:CMF737"/>
    <mergeCell ref="CMG737:CMJ737"/>
    <mergeCell ref="CMK737:CMN737"/>
    <mergeCell ref="CLA737:CLD737"/>
    <mergeCell ref="CLE737:CLH737"/>
    <mergeCell ref="CLI737:CLL737"/>
    <mergeCell ref="CLM737:CLP737"/>
    <mergeCell ref="CLQ737:CLT737"/>
    <mergeCell ref="CKG737:CKJ737"/>
    <mergeCell ref="CKK737:CKN737"/>
    <mergeCell ref="CKO737:CKR737"/>
    <mergeCell ref="CKS737:CKV737"/>
    <mergeCell ref="CKW737:CKZ737"/>
    <mergeCell ref="CJM737:CJP737"/>
    <mergeCell ref="CJQ737:CJT737"/>
    <mergeCell ref="CJU737:CJX737"/>
    <mergeCell ref="CJY737:CKB737"/>
    <mergeCell ref="CKC737:CKF737"/>
    <mergeCell ref="CIS737:CIV737"/>
    <mergeCell ref="CIW737:CIZ737"/>
    <mergeCell ref="CJA737:CJD737"/>
    <mergeCell ref="CJE737:CJH737"/>
    <mergeCell ref="CJI737:CJL737"/>
    <mergeCell ref="CSS737:CSV737"/>
    <mergeCell ref="CSW737:CSZ737"/>
    <mergeCell ref="CTA737:CTD737"/>
    <mergeCell ref="CTE737:CTH737"/>
    <mergeCell ref="CTI737:CTL737"/>
    <mergeCell ref="CRY737:CSB737"/>
    <mergeCell ref="CSC737:CSF737"/>
    <mergeCell ref="CSG737:CSJ737"/>
    <mergeCell ref="CSK737:CSN737"/>
    <mergeCell ref="CSO737:CSR737"/>
    <mergeCell ref="CRE737:CRH737"/>
    <mergeCell ref="CRI737:CRL737"/>
    <mergeCell ref="CRM737:CRP737"/>
    <mergeCell ref="CRQ737:CRT737"/>
    <mergeCell ref="CRU737:CRX737"/>
    <mergeCell ref="CQK737:CQN737"/>
    <mergeCell ref="CQO737:CQR737"/>
    <mergeCell ref="CQS737:CQV737"/>
    <mergeCell ref="CQW737:CQZ737"/>
    <mergeCell ref="CRA737:CRD737"/>
    <mergeCell ref="CPQ737:CPT737"/>
    <mergeCell ref="CPU737:CPX737"/>
    <mergeCell ref="CPY737:CQB737"/>
    <mergeCell ref="CQC737:CQF737"/>
    <mergeCell ref="CQG737:CQJ737"/>
    <mergeCell ref="COW737:COZ737"/>
    <mergeCell ref="CPA737:CPD737"/>
    <mergeCell ref="CPE737:CPH737"/>
    <mergeCell ref="CPI737:CPL737"/>
    <mergeCell ref="CPM737:CPP737"/>
    <mergeCell ref="COC737:COF737"/>
    <mergeCell ref="COG737:COJ737"/>
    <mergeCell ref="COK737:CON737"/>
    <mergeCell ref="COO737:COR737"/>
    <mergeCell ref="COS737:COV737"/>
    <mergeCell ref="CYC737:CYF737"/>
    <mergeCell ref="CYG737:CYJ737"/>
    <mergeCell ref="CYK737:CYN737"/>
    <mergeCell ref="CYO737:CYR737"/>
    <mergeCell ref="CYS737:CYV737"/>
    <mergeCell ref="CXI737:CXL737"/>
    <mergeCell ref="CXM737:CXP737"/>
    <mergeCell ref="CXQ737:CXT737"/>
    <mergeCell ref="CXU737:CXX737"/>
    <mergeCell ref="CXY737:CYB737"/>
    <mergeCell ref="CWO737:CWR737"/>
    <mergeCell ref="CWS737:CWV737"/>
    <mergeCell ref="CWW737:CWZ737"/>
    <mergeCell ref="CXA737:CXD737"/>
    <mergeCell ref="CXE737:CXH737"/>
    <mergeCell ref="CVU737:CVX737"/>
    <mergeCell ref="CVY737:CWB737"/>
    <mergeCell ref="CWC737:CWF737"/>
    <mergeCell ref="CWG737:CWJ737"/>
    <mergeCell ref="CWK737:CWN737"/>
    <mergeCell ref="CVA737:CVD737"/>
    <mergeCell ref="CVE737:CVH737"/>
    <mergeCell ref="CVI737:CVL737"/>
    <mergeCell ref="CVM737:CVP737"/>
    <mergeCell ref="CVQ737:CVT737"/>
    <mergeCell ref="CUG737:CUJ737"/>
    <mergeCell ref="CUK737:CUN737"/>
    <mergeCell ref="CUO737:CUR737"/>
    <mergeCell ref="CUS737:CUV737"/>
    <mergeCell ref="CUW737:CUZ737"/>
    <mergeCell ref="CTM737:CTP737"/>
    <mergeCell ref="CTQ737:CTT737"/>
    <mergeCell ref="CTU737:CTX737"/>
    <mergeCell ref="CTY737:CUB737"/>
    <mergeCell ref="CUC737:CUF737"/>
    <mergeCell ref="DDM737:DDP737"/>
    <mergeCell ref="DDQ737:DDT737"/>
    <mergeCell ref="DDU737:DDX737"/>
    <mergeCell ref="DDY737:DEB737"/>
    <mergeCell ref="DEC737:DEF737"/>
    <mergeCell ref="DCS737:DCV737"/>
    <mergeCell ref="DCW737:DCZ737"/>
    <mergeCell ref="DDA737:DDD737"/>
    <mergeCell ref="DDE737:DDH737"/>
    <mergeCell ref="DDI737:DDL737"/>
    <mergeCell ref="DBY737:DCB737"/>
    <mergeCell ref="DCC737:DCF737"/>
    <mergeCell ref="DCG737:DCJ737"/>
    <mergeCell ref="DCK737:DCN737"/>
    <mergeCell ref="DCO737:DCR737"/>
    <mergeCell ref="DBE737:DBH737"/>
    <mergeCell ref="DBI737:DBL737"/>
    <mergeCell ref="DBM737:DBP737"/>
    <mergeCell ref="DBQ737:DBT737"/>
    <mergeCell ref="DBU737:DBX737"/>
    <mergeCell ref="DAK737:DAN737"/>
    <mergeCell ref="DAO737:DAR737"/>
    <mergeCell ref="DAS737:DAV737"/>
    <mergeCell ref="DAW737:DAZ737"/>
    <mergeCell ref="DBA737:DBD737"/>
    <mergeCell ref="CZQ737:CZT737"/>
    <mergeCell ref="CZU737:CZX737"/>
    <mergeCell ref="CZY737:DAB737"/>
    <mergeCell ref="DAC737:DAF737"/>
    <mergeCell ref="DAG737:DAJ737"/>
    <mergeCell ref="CYW737:CYZ737"/>
    <mergeCell ref="CZA737:CZD737"/>
    <mergeCell ref="CZE737:CZH737"/>
    <mergeCell ref="CZI737:CZL737"/>
    <mergeCell ref="CZM737:CZP737"/>
    <mergeCell ref="DIW737:DIZ737"/>
    <mergeCell ref="DJA737:DJD737"/>
    <mergeCell ref="DJE737:DJH737"/>
    <mergeCell ref="DJI737:DJL737"/>
    <mergeCell ref="DJM737:DJP737"/>
    <mergeCell ref="DIC737:DIF737"/>
    <mergeCell ref="DIG737:DIJ737"/>
    <mergeCell ref="DIK737:DIN737"/>
    <mergeCell ref="DIO737:DIR737"/>
    <mergeCell ref="DIS737:DIV737"/>
    <mergeCell ref="DHI737:DHL737"/>
    <mergeCell ref="DHM737:DHP737"/>
    <mergeCell ref="DHQ737:DHT737"/>
    <mergeCell ref="DHU737:DHX737"/>
    <mergeCell ref="DHY737:DIB737"/>
    <mergeCell ref="DGO737:DGR737"/>
    <mergeCell ref="DGS737:DGV737"/>
    <mergeCell ref="DGW737:DGZ737"/>
    <mergeCell ref="DHA737:DHD737"/>
    <mergeCell ref="DHE737:DHH737"/>
    <mergeCell ref="DFU737:DFX737"/>
    <mergeCell ref="DFY737:DGB737"/>
    <mergeCell ref="DGC737:DGF737"/>
    <mergeCell ref="DGG737:DGJ737"/>
    <mergeCell ref="DGK737:DGN737"/>
    <mergeCell ref="DFA737:DFD737"/>
    <mergeCell ref="DFE737:DFH737"/>
    <mergeCell ref="DFI737:DFL737"/>
    <mergeCell ref="DFM737:DFP737"/>
    <mergeCell ref="DFQ737:DFT737"/>
    <mergeCell ref="DEG737:DEJ737"/>
    <mergeCell ref="DEK737:DEN737"/>
    <mergeCell ref="DEO737:DER737"/>
    <mergeCell ref="DES737:DEV737"/>
    <mergeCell ref="DEW737:DEZ737"/>
    <mergeCell ref="DOG737:DOJ737"/>
    <mergeCell ref="DOK737:DON737"/>
    <mergeCell ref="DOO737:DOR737"/>
    <mergeCell ref="DOS737:DOV737"/>
    <mergeCell ref="DOW737:DOZ737"/>
    <mergeCell ref="DNM737:DNP737"/>
    <mergeCell ref="DNQ737:DNT737"/>
    <mergeCell ref="DNU737:DNX737"/>
    <mergeCell ref="DNY737:DOB737"/>
    <mergeCell ref="DOC737:DOF737"/>
    <mergeCell ref="DMS737:DMV737"/>
    <mergeCell ref="DMW737:DMZ737"/>
    <mergeCell ref="DNA737:DND737"/>
    <mergeCell ref="DNE737:DNH737"/>
    <mergeCell ref="DNI737:DNL737"/>
    <mergeCell ref="DLY737:DMB737"/>
    <mergeCell ref="DMC737:DMF737"/>
    <mergeCell ref="DMG737:DMJ737"/>
    <mergeCell ref="DMK737:DMN737"/>
    <mergeCell ref="DMO737:DMR737"/>
    <mergeCell ref="DLE737:DLH737"/>
    <mergeCell ref="DLI737:DLL737"/>
    <mergeCell ref="DLM737:DLP737"/>
    <mergeCell ref="DLQ737:DLT737"/>
    <mergeCell ref="DLU737:DLX737"/>
    <mergeCell ref="DKK737:DKN737"/>
    <mergeCell ref="DKO737:DKR737"/>
    <mergeCell ref="DKS737:DKV737"/>
    <mergeCell ref="DKW737:DKZ737"/>
    <mergeCell ref="DLA737:DLD737"/>
    <mergeCell ref="DJQ737:DJT737"/>
    <mergeCell ref="DJU737:DJX737"/>
    <mergeCell ref="DJY737:DKB737"/>
    <mergeCell ref="DKC737:DKF737"/>
    <mergeCell ref="DKG737:DKJ737"/>
    <mergeCell ref="DTQ737:DTT737"/>
    <mergeCell ref="DTU737:DTX737"/>
    <mergeCell ref="DTY737:DUB737"/>
    <mergeCell ref="DUC737:DUF737"/>
    <mergeCell ref="DUG737:DUJ737"/>
    <mergeCell ref="DSW737:DSZ737"/>
    <mergeCell ref="DTA737:DTD737"/>
    <mergeCell ref="DTE737:DTH737"/>
    <mergeCell ref="DTI737:DTL737"/>
    <mergeCell ref="DTM737:DTP737"/>
    <mergeCell ref="DSC737:DSF737"/>
    <mergeCell ref="DSG737:DSJ737"/>
    <mergeCell ref="DSK737:DSN737"/>
    <mergeCell ref="DSO737:DSR737"/>
    <mergeCell ref="DSS737:DSV737"/>
    <mergeCell ref="DRI737:DRL737"/>
    <mergeCell ref="DRM737:DRP737"/>
    <mergeCell ref="DRQ737:DRT737"/>
    <mergeCell ref="DRU737:DRX737"/>
    <mergeCell ref="DRY737:DSB737"/>
    <mergeCell ref="DQO737:DQR737"/>
    <mergeCell ref="DQS737:DQV737"/>
    <mergeCell ref="DQW737:DQZ737"/>
    <mergeCell ref="DRA737:DRD737"/>
    <mergeCell ref="DRE737:DRH737"/>
    <mergeCell ref="DPU737:DPX737"/>
    <mergeCell ref="DPY737:DQB737"/>
    <mergeCell ref="DQC737:DQF737"/>
    <mergeCell ref="DQG737:DQJ737"/>
    <mergeCell ref="DQK737:DQN737"/>
    <mergeCell ref="DPA737:DPD737"/>
    <mergeCell ref="DPE737:DPH737"/>
    <mergeCell ref="DPI737:DPL737"/>
    <mergeCell ref="DPM737:DPP737"/>
    <mergeCell ref="DPQ737:DPT737"/>
    <mergeCell ref="DZA737:DZD737"/>
    <mergeCell ref="DZE737:DZH737"/>
    <mergeCell ref="DZI737:DZL737"/>
    <mergeCell ref="DZM737:DZP737"/>
    <mergeCell ref="DZQ737:DZT737"/>
    <mergeCell ref="DYG737:DYJ737"/>
    <mergeCell ref="DYK737:DYN737"/>
    <mergeCell ref="DYO737:DYR737"/>
    <mergeCell ref="DYS737:DYV737"/>
    <mergeCell ref="DYW737:DYZ737"/>
    <mergeCell ref="DXM737:DXP737"/>
    <mergeCell ref="DXQ737:DXT737"/>
    <mergeCell ref="DXU737:DXX737"/>
    <mergeCell ref="DXY737:DYB737"/>
    <mergeCell ref="DYC737:DYF737"/>
    <mergeCell ref="DWS737:DWV737"/>
    <mergeCell ref="DWW737:DWZ737"/>
    <mergeCell ref="DXA737:DXD737"/>
    <mergeCell ref="DXE737:DXH737"/>
    <mergeCell ref="DXI737:DXL737"/>
    <mergeCell ref="DVY737:DWB737"/>
    <mergeCell ref="DWC737:DWF737"/>
    <mergeCell ref="DWG737:DWJ737"/>
    <mergeCell ref="DWK737:DWN737"/>
    <mergeCell ref="DWO737:DWR737"/>
    <mergeCell ref="DVE737:DVH737"/>
    <mergeCell ref="DVI737:DVL737"/>
    <mergeCell ref="DVM737:DVP737"/>
    <mergeCell ref="DVQ737:DVT737"/>
    <mergeCell ref="DVU737:DVX737"/>
    <mergeCell ref="DUK737:DUN737"/>
    <mergeCell ref="DUO737:DUR737"/>
    <mergeCell ref="DUS737:DUV737"/>
    <mergeCell ref="DUW737:DUZ737"/>
    <mergeCell ref="DVA737:DVD737"/>
    <mergeCell ref="EEK737:EEN737"/>
    <mergeCell ref="EEO737:EER737"/>
    <mergeCell ref="EES737:EEV737"/>
    <mergeCell ref="EEW737:EEZ737"/>
    <mergeCell ref="EFA737:EFD737"/>
    <mergeCell ref="EDQ737:EDT737"/>
    <mergeCell ref="EDU737:EDX737"/>
    <mergeCell ref="EDY737:EEB737"/>
    <mergeCell ref="EEC737:EEF737"/>
    <mergeCell ref="EEG737:EEJ737"/>
    <mergeCell ref="ECW737:ECZ737"/>
    <mergeCell ref="EDA737:EDD737"/>
    <mergeCell ref="EDE737:EDH737"/>
    <mergeCell ref="EDI737:EDL737"/>
    <mergeCell ref="EDM737:EDP737"/>
    <mergeCell ref="ECC737:ECF737"/>
    <mergeCell ref="ECG737:ECJ737"/>
    <mergeCell ref="ECK737:ECN737"/>
    <mergeCell ref="ECO737:ECR737"/>
    <mergeCell ref="ECS737:ECV737"/>
    <mergeCell ref="EBI737:EBL737"/>
    <mergeCell ref="EBM737:EBP737"/>
    <mergeCell ref="EBQ737:EBT737"/>
    <mergeCell ref="EBU737:EBX737"/>
    <mergeCell ref="EBY737:ECB737"/>
    <mergeCell ref="EAO737:EAR737"/>
    <mergeCell ref="EAS737:EAV737"/>
    <mergeCell ref="EAW737:EAZ737"/>
    <mergeCell ref="EBA737:EBD737"/>
    <mergeCell ref="EBE737:EBH737"/>
    <mergeCell ref="DZU737:DZX737"/>
    <mergeCell ref="DZY737:EAB737"/>
    <mergeCell ref="EAC737:EAF737"/>
    <mergeCell ref="EAG737:EAJ737"/>
    <mergeCell ref="EAK737:EAN737"/>
    <mergeCell ref="EJU737:EJX737"/>
    <mergeCell ref="EJY737:EKB737"/>
    <mergeCell ref="EKC737:EKF737"/>
    <mergeCell ref="EKG737:EKJ737"/>
    <mergeCell ref="EKK737:EKN737"/>
    <mergeCell ref="EJA737:EJD737"/>
    <mergeCell ref="EJE737:EJH737"/>
    <mergeCell ref="EJI737:EJL737"/>
    <mergeCell ref="EJM737:EJP737"/>
    <mergeCell ref="EJQ737:EJT737"/>
    <mergeCell ref="EIG737:EIJ737"/>
    <mergeCell ref="EIK737:EIN737"/>
    <mergeCell ref="EIO737:EIR737"/>
    <mergeCell ref="EIS737:EIV737"/>
    <mergeCell ref="EIW737:EIZ737"/>
    <mergeCell ref="EHM737:EHP737"/>
    <mergeCell ref="EHQ737:EHT737"/>
    <mergeCell ref="EHU737:EHX737"/>
    <mergeCell ref="EHY737:EIB737"/>
    <mergeCell ref="EIC737:EIF737"/>
    <mergeCell ref="EGS737:EGV737"/>
    <mergeCell ref="EGW737:EGZ737"/>
    <mergeCell ref="EHA737:EHD737"/>
    <mergeCell ref="EHE737:EHH737"/>
    <mergeCell ref="EHI737:EHL737"/>
    <mergeCell ref="EFY737:EGB737"/>
    <mergeCell ref="EGC737:EGF737"/>
    <mergeCell ref="EGG737:EGJ737"/>
    <mergeCell ref="EGK737:EGN737"/>
    <mergeCell ref="EGO737:EGR737"/>
    <mergeCell ref="EFE737:EFH737"/>
    <mergeCell ref="EFI737:EFL737"/>
    <mergeCell ref="EFM737:EFP737"/>
    <mergeCell ref="EFQ737:EFT737"/>
    <mergeCell ref="EFU737:EFX737"/>
    <mergeCell ref="EPE737:EPH737"/>
    <mergeCell ref="EPI737:EPL737"/>
    <mergeCell ref="EPM737:EPP737"/>
    <mergeCell ref="EPQ737:EPT737"/>
    <mergeCell ref="EPU737:EPX737"/>
    <mergeCell ref="EOK737:EON737"/>
    <mergeCell ref="EOO737:EOR737"/>
    <mergeCell ref="EOS737:EOV737"/>
    <mergeCell ref="EOW737:EOZ737"/>
    <mergeCell ref="EPA737:EPD737"/>
    <mergeCell ref="ENQ737:ENT737"/>
    <mergeCell ref="ENU737:ENX737"/>
    <mergeCell ref="ENY737:EOB737"/>
    <mergeCell ref="EOC737:EOF737"/>
    <mergeCell ref="EOG737:EOJ737"/>
    <mergeCell ref="EMW737:EMZ737"/>
    <mergeCell ref="ENA737:END737"/>
    <mergeCell ref="ENE737:ENH737"/>
    <mergeCell ref="ENI737:ENL737"/>
    <mergeCell ref="ENM737:ENP737"/>
    <mergeCell ref="EMC737:EMF737"/>
    <mergeCell ref="EMG737:EMJ737"/>
    <mergeCell ref="EMK737:EMN737"/>
    <mergeCell ref="EMO737:EMR737"/>
    <mergeCell ref="EMS737:EMV737"/>
    <mergeCell ref="ELI737:ELL737"/>
    <mergeCell ref="ELM737:ELP737"/>
    <mergeCell ref="ELQ737:ELT737"/>
    <mergeCell ref="ELU737:ELX737"/>
    <mergeCell ref="ELY737:EMB737"/>
    <mergeCell ref="EKO737:EKR737"/>
    <mergeCell ref="EKS737:EKV737"/>
    <mergeCell ref="EKW737:EKZ737"/>
    <mergeCell ref="ELA737:ELD737"/>
    <mergeCell ref="ELE737:ELH737"/>
    <mergeCell ref="EUO737:EUR737"/>
    <mergeCell ref="EUS737:EUV737"/>
    <mergeCell ref="EUW737:EUZ737"/>
    <mergeCell ref="EVA737:EVD737"/>
    <mergeCell ref="EVE737:EVH737"/>
    <mergeCell ref="ETU737:ETX737"/>
    <mergeCell ref="ETY737:EUB737"/>
    <mergeCell ref="EUC737:EUF737"/>
    <mergeCell ref="EUG737:EUJ737"/>
    <mergeCell ref="EUK737:EUN737"/>
    <mergeCell ref="ETA737:ETD737"/>
    <mergeCell ref="ETE737:ETH737"/>
    <mergeCell ref="ETI737:ETL737"/>
    <mergeCell ref="ETM737:ETP737"/>
    <mergeCell ref="ETQ737:ETT737"/>
    <mergeCell ref="ESG737:ESJ737"/>
    <mergeCell ref="ESK737:ESN737"/>
    <mergeCell ref="ESO737:ESR737"/>
    <mergeCell ref="ESS737:ESV737"/>
    <mergeCell ref="ESW737:ESZ737"/>
    <mergeCell ref="ERM737:ERP737"/>
    <mergeCell ref="ERQ737:ERT737"/>
    <mergeCell ref="ERU737:ERX737"/>
    <mergeCell ref="ERY737:ESB737"/>
    <mergeCell ref="ESC737:ESF737"/>
    <mergeCell ref="EQS737:EQV737"/>
    <mergeCell ref="EQW737:EQZ737"/>
    <mergeCell ref="ERA737:ERD737"/>
    <mergeCell ref="ERE737:ERH737"/>
    <mergeCell ref="ERI737:ERL737"/>
    <mergeCell ref="EPY737:EQB737"/>
    <mergeCell ref="EQC737:EQF737"/>
    <mergeCell ref="EQG737:EQJ737"/>
    <mergeCell ref="EQK737:EQN737"/>
    <mergeCell ref="EQO737:EQR737"/>
    <mergeCell ref="EZY737:FAB737"/>
    <mergeCell ref="FAC737:FAF737"/>
    <mergeCell ref="FAG737:FAJ737"/>
    <mergeCell ref="FAK737:FAN737"/>
    <mergeCell ref="FAO737:FAR737"/>
    <mergeCell ref="EZE737:EZH737"/>
    <mergeCell ref="EZI737:EZL737"/>
    <mergeCell ref="EZM737:EZP737"/>
    <mergeCell ref="EZQ737:EZT737"/>
    <mergeCell ref="EZU737:EZX737"/>
    <mergeCell ref="EYK737:EYN737"/>
    <mergeCell ref="EYO737:EYR737"/>
    <mergeCell ref="EYS737:EYV737"/>
    <mergeCell ref="EYW737:EYZ737"/>
    <mergeCell ref="EZA737:EZD737"/>
    <mergeCell ref="EXQ737:EXT737"/>
    <mergeCell ref="EXU737:EXX737"/>
    <mergeCell ref="EXY737:EYB737"/>
    <mergeCell ref="EYC737:EYF737"/>
    <mergeCell ref="EYG737:EYJ737"/>
    <mergeCell ref="EWW737:EWZ737"/>
    <mergeCell ref="EXA737:EXD737"/>
    <mergeCell ref="EXE737:EXH737"/>
    <mergeCell ref="EXI737:EXL737"/>
    <mergeCell ref="EXM737:EXP737"/>
    <mergeCell ref="EWC737:EWF737"/>
    <mergeCell ref="EWG737:EWJ737"/>
    <mergeCell ref="EWK737:EWN737"/>
    <mergeCell ref="EWO737:EWR737"/>
    <mergeCell ref="EWS737:EWV737"/>
    <mergeCell ref="EVI737:EVL737"/>
    <mergeCell ref="EVM737:EVP737"/>
    <mergeCell ref="EVQ737:EVT737"/>
    <mergeCell ref="EVU737:EVX737"/>
    <mergeCell ref="EVY737:EWB737"/>
    <mergeCell ref="FFI737:FFL737"/>
    <mergeCell ref="FFM737:FFP737"/>
    <mergeCell ref="FFQ737:FFT737"/>
    <mergeCell ref="FFU737:FFX737"/>
    <mergeCell ref="FFY737:FGB737"/>
    <mergeCell ref="FEO737:FER737"/>
    <mergeCell ref="FES737:FEV737"/>
    <mergeCell ref="FEW737:FEZ737"/>
    <mergeCell ref="FFA737:FFD737"/>
    <mergeCell ref="FFE737:FFH737"/>
    <mergeCell ref="FDU737:FDX737"/>
    <mergeCell ref="FDY737:FEB737"/>
    <mergeCell ref="FEC737:FEF737"/>
    <mergeCell ref="FEG737:FEJ737"/>
    <mergeCell ref="FEK737:FEN737"/>
    <mergeCell ref="FDA737:FDD737"/>
    <mergeCell ref="FDE737:FDH737"/>
    <mergeCell ref="FDI737:FDL737"/>
    <mergeCell ref="FDM737:FDP737"/>
    <mergeCell ref="FDQ737:FDT737"/>
    <mergeCell ref="FCG737:FCJ737"/>
    <mergeCell ref="FCK737:FCN737"/>
    <mergeCell ref="FCO737:FCR737"/>
    <mergeCell ref="FCS737:FCV737"/>
    <mergeCell ref="FCW737:FCZ737"/>
    <mergeCell ref="FBM737:FBP737"/>
    <mergeCell ref="FBQ737:FBT737"/>
    <mergeCell ref="FBU737:FBX737"/>
    <mergeCell ref="FBY737:FCB737"/>
    <mergeCell ref="FCC737:FCF737"/>
    <mergeCell ref="FAS737:FAV737"/>
    <mergeCell ref="FAW737:FAZ737"/>
    <mergeCell ref="FBA737:FBD737"/>
    <mergeCell ref="FBE737:FBH737"/>
    <mergeCell ref="FBI737:FBL737"/>
    <mergeCell ref="FKS737:FKV737"/>
    <mergeCell ref="FKW737:FKZ737"/>
    <mergeCell ref="FLA737:FLD737"/>
    <mergeCell ref="FLE737:FLH737"/>
    <mergeCell ref="FLI737:FLL737"/>
    <mergeCell ref="FJY737:FKB737"/>
    <mergeCell ref="FKC737:FKF737"/>
    <mergeCell ref="FKG737:FKJ737"/>
    <mergeCell ref="FKK737:FKN737"/>
    <mergeCell ref="FKO737:FKR737"/>
    <mergeCell ref="FJE737:FJH737"/>
    <mergeCell ref="FJI737:FJL737"/>
    <mergeCell ref="FJM737:FJP737"/>
    <mergeCell ref="FJQ737:FJT737"/>
    <mergeCell ref="FJU737:FJX737"/>
    <mergeCell ref="FIK737:FIN737"/>
    <mergeCell ref="FIO737:FIR737"/>
    <mergeCell ref="FIS737:FIV737"/>
    <mergeCell ref="FIW737:FIZ737"/>
    <mergeCell ref="FJA737:FJD737"/>
    <mergeCell ref="FHQ737:FHT737"/>
    <mergeCell ref="FHU737:FHX737"/>
    <mergeCell ref="FHY737:FIB737"/>
    <mergeCell ref="FIC737:FIF737"/>
    <mergeCell ref="FIG737:FIJ737"/>
    <mergeCell ref="FGW737:FGZ737"/>
    <mergeCell ref="FHA737:FHD737"/>
    <mergeCell ref="FHE737:FHH737"/>
    <mergeCell ref="FHI737:FHL737"/>
    <mergeCell ref="FHM737:FHP737"/>
    <mergeCell ref="FGC737:FGF737"/>
    <mergeCell ref="FGG737:FGJ737"/>
    <mergeCell ref="FGK737:FGN737"/>
    <mergeCell ref="FGO737:FGR737"/>
    <mergeCell ref="FGS737:FGV737"/>
    <mergeCell ref="FQC737:FQF737"/>
    <mergeCell ref="FQG737:FQJ737"/>
    <mergeCell ref="FQK737:FQN737"/>
    <mergeCell ref="FQO737:FQR737"/>
    <mergeCell ref="FQS737:FQV737"/>
    <mergeCell ref="FPI737:FPL737"/>
    <mergeCell ref="FPM737:FPP737"/>
    <mergeCell ref="FPQ737:FPT737"/>
    <mergeCell ref="FPU737:FPX737"/>
    <mergeCell ref="FPY737:FQB737"/>
    <mergeCell ref="FOO737:FOR737"/>
    <mergeCell ref="FOS737:FOV737"/>
    <mergeCell ref="FOW737:FOZ737"/>
    <mergeCell ref="FPA737:FPD737"/>
    <mergeCell ref="FPE737:FPH737"/>
    <mergeCell ref="FNU737:FNX737"/>
    <mergeCell ref="FNY737:FOB737"/>
    <mergeCell ref="FOC737:FOF737"/>
    <mergeCell ref="FOG737:FOJ737"/>
    <mergeCell ref="FOK737:FON737"/>
    <mergeCell ref="FNA737:FND737"/>
    <mergeCell ref="FNE737:FNH737"/>
    <mergeCell ref="FNI737:FNL737"/>
    <mergeCell ref="FNM737:FNP737"/>
    <mergeCell ref="FNQ737:FNT737"/>
    <mergeCell ref="FMG737:FMJ737"/>
    <mergeCell ref="FMK737:FMN737"/>
    <mergeCell ref="FMO737:FMR737"/>
    <mergeCell ref="FMS737:FMV737"/>
    <mergeCell ref="FMW737:FMZ737"/>
    <mergeCell ref="FLM737:FLP737"/>
    <mergeCell ref="FLQ737:FLT737"/>
    <mergeCell ref="FLU737:FLX737"/>
    <mergeCell ref="FLY737:FMB737"/>
    <mergeCell ref="FMC737:FMF737"/>
    <mergeCell ref="FVM737:FVP737"/>
    <mergeCell ref="FVQ737:FVT737"/>
    <mergeCell ref="FVU737:FVX737"/>
    <mergeCell ref="FVY737:FWB737"/>
    <mergeCell ref="FWC737:FWF737"/>
    <mergeCell ref="FUS737:FUV737"/>
    <mergeCell ref="FUW737:FUZ737"/>
    <mergeCell ref="FVA737:FVD737"/>
    <mergeCell ref="FVE737:FVH737"/>
    <mergeCell ref="FVI737:FVL737"/>
    <mergeCell ref="FTY737:FUB737"/>
    <mergeCell ref="FUC737:FUF737"/>
    <mergeCell ref="FUG737:FUJ737"/>
    <mergeCell ref="FUK737:FUN737"/>
    <mergeCell ref="FUO737:FUR737"/>
    <mergeCell ref="FTE737:FTH737"/>
    <mergeCell ref="FTI737:FTL737"/>
    <mergeCell ref="FTM737:FTP737"/>
    <mergeCell ref="FTQ737:FTT737"/>
    <mergeCell ref="FTU737:FTX737"/>
    <mergeCell ref="FSK737:FSN737"/>
    <mergeCell ref="FSO737:FSR737"/>
    <mergeCell ref="FSS737:FSV737"/>
    <mergeCell ref="FSW737:FSZ737"/>
    <mergeCell ref="FTA737:FTD737"/>
    <mergeCell ref="FRQ737:FRT737"/>
    <mergeCell ref="FRU737:FRX737"/>
    <mergeCell ref="FRY737:FSB737"/>
    <mergeCell ref="FSC737:FSF737"/>
    <mergeCell ref="FSG737:FSJ737"/>
    <mergeCell ref="FQW737:FQZ737"/>
    <mergeCell ref="FRA737:FRD737"/>
    <mergeCell ref="FRE737:FRH737"/>
    <mergeCell ref="FRI737:FRL737"/>
    <mergeCell ref="FRM737:FRP737"/>
    <mergeCell ref="GAW737:GAZ737"/>
    <mergeCell ref="GBA737:GBD737"/>
    <mergeCell ref="GBE737:GBH737"/>
    <mergeCell ref="GBI737:GBL737"/>
    <mergeCell ref="GBM737:GBP737"/>
    <mergeCell ref="GAC737:GAF737"/>
    <mergeCell ref="GAG737:GAJ737"/>
    <mergeCell ref="GAK737:GAN737"/>
    <mergeCell ref="GAO737:GAR737"/>
    <mergeCell ref="GAS737:GAV737"/>
    <mergeCell ref="FZI737:FZL737"/>
    <mergeCell ref="FZM737:FZP737"/>
    <mergeCell ref="FZQ737:FZT737"/>
    <mergeCell ref="FZU737:FZX737"/>
    <mergeCell ref="FZY737:GAB737"/>
    <mergeCell ref="FYO737:FYR737"/>
    <mergeCell ref="FYS737:FYV737"/>
    <mergeCell ref="FYW737:FYZ737"/>
    <mergeCell ref="FZA737:FZD737"/>
    <mergeCell ref="FZE737:FZH737"/>
    <mergeCell ref="FXU737:FXX737"/>
    <mergeCell ref="FXY737:FYB737"/>
    <mergeCell ref="FYC737:FYF737"/>
    <mergeCell ref="FYG737:FYJ737"/>
    <mergeCell ref="FYK737:FYN737"/>
    <mergeCell ref="FXA737:FXD737"/>
    <mergeCell ref="FXE737:FXH737"/>
    <mergeCell ref="FXI737:FXL737"/>
    <mergeCell ref="FXM737:FXP737"/>
    <mergeCell ref="FXQ737:FXT737"/>
    <mergeCell ref="FWG737:FWJ737"/>
    <mergeCell ref="FWK737:FWN737"/>
    <mergeCell ref="FWO737:FWR737"/>
    <mergeCell ref="FWS737:FWV737"/>
    <mergeCell ref="FWW737:FWZ737"/>
    <mergeCell ref="GGG737:GGJ737"/>
    <mergeCell ref="GGK737:GGN737"/>
    <mergeCell ref="GGO737:GGR737"/>
    <mergeCell ref="GGS737:GGV737"/>
    <mergeCell ref="GGW737:GGZ737"/>
    <mergeCell ref="GFM737:GFP737"/>
    <mergeCell ref="GFQ737:GFT737"/>
    <mergeCell ref="GFU737:GFX737"/>
    <mergeCell ref="GFY737:GGB737"/>
    <mergeCell ref="GGC737:GGF737"/>
    <mergeCell ref="GES737:GEV737"/>
    <mergeCell ref="GEW737:GEZ737"/>
    <mergeCell ref="GFA737:GFD737"/>
    <mergeCell ref="GFE737:GFH737"/>
    <mergeCell ref="GFI737:GFL737"/>
    <mergeCell ref="GDY737:GEB737"/>
    <mergeCell ref="GEC737:GEF737"/>
    <mergeCell ref="GEG737:GEJ737"/>
    <mergeCell ref="GEK737:GEN737"/>
    <mergeCell ref="GEO737:GER737"/>
    <mergeCell ref="GDE737:GDH737"/>
    <mergeCell ref="GDI737:GDL737"/>
    <mergeCell ref="GDM737:GDP737"/>
    <mergeCell ref="GDQ737:GDT737"/>
    <mergeCell ref="GDU737:GDX737"/>
    <mergeCell ref="GCK737:GCN737"/>
    <mergeCell ref="GCO737:GCR737"/>
    <mergeCell ref="GCS737:GCV737"/>
    <mergeCell ref="GCW737:GCZ737"/>
    <mergeCell ref="GDA737:GDD737"/>
    <mergeCell ref="GBQ737:GBT737"/>
    <mergeCell ref="GBU737:GBX737"/>
    <mergeCell ref="GBY737:GCB737"/>
    <mergeCell ref="GCC737:GCF737"/>
    <mergeCell ref="GCG737:GCJ737"/>
    <mergeCell ref="GLQ737:GLT737"/>
    <mergeCell ref="GLU737:GLX737"/>
    <mergeCell ref="GLY737:GMB737"/>
    <mergeCell ref="GMC737:GMF737"/>
    <mergeCell ref="GMG737:GMJ737"/>
    <mergeCell ref="GKW737:GKZ737"/>
    <mergeCell ref="GLA737:GLD737"/>
    <mergeCell ref="GLE737:GLH737"/>
    <mergeCell ref="GLI737:GLL737"/>
    <mergeCell ref="GLM737:GLP737"/>
    <mergeCell ref="GKC737:GKF737"/>
    <mergeCell ref="GKG737:GKJ737"/>
    <mergeCell ref="GKK737:GKN737"/>
    <mergeCell ref="GKO737:GKR737"/>
    <mergeCell ref="GKS737:GKV737"/>
    <mergeCell ref="GJI737:GJL737"/>
    <mergeCell ref="GJM737:GJP737"/>
    <mergeCell ref="GJQ737:GJT737"/>
    <mergeCell ref="GJU737:GJX737"/>
    <mergeCell ref="GJY737:GKB737"/>
    <mergeCell ref="GIO737:GIR737"/>
    <mergeCell ref="GIS737:GIV737"/>
    <mergeCell ref="GIW737:GIZ737"/>
    <mergeCell ref="GJA737:GJD737"/>
    <mergeCell ref="GJE737:GJH737"/>
    <mergeCell ref="GHU737:GHX737"/>
    <mergeCell ref="GHY737:GIB737"/>
    <mergeCell ref="GIC737:GIF737"/>
    <mergeCell ref="GIG737:GIJ737"/>
    <mergeCell ref="GIK737:GIN737"/>
    <mergeCell ref="GHA737:GHD737"/>
    <mergeCell ref="GHE737:GHH737"/>
    <mergeCell ref="GHI737:GHL737"/>
    <mergeCell ref="GHM737:GHP737"/>
    <mergeCell ref="GHQ737:GHT737"/>
    <mergeCell ref="GRA737:GRD737"/>
    <mergeCell ref="GRE737:GRH737"/>
    <mergeCell ref="GRI737:GRL737"/>
    <mergeCell ref="GRM737:GRP737"/>
    <mergeCell ref="GRQ737:GRT737"/>
    <mergeCell ref="GQG737:GQJ737"/>
    <mergeCell ref="GQK737:GQN737"/>
    <mergeCell ref="GQO737:GQR737"/>
    <mergeCell ref="GQS737:GQV737"/>
    <mergeCell ref="GQW737:GQZ737"/>
    <mergeCell ref="GPM737:GPP737"/>
    <mergeCell ref="GPQ737:GPT737"/>
    <mergeCell ref="GPU737:GPX737"/>
    <mergeCell ref="GPY737:GQB737"/>
    <mergeCell ref="GQC737:GQF737"/>
    <mergeCell ref="GOS737:GOV737"/>
    <mergeCell ref="GOW737:GOZ737"/>
    <mergeCell ref="GPA737:GPD737"/>
    <mergeCell ref="GPE737:GPH737"/>
    <mergeCell ref="GPI737:GPL737"/>
    <mergeCell ref="GNY737:GOB737"/>
    <mergeCell ref="GOC737:GOF737"/>
    <mergeCell ref="GOG737:GOJ737"/>
    <mergeCell ref="GOK737:GON737"/>
    <mergeCell ref="GOO737:GOR737"/>
    <mergeCell ref="GNE737:GNH737"/>
    <mergeCell ref="GNI737:GNL737"/>
    <mergeCell ref="GNM737:GNP737"/>
    <mergeCell ref="GNQ737:GNT737"/>
    <mergeCell ref="GNU737:GNX737"/>
    <mergeCell ref="GMK737:GMN737"/>
    <mergeCell ref="GMO737:GMR737"/>
    <mergeCell ref="GMS737:GMV737"/>
    <mergeCell ref="GMW737:GMZ737"/>
    <mergeCell ref="GNA737:GND737"/>
    <mergeCell ref="GWK737:GWN737"/>
    <mergeCell ref="GWO737:GWR737"/>
    <mergeCell ref="GWS737:GWV737"/>
    <mergeCell ref="GWW737:GWZ737"/>
    <mergeCell ref="GXA737:GXD737"/>
    <mergeCell ref="GVQ737:GVT737"/>
    <mergeCell ref="GVU737:GVX737"/>
    <mergeCell ref="GVY737:GWB737"/>
    <mergeCell ref="GWC737:GWF737"/>
    <mergeCell ref="GWG737:GWJ737"/>
    <mergeCell ref="GUW737:GUZ737"/>
    <mergeCell ref="GVA737:GVD737"/>
    <mergeCell ref="GVE737:GVH737"/>
    <mergeCell ref="GVI737:GVL737"/>
    <mergeCell ref="GVM737:GVP737"/>
    <mergeCell ref="GUC737:GUF737"/>
    <mergeCell ref="GUG737:GUJ737"/>
    <mergeCell ref="GUK737:GUN737"/>
    <mergeCell ref="GUO737:GUR737"/>
    <mergeCell ref="GUS737:GUV737"/>
    <mergeCell ref="GTI737:GTL737"/>
    <mergeCell ref="GTM737:GTP737"/>
    <mergeCell ref="GTQ737:GTT737"/>
    <mergeCell ref="GTU737:GTX737"/>
    <mergeCell ref="GTY737:GUB737"/>
    <mergeCell ref="GSO737:GSR737"/>
    <mergeCell ref="GSS737:GSV737"/>
    <mergeCell ref="GSW737:GSZ737"/>
    <mergeCell ref="GTA737:GTD737"/>
    <mergeCell ref="GTE737:GTH737"/>
    <mergeCell ref="GRU737:GRX737"/>
    <mergeCell ref="GRY737:GSB737"/>
    <mergeCell ref="GSC737:GSF737"/>
    <mergeCell ref="GSG737:GSJ737"/>
    <mergeCell ref="GSK737:GSN737"/>
    <mergeCell ref="HBU737:HBX737"/>
    <mergeCell ref="HBY737:HCB737"/>
    <mergeCell ref="HCC737:HCF737"/>
    <mergeCell ref="HCG737:HCJ737"/>
    <mergeCell ref="HCK737:HCN737"/>
    <mergeCell ref="HBA737:HBD737"/>
    <mergeCell ref="HBE737:HBH737"/>
    <mergeCell ref="HBI737:HBL737"/>
    <mergeCell ref="HBM737:HBP737"/>
    <mergeCell ref="HBQ737:HBT737"/>
    <mergeCell ref="HAG737:HAJ737"/>
    <mergeCell ref="HAK737:HAN737"/>
    <mergeCell ref="HAO737:HAR737"/>
    <mergeCell ref="HAS737:HAV737"/>
    <mergeCell ref="HAW737:HAZ737"/>
    <mergeCell ref="GZM737:GZP737"/>
    <mergeCell ref="GZQ737:GZT737"/>
    <mergeCell ref="GZU737:GZX737"/>
    <mergeCell ref="GZY737:HAB737"/>
    <mergeCell ref="HAC737:HAF737"/>
    <mergeCell ref="GYS737:GYV737"/>
    <mergeCell ref="GYW737:GYZ737"/>
    <mergeCell ref="GZA737:GZD737"/>
    <mergeCell ref="GZE737:GZH737"/>
    <mergeCell ref="GZI737:GZL737"/>
    <mergeCell ref="GXY737:GYB737"/>
    <mergeCell ref="GYC737:GYF737"/>
    <mergeCell ref="GYG737:GYJ737"/>
    <mergeCell ref="GYK737:GYN737"/>
    <mergeCell ref="GYO737:GYR737"/>
    <mergeCell ref="GXE737:GXH737"/>
    <mergeCell ref="GXI737:GXL737"/>
    <mergeCell ref="GXM737:GXP737"/>
    <mergeCell ref="GXQ737:GXT737"/>
    <mergeCell ref="GXU737:GXX737"/>
    <mergeCell ref="HHE737:HHH737"/>
    <mergeCell ref="HHI737:HHL737"/>
    <mergeCell ref="HHM737:HHP737"/>
    <mergeCell ref="HHQ737:HHT737"/>
    <mergeCell ref="HHU737:HHX737"/>
    <mergeCell ref="HGK737:HGN737"/>
    <mergeCell ref="HGO737:HGR737"/>
    <mergeCell ref="HGS737:HGV737"/>
    <mergeCell ref="HGW737:HGZ737"/>
    <mergeCell ref="HHA737:HHD737"/>
    <mergeCell ref="HFQ737:HFT737"/>
    <mergeCell ref="HFU737:HFX737"/>
    <mergeCell ref="HFY737:HGB737"/>
    <mergeCell ref="HGC737:HGF737"/>
    <mergeCell ref="HGG737:HGJ737"/>
    <mergeCell ref="HEW737:HEZ737"/>
    <mergeCell ref="HFA737:HFD737"/>
    <mergeCell ref="HFE737:HFH737"/>
    <mergeCell ref="HFI737:HFL737"/>
    <mergeCell ref="HFM737:HFP737"/>
    <mergeCell ref="HEC737:HEF737"/>
    <mergeCell ref="HEG737:HEJ737"/>
    <mergeCell ref="HEK737:HEN737"/>
    <mergeCell ref="HEO737:HER737"/>
    <mergeCell ref="HES737:HEV737"/>
    <mergeCell ref="HDI737:HDL737"/>
    <mergeCell ref="HDM737:HDP737"/>
    <mergeCell ref="HDQ737:HDT737"/>
    <mergeCell ref="HDU737:HDX737"/>
    <mergeCell ref="HDY737:HEB737"/>
    <mergeCell ref="HCO737:HCR737"/>
    <mergeCell ref="HCS737:HCV737"/>
    <mergeCell ref="HCW737:HCZ737"/>
    <mergeCell ref="HDA737:HDD737"/>
    <mergeCell ref="HDE737:HDH737"/>
    <mergeCell ref="HMO737:HMR737"/>
    <mergeCell ref="HMS737:HMV737"/>
    <mergeCell ref="HMW737:HMZ737"/>
    <mergeCell ref="HNA737:HND737"/>
    <mergeCell ref="HNE737:HNH737"/>
    <mergeCell ref="HLU737:HLX737"/>
    <mergeCell ref="HLY737:HMB737"/>
    <mergeCell ref="HMC737:HMF737"/>
    <mergeCell ref="HMG737:HMJ737"/>
    <mergeCell ref="HMK737:HMN737"/>
    <mergeCell ref="HLA737:HLD737"/>
    <mergeCell ref="HLE737:HLH737"/>
    <mergeCell ref="HLI737:HLL737"/>
    <mergeCell ref="HLM737:HLP737"/>
    <mergeCell ref="HLQ737:HLT737"/>
    <mergeCell ref="HKG737:HKJ737"/>
    <mergeCell ref="HKK737:HKN737"/>
    <mergeCell ref="HKO737:HKR737"/>
    <mergeCell ref="HKS737:HKV737"/>
    <mergeCell ref="HKW737:HKZ737"/>
    <mergeCell ref="HJM737:HJP737"/>
    <mergeCell ref="HJQ737:HJT737"/>
    <mergeCell ref="HJU737:HJX737"/>
    <mergeCell ref="HJY737:HKB737"/>
    <mergeCell ref="HKC737:HKF737"/>
    <mergeCell ref="HIS737:HIV737"/>
    <mergeCell ref="HIW737:HIZ737"/>
    <mergeCell ref="HJA737:HJD737"/>
    <mergeCell ref="HJE737:HJH737"/>
    <mergeCell ref="HJI737:HJL737"/>
    <mergeCell ref="HHY737:HIB737"/>
    <mergeCell ref="HIC737:HIF737"/>
    <mergeCell ref="HIG737:HIJ737"/>
    <mergeCell ref="HIK737:HIN737"/>
    <mergeCell ref="HIO737:HIR737"/>
    <mergeCell ref="HRY737:HSB737"/>
    <mergeCell ref="HSC737:HSF737"/>
    <mergeCell ref="HSG737:HSJ737"/>
    <mergeCell ref="HSK737:HSN737"/>
    <mergeCell ref="HSO737:HSR737"/>
    <mergeCell ref="HRE737:HRH737"/>
    <mergeCell ref="HRI737:HRL737"/>
    <mergeCell ref="HRM737:HRP737"/>
    <mergeCell ref="HRQ737:HRT737"/>
    <mergeCell ref="HRU737:HRX737"/>
    <mergeCell ref="HQK737:HQN737"/>
    <mergeCell ref="HQO737:HQR737"/>
    <mergeCell ref="HQS737:HQV737"/>
    <mergeCell ref="HQW737:HQZ737"/>
    <mergeCell ref="HRA737:HRD737"/>
    <mergeCell ref="HPQ737:HPT737"/>
    <mergeCell ref="HPU737:HPX737"/>
    <mergeCell ref="HPY737:HQB737"/>
    <mergeCell ref="HQC737:HQF737"/>
    <mergeCell ref="HQG737:HQJ737"/>
    <mergeCell ref="HOW737:HOZ737"/>
    <mergeCell ref="HPA737:HPD737"/>
    <mergeCell ref="HPE737:HPH737"/>
    <mergeCell ref="HPI737:HPL737"/>
    <mergeCell ref="HPM737:HPP737"/>
    <mergeCell ref="HOC737:HOF737"/>
    <mergeCell ref="HOG737:HOJ737"/>
    <mergeCell ref="HOK737:HON737"/>
    <mergeCell ref="HOO737:HOR737"/>
    <mergeCell ref="HOS737:HOV737"/>
    <mergeCell ref="HNI737:HNL737"/>
    <mergeCell ref="HNM737:HNP737"/>
    <mergeCell ref="HNQ737:HNT737"/>
    <mergeCell ref="HNU737:HNX737"/>
    <mergeCell ref="HNY737:HOB737"/>
    <mergeCell ref="HXI737:HXL737"/>
    <mergeCell ref="HXM737:HXP737"/>
    <mergeCell ref="HXQ737:HXT737"/>
    <mergeCell ref="HXU737:HXX737"/>
    <mergeCell ref="HXY737:HYB737"/>
    <mergeCell ref="HWO737:HWR737"/>
    <mergeCell ref="HWS737:HWV737"/>
    <mergeCell ref="HWW737:HWZ737"/>
    <mergeCell ref="HXA737:HXD737"/>
    <mergeCell ref="HXE737:HXH737"/>
    <mergeCell ref="HVU737:HVX737"/>
    <mergeCell ref="HVY737:HWB737"/>
    <mergeCell ref="HWC737:HWF737"/>
    <mergeCell ref="HWG737:HWJ737"/>
    <mergeCell ref="HWK737:HWN737"/>
    <mergeCell ref="HVA737:HVD737"/>
    <mergeCell ref="HVE737:HVH737"/>
    <mergeCell ref="HVI737:HVL737"/>
    <mergeCell ref="HVM737:HVP737"/>
    <mergeCell ref="HVQ737:HVT737"/>
    <mergeCell ref="HUG737:HUJ737"/>
    <mergeCell ref="HUK737:HUN737"/>
    <mergeCell ref="HUO737:HUR737"/>
    <mergeCell ref="HUS737:HUV737"/>
    <mergeCell ref="HUW737:HUZ737"/>
    <mergeCell ref="HTM737:HTP737"/>
    <mergeCell ref="HTQ737:HTT737"/>
    <mergeCell ref="HTU737:HTX737"/>
    <mergeCell ref="HTY737:HUB737"/>
    <mergeCell ref="HUC737:HUF737"/>
    <mergeCell ref="HSS737:HSV737"/>
    <mergeCell ref="HSW737:HSZ737"/>
    <mergeCell ref="HTA737:HTD737"/>
    <mergeCell ref="HTE737:HTH737"/>
    <mergeCell ref="HTI737:HTL737"/>
    <mergeCell ref="ICS737:ICV737"/>
    <mergeCell ref="ICW737:ICZ737"/>
    <mergeCell ref="IDA737:IDD737"/>
    <mergeCell ref="IDE737:IDH737"/>
    <mergeCell ref="IDI737:IDL737"/>
    <mergeCell ref="IBY737:ICB737"/>
    <mergeCell ref="ICC737:ICF737"/>
    <mergeCell ref="ICG737:ICJ737"/>
    <mergeCell ref="ICK737:ICN737"/>
    <mergeCell ref="ICO737:ICR737"/>
    <mergeCell ref="IBE737:IBH737"/>
    <mergeCell ref="IBI737:IBL737"/>
    <mergeCell ref="IBM737:IBP737"/>
    <mergeCell ref="IBQ737:IBT737"/>
    <mergeCell ref="IBU737:IBX737"/>
    <mergeCell ref="IAK737:IAN737"/>
    <mergeCell ref="IAO737:IAR737"/>
    <mergeCell ref="IAS737:IAV737"/>
    <mergeCell ref="IAW737:IAZ737"/>
    <mergeCell ref="IBA737:IBD737"/>
    <mergeCell ref="HZQ737:HZT737"/>
    <mergeCell ref="HZU737:HZX737"/>
    <mergeCell ref="HZY737:IAB737"/>
    <mergeCell ref="IAC737:IAF737"/>
    <mergeCell ref="IAG737:IAJ737"/>
    <mergeCell ref="HYW737:HYZ737"/>
    <mergeCell ref="HZA737:HZD737"/>
    <mergeCell ref="HZE737:HZH737"/>
    <mergeCell ref="HZI737:HZL737"/>
    <mergeCell ref="HZM737:HZP737"/>
    <mergeCell ref="HYC737:HYF737"/>
    <mergeCell ref="HYG737:HYJ737"/>
    <mergeCell ref="HYK737:HYN737"/>
    <mergeCell ref="HYO737:HYR737"/>
    <mergeCell ref="HYS737:HYV737"/>
    <mergeCell ref="IIC737:IIF737"/>
    <mergeCell ref="IIG737:IIJ737"/>
    <mergeCell ref="IIK737:IIN737"/>
    <mergeCell ref="IIO737:IIR737"/>
    <mergeCell ref="IIS737:IIV737"/>
    <mergeCell ref="IHI737:IHL737"/>
    <mergeCell ref="IHM737:IHP737"/>
    <mergeCell ref="IHQ737:IHT737"/>
    <mergeCell ref="IHU737:IHX737"/>
    <mergeCell ref="IHY737:IIB737"/>
    <mergeCell ref="IGO737:IGR737"/>
    <mergeCell ref="IGS737:IGV737"/>
    <mergeCell ref="IGW737:IGZ737"/>
    <mergeCell ref="IHA737:IHD737"/>
    <mergeCell ref="IHE737:IHH737"/>
    <mergeCell ref="IFU737:IFX737"/>
    <mergeCell ref="IFY737:IGB737"/>
    <mergeCell ref="IGC737:IGF737"/>
    <mergeCell ref="IGG737:IGJ737"/>
    <mergeCell ref="IGK737:IGN737"/>
    <mergeCell ref="IFA737:IFD737"/>
    <mergeCell ref="IFE737:IFH737"/>
    <mergeCell ref="IFI737:IFL737"/>
    <mergeCell ref="IFM737:IFP737"/>
    <mergeCell ref="IFQ737:IFT737"/>
    <mergeCell ref="IEG737:IEJ737"/>
    <mergeCell ref="IEK737:IEN737"/>
    <mergeCell ref="IEO737:IER737"/>
    <mergeCell ref="IES737:IEV737"/>
    <mergeCell ref="IEW737:IEZ737"/>
    <mergeCell ref="IDM737:IDP737"/>
    <mergeCell ref="IDQ737:IDT737"/>
    <mergeCell ref="IDU737:IDX737"/>
    <mergeCell ref="IDY737:IEB737"/>
    <mergeCell ref="IEC737:IEF737"/>
    <mergeCell ref="INM737:INP737"/>
    <mergeCell ref="INQ737:INT737"/>
    <mergeCell ref="INU737:INX737"/>
    <mergeCell ref="INY737:IOB737"/>
    <mergeCell ref="IOC737:IOF737"/>
    <mergeCell ref="IMS737:IMV737"/>
    <mergeCell ref="IMW737:IMZ737"/>
    <mergeCell ref="INA737:IND737"/>
    <mergeCell ref="INE737:INH737"/>
    <mergeCell ref="INI737:INL737"/>
    <mergeCell ref="ILY737:IMB737"/>
    <mergeCell ref="IMC737:IMF737"/>
    <mergeCell ref="IMG737:IMJ737"/>
    <mergeCell ref="IMK737:IMN737"/>
    <mergeCell ref="IMO737:IMR737"/>
    <mergeCell ref="ILE737:ILH737"/>
    <mergeCell ref="ILI737:ILL737"/>
    <mergeCell ref="ILM737:ILP737"/>
    <mergeCell ref="ILQ737:ILT737"/>
    <mergeCell ref="ILU737:ILX737"/>
    <mergeCell ref="IKK737:IKN737"/>
    <mergeCell ref="IKO737:IKR737"/>
    <mergeCell ref="IKS737:IKV737"/>
    <mergeCell ref="IKW737:IKZ737"/>
    <mergeCell ref="ILA737:ILD737"/>
    <mergeCell ref="IJQ737:IJT737"/>
    <mergeCell ref="IJU737:IJX737"/>
    <mergeCell ref="IJY737:IKB737"/>
    <mergeCell ref="IKC737:IKF737"/>
    <mergeCell ref="IKG737:IKJ737"/>
    <mergeCell ref="IIW737:IIZ737"/>
    <mergeCell ref="IJA737:IJD737"/>
    <mergeCell ref="IJE737:IJH737"/>
    <mergeCell ref="IJI737:IJL737"/>
    <mergeCell ref="IJM737:IJP737"/>
    <mergeCell ref="ISW737:ISZ737"/>
    <mergeCell ref="ITA737:ITD737"/>
    <mergeCell ref="ITE737:ITH737"/>
    <mergeCell ref="ITI737:ITL737"/>
    <mergeCell ref="ITM737:ITP737"/>
    <mergeCell ref="ISC737:ISF737"/>
    <mergeCell ref="ISG737:ISJ737"/>
    <mergeCell ref="ISK737:ISN737"/>
    <mergeCell ref="ISO737:ISR737"/>
    <mergeCell ref="ISS737:ISV737"/>
    <mergeCell ref="IRI737:IRL737"/>
    <mergeCell ref="IRM737:IRP737"/>
    <mergeCell ref="IRQ737:IRT737"/>
    <mergeCell ref="IRU737:IRX737"/>
    <mergeCell ref="IRY737:ISB737"/>
    <mergeCell ref="IQO737:IQR737"/>
    <mergeCell ref="IQS737:IQV737"/>
    <mergeCell ref="IQW737:IQZ737"/>
    <mergeCell ref="IRA737:IRD737"/>
    <mergeCell ref="IRE737:IRH737"/>
    <mergeCell ref="IPU737:IPX737"/>
    <mergeCell ref="IPY737:IQB737"/>
    <mergeCell ref="IQC737:IQF737"/>
    <mergeCell ref="IQG737:IQJ737"/>
    <mergeCell ref="IQK737:IQN737"/>
    <mergeCell ref="IPA737:IPD737"/>
    <mergeCell ref="IPE737:IPH737"/>
    <mergeCell ref="IPI737:IPL737"/>
    <mergeCell ref="IPM737:IPP737"/>
    <mergeCell ref="IPQ737:IPT737"/>
    <mergeCell ref="IOG737:IOJ737"/>
    <mergeCell ref="IOK737:ION737"/>
    <mergeCell ref="IOO737:IOR737"/>
    <mergeCell ref="IOS737:IOV737"/>
    <mergeCell ref="IOW737:IOZ737"/>
    <mergeCell ref="IYG737:IYJ737"/>
    <mergeCell ref="IYK737:IYN737"/>
    <mergeCell ref="IYO737:IYR737"/>
    <mergeCell ref="IYS737:IYV737"/>
    <mergeCell ref="IYW737:IYZ737"/>
    <mergeCell ref="IXM737:IXP737"/>
    <mergeCell ref="IXQ737:IXT737"/>
    <mergeCell ref="IXU737:IXX737"/>
    <mergeCell ref="IXY737:IYB737"/>
    <mergeCell ref="IYC737:IYF737"/>
    <mergeCell ref="IWS737:IWV737"/>
    <mergeCell ref="IWW737:IWZ737"/>
    <mergeCell ref="IXA737:IXD737"/>
    <mergeCell ref="IXE737:IXH737"/>
    <mergeCell ref="IXI737:IXL737"/>
    <mergeCell ref="IVY737:IWB737"/>
    <mergeCell ref="IWC737:IWF737"/>
    <mergeCell ref="IWG737:IWJ737"/>
    <mergeCell ref="IWK737:IWN737"/>
    <mergeCell ref="IWO737:IWR737"/>
    <mergeCell ref="IVE737:IVH737"/>
    <mergeCell ref="IVI737:IVL737"/>
    <mergeCell ref="IVM737:IVP737"/>
    <mergeCell ref="IVQ737:IVT737"/>
    <mergeCell ref="IVU737:IVX737"/>
    <mergeCell ref="IUK737:IUN737"/>
    <mergeCell ref="IUO737:IUR737"/>
    <mergeCell ref="IUS737:IUV737"/>
    <mergeCell ref="IUW737:IUZ737"/>
    <mergeCell ref="IVA737:IVD737"/>
    <mergeCell ref="ITQ737:ITT737"/>
    <mergeCell ref="ITU737:ITX737"/>
    <mergeCell ref="ITY737:IUB737"/>
    <mergeCell ref="IUC737:IUF737"/>
    <mergeCell ref="IUG737:IUJ737"/>
    <mergeCell ref="JDQ737:JDT737"/>
    <mergeCell ref="JDU737:JDX737"/>
    <mergeCell ref="JDY737:JEB737"/>
    <mergeCell ref="JEC737:JEF737"/>
    <mergeCell ref="JEG737:JEJ737"/>
    <mergeCell ref="JCW737:JCZ737"/>
    <mergeCell ref="JDA737:JDD737"/>
    <mergeCell ref="JDE737:JDH737"/>
    <mergeCell ref="JDI737:JDL737"/>
    <mergeCell ref="JDM737:JDP737"/>
    <mergeCell ref="JCC737:JCF737"/>
    <mergeCell ref="JCG737:JCJ737"/>
    <mergeCell ref="JCK737:JCN737"/>
    <mergeCell ref="JCO737:JCR737"/>
    <mergeCell ref="JCS737:JCV737"/>
    <mergeCell ref="JBI737:JBL737"/>
    <mergeCell ref="JBM737:JBP737"/>
    <mergeCell ref="JBQ737:JBT737"/>
    <mergeCell ref="JBU737:JBX737"/>
    <mergeCell ref="JBY737:JCB737"/>
    <mergeCell ref="JAO737:JAR737"/>
    <mergeCell ref="JAS737:JAV737"/>
    <mergeCell ref="JAW737:JAZ737"/>
    <mergeCell ref="JBA737:JBD737"/>
    <mergeCell ref="JBE737:JBH737"/>
    <mergeCell ref="IZU737:IZX737"/>
    <mergeCell ref="IZY737:JAB737"/>
    <mergeCell ref="JAC737:JAF737"/>
    <mergeCell ref="JAG737:JAJ737"/>
    <mergeCell ref="JAK737:JAN737"/>
    <mergeCell ref="IZA737:IZD737"/>
    <mergeCell ref="IZE737:IZH737"/>
    <mergeCell ref="IZI737:IZL737"/>
    <mergeCell ref="IZM737:IZP737"/>
    <mergeCell ref="IZQ737:IZT737"/>
    <mergeCell ref="JJA737:JJD737"/>
    <mergeCell ref="JJE737:JJH737"/>
    <mergeCell ref="JJI737:JJL737"/>
    <mergeCell ref="JJM737:JJP737"/>
    <mergeCell ref="JJQ737:JJT737"/>
    <mergeCell ref="JIG737:JIJ737"/>
    <mergeCell ref="JIK737:JIN737"/>
    <mergeCell ref="JIO737:JIR737"/>
    <mergeCell ref="JIS737:JIV737"/>
    <mergeCell ref="JIW737:JIZ737"/>
    <mergeCell ref="JHM737:JHP737"/>
    <mergeCell ref="JHQ737:JHT737"/>
    <mergeCell ref="JHU737:JHX737"/>
    <mergeCell ref="JHY737:JIB737"/>
    <mergeCell ref="JIC737:JIF737"/>
    <mergeCell ref="JGS737:JGV737"/>
    <mergeCell ref="JGW737:JGZ737"/>
    <mergeCell ref="JHA737:JHD737"/>
    <mergeCell ref="JHE737:JHH737"/>
    <mergeCell ref="JHI737:JHL737"/>
    <mergeCell ref="JFY737:JGB737"/>
    <mergeCell ref="JGC737:JGF737"/>
    <mergeCell ref="JGG737:JGJ737"/>
    <mergeCell ref="JGK737:JGN737"/>
    <mergeCell ref="JGO737:JGR737"/>
    <mergeCell ref="JFE737:JFH737"/>
    <mergeCell ref="JFI737:JFL737"/>
    <mergeCell ref="JFM737:JFP737"/>
    <mergeCell ref="JFQ737:JFT737"/>
    <mergeCell ref="JFU737:JFX737"/>
    <mergeCell ref="JEK737:JEN737"/>
    <mergeCell ref="JEO737:JER737"/>
    <mergeCell ref="JES737:JEV737"/>
    <mergeCell ref="JEW737:JEZ737"/>
    <mergeCell ref="JFA737:JFD737"/>
    <mergeCell ref="JOK737:JON737"/>
    <mergeCell ref="JOO737:JOR737"/>
    <mergeCell ref="JOS737:JOV737"/>
    <mergeCell ref="JOW737:JOZ737"/>
    <mergeCell ref="JPA737:JPD737"/>
    <mergeCell ref="JNQ737:JNT737"/>
    <mergeCell ref="JNU737:JNX737"/>
    <mergeCell ref="JNY737:JOB737"/>
    <mergeCell ref="JOC737:JOF737"/>
    <mergeCell ref="JOG737:JOJ737"/>
    <mergeCell ref="JMW737:JMZ737"/>
    <mergeCell ref="JNA737:JND737"/>
    <mergeCell ref="JNE737:JNH737"/>
    <mergeCell ref="JNI737:JNL737"/>
    <mergeCell ref="JNM737:JNP737"/>
    <mergeCell ref="JMC737:JMF737"/>
    <mergeCell ref="JMG737:JMJ737"/>
    <mergeCell ref="JMK737:JMN737"/>
    <mergeCell ref="JMO737:JMR737"/>
    <mergeCell ref="JMS737:JMV737"/>
    <mergeCell ref="JLI737:JLL737"/>
    <mergeCell ref="JLM737:JLP737"/>
    <mergeCell ref="JLQ737:JLT737"/>
    <mergeCell ref="JLU737:JLX737"/>
    <mergeCell ref="JLY737:JMB737"/>
    <mergeCell ref="JKO737:JKR737"/>
    <mergeCell ref="JKS737:JKV737"/>
    <mergeCell ref="JKW737:JKZ737"/>
    <mergeCell ref="JLA737:JLD737"/>
    <mergeCell ref="JLE737:JLH737"/>
    <mergeCell ref="JJU737:JJX737"/>
    <mergeCell ref="JJY737:JKB737"/>
    <mergeCell ref="JKC737:JKF737"/>
    <mergeCell ref="JKG737:JKJ737"/>
    <mergeCell ref="JKK737:JKN737"/>
    <mergeCell ref="JTU737:JTX737"/>
    <mergeCell ref="JTY737:JUB737"/>
    <mergeCell ref="JUC737:JUF737"/>
    <mergeCell ref="JUG737:JUJ737"/>
    <mergeCell ref="JUK737:JUN737"/>
    <mergeCell ref="JTA737:JTD737"/>
    <mergeCell ref="JTE737:JTH737"/>
    <mergeCell ref="JTI737:JTL737"/>
    <mergeCell ref="JTM737:JTP737"/>
    <mergeCell ref="JTQ737:JTT737"/>
    <mergeCell ref="JSG737:JSJ737"/>
    <mergeCell ref="JSK737:JSN737"/>
    <mergeCell ref="JSO737:JSR737"/>
    <mergeCell ref="JSS737:JSV737"/>
    <mergeCell ref="JSW737:JSZ737"/>
    <mergeCell ref="JRM737:JRP737"/>
    <mergeCell ref="JRQ737:JRT737"/>
    <mergeCell ref="JRU737:JRX737"/>
    <mergeCell ref="JRY737:JSB737"/>
    <mergeCell ref="JSC737:JSF737"/>
    <mergeCell ref="JQS737:JQV737"/>
    <mergeCell ref="JQW737:JQZ737"/>
    <mergeCell ref="JRA737:JRD737"/>
    <mergeCell ref="JRE737:JRH737"/>
    <mergeCell ref="JRI737:JRL737"/>
    <mergeCell ref="JPY737:JQB737"/>
    <mergeCell ref="JQC737:JQF737"/>
    <mergeCell ref="JQG737:JQJ737"/>
    <mergeCell ref="JQK737:JQN737"/>
    <mergeCell ref="JQO737:JQR737"/>
    <mergeCell ref="JPE737:JPH737"/>
    <mergeCell ref="JPI737:JPL737"/>
    <mergeCell ref="JPM737:JPP737"/>
    <mergeCell ref="JPQ737:JPT737"/>
    <mergeCell ref="JPU737:JPX737"/>
    <mergeCell ref="JZE737:JZH737"/>
    <mergeCell ref="JZI737:JZL737"/>
    <mergeCell ref="JZM737:JZP737"/>
    <mergeCell ref="JZQ737:JZT737"/>
    <mergeCell ref="JZU737:JZX737"/>
    <mergeCell ref="JYK737:JYN737"/>
    <mergeCell ref="JYO737:JYR737"/>
    <mergeCell ref="JYS737:JYV737"/>
    <mergeCell ref="JYW737:JYZ737"/>
    <mergeCell ref="JZA737:JZD737"/>
    <mergeCell ref="JXQ737:JXT737"/>
    <mergeCell ref="JXU737:JXX737"/>
    <mergeCell ref="JXY737:JYB737"/>
    <mergeCell ref="JYC737:JYF737"/>
    <mergeCell ref="JYG737:JYJ737"/>
    <mergeCell ref="JWW737:JWZ737"/>
    <mergeCell ref="JXA737:JXD737"/>
    <mergeCell ref="JXE737:JXH737"/>
    <mergeCell ref="JXI737:JXL737"/>
    <mergeCell ref="JXM737:JXP737"/>
    <mergeCell ref="JWC737:JWF737"/>
    <mergeCell ref="JWG737:JWJ737"/>
    <mergeCell ref="JWK737:JWN737"/>
    <mergeCell ref="JWO737:JWR737"/>
    <mergeCell ref="JWS737:JWV737"/>
    <mergeCell ref="JVI737:JVL737"/>
    <mergeCell ref="JVM737:JVP737"/>
    <mergeCell ref="JVQ737:JVT737"/>
    <mergeCell ref="JVU737:JVX737"/>
    <mergeCell ref="JVY737:JWB737"/>
    <mergeCell ref="JUO737:JUR737"/>
    <mergeCell ref="JUS737:JUV737"/>
    <mergeCell ref="JUW737:JUZ737"/>
    <mergeCell ref="JVA737:JVD737"/>
    <mergeCell ref="JVE737:JVH737"/>
    <mergeCell ref="KEO737:KER737"/>
    <mergeCell ref="KES737:KEV737"/>
    <mergeCell ref="KEW737:KEZ737"/>
    <mergeCell ref="KFA737:KFD737"/>
    <mergeCell ref="KFE737:KFH737"/>
    <mergeCell ref="KDU737:KDX737"/>
    <mergeCell ref="KDY737:KEB737"/>
    <mergeCell ref="KEC737:KEF737"/>
    <mergeCell ref="KEG737:KEJ737"/>
    <mergeCell ref="KEK737:KEN737"/>
    <mergeCell ref="KDA737:KDD737"/>
    <mergeCell ref="KDE737:KDH737"/>
    <mergeCell ref="KDI737:KDL737"/>
    <mergeCell ref="KDM737:KDP737"/>
    <mergeCell ref="KDQ737:KDT737"/>
    <mergeCell ref="KCG737:KCJ737"/>
    <mergeCell ref="KCK737:KCN737"/>
    <mergeCell ref="KCO737:KCR737"/>
    <mergeCell ref="KCS737:KCV737"/>
    <mergeCell ref="KCW737:KCZ737"/>
    <mergeCell ref="KBM737:KBP737"/>
    <mergeCell ref="KBQ737:KBT737"/>
    <mergeCell ref="KBU737:KBX737"/>
    <mergeCell ref="KBY737:KCB737"/>
    <mergeCell ref="KCC737:KCF737"/>
    <mergeCell ref="KAS737:KAV737"/>
    <mergeCell ref="KAW737:KAZ737"/>
    <mergeCell ref="KBA737:KBD737"/>
    <mergeCell ref="KBE737:KBH737"/>
    <mergeCell ref="KBI737:KBL737"/>
    <mergeCell ref="JZY737:KAB737"/>
    <mergeCell ref="KAC737:KAF737"/>
    <mergeCell ref="KAG737:KAJ737"/>
    <mergeCell ref="KAK737:KAN737"/>
    <mergeCell ref="KAO737:KAR737"/>
    <mergeCell ref="KJY737:KKB737"/>
    <mergeCell ref="KKC737:KKF737"/>
    <mergeCell ref="KKG737:KKJ737"/>
    <mergeCell ref="KKK737:KKN737"/>
    <mergeCell ref="KKO737:KKR737"/>
    <mergeCell ref="KJE737:KJH737"/>
    <mergeCell ref="KJI737:KJL737"/>
    <mergeCell ref="KJM737:KJP737"/>
    <mergeCell ref="KJQ737:KJT737"/>
    <mergeCell ref="KJU737:KJX737"/>
    <mergeCell ref="KIK737:KIN737"/>
    <mergeCell ref="KIO737:KIR737"/>
    <mergeCell ref="KIS737:KIV737"/>
    <mergeCell ref="KIW737:KIZ737"/>
    <mergeCell ref="KJA737:KJD737"/>
    <mergeCell ref="KHQ737:KHT737"/>
    <mergeCell ref="KHU737:KHX737"/>
    <mergeCell ref="KHY737:KIB737"/>
    <mergeCell ref="KIC737:KIF737"/>
    <mergeCell ref="KIG737:KIJ737"/>
    <mergeCell ref="KGW737:KGZ737"/>
    <mergeCell ref="KHA737:KHD737"/>
    <mergeCell ref="KHE737:KHH737"/>
    <mergeCell ref="KHI737:KHL737"/>
    <mergeCell ref="KHM737:KHP737"/>
    <mergeCell ref="KGC737:KGF737"/>
    <mergeCell ref="KGG737:KGJ737"/>
    <mergeCell ref="KGK737:KGN737"/>
    <mergeCell ref="KGO737:KGR737"/>
    <mergeCell ref="KGS737:KGV737"/>
    <mergeCell ref="KFI737:KFL737"/>
    <mergeCell ref="KFM737:KFP737"/>
    <mergeCell ref="KFQ737:KFT737"/>
    <mergeCell ref="KFU737:KFX737"/>
    <mergeCell ref="KFY737:KGB737"/>
    <mergeCell ref="KPI737:KPL737"/>
    <mergeCell ref="KPM737:KPP737"/>
    <mergeCell ref="KPQ737:KPT737"/>
    <mergeCell ref="KPU737:KPX737"/>
    <mergeCell ref="KPY737:KQB737"/>
    <mergeCell ref="KOO737:KOR737"/>
    <mergeCell ref="KOS737:KOV737"/>
    <mergeCell ref="KOW737:KOZ737"/>
    <mergeCell ref="KPA737:KPD737"/>
    <mergeCell ref="KPE737:KPH737"/>
    <mergeCell ref="KNU737:KNX737"/>
    <mergeCell ref="KNY737:KOB737"/>
    <mergeCell ref="KOC737:KOF737"/>
    <mergeCell ref="KOG737:KOJ737"/>
    <mergeCell ref="KOK737:KON737"/>
    <mergeCell ref="KNA737:KND737"/>
    <mergeCell ref="KNE737:KNH737"/>
    <mergeCell ref="KNI737:KNL737"/>
    <mergeCell ref="KNM737:KNP737"/>
    <mergeCell ref="KNQ737:KNT737"/>
    <mergeCell ref="KMG737:KMJ737"/>
    <mergeCell ref="KMK737:KMN737"/>
    <mergeCell ref="KMO737:KMR737"/>
    <mergeCell ref="KMS737:KMV737"/>
    <mergeCell ref="KMW737:KMZ737"/>
    <mergeCell ref="KLM737:KLP737"/>
    <mergeCell ref="KLQ737:KLT737"/>
    <mergeCell ref="KLU737:KLX737"/>
    <mergeCell ref="KLY737:KMB737"/>
    <mergeCell ref="KMC737:KMF737"/>
    <mergeCell ref="KKS737:KKV737"/>
    <mergeCell ref="KKW737:KKZ737"/>
    <mergeCell ref="KLA737:KLD737"/>
    <mergeCell ref="KLE737:KLH737"/>
    <mergeCell ref="KLI737:KLL737"/>
    <mergeCell ref="KUS737:KUV737"/>
    <mergeCell ref="KUW737:KUZ737"/>
    <mergeCell ref="KVA737:KVD737"/>
    <mergeCell ref="KVE737:KVH737"/>
    <mergeCell ref="KVI737:KVL737"/>
    <mergeCell ref="KTY737:KUB737"/>
    <mergeCell ref="KUC737:KUF737"/>
    <mergeCell ref="KUG737:KUJ737"/>
    <mergeCell ref="KUK737:KUN737"/>
    <mergeCell ref="KUO737:KUR737"/>
    <mergeCell ref="KTE737:KTH737"/>
    <mergeCell ref="KTI737:KTL737"/>
    <mergeCell ref="KTM737:KTP737"/>
    <mergeCell ref="KTQ737:KTT737"/>
    <mergeCell ref="KTU737:KTX737"/>
    <mergeCell ref="KSK737:KSN737"/>
    <mergeCell ref="KSO737:KSR737"/>
    <mergeCell ref="KSS737:KSV737"/>
    <mergeCell ref="KSW737:KSZ737"/>
    <mergeCell ref="KTA737:KTD737"/>
    <mergeCell ref="KRQ737:KRT737"/>
    <mergeCell ref="KRU737:KRX737"/>
    <mergeCell ref="KRY737:KSB737"/>
    <mergeCell ref="KSC737:KSF737"/>
    <mergeCell ref="KSG737:KSJ737"/>
    <mergeCell ref="KQW737:KQZ737"/>
    <mergeCell ref="KRA737:KRD737"/>
    <mergeCell ref="KRE737:KRH737"/>
    <mergeCell ref="KRI737:KRL737"/>
    <mergeCell ref="KRM737:KRP737"/>
    <mergeCell ref="KQC737:KQF737"/>
    <mergeCell ref="KQG737:KQJ737"/>
    <mergeCell ref="KQK737:KQN737"/>
    <mergeCell ref="KQO737:KQR737"/>
    <mergeCell ref="KQS737:KQV737"/>
    <mergeCell ref="LAC737:LAF737"/>
    <mergeCell ref="LAG737:LAJ737"/>
    <mergeCell ref="LAK737:LAN737"/>
    <mergeCell ref="LAO737:LAR737"/>
    <mergeCell ref="LAS737:LAV737"/>
    <mergeCell ref="KZI737:KZL737"/>
    <mergeCell ref="KZM737:KZP737"/>
    <mergeCell ref="KZQ737:KZT737"/>
    <mergeCell ref="KZU737:KZX737"/>
    <mergeCell ref="KZY737:LAB737"/>
    <mergeCell ref="KYO737:KYR737"/>
    <mergeCell ref="KYS737:KYV737"/>
    <mergeCell ref="KYW737:KYZ737"/>
    <mergeCell ref="KZA737:KZD737"/>
    <mergeCell ref="KZE737:KZH737"/>
    <mergeCell ref="KXU737:KXX737"/>
    <mergeCell ref="KXY737:KYB737"/>
    <mergeCell ref="KYC737:KYF737"/>
    <mergeCell ref="KYG737:KYJ737"/>
    <mergeCell ref="KYK737:KYN737"/>
    <mergeCell ref="KXA737:KXD737"/>
    <mergeCell ref="KXE737:KXH737"/>
    <mergeCell ref="KXI737:KXL737"/>
    <mergeCell ref="KXM737:KXP737"/>
    <mergeCell ref="KXQ737:KXT737"/>
    <mergeCell ref="KWG737:KWJ737"/>
    <mergeCell ref="KWK737:KWN737"/>
    <mergeCell ref="KWO737:KWR737"/>
    <mergeCell ref="KWS737:KWV737"/>
    <mergeCell ref="KWW737:KWZ737"/>
    <mergeCell ref="KVM737:KVP737"/>
    <mergeCell ref="KVQ737:KVT737"/>
    <mergeCell ref="KVU737:KVX737"/>
    <mergeCell ref="KVY737:KWB737"/>
    <mergeCell ref="KWC737:KWF737"/>
    <mergeCell ref="LFM737:LFP737"/>
    <mergeCell ref="LFQ737:LFT737"/>
    <mergeCell ref="LFU737:LFX737"/>
    <mergeCell ref="LFY737:LGB737"/>
    <mergeCell ref="LGC737:LGF737"/>
    <mergeCell ref="LES737:LEV737"/>
    <mergeCell ref="LEW737:LEZ737"/>
    <mergeCell ref="LFA737:LFD737"/>
    <mergeCell ref="LFE737:LFH737"/>
    <mergeCell ref="LFI737:LFL737"/>
    <mergeCell ref="LDY737:LEB737"/>
    <mergeCell ref="LEC737:LEF737"/>
    <mergeCell ref="LEG737:LEJ737"/>
    <mergeCell ref="LEK737:LEN737"/>
    <mergeCell ref="LEO737:LER737"/>
    <mergeCell ref="LDE737:LDH737"/>
    <mergeCell ref="LDI737:LDL737"/>
    <mergeCell ref="LDM737:LDP737"/>
    <mergeCell ref="LDQ737:LDT737"/>
    <mergeCell ref="LDU737:LDX737"/>
    <mergeCell ref="LCK737:LCN737"/>
    <mergeCell ref="LCO737:LCR737"/>
    <mergeCell ref="LCS737:LCV737"/>
    <mergeCell ref="LCW737:LCZ737"/>
    <mergeCell ref="LDA737:LDD737"/>
    <mergeCell ref="LBQ737:LBT737"/>
    <mergeCell ref="LBU737:LBX737"/>
    <mergeCell ref="LBY737:LCB737"/>
    <mergeCell ref="LCC737:LCF737"/>
    <mergeCell ref="LCG737:LCJ737"/>
    <mergeCell ref="LAW737:LAZ737"/>
    <mergeCell ref="LBA737:LBD737"/>
    <mergeCell ref="LBE737:LBH737"/>
    <mergeCell ref="LBI737:LBL737"/>
    <mergeCell ref="LBM737:LBP737"/>
    <mergeCell ref="LKW737:LKZ737"/>
    <mergeCell ref="LLA737:LLD737"/>
    <mergeCell ref="LLE737:LLH737"/>
    <mergeCell ref="LLI737:LLL737"/>
    <mergeCell ref="LLM737:LLP737"/>
    <mergeCell ref="LKC737:LKF737"/>
    <mergeCell ref="LKG737:LKJ737"/>
    <mergeCell ref="LKK737:LKN737"/>
    <mergeCell ref="LKO737:LKR737"/>
    <mergeCell ref="LKS737:LKV737"/>
    <mergeCell ref="LJI737:LJL737"/>
    <mergeCell ref="LJM737:LJP737"/>
    <mergeCell ref="LJQ737:LJT737"/>
    <mergeCell ref="LJU737:LJX737"/>
    <mergeCell ref="LJY737:LKB737"/>
    <mergeCell ref="LIO737:LIR737"/>
    <mergeCell ref="LIS737:LIV737"/>
    <mergeCell ref="LIW737:LIZ737"/>
    <mergeCell ref="LJA737:LJD737"/>
    <mergeCell ref="LJE737:LJH737"/>
    <mergeCell ref="LHU737:LHX737"/>
    <mergeCell ref="LHY737:LIB737"/>
    <mergeCell ref="LIC737:LIF737"/>
    <mergeCell ref="LIG737:LIJ737"/>
    <mergeCell ref="LIK737:LIN737"/>
    <mergeCell ref="LHA737:LHD737"/>
    <mergeCell ref="LHE737:LHH737"/>
    <mergeCell ref="LHI737:LHL737"/>
    <mergeCell ref="LHM737:LHP737"/>
    <mergeCell ref="LHQ737:LHT737"/>
    <mergeCell ref="LGG737:LGJ737"/>
    <mergeCell ref="LGK737:LGN737"/>
    <mergeCell ref="LGO737:LGR737"/>
    <mergeCell ref="LGS737:LGV737"/>
    <mergeCell ref="LGW737:LGZ737"/>
    <mergeCell ref="LQG737:LQJ737"/>
    <mergeCell ref="LQK737:LQN737"/>
    <mergeCell ref="LQO737:LQR737"/>
    <mergeCell ref="LQS737:LQV737"/>
    <mergeCell ref="LQW737:LQZ737"/>
    <mergeCell ref="LPM737:LPP737"/>
    <mergeCell ref="LPQ737:LPT737"/>
    <mergeCell ref="LPU737:LPX737"/>
    <mergeCell ref="LPY737:LQB737"/>
    <mergeCell ref="LQC737:LQF737"/>
    <mergeCell ref="LOS737:LOV737"/>
    <mergeCell ref="LOW737:LOZ737"/>
    <mergeCell ref="LPA737:LPD737"/>
    <mergeCell ref="LPE737:LPH737"/>
    <mergeCell ref="LPI737:LPL737"/>
    <mergeCell ref="LNY737:LOB737"/>
    <mergeCell ref="LOC737:LOF737"/>
    <mergeCell ref="LOG737:LOJ737"/>
    <mergeCell ref="LOK737:LON737"/>
    <mergeCell ref="LOO737:LOR737"/>
    <mergeCell ref="LNE737:LNH737"/>
    <mergeCell ref="LNI737:LNL737"/>
    <mergeCell ref="LNM737:LNP737"/>
    <mergeCell ref="LNQ737:LNT737"/>
    <mergeCell ref="LNU737:LNX737"/>
    <mergeCell ref="LMK737:LMN737"/>
    <mergeCell ref="LMO737:LMR737"/>
    <mergeCell ref="LMS737:LMV737"/>
    <mergeCell ref="LMW737:LMZ737"/>
    <mergeCell ref="LNA737:LND737"/>
    <mergeCell ref="LLQ737:LLT737"/>
    <mergeCell ref="LLU737:LLX737"/>
    <mergeCell ref="LLY737:LMB737"/>
    <mergeCell ref="LMC737:LMF737"/>
    <mergeCell ref="LMG737:LMJ737"/>
    <mergeCell ref="LVQ737:LVT737"/>
    <mergeCell ref="LVU737:LVX737"/>
    <mergeCell ref="LVY737:LWB737"/>
    <mergeCell ref="LWC737:LWF737"/>
    <mergeCell ref="LWG737:LWJ737"/>
    <mergeCell ref="LUW737:LUZ737"/>
    <mergeCell ref="LVA737:LVD737"/>
    <mergeCell ref="LVE737:LVH737"/>
    <mergeCell ref="LVI737:LVL737"/>
    <mergeCell ref="LVM737:LVP737"/>
    <mergeCell ref="LUC737:LUF737"/>
    <mergeCell ref="LUG737:LUJ737"/>
    <mergeCell ref="LUK737:LUN737"/>
    <mergeCell ref="LUO737:LUR737"/>
    <mergeCell ref="LUS737:LUV737"/>
    <mergeCell ref="LTI737:LTL737"/>
    <mergeCell ref="LTM737:LTP737"/>
    <mergeCell ref="LTQ737:LTT737"/>
    <mergeCell ref="LTU737:LTX737"/>
    <mergeCell ref="LTY737:LUB737"/>
    <mergeCell ref="LSO737:LSR737"/>
    <mergeCell ref="LSS737:LSV737"/>
    <mergeCell ref="LSW737:LSZ737"/>
    <mergeCell ref="LTA737:LTD737"/>
    <mergeCell ref="LTE737:LTH737"/>
    <mergeCell ref="LRU737:LRX737"/>
    <mergeCell ref="LRY737:LSB737"/>
    <mergeCell ref="LSC737:LSF737"/>
    <mergeCell ref="LSG737:LSJ737"/>
    <mergeCell ref="LSK737:LSN737"/>
    <mergeCell ref="LRA737:LRD737"/>
    <mergeCell ref="LRE737:LRH737"/>
    <mergeCell ref="LRI737:LRL737"/>
    <mergeCell ref="LRM737:LRP737"/>
    <mergeCell ref="LRQ737:LRT737"/>
    <mergeCell ref="MBA737:MBD737"/>
    <mergeCell ref="MBE737:MBH737"/>
    <mergeCell ref="MBI737:MBL737"/>
    <mergeCell ref="MBM737:MBP737"/>
    <mergeCell ref="MBQ737:MBT737"/>
    <mergeCell ref="MAG737:MAJ737"/>
    <mergeCell ref="MAK737:MAN737"/>
    <mergeCell ref="MAO737:MAR737"/>
    <mergeCell ref="MAS737:MAV737"/>
    <mergeCell ref="MAW737:MAZ737"/>
    <mergeCell ref="LZM737:LZP737"/>
    <mergeCell ref="LZQ737:LZT737"/>
    <mergeCell ref="LZU737:LZX737"/>
    <mergeCell ref="LZY737:MAB737"/>
    <mergeCell ref="MAC737:MAF737"/>
    <mergeCell ref="LYS737:LYV737"/>
    <mergeCell ref="LYW737:LYZ737"/>
    <mergeCell ref="LZA737:LZD737"/>
    <mergeCell ref="LZE737:LZH737"/>
    <mergeCell ref="LZI737:LZL737"/>
    <mergeCell ref="LXY737:LYB737"/>
    <mergeCell ref="LYC737:LYF737"/>
    <mergeCell ref="LYG737:LYJ737"/>
    <mergeCell ref="LYK737:LYN737"/>
    <mergeCell ref="LYO737:LYR737"/>
    <mergeCell ref="LXE737:LXH737"/>
    <mergeCell ref="LXI737:LXL737"/>
    <mergeCell ref="LXM737:LXP737"/>
    <mergeCell ref="LXQ737:LXT737"/>
    <mergeCell ref="LXU737:LXX737"/>
    <mergeCell ref="LWK737:LWN737"/>
    <mergeCell ref="LWO737:LWR737"/>
    <mergeCell ref="LWS737:LWV737"/>
    <mergeCell ref="LWW737:LWZ737"/>
    <mergeCell ref="LXA737:LXD737"/>
    <mergeCell ref="MGK737:MGN737"/>
    <mergeCell ref="MGO737:MGR737"/>
    <mergeCell ref="MGS737:MGV737"/>
    <mergeCell ref="MGW737:MGZ737"/>
    <mergeCell ref="MHA737:MHD737"/>
    <mergeCell ref="MFQ737:MFT737"/>
    <mergeCell ref="MFU737:MFX737"/>
    <mergeCell ref="MFY737:MGB737"/>
    <mergeCell ref="MGC737:MGF737"/>
    <mergeCell ref="MGG737:MGJ737"/>
    <mergeCell ref="MEW737:MEZ737"/>
    <mergeCell ref="MFA737:MFD737"/>
    <mergeCell ref="MFE737:MFH737"/>
    <mergeCell ref="MFI737:MFL737"/>
    <mergeCell ref="MFM737:MFP737"/>
    <mergeCell ref="MEC737:MEF737"/>
    <mergeCell ref="MEG737:MEJ737"/>
    <mergeCell ref="MEK737:MEN737"/>
    <mergeCell ref="MEO737:MER737"/>
    <mergeCell ref="MES737:MEV737"/>
    <mergeCell ref="MDI737:MDL737"/>
    <mergeCell ref="MDM737:MDP737"/>
    <mergeCell ref="MDQ737:MDT737"/>
    <mergeCell ref="MDU737:MDX737"/>
    <mergeCell ref="MDY737:MEB737"/>
    <mergeCell ref="MCO737:MCR737"/>
    <mergeCell ref="MCS737:MCV737"/>
    <mergeCell ref="MCW737:MCZ737"/>
    <mergeCell ref="MDA737:MDD737"/>
    <mergeCell ref="MDE737:MDH737"/>
    <mergeCell ref="MBU737:MBX737"/>
    <mergeCell ref="MBY737:MCB737"/>
    <mergeCell ref="MCC737:MCF737"/>
    <mergeCell ref="MCG737:MCJ737"/>
    <mergeCell ref="MCK737:MCN737"/>
    <mergeCell ref="MLU737:MLX737"/>
    <mergeCell ref="MLY737:MMB737"/>
    <mergeCell ref="MMC737:MMF737"/>
    <mergeCell ref="MMG737:MMJ737"/>
    <mergeCell ref="MMK737:MMN737"/>
    <mergeCell ref="MLA737:MLD737"/>
    <mergeCell ref="MLE737:MLH737"/>
    <mergeCell ref="MLI737:MLL737"/>
    <mergeCell ref="MLM737:MLP737"/>
    <mergeCell ref="MLQ737:MLT737"/>
    <mergeCell ref="MKG737:MKJ737"/>
    <mergeCell ref="MKK737:MKN737"/>
    <mergeCell ref="MKO737:MKR737"/>
    <mergeCell ref="MKS737:MKV737"/>
    <mergeCell ref="MKW737:MKZ737"/>
    <mergeCell ref="MJM737:MJP737"/>
    <mergeCell ref="MJQ737:MJT737"/>
    <mergeCell ref="MJU737:MJX737"/>
    <mergeCell ref="MJY737:MKB737"/>
    <mergeCell ref="MKC737:MKF737"/>
    <mergeCell ref="MIS737:MIV737"/>
    <mergeCell ref="MIW737:MIZ737"/>
    <mergeCell ref="MJA737:MJD737"/>
    <mergeCell ref="MJE737:MJH737"/>
    <mergeCell ref="MJI737:MJL737"/>
    <mergeCell ref="MHY737:MIB737"/>
    <mergeCell ref="MIC737:MIF737"/>
    <mergeCell ref="MIG737:MIJ737"/>
    <mergeCell ref="MIK737:MIN737"/>
    <mergeCell ref="MIO737:MIR737"/>
    <mergeCell ref="MHE737:MHH737"/>
    <mergeCell ref="MHI737:MHL737"/>
    <mergeCell ref="MHM737:MHP737"/>
    <mergeCell ref="MHQ737:MHT737"/>
    <mergeCell ref="MHU737:MHX737"/>
    <mergeCell ref="MRE737:MRH737"/>
    <mergeCell ref="MRI737:MRL737"/>
    <mergeCell ref="MRM737:MRP737"/>
    <mergeCell ref="MRQ737:MRT737"/>
    <mergeCell ref="MRU737:MRX737"/>
    <mergeCell ref="MQK737:MQN737"/>
    <mergeCell ref="MQO737:MQR737"/>
    <mergeCell ref="MQS737:MQV737"/>
    <mergeCell ref="MQW737:MQZ737"/>
    <mergeCell ref="MRA737:MRD737"/>
    <mergeCell ref="MPQ737:MPT737"/>
    <mergeCell ref="MPU737:MPX737"/>
    <mergeCell ref="MPY737:MQB737"/>
    <mergeCell ref="MQC737:MQF737"/>
    <mergeCell ref="MQG737:MQJ737"/>
    <mergeCell ref="MOW737:MOZ737"/>
    <mergeCell ref="MPA737:MPD737"/>
    <mergeCell ref="MPE737:MPH737"/>
    <mergeCell ref="MPI737:MPL737"/>
    <mergeCell ref="MPM737:MPP737"/>
    <mergeCell ref="MOC737:MOF737"/>
    <mergeCell ref="MOG737:MOJ737"/>
    <mergeCell ref="MOK737:MON737"/>
    <mergeCell ref="MOO737:MOR737"/>
    <mergeCell ref="MOS737:MOV737"/>
    <mergeCell ref="MNI737:MNL737"/>
    <mergeCell ref="MNM737:MNP737"/>
    <mergeCell ref="MNQ737:MNT737"/>
    <mergeCell ref="MNU737:MNX737"/>
    <mergeCell ref="MNY737:MOB737"/>
    <mergeCell ref="MMO737:MMR737"/>
    <mergeCell ref="MMS737:MMV737"/>
    <mergeCell ref="MMW737:MMZ737"/>
    <mergeCell ref="MNA737:MND737"/>
    <mergeCell ref="MNE737:MNH737"/>
    <mergeCell ref="MWO737:MWR737"/>
    <mergeCell ref="MWS737:MWV737"/>
    <mergeCell ref="MWW737:MWZ737"/>
    <mergeCell ref="MXA737:MXD737"/>
    <mergeCell ref="MXE737:MXH737"/>
    <mergeCell ref="MVU737:MVX737"/>
    <mergeCell ref="MVY737:MWB737"/>
    <mergeCell ref="MWC737:MWF737"/>
    <mergeCell ref="MWG737:MWJ737"/>
    <mergeCell ref="MWK737:MWN737"/>
    <mergeCell ref="MVA737:MVD737"/>
    <mergeCell ref="MVE737:MVH737"/>
    <mergeCell ref="MVI737:MVL737"/>
    <mergeCell ref="MVM737:MVP737"/>
    <mergeCell ref="MVQ737:MVT737"/>
    <mergeCell ref="MUG737:MUJ737"/>
    <mergeCell ref="MUK737:MUN737"/>
    <mergeCell ref="MUO737:MUR737"/>
    <mergeCell ref="MUS737:MUV737"/>
    <mergeCell ref="MUW737:MUZ737"/>
    <mergeCell ref="MTM737:MTP737"/>
    <mergeCell ref="MTQ737:MTT737"/>
    <mergeCell ref="MTU737:MTX737"/>
    <mergeCell ref="MTY737:MUB737"/>
    <mergeCell ref="MUC737:MUF737"/>
    <mergeCell ref="MSS737:MSV737"/>
    <mergeCell ref="MSW737:MSZ737"/>
    <mergeCell ref="MTA737:MTD737"/>
    <mergeCell ref="MTE737:MTH737"/>
    <mergeCell ref="MTI737:MTL737"/>
    <mergeCell ref="MRY737:MSB737"/>
    <mergeCell ref="MSC737:MSF737"/>
    <mergeCell ref="MSG737:MSJ737"/>
    <mergeCell ref="MSK737:MSN737"/>
    <mergeCell ref="MSO737:MSR737"/>
    <mergeCell ref="NBY737:NCB737"/>
    <mergeCell ref="NCC737:NCF737"/>
    <mergeCell ref="NCG737:NCJ737"/>
    <mergeCell ref="NCK737:NCN737"/>
    <mergeCell ref="NCO737:NCR737"/>
    <mergeCell ref="NBE737:NBH737"/>
    <mergeCell ref="NBI737:NBL737"/>
    <mergeCell ref="NBM737:NBP737"/>
    <mergeCell ref="NBQ737:NBT737"/>
    <mergeCell ref="NBU737:NBX737"/>
    <mergeCell ref="NAK737:NAN737"/>
    <mergeCell ref="NAO737:NAR737"/>
    <mergeCell ref="NAS737:NAV737"/>
    <mergeCell ref="NAW737:NAZ737"/>
    <mergeCell ref="NBA737:NBD737"/>
    <mergeCell ref="MZQ737:MZT737"/>
    <mergeCell ref="MZU737:MZX737"/>
    <mergeCell ref="MZY737:NAB737"/>
    <mergeCell ref="NAC737:NAF737"/>
    <mergeCell ref="NAG737:NAJ737"/>
    <mergeCell ref="MYW737:MYZ737"/>
    <mergeCell ref="MZA737:MZD737"/>
    <mergeCell ref="MZE737:MZH737"/>
    <mergeCell ref="MZI737:MZL737"/>
    <mergeCell ref="MZM737:MZP737"/>
    <mergeCell ref="MYC737:MYF737"/>
    <mergeCell ref="MYG737:MYJ737"/>
    <mergeCell ref="MYK737:MYN737"/>
    <mergeCell ref="MYO737:MYR737"/>
    <mergeCell ref="MYS737:MYV737"/>
    <mergeCell ref="MXI737:MXL737"/>
    <mergeCell ref="MXM737:MXP737"/>
    <mergeCell ref="MXQ737:MXT737"/>
    <mergeCell ref="MXU737:MXX737"/>
    <mergeCell ref="MXY737:MYB737"/>
    <mergeCell ref="NHI737:NHL737"/>
    <mergeCell ref="NHM737:NHP737"/>
    <mergeCell ref="NHQ737:NHT737"/>
    <mergeCell ref="NHU737:NHX737"/>
    <mergeCell ref="NHY737:NIB737"/>
    <mergeCell ref="NGO737:NGR737"/>
    <mergeCell ref="NGS737:NGV737"/>
    <mergeCell ref="NGW737:NGZ737"/>
    <mergeCell ref="NHA737:NHD737"/>
    <mergeCell ref="NHE737:NHH737"/>
    <mergeCell ref="NFU737:NFX737"/>
    <mergeCell ref="NFY737:NGB737"/>
    <mergeCell ref="NGC737:NGF737"/>
    <mergeCell ref="NGG737:NGJ737"/>
    <mergeCell ref="NGK737:NGN737"/>
    <mergeCell ref="NFA737:NFD737"/>
    <mergeCell ref="NFE737:NFH737"/>
    <mergeCell ref="NFI737:NFL737"/>
    <mergeCell ref="NFM737:NFP737"/>
    <mergeCell ref="NFQ737:NFT737"/>
    <mergeCell ref="NEG737:NEJ737"/>
    <mergeCell ref="NEK737:NEN737"/>
    <mergeCell ref="NEO737:NER737"/>
    <mergeCell ref="NES737:NEV737"/>
    <mergeCell ref="NEW737:NEZ737"/>
    <mergeCell ref="NDM737:NDP737"/>
    <mergeCell ref="NDQ737:NDT737"/>
    <mergeCell ref="NDU737:NDX737"/>
    <mergeCell ref="NDY737:NEB737"/>
    <mergeCell ref="NEC737:NEF737"/>
    <mergeCell ref="NCS737:NCV737"/>
    <mergeCell ref="NCW737:NCZ737"/>
    <mergeCell ref="NDA737:NDD737"/>
    <mergeCell ref="NDE737:NDH737"/>
    <mergeCell ref="NDI737:NDL737"/>
    <mergeCell ref="NMS737:NMV737"/>
    <mergeCell ref="NMW737:NMZ737"/>
    <mergeCell ref="NNA737:NND737"/>
    <mergeCell ref="NNE737:NNH737"/>
    <mergeCell ref="NNI737:NNL737"/>
    <mergeCell ref="NLY737:NMB737"/>
    <mergeCell ref="NMC737:NMF737"/>
    <mergeCell ref="NMG737:NMJ737"/>
    <mergeCell ref="NMK737:NMN737"/>
    <mergeCell ref="NMO737:NMR737"/>
    <mergeCell ref="NLE737:NLH737"/>
    <mergeCell ref="NLI737:NLL737"/>
    <mergeCell ref="NLM737:NLP737"/>
    <mergeCell ref="NLQ737:NLT737"/>
    <mergeCell ref="NLU737:NLX737"/>
    <mergeCell ref="NKK737:NKN737"/>
    <mergeCell ref="NKO737:NKR737"/>
    <mergeCell ref="NKS737:NKV737"/>
    <mergeCell ref="NKW737:NKZ737"/>
    <mergeCell ref="NLA737:NLD737"/>
    <mergeCell ref="NJQ737:NJT737"/>
    <mergeCell ref="NJU737:NJX737"/>
    <mergeCell ref="NJY737:NKB737"/>
    <mergeCell ref="NKC737:NKF737"/>
    <mergeCell ref="NKG737:NKJ737"/>
    <mergeCell ref="NIW737:NIZ737"/>
    <mergeCell ref="NJA737:NJD737"/>
    <mergeCell ref="NJE737:NJH737"/>
    <mergeCell ref="NJI737:NJL737"/>
    <mergeCell ref="NJM737:NJP737"/>
    <mergeCell ref="NIC737:NIF737"/>
    <mergeCell ref="NIG737:NIJ737"/>
    <mergeCell ref="NIK737:NIN737"/>
    <mergeCell ref="NIO737:NIR737"/>
    <mergeCell ref="NIS737:NIV737"/>
    <mergeCell ref="NSC737:NSF737"/>
    <mergeCell ref="NSG737:NSJ737"/>
    <mergeCell ref="NSK737:NSN737"/>
    <mergeCell ref="NSO737:NSR737"/>
    <mergeCell ref="NSS737:NSV737"/>
    <mergeCell ref="NRI737:NRL737"/>
    <mergeCell ref="NRM737:NRP737"/>
    <mergeCell ref="NRQ737:NRT737"/>
    <mergeCell ref="NRU737:NRX737"/>
    <mergeCell ref="NRY737:NSB737"/>
    <mergeCell ref="NQO737:NQR737"/>
    <mergeCell ref="NQS737:NQV737"/>
    <mergeCell ref="NQW737:NQZ737"/>
    <mergeCell ref="NRA737:NRD737"/>
    <mergeCell ref="NRE737:NRH737"/>
    <mergeCell ref="NPU737:NPX737"/>
    <mergeCell ref="NPY737:NQB737"/>
    <mergeCell ref="NQC737:NQF737"/>
    <mergeCell ref="NQG737:NQJ737"/>
    <mergeCell ref="NQK737:NQN737"/>
    <mergeCell ref="NPA737:NPD737"/>
    <mergeCell ref="NPE737:NPH737"/>
    <mergeCell ref="NPI737:NPL737"/>
    <mergeCell ref="NPM737:NPP737"/>
    <mergeCell ref="NPQ737:NPT737"/>
    <mergeCell ref="NOG737:NOJ737"/>
    <mergeCell ref="NOK737:NON737"/>
    <mergeCell ref="NOO737:NOR737"/>
    <mergeCell ref="NOS737:NOV737"/>
    <mergeCell ref="NOW737:NOZ737"/>
    <mergeCell ref="NNM737:NNP737"/>
    <mergeCell ref="NNQ737:NNT737"/>
    <mergeCell ref="NNU737:NNX737"/>
    <mergeCell ref="NNY737:NOB737"/>
    <mergeCell ref="NOC737:NOF737"/>
    <mergeCell ref="NXM737:NXP737"/>
    <mergeCell ref="NXQ737:NXT737"/>
    <mergeCell ref="NXU737:NXX737"/>
    <mergeCell ref="NXY737:NYB737"/>
    <mergeCell ref="NYC737:NYF737"/>
    <mergeCell ref="NWS737:NWV737"/>
    <mergeCell ref="NWW737:NWZ737"/>
    <mergeCell ref="NXA737:NXD737"/>
    <mergeCell ref="NXE737:NXH737"/>
    <mergeCell ref="NXI737:NXL737"/>
    <mergeCell ref="NVY737:NWB737"/>
    <mergeCell ref="NWC737:NWF737"/>
    <mergeCell ref="NWG737:NWJ737"/>
    <mergeCell ref="NWK737:NWN737"/>
    <mergeCell ref="NWO737:NWR737"/>
    <mergeCell ref="NVE737:NVH737"/>
    <mergeCell ref="NVI737:NVL737"/>
    <mergeCell ref="NVM737:NVP737"/>
    <mergeCell ref="NVQ737:NVT737"/>
    <mergeCell ref="NVU737:NVX737"/>
    <mergeCell ref="NUK737:NUN737"/>
    <mergeCell ref="NUO737:NUR737"/>
    <mergeCell ref="NUS737:NUV737"/>
    <mergeCell ref="NUW737:NUZ737"/>
    <mergeCell ref="NVA737:NVD737"/>
    <mergeCell ref="NTQ737:NTT737"/>
    <mergeCell ref="NTU737:NTX737"/>
    <mergeCell ref="NTY737:NUB737"/>
    <mergeCell ref="NUC737:NUF737"/>
    <mergeCell ref="NUG737:NUJ737"/>
    <mergeCell ref="NSW737:NSZ737"/>
    <mergeCell ref="NTA737:NTD737"/>
    <mergeCell ref="NTE737:NTH737"/>
    <mergeCell ref="NTI737:NTL737"/>
    <mergeCell ref="NTM737:NTP737"/>
    <mergeCell ref="OCW737:OCZ737"/>
    <mergeCell ref="ODA737:ODD737"/>
    <mergeCell ref="ODE737:ODH737"/>
    <mergeCell ref="ODI737:ODL737"/>
    <mergeCell ref="ODM737:ODP737"/>
    <mergeCell ref="OCC737:OCF737"/>
    <mergeCell ref="OCG737:OCJ737"/>
    <mergeCell ref="OCK737:OCN737"/>
    <mergeCell ref="OCO737:OCR737"/>
    <mergeCell ref="OCS737:OCV737"/>
    <mergeCell ref="OBI737:OBL737"/>
    <mergeCell ref="OBM737:OBP737"/>
    <mergeCell ref="OBQ737:OBT737"/>
    <mergeCell ref="OBU737:OBX737"/>
    <mergeCell ref="OBY737:OCB737"/>
    <mergeCell ref="OAO737:OAR737"/>
    <mergeCell ref="OAS737:OAV737"/>
    <mergeCell ref="OAW737:OAZ737"/>
    <mergeCell ref="OBA737:OBD737"/>
    <mergeCell ref="OBE737:OBH737"/>
    <mergeCell ref="NZU737:NZX737"/>
    <mergeCell ref="NZY737:OAB737"/>
    <mergeCell ref="OAC737:OAF737"/>
    <mergeCell ref="OAG737:OAJ737"/>
    <mergeCell ref="OAK737:OAN737"/>
    <mergeCell ref="NZA737:NZD737"/>
    <mergeCell ref="NZE737:NZH737"/>
    <mergeCell ref="NZI737:NZL737"/>
    <mergeCell ref="NZM737:NZP737"/>
    <mergeCell ref="NZQ737:NZT737"/>
    <mergeCell ref="NYG737:NYJ737"/>
    <mergeCell ref="NYK737:NYN737"/>
    <mergeCell ref="NYO737:NYR737"/>
    <mergeCell ref="NYS737:NYV737"/>
    <mergeCell ref="NYW737:NYZ737"/>
    <mergeCell ref="OIG737:OIJ737"/>
    <mergeCell ref="OIK737:OIN737"/>
    <mergeCell ref="OIO737:OIR737"/>
    <mergeCell ref="OIS737:OIV737"/>
    <mergeCell ref="OIW737:OIZ737"/>
    <mergeCell ref="OHM737:OHP737"/>
    <mergeCell ref="OHQ737:OHT737"/>
    <mergeCell ref="OHU737:OHX737"/>
    <mergeCell ref="OHY737:OIB737"/>
    <mergeCell ref="OIC737:OIF737"/>
    <mergeCell ref="OGS737:OGV737"/>
    <mergeCell ref="OGW737:OGZ737"/>
    <mergeCell ref="OHA737:OHD737"/>
    <mergeCell ref="OHE737:OHH737"/>
    <mergeCell ref="OHI737:OHL737"/>
    <mergeCell ref="OFY737:OGB737"/>
    <mergeCell ref="OGC737:OGF737"/>
    <mergeCell ref="OGG737:OGJ737"/>
    <mergeCell ref="OGK737:OGN737"/>
    <mergeCell ref="OGO737:OGR737"/>
    <mergeCell ref="OFE737:OFH737"/>
    <mergeCell ref="OFI737:OFL737"/>
    <mergeCell ref="OFM737:OFP737"/>
    <mergeCell ref="OFQ737:OFT737"/>
    <mergeCell ref="OFU737:OFX737"/>
    <mergeCell ref="OEK737:OEN737"/>
    <mergeCell ref="OEO737:OER737"/>
    <mergeCell ref="OES737:OEV737"/>
    <mergeCell ref="OEW737:OEZ737"/>
    <mergeCell ref="OFA737:OFD737"/>
    <mergeCell ref="ODQ737:ODT737"/>
    <mergeCell ref="ODU737:ODX737"/>
    <mergeCell ref="ODY737:OEB737"/>
    <mergeCell ref="OEC737:OEF737"/>
    <mergeCell ref="OEG737:OEJ737"/>
    <mergeCell ref="ONQ737:ONT737"/>
    <mergeCell ref="ONU737:ONX737"/>
    <mergeCell ref="ONY737:OOB737"/>
    <mergeCell ref="OOC737:OOF737"/>
    <mergeCell ref="OOG737:OOJ737"/>
    <mergeCell ref="OMW737:OMZ737"/>
    <mergeCell ref="ONA737:OND737"/>
    <mergeCell ref="ONE737:ONH737"/>
    <mergeCell ref="ONI737:ONL737"/>
    <mergeCell ref="ONM737:ONP737"/>
    <mergeCell ref="OMC737:OMF737"/>
    <mergeCell ref="OMG737:OMJ737"/>
    <mergeCell ref="OMK737:OMN737"/>
    <mergeCell ref="OMO737:OMR737"/>
    <mergeCell ref="OMS737:OMV737"/>
    <mergeCell ref="OLI737:OLL737"/>
    <mergeCell ref="OLM737:OLP737"/>
    <mergeCell ref="OLQ737:OLT737"/>
    <mergeCell ref="OLU737:OLX737"/>
    <mergeCell ref="OLY737:OMB737"/>
    <mergeCell ref="OKO737:OKR737"/>
    <mergeCell ref="OKS737:OKV737"/>
    <mergeCell ref="OKW737:OKZ737"/>
    <mergeCell ref="OLA737:OLD737"/>
    <mergeCell ref="OLE737:OLH737"/>
    <mergeCell ref="OJU737:OJX737"/>
    <mergeCell ref="OJY737:OKB737"/>
    <mergeCell ref="OKC737:OKF737"/>
    <mergeCell ref="OKG737:OKJ737"/>
    <mergeCell ref="OKK737:OKN737"/>
    <mergeCell ref="OJA737:OJD737"/>
    <mergeCell ref="OJE737:OJH737"/>
    <mergeCell ref="OJI737:OJL737"/>
    <mergeCell ref="OJM737:OJP737"/>
    <mergeCell ref="OJQ737:OJT737"/>
    <mergeCell ref="OTA737:OTD737"/>
    <mergeCell ref="OTE737:OTH737"/>
    <mergeCell ref="OTI737:OTL737"/>
    <mergeCell ref="OTM737:OTP737"/>
    <mergeCell ref="OTQ737:OTT737"/>
    <mergeCell ref="OSG737:OSJ737"/>
    <mergeCell ref="OSK737:OSN737"/>
    <mergeCell ref="OSO737:OSR737"/>
    <mergeCell ref="OSS737:OSV737"/>
    <mergeCell ref="OSW737:OSZ737"/>
    <mergeCell ref="ORM737:ORP737"/>
    <mergeCell ref="ORQ737:ORT737"/>
    <mergeCell ref="ORU737:ORX737"/>
    <mergeCell ref="ORY737:OSB737"/>
    <mergeCell ref="OSC737:OSF737"/>
    <mergeCell ref="OQS737:OQV737"/>
    <mergeCell ref="OQW737:OQZ737"/>
    <mergeCell ref="ORA737:ORD737"/>
    <mergeCell ref="ORE737:ORH737"/>
    <mergeCell ref="ORI737:ORL737"/>
    <mergeCell ref="OPY737:OQB737"/>
    <mergeCell ref="OQC737:OQF737"/>
    <mergeCell ref="OQG737:OQJ737"/>
    <mergeCell ref="OQK737:OQN737"/>
    <mergeCell ref="OQO737:OQR737"/>
    <mergeCell ref="OPE737:OPH737"/>
    <mergeCell ref="OPI737:OPL737"/>
    <mergeCell ref="OPM737:OPP737"/>
    <mergeCell ref="OPQ737:OPT737"/>
    <mergeCell ref="OPU737:OPX737"/>
    <mergeCell ref="OOK737:OON737"/>
    <mergeCell ref="OOO737:OOR737"/>
    <mergeCell ref="OOS737:OOV737"/>
    <mergeCell ref="OOW737:OOZ737"/>
    <mergeCell ref="OPA737:OPD737"/>
    <mergeCell ref="OYK737:OYN737"/>
    <mergeCell ref="OYO737:OYR737"/>
    <mergeCell ref="OYS737:OYV737"/>
    <mergeCell ref="OYW737:OYZ737"/>
    <mergeCell ref="OZA737:OZD737"/>
    <mergeCell ref="OXQ737:OXT737"/>
    <mergeCell ref="OXU737:OXX737"/>
    <mergeCell ref="OXY737:OYB737"/>
    <mergeCell ref="OYC737:OYF737"/>
    <mergeCell ref="OYG737:OYJ737"/>
    <mergeCell ref="OWW737:OWZ737"/>
    <mergeCell ref="OXA737:OXD737"/>
    <mergeCell ref="OXE737:OXH737"/>
    <mergeCell ref="OXI737:OXL737"/>
    <mergeCell ref="OXM737:OXP737"/>
    <mergeCell ref="OWC737:OWF737"/>
    <mergeCell ref="OWG737:OWJ737"/>
    <mergeCell ref="OWK737:OWN737"/>
    <mergeCell ref="OWO737:OWR737"/>
    <mergeCell ref="OWS737:OWV737"/>
    <mergeCell ref="OVI737:OVL737"/>
    <mergeCell ref="OVM737:OVP737"/>
    <mergeCell ref="OVQ737:OVT737"/>
    <mergeCell ref="OVU737:OVX737"/>
    <mergeCell ref="OVY737:OWB737"/>
    <mergeCell ref="OUO737:OUR737"/>
    <mergeCell ref="OUS737:OUV737"/>
    <mergeCell ref="OUW737:OUZ737"/>
    <mergeCell ref="OVA737:OVD737"/>
    <mergeCell ref="OVE737:OVH737"/>
    <mergeCell ref="OTU737:OTX737"/>
    <mergeCell ref="OTY737:OUB737"/>
    <mergeCell ref="OUC737:OUF737"/>
    <mergeCell ref="OUG737:OUJ737"/>
    <mergeCell ref="OUK737:OUN737"/>
    <mergeCell ref="PDU737:PDX737"/>
    <mergeCell ref="PDY737:PEB737"/>
    <mergeCell ref="PEC737:PEF737"/>
    <mergeCell ref="PEG737:PEJ737"/>
    <mergeCell ref="PEK737:PEN737"/>
    <mergeCell ref="PDA737:PDD737"/>
    <mergeCell ref="PDE737:PDH737"/>
    <mergeCell ref="PDI737:PDL737"/>
    <mergeCell ref="PDM737:PDP737"/>
    <mergeCell ref="PDQ737:PDT737"/>
    <mergeCell ref="PCG737:PCJ737"/>
    <mergeCell ref="PCK737:PCN737"/>
    <mergeCell ref="PCO737:PCR737"/>
    <mergeCell ref="PCS737:PCV737"/>
    <mergeCell ref="PCW737:PCZ737"/>
    <mergeCell ref="PBM737:PBP737"/>
    <mergeCell ref="PBQ737:PBT737"/>
    <mergeCell ref="PBU737:PBX737"/>
    <mergeCell ref="PBY737:PCB737"/>
    <mergeCell ref="PCC737:PCF737"/>
    <mergeCell ref="PAS737:PAV737"/>
    <mergeCell ref="PAW737:PAZ737"/>
    <mergeCell ref="PBA737:PBD737"/>
    <mergeCell ref="PBE737:PBH737"/>
    <mergeCell ref="PBI737:PBL737"/>
    <mergeCell ref="OZY737:PAB737"/>
    <mergeCell ref="PAC737:PAF737"/>
    <mergeCell ref="PAG737:PAJ737"/>
    <mergeCell ref="PAK737:PAN737"/>
    <mergeCell ref="PAO737:PAR737"/>
    <mergeCell ref="OZE737:OZH737"/>
    <mergeCell ref="OZI737:OZL737"/>
    <mergeCell ref="OZM737:OZP737"/>
    <mergeCell ref="OZQ737:OZT737"/>
    <mergeCell ref="OZU737:OZX737"/>
    <mergeCell ref="PJE737:PJH737"/>
    <mergeCell ref="PJI737:PJL737"/>
    <mergeCell ref="PJM737:PJP737"/>
    <mergeCell ref="PJQ737:PJT737"/>
    <mergeCell ref="PJU737:PJX737"/>
    <mergeCell ref="PIK737:PIN737"/>
    <mergeCell ref="PIO737:PIR737"/>
    <mergeCell ref="PIS737:PIV737"/>
    <mergeCell ref="PIW737:PIZ737"/>
    <mergeCell ref="PJA737:PJD737"/>
    <mergeCell ref="PHQ737:PHT737"/>
    <mergeCell ref="PHU737:PHX737"/>
    <mergeCell ref="PHY737:PIB737"/>
    <mergeCell ref="PIC737:PIF737"/>
    <mergeCell ref="PIG737:PIJ737"/>
    <mergeCell ref="PGW737:PGZ737"/>
    <mergeCell ref="PHA737:PHD737"/>
    <mergeCell ref="PHE737:PHH737"/>
    <mergeCell ref="PHI737:PHL737"/>
    <mergeCell ref="PHM737:PHP737"/>
    <mergeCell ref="PGC737:PGF737"/>
    <mergeCell ref="PGG737:PGJ737"/>
    <mergeCell ref="PGK737:PGN737"/>
    <mergeCell ref="PGO737:PGR737"/>
    <mergeCell ref="PGS737:PGV737"/>
    <mergeCell ref="PFI737:PFL737"/>
    <mergeCell ref="PFM737:PFP737"/>
    <mergeCell ref="PFQ737:PFT737"/>
    <mergeCell ref="PFU737:PFX737"/>
    <mergeCell ref="PFY737:PGB737"/>
    <mergeCell ref="PEO737:PER737"/>
    <mergeCell ref="PES737:PEV737"/>
    <mergeCell ref="PEW737:PEZ737"/>
    <mergeCell ref="PFA737:PFD737"/>
    <mergeCell ref="PFE737:PFH737"/>
    <mergeCell ref="POO737:POR737"/>
    <mergeCell ref="POS737:POV737"/>
    <mergeCell ref="POW737:POZ737"/>
    <mergeCell ref="PPA737:PPD737"/>
    <mergeCell ref="PPE737:PPH737"/>
    <mergeCell ref="PNU737:PNX737"/>
    <mergeCell ref="PNY737:POB737"/>
    <mergeCell ref="POC737:POF737"/>
    <mergeCell ref="POG737:POJ737"/>
    <mergeCell ref="POK737:PON737"/>
    <mergeCell ref="PNA737:PND737"/>
    <mergeCell ref="PNE737:PNH737"/>
    <mergeCell ref="PNI737:PNL737"/>
    <mergeCell ref="PNM737:PNP737"/>
    <mergeCell ref="PNQ737:PNT737"/>
    <mergeCell ref="PMG737:PMJ737"/>
    <mergeCell ref="PMK737:PMN737"/>
    <mergeCell ref="PMO737:PMR737"/>
    <mergeCell ref="PMS737:PMV737"/>
    <mergeCell ref="PMW737:PMZ737"/>
    <mergeCell ref="PLM737:PLP737"/>
    <mergeCell ref="PLQ737:PLT737"/>
    <mergeCell ref="PLU737:PLX737"/>
    <mergeCell ref="PLY737:PMB737"/>
    <mergeCell ref="PMC737:PMF737"/>
    <mergeCell ref="PKS737:PKV737"/>
    <mergeCell ref="PKW737:PKZ737"/>
    <mergeCell ref="PLA737:PLD737"/>
    <mergeCell ref="PLE737:PLH737"/>
    <mergeCell ref="PLI737:PLL737"/>
    <mergeCell ref="PJY737:PKB737"/>
    <mergeCell ref="PKC737:PKF737"/>
    <mergeCell ref="PKG737:PKJ737"/>
    <mergeCell ref="PKK737:PKN737"/>
    <mergeCell ref="PKO737:PKR737"/>
    <mergeCell ref="PTY737:PUB737"/>
    <mergeCell ref="PUC737:PUF737"/>
    <mergeCell ref="PUG737:PUJ737"/>
    <mergeCell ref="PUK737:PUN737"/>
    <mergeCell ref="PUO737:PUR737"/>
    <mergeCell ref="PTE737:PTH737"/>
    <mergeCell ref="PTI737:PTL737"/>
    <mergeCell ref="PTM737:PTP737"/>
    <mergeCell ref="PTQ737:PTT737"/>
    <mergeCell ref="PTU737:PTX737"/>
    <mergeCell ref="PSK737:PSN737"/>
    <mergeCell ref="PSO737:PSR737"/>
    <mergeCell ref="PSS737:PSV737"/>
    <mergeCell ref="PSW737:PSZ737"/>
    <mergeCell ref="PTA737:PTD737"/>
    <mergeCell ref="PRQ737:PRT737"/>
    <mergeCell ref="PRU737:PRX737"/>
    <mergeCell ref="PRY737:PSB737"/>
    <mergeCell ref="PSC737:PSF737"/>
    <mergeCell ref="PSG737:PSJ737"/>
    <mergeCell ref="PQW737:PQZ737"/>
    <mergeCell ref="PRA737:PRD737"/>
    <mergeCell ref="PRE737:PRH737"/>
    <mergeCell ref="PRI737:PRL737"/>
    <mergeCell ref="PRM737:PRP737"/>
    <mergeCell ref="PQC737:PQF737"/>
    <mergeCell ref="PQG737:PQJ737"/>
    <mergeCell ref="PQK737:PQN737"/>
    <mergeCell ref="PQO737:PQR737"/>
    <mergeCell ref="PQS737:PQV737"/>
    <mergeCell ref="PPI737:PPL737"/>
    <mergeCell ref="PPM737:PPP737"/>
    <mergeCell ref="PPQ737:PPT737"/>
    <mergeCell ref="PPU737:PPX737"/>
    <mergeCell ref="PPY737:PQB737"/>
    <mergeCell ref="PZI737:PZL737"/>
    <mergeCell ref="PZM737:PZP737"/>
    <mergeCell ref="PZQ737:PZT737"/>
    <mergeCell ref="PZU737:PZX737"/>
    <mergeCell ref="PZY737:QAB737"/>
    <mergeCell ref="PYO737:PYR737"/>
    <mergeCell ref="PYS737:PYV737"/>
    <mergeCell ref="PYW737:PYZ737"/>
    <mergeCell ref="PZA737:PZD737"/>
    <mergeCell ref="PZE737:PZH737"/>
    <mergeCell ref="PXU737:PXX737"/>
    <mergeCell ref="PXY737:PYB737"/>
    <mergeCell ref="PYC737:PYF737"/>
    <mergeCell ref="PYG737:PYJ737"/>
    <mergeCell ref="PYK737:PYN737"/>
    <mergeCell ref="PXA737:PXD737"/>
    <mergeCell ref="PXE737:PXH737"/>
    <mergeCell ref="PXI737:PXL737"/>
    <mergeCell ref="PXM737:PXP737"/>
    <mergeCell ref="PXQ737:PXT737"/>
    <mergeCell ref="PWG737:PWJ737"/>
    <mergeCell ref="PWK737:PWN737"/>
    <mergeCell ref="PWO737:PWR737"/>
    <mergeCell ref="PWS737:PWV737"/>
    <mergeCell ref="PWW737:PWZ737"/>
    <mergeCell ref="PVM737:PVP737"/>
    <mergeCell ref="PVQ737:PVT737"/>
    <mergeCell ref="PVU737:PVX737"/>
    <mergeCell ref="PVY737:PWB737"/>
    <mergeCell ref="PWC737:PWF737"/>
    <mergeCell ref="PUS737:PUV737"/>
    <mergeCell ref="PUW737:PUZ737"/>
    <mergeCell ref="PVA737:PVD737"/>
    <mergeCell ref="PVE737:PVH737"/>
    <mergeCell ref="PVI737:PVL737"/>
    <mergeCell ref="QES737:QEV737"/>
    <mergeCell ref="QEW737:QEZ737"/>
    <mergeCell ref="QFA737:QFD737"/>
    <mergeCell ref="QFE737:QFH737"/>
    <mergeCell ref="QFI737:QFL737"/>
    <mergeCell ref="QDY737:QEB737"/>
    <mergeCell ref="QEC737:QEF737"/>
    <mergeCell ref="QEG737:QEJ737"/>
    <mergeCell ref="QEK737:QEN737"/>
    <mergeCell ref="QEO737:QER737"/>
    <mergeCell ref="QDE737:QDH737"/>
    <mergeCell ref="QDI737:QDL737"/>
    <mergeCell ref="QDM737:QDP737"/>
    <mergeCell ref="QDQ737:QDT737"/>
    <mergeCell ref="QDU737:QDX737"/>
    <mergeCell ref="QCK737:QCN737"/>
    <mergeCell ref="QCO737:QCR737"/>
    <mergeCell ref="QCS737:QCV737"/>
    <mergeCell ref="QCW737:QCZ737"/>
    <mergeCell ref="QDA737:QDD737"/>
    <mergeCell ref="QBQ737:QBT737"/>
    <mergeCell ref="QBU737:QBX737"/>
    <mergeCell ref="QBY737:QCB737"/>
    <mergeCell ref="QCC737:QCF737"/>
    <mergeCell ref="QCG737:QCJ737"/>
    <mergeCell ref="QAW737:QAZ737"/>
    <mergeCell ref="QBA737:QBD737"/>
    <mergeCell ref="QBE737:QBH737"/>
    <mergeCell ref="QBI737:QBL737"/>
    <mergeCell ref="QBM737:QBP737"/>
    <mergeCell ref="QAC737:QAF737"/>
    <mergeCell ref="QAG737:QAJ737"/>
    <mergeCell ref="QAK737:QAN737"/>
    <mergeCell ref="QAO737:QAR737"/>
    <mergeCell ref="QAS737:QAV737"/>
    <mergeCell ref="QKC737:QKF737"/>
    <mergeCell ref="QKG737:QKJ737"/>
    <mergeCell ref="QKK737:QKN737"/>
    <mergeCell ref="QKO737:QKR737"/>
    <mergeCell ref="QKS737:QKV737"/>
    <mergeCell ref="QJI737:QJL737"/>
    <mergeCell ref="QJM737:QJP737"/>
    <mergeCell ref="QJQ737:QJT737"/>
    <mergeCell ref="QJU737:QJX737"/>
    <mergeCell ref="QJY737:QKB737"/>
    <mergeCell ref="QIO737:QIR737"/>
    <mergeCell ref="QIS737:QIV737"/>
    <mergeCell ref="QIW737:QIZ737"/>
    <mergeCell ref="QJA737:QJD737"/>
    <mergeCell ref="QJE737:QJH737"/>
    <mergeCell ref="QHU737:QHX737"/>
    <mergeCell ref="QHY737:QIB737"/>
    <mergeCell ref="QIC737:QIF737"/>
    <mergeCell ref="QIG737:QIJ737"/>
    <mergeCell ref="QIK737:QIN737"/>
    <mergeCell ref="QHA737:QHD737"/>
    <mergeCell ref="QHE737:QHH737"/>
    <mergeCell ref="QHI737:QHL737"/>
    <mergeCell ref="QHM737:QHP737"/>
    <mergeCell ref="QHQ737:QHT737"/>
    <mergeCell ref="QGG737:QGJ737"/>
    <mergeCell ref="QGK737:QGN737"/>
    <mergeCell ref="QGO737:QGR737"/>
    <mergeCell ref="QGS737:QGV737"/>
    <mergeCell ref="QGW737:QGZ737"/>
    <mergeCell ref="QFM737:QFP737"/>
    <mergeCell ref="QFQ737:QFT737"/>
    <mergeCell ref="QFU737:QFX737"/>
    <mergeCell ref="QFY737:QGB737"/>
    <mergeCell ref="QGC737:QGF737"/>
    <mergeCell ref="QPM737:QPP737"/>
    <mergeCell ref="QPQ737:QPT737"/>
    <mergeCell ref="QPU737:QPX737"/>
    <mergeCell ref="QPY737:QQB737"/>
    <mergeCell ref="QQC737:QQF737"/>
    <mergeCell ref="QOS737:QOV737"/>
    <mergeCell ref="QOW737:QOZ737"/>
    <mergeCell ref="QPA737:QPD737"/>
    <mergeCell ref="QPE737:QPH737"/>
    <mergeCell ref="QPI737:QPL737"/>
    <mergeCell ref="QNY737:QOB737"/>
    <mergeCell ref="QOC737:QOF737"/>
    <mergeCell ref="QOG737:QOJ737"/>
    <mergeCell ref="QOK737:QON737"/>
    <mergeCell ref="QOO737:QOR737"/>
    <mergeCell ref="QNE737:QNH737"/>
    <mergeCell ref="QNI737:QNL737"/>
    <mergeCell ref="QNM737:QNP737"/>
    <mergeCell ref="QNQ737:QNT737"/>
    <mergeCell ref="QNU737:QNX737"/>
    <mergeCell ref="QMK737:QMN737"/>
    <mergeCell ref="QMO737:QMR737"/>
    <mergeCell ref="QMS737:QMV737"/>
    <mergeCell ref="QMW737:QMZ737"/>
    <mergeCell ref="QNA737:QND737"/>
    <mergeCell ref="QLQ737:QLT737"/>
    <mergeCell ref="QLU737:QLX737"/>
    <mergeCell ref="QLY737:QMB737"/>
    <mergeCell ref="QMC737:QMF737"/>
    <mergeCell ref="QMG737:QMJ737"/>
    <mergeCell ref="QKW737:QKZ737"/>
    <mergeCell ref="QLA737:QLD737"/>
    <mergeCell ref="QLE737:QLH737"/>
    <mergeCell ref="QLI737:QLL737"/>
    <mergeCell ref="QLM737:QLP737"/>
    <mergeCell ref="QUW737:QUZ737"/>
    <mergeCell ref="QVA737:QVD737"/>
    <mergeCell ref="QVE737:QVH737"/>
    <mergeCell ref="QVI737:QVL737"/>
    <mergeCell ref="QVM737:QVP737"/>
    <mergeCell ref="QUC737:QUF737"/>
    <mergeCell ref="QUG737:QUJ737"/>
    <mergeCell ref="QUK737:QUN737"/>
    <mergeCell ref="QUO737:QUR737"/>
    <mergeCell ref="QUS737:QUV737"/>
    <mergeCell ref="QTI737:QTL737"/>
    <mergeCell ref="QTM737:QTP737"/>
    <mergeCell ref="QTQ737:QTT737"/>
    <mergeCell ref="QTU737:QTX737"/>
    <mergeCell ref="QTY737:QUB737"/>
    <mergeCell ref="QSO737:QSR737"/>
    <mergeCell ref="QSS737:QSV737"/>
    <mergeCell ref="QSW737:QSZ737"/>
    <mergeCell ref="QTA737:QTD737"/>
    <mergeCell ref="QTE737:QTH737"/>
    <mergeCell ref="QRU737:QRX737"/>
    <mergeCell ref="QRY737:QSB737"/>
    <mergeCell ref="QSC737:QSF737"/>
    <mergeCell ref="QSG737:QSJ737"/>
    <mergeCell ref="QSK737:QSN737"/>
    <mergeCell ref="QRA737:QRD737"/>
    <mergeCell ref="QRE737:QRH737"/>
    <mergeCell ref="QRI737:QRL737"/>
    <mergeCell ref="QRM737:QRP737"/>
    <mergeCell ref="QRQ737:QRT737"/>
    <mergeCell ref="QQG737:QQJ737"/>
    <mergeCell ref="QQK737:QQN737"/>
    <mergeCell ref="QQO737:QQR737"/>
    <mergeCell ref="QQS737:QQV737"/>
    <mergeCell ref="QQW737:QQZ737"/>
    <mergeCell ref="RAG737:RAJ737"/>
    <mergeCell ref="RAK737:RAN737"/>
    <mergeCell ref="RAO737:RAR737"/>
    <mergeCell ref="RAS737:RAV737"/>
    <mergeCell ref="RAW737:RAZ737"/>
    <mergeCell ref="QZM737:QZP737"/>
    <mergeCell ref="QZQ737:QZT737"/>
    <mergeCell ref="QZU737:QZX737"/>
    <mergeCell ref="QZY737:RAB737"/>
    <mergeCell ref="RAC737:RAF737"/>
    <mergeCell ref="QYS737:QYV737"/>
    <mergeCell ref="QYW737:QYZ737"/>
    <mergeCell ref="QZA737:QZD737"/>
    <mergeCell ref="QZE737:QZH737"/>
    <mergeCell ref="QZI737:QZL737"/>
    <mergeCell ref="QXY737:QYB737"/>
    <mergeCell ref="QYC737:QYF737"/>
    <mergeCell ref="QYG737:QYJ737"/>
    <mergeCell ref="QYK737:QYN737"/>
    <mergeCell ref="QYO737:QYR737"/>
    <mergeCell ref="QXE737:QXH737"/>
    <mergeCell ref="QXI737:QXL737"/>
    <mergeCell ref="QXM737:QXP737"/>
    <mergeCell ref="QXQ737:QXT737"/>
    <mergeCell ref="QXU737:QXX737"/>
    <mergeCell ref="QWK737:QWN737"/>
    <mergeCell ref="QWO737:QWR737"/>
    <mergeCell ref="QWS737:QWV737"/>
    <mergeCell ref="QWW737:QWZ737"/>
    <mergeCell ref="QXA737:QXD737"/>
    <mergeCell ref="QVQ737:QVT737"/>
    <mergeCell ref="QVU737:QVX737"/>
    <mergeCell ref="QVY737:QWB737"/>
    <mergeCell ref="QWC737:QWF737"/>
    <mergeCell ref="QWG737:QWJ737"/>
    <mergeCell ref="RFQ737:RFT737"/>
    <mergeCell ref="RFU737:RFX737"/>
    <mergeCell ref="RFY737:RGB737"/>
    <mergeCell ref="RGC737:RGF737"/>
    <mergeCell ref="RGG737:RGJ737"/>
    <mergeCell ref="REW737:REZ737"/>
    <mergeCell ref="RFA737:RFD737"/>
    <mergeCell ref="RFE737:RFH737"/>
    <mergeCell ref="RFI737:RFL737"/>
    <mergeCell ref="RFM737:RFP737"/>
    <mergeCell ref="REC737:REF737"/>
    <mergeCell ref="REG737:REJ737"/>
    <mergeCell ref="REK737:REN737"/>
    <mergeCell ref="REO737:RER737"/>
    <mergeCell ref="RES737:REV737"/>
    <mergeCell ref="RDI737:RDL737"/>
    <mergeCell ref="RDM737:RDP737"/>
    <mergeCell ref="RDQ737:RDT737"/>
    <mergeCell ref="RDU737:RDX737"/>
    <mergeCell ref="RDY737:REB737"/>
    <mergeCell ref="RCO737:RCR737"/>
    <mergeCell ref="RCS737:RCV737"/>
    <mergeCell ref="RCW737:RCZ737"/>
    <mergeCell ref="RDA737:RDD737"/>
    <mergeCell ref="RDE737:RDH737"/>
    <mergeCell ref="RBU737:RBX737"/>
    <mergeCell ref="RBY737:RCB737"/>
    <mergeCell ref="RCC737:RCF737"/>
    <mergeCell ref="RCG737:RCJ737"/>
    <mergeCell ref="RCK737:RCN737"/>
    <mergeCell ref="RBA737:RBD737"/>
    <mergeCell ref="RBE737:RBH737"/>
    <mergeCell ref="RBI737:RBL737"/>
    <mergeCell ref="RBM737:RBP737"/>
    <mergeCell ref="RBQ737:RBT737"/>
    <mergeCell ref="RLA737:RLD737"/>
    <mergeCell ref="RLE737:RLH737"/>
    <mergeCell ref="RLI737:RLL737"/>
    <mergeCell ref="RLM737:RLP737"/>
    <mergeCell ref="RLQ737:RLT737"/>
    <mergeCell ref="RKG737:RKJ737"/>
    <mergeCell ref="RKK737:RKN737"/>
    <mergeCell ref="RKO737:RKR737"/>
    <mergeCell ref="RKS737:RKV737"/>
    <mergeCell ref="RKW737:RKZ737"/>
    <mergeCell ref="RJM737:RJP737"/>
    <mergeCell ref="RJQ737:RJT737"/>
    <mergeCell ref="RJU737:RJX737"/>
    <mergeCell ref="RJY737:RKB737"/>
    <mergeCell ref="RKC737:RKF737"/>
    <mergeCell ref="RIS737:RIV737"/>
    <mergeCell ref="RIW737:RIZ737"/>
    <mergeCell ref="RJA737:RJD737"/>
    <mergeCell ref="RJE737:RJH737"/>
    <mergeCell ref="RJI737:RJL737"/>
    <mergeCell ref="RHY737:RIB737"/>
    <mergeCell ref="RIC737:RIF737"/>
    <mergeCell ref="RIG737:RIJ737"/>
    <mergeCell ref="RIK737:RIN737"/>
    <mergeCell ref="RIO737:RIR737"/>
    <mergeCell ref="RHE737:RHH737"/>
    <mergeCell ref="RHI737:RHL737"/>
    <mergeCell ref="RHM737:RHP737"/>
    <mergeCell ref="RHQ737:RHT737"/>
    <mergeCell ref="RHU737:RHX737"/>
    <mergeCell ref="RGK737:RGN737"/>
    <mergeCell ref="RGO737:RGR737"/>
    <mergeCell ref="RGS737:RGV737"/>
    <mergeCell ref="RGW737:RGZ737"/>
    <mergeCell ref="RHA737:RHD737"/>
    <mergeCell ref="RQK737:RQN737"/>
    <mergeCell ref="RQO737:RQR737"/>
    <mergeCell ref="RQS737:RQV737"/>
    <mergeCell ref="RQW737:RQZ737"/>
    <mergeCell ref="RRA737:RRD737"/>
    <mergeCell ref="RPQ737:RPT737"/>
    <mergeCell ref="RPU737:RPX737"/>
    <mergeCell ref="RPY737:RQB737"/>
    <mergeCell ref="RQC737:RQF737"/>
    <mergeCell ref="RQG737:RQJ737"/>
    <mergeCell ref="ROW737:ROZ737"/>
    <mergeCell ref="RPA737:RPD737"/>
    <mergeCell ref="RPE737:RPH737"/>
    <mergeCell ref="RPI737:RPL737"/>
    <mergeCell ref="RPM737:RPP737"/>
    <mergeCell ref="ROC737:ROF737"/>
    <mergeCell ref="ROG737:ROJ737"/>
    <mergeCell ref="ROK737:RON737"/>
    <mergeCell ref="ROO737:ROR737"/>
    <mergeCell ref="ROS737:ROV737"/>
    <mergeCell ref="RNI737:RNL737"/>
    <mergeCell ref="RNM737:RNP737"/>
    <mergeCell ref="RNQ737:RNT737"/>
    <mergeCell ref="RNU737:RNX737"/>
    <mergeCell ref="RNY737:ROB737"/>
    <mergeCell ref="RMO737:RMR737"/>
    <mergeCell ref="RMS737:RMV737"/>
    <mergeCell ref="RMW737:RMZ737"/>
    <mergeCell ref="RNA737:RND737"/>
    <mergeCell ref="RNE737:RNH737"/>
    <mergeCell ref="RLU737:RLX737"/>
    <mergeCell ref="RLY737:RMB737"/>
    <mergeCell ref="RMC737:RMF737"/>
    <mergeCell ref="RMG737:RMJ737"/>
    <mergeCell ref="RMK737:RMN737"/>
    <mergeCell ref="RVU737:RVX737"/>
    <mergeCell ref="RVY737:RWB737"/>
    <mergeCell ref="RWC737:RWF737"/>
    <mergeCell ref="RWG737:RWJ737"/>
    <mergeCell ref="RWK737:RWN737"/>
    <mergeCell ref="RVA737:RVD737"/>
    <mergeCell ref="RVE737:RVH737"/>
    <mergeCell ref="RVI737:RVL737"/>
    <mergeCell ref="RVM737:RVP737"/>
    <mergeCell ref="RVQ737:RVT737"/>
    <mergeCell ref="RUG737:RUJ737"/>
    <mergeCell ref="RUK737:RUN737"/>
    <mergeCell ref="RUO737:RUR737"/>
    <mergeCell ref="RUS737:RUV737"/>
    <mergeCell ref="RUW737:RUZ737"/>
    <mergeCell ref="RTM737:RTP737"/>
    <mergeCell ref="RTQ737:RTT737"/>
    <mergeCell ref="RTU737:RTX737"/>
    <mergeCell ref="RTY737:RUB737"/>
    <mergeCell ref="RUC737:RUF737"/>
    <mergeCell ref="RSS737:RSV737"/>
    <mergeCell ref="RSW737:RSZ737"/>
    <mergeCell ref="RTA737:RTD737"/>
    <mergeCell ref="RTE737:RTH737"/>
    <mergeCell ref="RTI737:RTL737"/>
    <mergeCell ref="RRY737:RSB737"/>
    <mergeCell ref="RSC737:RSF737"/>
    <mergeCell ref="RSG737:RSJ737"/>
    <mergeCell ref="RSK737:RSN737"/>
    <mergeCell ref="RSO737:RSR737"/>
    <mergeCell ref="RRE737:RRH737"/>
    <mergeCell ref="RRI737:RRL737"/>
    <mergeCell ref="RRM737:RRP737"/>
    <mergeCell ref="RRQ737:RRT737"/>
    <mergeCell ref="RRU737:RRX737"/>
    <mergeCell ref="SBE737:SBH737"/>
    <mergeCell ref="SBI737:SBL737"/>
    <mergeCell ref="SBM737:SBP737"/>
    <mergeCell ref="SBQ737:SBT737"/>
    <mergeCell ref="SBU737:SBX737"/>
    <mergeCell ref="SAK737:SAN737"/>
    <mergeCell ref="SAO737:SAR737"/>
    <mergeCell ref="SAS737:SAV737"/>
    <mergeCell ref="SAW737:SAZ737"/>
    <mergeCell ref="SBA737:SBD737"/>
    <mergeCell ref="RZQ737:RZT737"/>
    <mergeCell ref="RZU737:RZX737"/>
    <mergeCell ref="RZY737:SAB737"/>
    <mergeCell ref="SAC737:SAF737"/>
    <mergeCell ref="SAG737:SAJ737"/>
    <mergeCell ref="RYW737:RYZ737"/>
    <mergeCell ref="RZA737:RZD737"/>
    <mergeCell ref="RZE737:RZH737"/>
    <mergeCell ref="RZI737:RZL737"/>
    <mergeCell ref="RZM737:RZP737"/>
    <mergeCell ref="RYC737:RYF737"/>
    <mergeCell ref="RYG737:RYJ737"/>
    <mergeCell ref="RYK737:RYN737"/>
    <mergeCell ref="RYO737:RYR737"/>
    <mergeCell ref="RYS737:RYV737"/>
    <mergeCell ref="RXI737:RXL737"/>
    <mergeCell ref="RXM737:RXP737"/>
    <mergeCell ref="RXQ737:RXT737"/>
    <mergeCell ref="RXU737:RXX737"/>
    <mergeCell ref="RXY737:RYB737"/>
    <mergeCell ref="RWO737:RWR737"/>
    <mergeCell ref="RWS737:RWV737"/>
    <mergeCell ref="RWW737:RWZ737"/>
    <mergeCell ref="RXA737:RXD737"/>
    <mergeCell ref="RXE737:RXH737"/>
    <mergeCell ref="SGO737:SGR737"/>
    <mergeCell ref="SGS737:SGV737"/>
    <mergeCell ref="SGW737:SGZ737"/>
    <mergeCell ref="SHA737:SHD737"/>
    <mergeCell ref="SHE737:SHH737"/>
    <mergeCell ref="SFU737:SFX737"/>
    <mergeCell ref="SFY737:SGB737"/>
    <mergeCell ref="SGC737:SGF737"/>
    <mergeCell ref="SGG737:SGJ737"/>
    <mergeCell ref="SGK737:SGN737"/>
    <mergeCell ref="SFA737:SFD737"/>
    <mergeCell ref="SFE737:SFH737"/>
    <mergeCell ref="SFI737:SFL737"/>
    <mergeCell ref="SFM737:SFP737"/>
    <mergeCell ref="SFQ737:SFT737"/>
    <mergeCell ref="SEG737:SEJ737"/>
    <mergeCell ref="SEK737:SEN737"/>
    <mergeCell ref="SEO737:SER737"/>
    <mergeCell ref="SES737:SEV737"/>
    <mergeCell ref="SEW737:SEZ737"/>
    <mergeCell ref="SDM737:SDP737"/>
    <mergeCell ref="SDQ737:SDT737"/>
    <mergeCell ref="SDU737:SDX737"/>
    <mergeCell ref="SDY737:SEB737"/>
    <mergeCell ref="SEC737:SEF737"/>
    <mergeCell ref="SCS737:SCV737"/>
    <mergeCell ref="SCW737:SCZ737"/>
    <mergeCell ref="SDA737:SDD737"/>
    <mergeCell ref="SDE737:SDH737"/>
    <mergeCell ref="SDI737:SDL737"/>
    <mergeCell ref="SBY737:SCB737"/>
    <mergeCell ref="SCC737:SCF737"/>
    <mergeCell ref="SCG737:SCJ737"/>
    <mergeCell ref="SCK737:SCN737"/>
    <mergeCell ref="SCO737:SCR737"/>
    <mergeCell ref="SLY737:SMB737"/>
    <mergeCell ref="SMC737:SMF737"/>
    <mergeCell ref="SMG737:SMJ737"/>
    <mergeCell ref="SMK737:SMN737"/>
    <mergeCell ref="SMO737:SMR737"/>
    <mergeCell ref="SLE737:SLH737"/>
    <mergeCell ref="SLI737:SLL737"/>
    <mergeCell ref="SLM737:SLP737"/>
    <mergeCell ref="SLQ737:SLT737"/>
    <mergeCell ref="SLU737:SLX737"/>
    <mergeCell ref="SKK737:SKN737"/>
    <mergeCell ref="SKO737:SKR737"/>
    <mergeCell ref="SKS737:SKV737"/>
    <mergeCell ref="SKW737:SKZ737"/>
    <mergeCell ref="SLA737:SLD737"/>
    <mergeCell ref="SJQ737:SJT737"/>
    <mergeCell ref="SJU737:SJX737"/>
    <mergeCell ref="SJY737:SKB737"/>
    <mergeCell ref="SKC737:SKF737"/>
    <mergeCell ref="SKG737:SKJ737"/>
    <mergeCell ref="SIW737:SIZ737"/>
    <mergeCell ref="SJA737:SJD737"/>
    <mergeCell ref="SJE737:SJH737"/>
    <mergeCell ref="SJI737:SJL737"/>
    <mergeCell ref="SJM737:SJP737"/>
    <mergeCell ref="SIC737:SIF737"/>
    <mergeCell ref="SIG737:SIJ737"/>
    <mergeCell ref="SIK737:SIN737"/>
    <mergeCell ref="SIO737:SIR737"/>
    <mergeCell ref="SIS737:SIV737"/>
    <mergeCell ref="SHI737:SHL737"/>
    <mergeCell ref="SHM737:SHP737"/>
    <mergeCell ref="SHQ737:SHT737"/>
    <mergeCell ref="SHU737:SHX737"/>
    <mergeCell ref="SHY737:SIB737"/>
    <mergeCell ref="SRI737:SRL737"/>
    <mergeCell ref="SRM737:SRP737"/>
    <mergeCell ref="SRQ737:SRT737"/>
    <mergeCell ref="SRU737:SRX737"/>
    <mergeCell ref="SRY737:SSB737"/>
    <mergeCell ref="SQO737:SQR737"/>
    <mergeCell ref="SQS737:SQV737"/>
    <mergeCell ref="SQW737:SQZ737"/>
    <mergeCell ref="SRA737:SRD737"/>
    <mergeCell ref="SRE737:SRH737"/>
    <mergeCell ref="SPU737:SPX737"/>
    <mergeCell ref="SPY737:SQB737"/>
    <mergeCell ref="SQC737:SQF737"/>
    <mergeCell ref="SQG737:SQJ737"/>
    <mergeCell ref="SQK737:SQN737"/>
    <mergeCell ref="SPA737:SPD737"/>
    <mergeCell ref="SPE737:SPH737"/>
    <mergeCell ref="SPI737:SPL737"/>
    <mergeCell ref="SPM737:SPP737"/>
    <mergeCell ref="SPQ737:SPT737"/>
    <mergeCell ref="SOG737:SOJ737"/>
    <mergeCell ref="SOK737:SON737"/>
    <mergeCell ref="SOO737:SOR737"/>
    <mergeCell ref="SOS737:SOV737"/>
    <mergeCell ref="SOW737:SOZ737"/>
    <mergeCell ref="SNM737:SNP737"/>
    <mergeCell ref="SNQ737:SNT737"/>
    <mergeCell ref="SNU737:SNX737"/>
    <mergeCell ref="SNY737:SOB737"/>
    <mergeCell ref="SOC737:SOF737"/>
    <mergeCell ref="SMS737:SMV737"/>
    <mergeCell ref="SMW737:SMZ737"/>
    <mergeCell ref="SNA737:SND737"/>
    <mergeCell ref="SNE737:SNH737"/>
    <mergeCell ref="SNI737:SNL737"/>
    <mergeCell ref="SWS737:SWV737"/>
    <mergeCell ref="SWW737:SWZ737"/>
    <mergeCell ref="SXA737:SXD737"/>
    <mergeCell ref="SXE737:SXH737"/>
    <mergeCell ref="SXI737:SXL737"/>
    <mergeCell ref="SVY737:SWB737"/>
    <mergeCell ref="SWC737:SWF737"/>
    <mergeCell ref="SWG737:SWJ737"/>
    <mergeCell ref="SWK737:SWN737"/>
    <mergeCell ref="SWO737:SWR737"/>
    <mergeCell ref="SVE737:SVH737"/>
    <mergeCell ref="SVI737:SVL737"/>
    <mergeCell ref="SVM737:SVP737"/>
    <mergeCell ref="SVQ737:SVT737"/>
    <mergeCell ref="SVU737:SVX737"/>
    <mergeCell ref="SUK737:SUN737"/>
    <mergeCell ref="SUO737:SUR737"/>
    <mergeCell ref="SUS737:SUV737"/>
    <mergeCell ref="SUW737:SUZ737"/>
    <mergeCell ref="SVA737:SVD737"/>
    <mergeCell ref="STQ737:STT737"/>
    <mergeCell ref="STU737:STX737"/>
    <mergeCell ref="STY737:SUB737"/>
    <mergeCell ref="SUC737:SUF737"/>
    <mergeCell ref="SUG737:SUJ737"/>
    <mergeCell ref="SSW737:SSZ737"/>
    <mergeCell ref="STA737:STD737"/>
    <mergeCell ref="STE737:STH737"/>
    <mergeCell ref="STI737:STL737"/>
    <mergeCell ref="STM737:STP737"/>
    <mergeCell ref="SSC737:SSF737"/>
    <mergeCell ref="SSG737:SSJ737"/>
    <mergeCell ref="SSK737:SSN737"/>
    <mergeCell ref="SSO737:SSR737"/>
    <mergeCell ref="SSS737:SSV737"/>
    <mergeCell ref="TCC737:TCF737"/>
    <mergeCell ref="TCG737:TCJ737"/>
    <mergeCell ref="TCK737:TCN737"/>
    <mergeCell ref="TCO737:TCR737"/>
    <mergeCell ref="TCS737:TCV737"/>
    <mergeCell ref="TBI737:TBL737"/>
    <mergeCell ref="TBM737:TBP737"/>
    <mergeCell ref="TBQ737:TBT737"/>
    <mergeCell ref="TBU737:TBX737"/>
    <mergeCell ref="TBY737:TCB737"/>
    <mergeCell ref="TAO737:TAR737"/>
    <mergeCell ref="TAS737:TAV737"/>
    <mergeCell ref="TAW737:TAZ737"/>
    <mergeCell ref="TBA737:TBD737"/>
    <mergeCell ref="TBE737:TBH737"/>
    <mergeCell ref="SZU737:SZX737"/>
    <mergeCell ref="SZY737:TAB737"/>
    <mergeCell ref="TAC737:TAF737"/>
    <mergeCell ref="TAG737:TAJ737"/>
    <mergeCell ref="TAK737:TAN737"/>
    <mergeCell ref="SZA737:SZD737"/>
    <mergeCell ref="SZE737:SZH737"/>
    <mergeCell ref="SZI737:SZL737"/>
    <mergeCell ref="SZM737:SZP737"/>
    <mergeCell ref="SZQ737:SZT737"/>
    <mergeCell ref="SYG737:SYJ737"/>
    <mergeCell ref="SYK737:SYN737"/>
    <mergeCell ref="SYO737:SYR737"/>
    <mergeCell ref="SYS737:SYV737"/>
    <mergeCell ref="SYW737:SYZ737"/>
    <mergeCell ref="SXM737:SXP737"/>
    <mergeCell ref="SXQ737:SXT737"/>
    <mergeCell ref="SXU737:SXX737"/>
    <mergeCell ref="SXY737:SYB737"/>
    <mergeCell ref="SYC737:SYF737"/>
    <mergeCell ref="THM737:THP737"/>
    <mergeCell ref="THQ737:THT737"/>
    <mergeCell ref="THU737:THX737"/>
    <mergeCell ref="THY737:TIB737"/>
    <mergeCell ref="TIC737:TIF737"/>
    <mergeCell ref="TGS737:TGV737"/>
    <mergeCell ref="TGW737:TGZ737"/>
    <mergeCell ref="THA737:THD737"/>
    <mergeCell ref="THE737:THH737"/>
    <mergeCell ref="THI737:THL737"/>
    <mergeCell ref="TFY737:TGB737"/>
    <mergeCell ref="TGC737:TGF737"/>
    <mergeCell ref="TGG737:TGJ737"/>
    <mergeCell ref="TGK737:TGN737"/>
    <mergeCell ref="TGO737:TGR737"/>
    <mergeCell ref="TFE737:TFH737"/>
    <mergeCell ref="TFI737:TFL737"/>
    <mergeCell ref="TFM737:TFP737"/>
    <mergeCell ref="TFQ737:TFT737"/>
    <mergeCell ref="TFU737:TFX737"/>
    <mergeCell ref="TEK737:TEN737"/>
    <mergeCell ref="TEO737:TER737"/>
    <mergeCell ref="TES737:TEV737"/>
    <mergeCell ref="TEW737:TEZ737"/>
    <mergeCell ref="TFA737:TFD737"/>
    <mergeCell ref="TDQ737:TDT737"/>
    <mergeCell ref="TDU737:TDX737"/>
    <mergeCell ref="TDY737:TEB737"/>
    <mergeCell ref="TEC737:TEF737"/>
    <mergeCell ref="TEG737:TEJ737"/>
    <mergeCell ref="TCW737:TCZ737"/>
    <mergeCell ref="TDA737:TDD737"/>
    <mergeCell ref="TDE737:TDH737"/>
    <mergeCell ref="TDI737:TDL737"/>
    <mergeCell ref="TDM737:TDP737"/>
    <mergeCell ref="TMW737:TMZ737"/>
    <mergeCell ref="TNA737:TND737"/>
    <mergeCell ref="TNE737:TNH737"/>
    <mergeCell ref="TNI737:TNL737"/>
    <mergeCell ref="TNM737:TNP737"/>
    <mergeCell ref="TMC737:TMF737"/>
    <mergeCell ref="TMG737:TMJ737"/>
    <mergeCell ref="TMK737:TMN737"/>
    <mergeCell ref="TMO737:TMR737"/>
    <mergeCell ref="TMS737:TMV737"/>
    <mergeCell ref="TLI737:TLL737"/>
    <mergeCell ref="TLM737:TLP737"/>
    <mergeCell ref="TLQ737:TLT737"/>
    <mergeCell ref="TLU737:TLX737"/>
    <mergeCell ref="TLY737:TMB737"/>
    <mergeCell ref="TKO737:TKR737"/>
    <mergeCell ref="TKS737:TKV737"/>
    <mergeCell ref="TKW737:TKZ737"/>
    <mergeCell ref="TLA737:TLD737"/>
    <mergeCell ref="TLE737:TLH737"/>
    <mergeCell ref="TJU737:TJX737"/>
    <mergeCell ref="TJY737:TKB737"/>
    <mergeCell ref="TKC737:TKF737"/>
    <mergeCell ref="TKG737:TKJ737"/>
    <mergeCell ref="TKK737:TKN737"/>
    <mergeCell ref="TJA737:TJD737"/>
    <mergeCell ref="TJE737:TJH737"/>
    <mergeCell ref="TJI737:TJL737"/>
    <mergeCell ref="TJM737:TJP737"/>
    <mergeCell ref="TJQ737:TJT737"/>
    <mergeCell ref="TIG737:TIJ737"/>
    <mergeCell ref="TIK737:TIN737"/>
    <mergeCell ref="TIO737:TIR737"/>
    <mergeCell ref="TIS737:TIV737"/>
    <mergeCell ref="TIW737:TIZ737"/>
    <mergeCell ref="TSG737:TSJ737"/>
    <mergeCell ref="TSK737:TSN737"/>
    <mergeCell ref="TSO737:TSR737"/>
    <mergeCell ref="TSS737:TSV737"/>
    <mergeCell ref="TSW737:TSZ737"/>
    <mergeCell ref="TRM737:TRP737"/>
    <mergeCell ref="TRQ737:TRT737"/>
    <mergeCell ref="TRU737:TRX737"/>
    <mergeCell ref="TRY737:TSB737"/>
    <mergeCell ref="TSC737:TSF737"/>
    <mergeCell ref="TQS737:TQV737"/>
    <mergeCell ref="TQW737:TQZ737"/>
    <mergeCell ref="TRA737:TRD737"/>
    <mergeCell ref="TRE737:TRH737"/>
    <mergeCell ref="TRI737:TRL737"/>
    <mergeCell ref="TPY737:TQB737"/>
    <mergeCell ref="TQC737:TQF737"/>
    <mergeCell ref="TQG737:TQJ737"/>
    <mergeCell ref="TQK737:TQN737"/>
    <mergeCell ref="TQO737:TQR737"/>
    <mergeCell ref="TPE737:TPH737"/>
    <mergeCell ref="TPI737:TPL737"/>
    <mergeCell ref="TPM737:TPP737"/>
    <mergeCell ref="TPQ737:TPT737"/>
    <mergeCell ref="TPU737:TPX737"/>
    <mergeCell ref="TOK737:TON737"/>
    <mergeCell ref="TOO737:TOR737"/>
    <mergeCell ref="TOS737:TOV737"/>
    <mergeCell ref="TOW737:TOZ737"/>
    <mergeCell ref="TPA737:TPD737"/>
    <mergeCell ref="TNQ737:TNT737"/>
    <mergeCell ref="TNU737:TNX737"/>
    <mergeCell ref="TNY737:TOB737"/>
    <mergeCell ref="TOC737:TOF737"/>
    <mergeCell ref="TOG737:TOJ737"/>
    <mergeCell ref="TXQ737:TXT737"/>
    <mergeCell ref="TXU737:TXX737"/>
    <mergeCell ref="TXY737:TYB737"/>
    <mergeCell ref="TYC737:TYF737"/>
    <mergeCell ref="TYG737:TYJ737"/>
    <mergeCell ref="TWW737:TWZ737"/>
    <mergeCell ref="TXA737:TXD737"/>
    <mergeCell ref="TXE737:TXH737"/>
    <mergeCell ref="TXI737:TXL737"/>
    <mergeCell ref="TXM737:TXP737"/>
    <mergeCell ref="TWC737:TWF737"/>
    <mergeCell ref="TWG737:TWJ737"/>
    <mergeCell ref="TWK737:TWN737"/>
    <mergeCell ref="TWO737:TWR737"/>
    <mergeCell ref="TWS737:TWV737"/>
    <mergeCell ref="TVI737:TVL737"/>
    <mergeCell ref="TVM737:TVP737"/>
    <mergeCell ref="TVQ737:TVT737"/>
    <mergeCell ref="TVU737:TVX737"/>
    <mergeCell ref="TVY737:TWB737"/>
    <mergeCell ref="TUO737:TUR737"/>
    <mergeCell ref="TUS737:TUV737"/>
    <mergeCell ref="TUW737:TUZ737"/>
    <mergeCell ref="TVA737:TVD737"/>
    <mergeCell ref="TVE737:TVH737"/>
    <mergeCell ref="TTU737:TTX737"/>
    <mergeCell ref="TTY737:TUB737"/>
    <mergeCell ref="TUC737:TUF737"/>
    <mergeCell ref="TUG737:TUJ737"/>
    <mergeCell ref="TUK737:TUN737"/>
    <mergeCell ref="TTA737:TTD737"/>
    <mergeCell ref="TTE737:TTH737"/>
    <mergeCell ref="TTI737:TTL737"/>
    <mergeCell ref="TTM737:TTP737"/>
    <mergeCell ref="TTQ737:TTT737"/>
    <mergeCell ref="UDA737:UDD737"/>
    <mergeCell ref="UDE737:UDH737"/>
    <mergeCell ref="UDI737:UDL737"/>
    <mergeCell ref="UDM737:UDP737"/>
    <mergeCell ref="UDQ737:UDT737"/>
    <mergeCell ref="UCG737:UCJ737"/>
    <mergeCell ref="UCK737:UCN737"/>
    <mergeCell ref="UCO737:UCR737"/>
    <mergeCell ref="UCS737:UCV737"/>
    <mergeCell ref="UCW737:UCZ737"/>
    <mergeCell ref="UBM737:UBP737"/>
    <mergeCell ref="UBQ737:UBT737"/>
    <mergeCell ref="UBU737:UBX737"/>
    <mergeCell ref="UBY737:UCB737"/>
    <mergeCell ref="UCC737:UCF737"/>
    <mergeCell ref="UAS737:UAV737"/>
    <mergeCell ref="UAW737:UAZ737"/>
    <mergeCell ref="UBA737:UBD737"/>
    <mergeCell ref="UBE737:UBH737"/>
    <mergeCell ref="UBI737:UBL737"/>
    <mergeCell ref="TZY737:UAB737"/>
    <mergeCell ref="UAC737:UAF737"/>
    <mergeCell ref="UAG737:UAJ737"/>
    <mergeCell ref="UAK737:UAN737"/>
    <mergeCell ref="UAO737:UAR737"/>
    <mergeCell ref="TZE737:TZH737"/>
    <mergeCell ref="TZI737:TZL737"/>
    <mergeCell ref="TZM737:TZP737"/>
    <mergeCell ref="TZQ737:TZT737"/>
    <mergeCell ref="TZU737:TZX737"/>
    <mergeCell ref="TYK737:TYN737"/>
    <mergeCell ref="TYO737:TYR737"/>
    <mergeCell ref="TYS737:TYV737"/>
    <mergeCell ref="TYW737:TYZ737"/>
    <mergeCell ref="TZA737:TZD737"/>
    <mergeCell ref="UIK737:UIN737"/>
    <mergeCell ref="UIO737:UIR737"/>
    <mergeCell ref="UIS737:UIV737"/>
    <mergeCell ref="UIW737:UIZ737"/>
    <mergeCell ref="UJA737:UJD737"/>
    <mergeCell ref="UHQ737:UHT737"/>
    <mergeCell ref="UHU737:UHX737"/>
    <mergeCell ref="UHY737:UIB737"/>
    <mergeCell ref="UIC737:UIF737"/>
    <mergeCell ref="UIG737:UIJ737"/>
    <mergeCell ref="UGW737:UGZ737"/>
    <mergeCell ref="UHA737:UHD737"/>
    <mergeCell ref="UHE737:UHH737"/>
    <mergeCell ref="UHI737:UHL737"/>
    <mergeCell ref="UHM737:UHP737"/>
    <mergeCell ref="UGC737:UGF737"/>
    <mergeCell ref="UGG737:UGJ737"/>
    <mergeCell ref="UGK737:UGN737"/>
    <mergeCell ref="UGO737:UGR737"/>
    <mergeCell ref="UGS737:UGV737"/>
    <mergeCell ref="UFI737:UFL737"/>
    <mergeCell ref="UFM737:UFP737"/>
    <mergeCell ref="UFQ737:UFT737"/>
    <mergeCell ref="UFU737:UFX737"/>
    <mergeCell ref="UFY737:UGB737"/>
    <mergeCell ref="UEO737:UER737"/>
    <mergeCell ref="UES737:UEV737"/>
    <mergeCell ref="UEW737:UEZ737"/>
    <mergeCell ref="UFA737:UFD737"/>
    <mergeCell ref="UFE737:UFH737"/>
    <mergeCell ref="UDU737:UDX737"/>
    <mergeCell ref="UDY737:UEB737"/>
    <mergeCell ref="UEC737:UEF737"/>
    <mergeCell ref="UEG737:UEJ737"/>
    <mergeCell ref="UEK737:UEN737"/>
    <mergeCell ref="UNU737:UNX737"/>
    <mergeCell ref="UNY737:UOB737"/>
    <mergeCell ref="UOC737:UOF737"/>
    <mergeCell ref="UOG737:UOJ737"/>
    <mergeCell ref="UOK737:UON737"/>
    <mergeCell ref="UNA737:UND737"/>
    <mergeCell ref="UNE737:UNH737"/>
    <mergeCell ref="UNI737:UNL737"/>
    <mergeCell ref="UNM737:UNP737"/>
    <mergeCell ref="UNQ737:UNT737"/>
    <mergeCell ref="UMG737:UMJ737"/>
    <mergeCell ref="UMK737:UMN737"/>
    <mergeCell ref="UMO737:UMR737"/>
    <mergeCell ref="UMS737:UMV737"/>
    <mergeCell ref="UMW737:UMZ737"/>
    <mergeCell ref="ULM737:ULP737"/>
    <mergeCell ref="ULQ737:ULT737"/>
    <mergeCell ref="ULU737:ULX737"/>
    <mergeCell ref="ULY737:UMB737"/>
    <mergeCell ref="UMC737:UMF737"/>
    <mergeCell ref="UKS737:UKV737"/>
    <mergeCell ref="UKW737:UKZ737"/>
    <mergeCell ref="ULA737:ULD737"/>
    <mergeCell ref="ULE737:ULH737"/>
    <mergeCell ref="ULI737:ULL737"/>
    <mergeCell ref="UJY737:UKB737"/>
    <mergeCell ref="UKC737:UKF737"/>
    <mergeCell ref="UKG737:UKJ737"/>
    <mergeCell ref="UKK737:UKN737"/>
    <mergeCell ref="UKO737:UKR737"/>
    <mergeCell ref="UJE737:UJH737"/>
    <mergeCell ref="UJI737:UJL737"/>
    <mergeCell ref="UJM737:UJP737"/>
    <mergeCell ref="UJQ737:UJT737"/>
    <mergeCell ref="UJU737:UJX737"/>
    <mergeCell ref="UTE737:UTH737"/>
    <mergeCell ref="UTI737:UTL737"/>
    <mergeCell ref="UTM737:UTP737"/>
    <mergeCell ref="UTQ737:UTT737"/>
    <mergeCell ref="UTU737:UTX737"/>
    <mergeCell ref="USK737:USN737"/>
    <mergeCell ref="USO737:USR737"/>
    <mergeCell ref="USS737:USV737"/>
    <mergeCell ref="USW737:USZ737"/>
    <mergeCell ref="UTA737:UTD737"/>
    <mergeCell ref="URQ737:URT737"/>
    <mergeCell ref="URU737:URX737"/>
    <mergeCell ref="URY737:USB737"/>
    <mergeCell ref="USC737:USF737"/>
    <mergeCell ref="USG737:USJ737"/>
    <mergeCell ref="UQW737:UQZ737"/>
    <mergeCell ref="URA737:URD737"/>
    <mergeCell ref="URE737:URH737"/>
    <mergeCell ref="URI737:URL737"/>
    <mergeCell ref="URM737:URP737"/>
    <mergeCell ref="UQC737:UQF737"/>
    <mergeCell ref="UQG737:UQJ737"/>
    <mergeCell ref="UQK737:UQN737"/>
    <mergeCell ref="UQO737:UQR737"/>
    <mergeCell ref="UQS737:UQV737"/>
    <mergeCell ref="UPI737:UPL737"/>
    <mergeCell ref="UPM737:UPP737"/>
    <mergeCell ref="UPQ737:UPT737"/>
    <mergeCell ref="UPU737:UPX737"/>
    <mergeCell ref="UPY737:UQB737"/>
    <mergeCell ref="UOO737:UOR737"/>
    <mergeCell ref="UOS737:UOV737"/>
    <mergeCell ref="UOW737:UOZ737"/>
    <mergeCell ref="UPA737:UPD737"/>
    <mergeCell ref="UPE737:UPH737"/>
    <mergeCell ref="UYO737:UYR737"/>
    <mergeCell ref="UYS737:UYV737"/>
    <mergeCell ref="UYW737:UYZ737"/>
    <mergeCell ref="UZA737:UZD737"/>
    <mergeCell ref="UZE737:UZH737"/>
    <mergeCell ref="UXU737:UXX737"/>
    <mergeCell ref="UXY737:UYB737"/>
    <mergeCell ref="UYC737:UYF737"/>
    <mergeCell ref="UYG737:UYJ737"/>
    <mergeCell ref="UYK737:UYN737"/>
    <mergeCell ref="UXA737:UXD737"/>
    <mergeCell ref="UXE737:UXH737"/>
    <mergeCell ref="UXI737:UXL737"/>
    <mergeCell ref="UXM737:UXP737"/>
    <mergeCell ref="UXQ737:UXT737"/>
    <mergeCell ref="UWG737:UWJ737"/>
    <mergeCell ref="UWK737:UWN737"/>
    <mergeCell ref="UWO737:UWR737"/>
    <mergeCell ref="UWS737:UWV737"/>
    <mergeCell ref="UWW737:UWZ737"/>
    <mergeCell ref="UVM737:UVP737"/>
    <mergeCell ref="UVQ737:UVT737"/>
    <mergeCell ref="UVU737:UVX737"/>
    <mergeCell ref="UVY737:UWB737"/>
    <mergeCell ref="UWC737:UWF737"/>
    <mergeCell ref="UUS737:UUV737"/>
    <mergeCell ref="UUW737:UUZ737"/>
    <mergeCell ref="UVA737:UVD737"/>
    <mergeCell ref="UVE737:UVH737"/>
    <mergeCell ref="UVI737:UVL737"/>
    <mergeCell ref="UTY737:UUB737"/>
    <mergeCell ref="UUC737:UUF737"/>
    <mergeCell ref="UUG737:UUJ737"/>
    <mergeCell ref="UUK737:UUN737"/>
    <mergeCell ref="UUO737:UUR737"/>
    <mergeCell ref="VDY737:VEB737"/>
    <mergeCell ref="VEC737:VEF737"/>
    <mergeCell ref="VEG737:VEJ737"/>
    <mergeCell ref="VEK737:VEN737"/>
    <mergeCell ref="VEO737:VER737"/>
    <mergeCell ref="VDE737:VDH737"/>
    <mergeCell ref="VDI737:VDL737"/>
    <mergeCell ref="VDM737:VDP737"/>
    <mergeCell ref="VDQ737:VDT737"/>
    <mergeCell ref="VDU737:VDX737"/>
    <mergeCell ref="VCK737:VCN737"/>
    <mergeCell ref="VCO737:VCR737"/>
    <mergeCell ref="VCS737:VCV737"/>
    <mergeCell ref="VCW737:VCZ737"/>
    <mergeCell ref="VDA737:VDD737"/>
    <mergeCell ref="VBQ737:VBT737"/>
    <mergeCell ref="VBU737:VBX737"/>
    <mergeCell ref="VBY737:VCB737"/>
    <mergeCell ref="VCC737:VCF737"/>
    <mergeCell ref="VCG737:VCJ737"/>
    <mergeCell ref="VAW737:VAZ737"/>
    <mergeCell ref="VBA737:VBD737"/>
    <mergeCell ref="VBE737:VBH737"/>
    <mergeCell ref="VBI737:VBL737"/>
    <mergeCell ref="VBM737:VBP737"/>
    <mergeCell ref="VAC737:VAF737"/>
    <mergeCell ref="VAG737:VAJ737"/>
    <mergeCell ref="VAK737:VAN737"/>
    <mergeCell ref="VAO737:VAR737"/>
    <mergeCell ref="VAS737:VAV737"/>
    <mergeCell ref="UZI737:UZL737"/>
    <mergeCell ref="UZM737:UZP737"/>
    <mergeCell ref="UZQ737:UZT737"/>
    <mergeCell ref="UZU737:UZX737"/>
    <mergeCell ref="UZY737:VAB737"/>
    <mergeCell ref="VJI737:VJL737"/>
    <mergeCell ref="VJM737:VJP737"/>
    <mergeCell ref="VJQ737:VJT737"/>
    <mergeCell ref="VJU737:VJX737"/>
    <mergeCell ref="VJY737:VKB737"/>
    <mergeCell ref="VIO737:VIR737"/>
    <mergeCell ref="VIS737:VIV737"/>
    <mergeCell ref="VIW737:VIZ737"/>
    <mergeCell ref="VJA737:VJD737"/>
    <mergeCell ref="VJE737:VJH737"/>
    <mergeCell ref="VHU737:VHX737"/>
    <mergeCell ref="VHY737:VIB737"/>
    <mergeCell ref="VIC737:VIF737"/>
    <mergeCell ref="VIG737:VIJ737"/>
    <mergeCell ref="VIK737:VIN737"/>
    <mergeCell ref="VHA737:VHD737"/>
    <mergeCell ref="VHE737:VHH737"/>
    <mergeCell ref="VHI737:VHL737"/>
    <mergeCell ref="VHM737:VHP737"/>
    <mergeCell ref="VHQ737:VHT737"/>
    <mergeCell ref="VGG737:VGJ737"/>
    <mergeCell ref="VGK737:VGN737"/>
    <mergeCell ref="VGO737:VGR737"/>
    <mergeCell ref="VGS737:VGV737"/>
    <mergeCell ref="VGW737:VGZ737"/>
    <mergeCell ref="VFM737:VFP737"/>
    <mergeCell ref="VFQ737:VFT737"/>
    <mergeCell ref="VFU737:VFX737"/>
    <mergeCell ref="VFY737:VGB737"/>
    <mergeCell ref="VGC737:VGF737"/>
    <mergeCell ref="VES737:VEV737"/>
    <mergeCell ref="VEW737:VEZ737"/>
    <mergeCell ref="VFA737:VFD737"/>
    <mergeCell ref="VFE737:VFH737"/>
    <mergeCell ref="VFI737:VFL737"/>
    <mergeCell ref="VOS737:VOV737"/>
    <mergeCell ref="VOW737:VOZ737"/>
    <mergeCell ref="VPA737:VPD737"/>
    <mergeCell ref="VPE737:VPH737"/>
    <mergeCell ref="VPI737:VPL737"/>
    <mergeCell ref="VNY737:VOB737"/>
    <mergeCell ref="VOC737:VOF737"/>
    <mergeCell ref="VOG737:VOJ737"/>
    <mergeCell ref="VOK737:VON737"/>
    <mergeCell ref="VOO737:VOR737"/>
    <mergeCell ref="VNE737:VNH737"/>
    <mergeCell ref="VNI737:VNL737"/>
    <mergeCell ref="VNM737:VNP737"/>
    <mergeCell ref="VNQ737:VNT737"/>
    <mergeCell ref="VNU737:VNX737"/>
    <mergeCell ref="VMK737:VMN737"/>
    <mergeCell ref="VMO737:VMR737"/>
    <mergeCell ref="VMS737:VMV737"/>
    <mergeCell ref="VMW737:VMZ737"/>
    <mergeCell ref="VNA737:VND737"/>
    <mergeCell ref="VLQ737:VLT737"/>
    <mergeCell ref="VLU737:VLX737"/>
    <mergeCell ref="VLY737:VMB737"/>
    <mergeCell ref="VMC737:VMF737"/>
    <mergeCell ref="VMG737:VMJ737"/>
    <mergeCell ref="VKW737:VKZ737"/>
    <mergeCell ref="VLA737:VLD737"/>
    <mergeCell ref="VLE737:VLH737"/>
    <mergeCell ref="VLI737:VLL737"/>
    <mergeCell ref="VLM737:VLP737"/>
    <mergeCell ref="VKC737:VKF737"/>
    <mergeCell ref="VKG737:VKJ737"/>
    <mergeCell ref="VKK737:VKN737"/>
    <mergeCell ref="VKO737:VKR737"/>
    <mergeCell ref="VKS737:VKV737"/>
    <mergeCell ref="VUC737:VUF737"/>
    <mergeCell ref="VUG737:VUJ737"/>
    <mergeCell ref="VUK737:VUN737"/>
    <mergeCell ref="VUO737:VUR737"/>
    <mergeCell ref="VUS737:VUV737"/>
    <mergeCell ref="VTI737:VTL737"/>
    <mergeCell ref="VTM737:VTP737"/>
    <mergeCell ref="VTQ737:VTT737"/>
    <mergeCell ref="VTU737:VTX737"/>
    <mergeCell ref="VTY737:VUB737"/>
    <mergeCell ref="VSO737:VSR737"/>
    <mergeCell ref="VSS737:VSV737"/>
    <mergeCell ref="VSW737:VSZ737"/>
    <mergeCell ref="VTA737:VTD737"/>
    <mergeCell ref="VTE737:VTH737"/>
    <mergeCell ref="VRU737:VRX737"/>
    <mergeCell ref="VRY737:VSB737"/>
    <mergeCell ref="VSC737:VSF737"/>
    <mergeCell ref="VSG737:VSJ737"/>
    <mergeCell ref="VSK737:VSN737"/>
    <mergeCell ref="VRA737:VRD737"/>
    <mergeCell ref="VRE737:VRH737"/>
    <mergeCell ref="VRI737:VRL737"/>
    <mergeCell ref="VRM737:VRP737"/>
    <mergeCell ref="VRQ737:VRT737"/>
    <mergeCell ref="VQG737:VQJ737"/>
    <mergeCell ref="VQK737:VQN737"/>
    <mergeCell ref="VQO737:VQR737"/>
    <mergeCell ref="VQS737:VQV737"/>
    <mergeCell ref="VQW737:VQZ737"/>
    <mergeCell ref="VPM737:VPP737"/>
    <mergeCell ref="VPQ737:VPT737"/>
    <mergeCell ref="VPU737:VPX737"/>
    <mergeCell ref="VPY737:VQB737"/>
    <mergeCell ref="VQC737:VQF737"/>
    <mergeCell ref="VZM737:VZP737"/>
    <mergeCell ref="VZQ737:VZT737"/>
    <mergeCell ref="VZU737:VZX737"/>
    <mergeCell ref="VZY737:WAB737"/>
    <mergeCell ref="WAC737:WAF737"/>
    <mergeCell ref="VYS737:VYV737"/>
    <mergeCell ref="VYW737:VYZ737"/>
    <mergeCell ref="VZA737:VZD737"/>
    <mergeCell ref="VZE737:VZH737"/>
    <mergeCell ref="VZI737:VZL737"/>
    <mergeCell ref="VXY737:VYB737"/>
    <mergeCell ref="VYC737:VYF737"/>
    <mergeCell ref="VYG737:VYJ737"/>
    <mergeCell ref="VYK737:VYN737"/>
    <mergeCell ref="VYO737:VYR737"/>
    <mergeCell ref="VXE737:VXH737"/>
    <mergeCell ref="VXI737:VXL737"/>
    <mergeCell ref="VXM737:VXP737"/>
    <mergeCell ref="VXQ737:VXT737"/>
    <mergeCell ref="VXU737:VXX737"/>
    <mergeCell ref="VWK737:VWN737"/>
    <mergeCell ref="VWO737:VWR737"/>
    <mergeCell ref="VWS737:VWV737"/>
    <mergeCell ref="VWW737:VWZ737"/>
    <mergeCell ref="VXA737:VXD737"/>
    <mergeCell ref="VVQ737:VVT737"/>
    <mergeCell ref="VVU737:VVX737"/>
    <mergeCell ref="VVY737:VWB737"/>
    <mergeCell ref="VWC737:VWF737"/>
    <mergeCell ref="VWG737:VWJ737"/>
    <mergeCell ref="VUW737:VUZ737"/>
    <mergeCell ref="VVA737:VVD737"/>
    <mergeCell ref="VVE737:VVH737"/>
    <mergeCell ref="VVI737:VVL737"/>
    <mergeCell ref="VVM737:VVP737"/>
    <mergeCell ref="WEW737:WEZ737"/>
    <mergeCell ref="WFA737:WFD737"/>
    <mergeCell ref="WFE737:WFH737"/>
    <mergeCell ref="WFI737:WFL737"/>
    <mergeCell ref="WFM737:WFP737"/>
    <mergeCell ref="WEC737:WEF737"/>
    <mergeCell ref="WEG737:WEJ737"/>
    <mergeCell ref="WEK737:WEN737"/>
    <mergeCell ref="WEO737:WER737"/>
    <mergeCell ref="WES737:WEV737"/>
    <mergeCell ref="WDI737:WDL737"/>
    <mergeCell ref="WDM737:WDP737"/>
    <mergeCell ref="WDQ737:WDT737"/>
    <mergeCell ref="WDU737:WDX737"/>
    <mergeCell ref="WDY737:WEB737"/>
    <mergeCell ref="WCO737:WCR737"/>
    <mergeCell ref="WCS737:WCV737"/>
    <mergeCell ref="WCW737:WCZ737"/>
    <mergeCell ref="WDA737:WDD737"/>
    <mergeCell ref="WDE737:WDH737"/>
    <mergeCell ref="WBU737:WBX737"/>
    <mergeCell ref="WBY737:WCB737"/>
    <mergeCell ref="WCC737:WCF737"/>
    <mergeCell ref="WCG737:WCJ737"/>
    <mergeCell ref="WCK737:WCN737"/>
    <mergeCell ref="WBA737:WBD737"/>
    <mergeCell ref="WBE737:WBH737"/>
    <mergeCell ref="WBI737:WBL737"/>
    <mergeCell ref="WBM737:WBP737"/>
    <mergeCell ref="WBQ737:WBT737"/>
    <mergeCell ref="WAG737:WAJ737"/>
    <mergeCell ref="WAK737:WAN737"/>
    <mergeCell ref="WAO737:WAR737"/>
    <mergeCell ref="WAS737:WAV737"/>
    <mergeCell ref="WAW737:WAZ737"/>
    <mergeCell ref="WKG737:WKJ737"/>
    <mergeCell ref="WKK737:WKN737"/>
    <mergeCell ref="WKO737:WKR737"/>
    <mergeCell ref="WKS737:WKV737"/>
    <mergeCell ref="WKW737:WKZ737"/>
    <mergeCell ref="WJM737:WJP737"/>
    <mergeCell ref="WJQ737:WJT737"/>
    <mergeCell ref="WJU737:WJX737"/>
    <mergeCell ref="WJY737:WKB737"/>
    <mergeCell ref="WKC737:WKF737"/>
    <mergeCell ref="WIS737:WIV737"/>
    <mergeCell ref="WIW737:WIZ737"/>
    <mergeCell ref="WJA737:WJD737"/>
    <mergeCell ref="WJE737:WJH737"/>
    <mergeCell ref="WJI737:WJL737"/>
    <mergeCell ref="WHY737:WIB737"/>
    <mergeCell ref="WIC737:WIF737"/>
    <mergeCell ref="WIG737:WIJ737"/>
    <mergeCell ref="WIK737:WIN737"/>
    <mergeCell ref="WIO737:WIR737"/>
    <mergeCell ref="WHE737:WHH737"/>
    <mergeCell ref="WHI737:WHL737"/>
    <mergeCell ref="WHM737:WHP737"/>
    <mergeCell ref="WHQ737:WHT737"/>
    <mergeCell ref="WHU737:WHX737"/>
    <mergeCell ref="WGK737:WGN737"/>
    <mergeCell ref="WGO737:WGR737"/>
    <mergeCell ref="WGS737:WGV737"/>
    <mergeCell ref="WGW737:WGZ737"/>
    <mergeCell ref="WHA737:WHD737"/>
    <mergeCell ref="WFQ737:WFT737"/>
    <mergeCell ref="WFU737:WFX737"/>
    <mergeCell ref="WFY737:WGB737"/>
    <mergeCell ref="WGC737:WGF737"/>
    <mergeCell ref="WGG737:WGJ737"/>
    <mergeCell ref="WPQ737:WPT737"/>
    <mergeCell ref="WPU737:WPX737"/>
    <mergeCell ref="WPY737:WQB737"/>
    <mergeCell ref="WQC737:WQF737"/>
    <mergeCell ref="WQG737:WQJ737"/>
    <mergeCell ref="WOW737:WOZ737"/>
    <mergeCell ref="WPA737:WPD737"/>
    <mergeCell ref="WPE737:WPH737"/>
    <mergeCell ref="WPI737:WPL737"/>
    <mergeCell ref="WPM737:WPP737"/>
    <mergeCell ref="WOC737:WOF737"/>
    <mergeCell ref="WOG737:WOJ737"/>
    <mergeCell ref="WOK737:WON737"/>
    <mergeCell ref="WOO737:WOR737"/>
    <mergeCell ref="WOS737:WOV737"/>
    <mergeCell ref="WNI737:WNL737"/>
    <mergeCell ref="WNM737:WNP737"/>
    <mergeCell ref="WNQ737:WNT737"/>
    <mergeCell ref="WNU737:WNX737"/>
    <mergeCell ref="WNY737:WOB737"/>
    <mergeCell ref="WMO737:WMR737"/>
    <mergeCell ref="WMS737:WMV737"/>
    <mergeCell ref="WMW737:WMZ737"/>
    <mergeCell ref="WNA737:WND737"/>
    <mergeCell ref="WNE737:WNH737"/>
    <mergeCell ref="WLU737:WLX737"/>
    <mergeCell ref="WLY737:WMB737"/>
    <mergeCell ref="WMC737:WMF737"/>
    <mergeCell ref="WMG737:WMJ737"/>
    <mergeCell ref="WMK737:WMN737"/>
    <mergeCell ref="WLA737:WLD737"/>
    <mergeCell ref="WLE737:WLH737"/>
    <mergeCell ref="WLI737:WLL737"/>
    <mergeCell ref="WLM737:WLP737"/>
    <mergeCell ref="WLQ737:WLT737"/>
    <mergeCell ref="WVE737:WVH737"/>
    <mergeCell ref="WVI737:WVL737"/>
    <mergeCell ref="WVM737:WVP737"/>
    <mergeCell ref="WVQ737:WVT737"/>
    <mergeCell ref="WUG737:WUJ737"/>
    <mergeCell ref="WUK737:WUN737"/>
    <mergeCell ref="WUO737:WUR737"/>
    <mergeCell ref="WUS737:WUV737"/>
    <mergeCell ref="WUW737:WUZ737"/>
    <mergeCell ref="WTM737:WTP737"/>
    <mergeCell ref="WTQ737:WTT737"/>
    <mergeCell ref="WTU737:WTX737"/>
    <mergeCell ref="WTY737:WUB737"/>
    <mergeCell ref="WUC737:WUF737"/>
    <mergeCell ref="WSS737:WSV737"/>
    <mergeCell ref="WSW737:WSZ737"/>
    <mergeCell ref="WTA737:WTD737"/>
    <mergeCell ref="WTE737:WTH737"/>
    <mergeCell ref="WTI737:WTL737"/>
    <mergeCell ref="WRY737:WSB737"/>
    <mergeCell ref="WSC737:WSF737"/>
    <mergeCell ref="WSG737:WSJ737"/>
    <mergeCell ref="WSK737:WSN737"/>
    <mergeCell ref="WSO737:WSR737"/>
    <mergeCell ref="WRE737:WRH737"/>
    <mergeCell ref="WRI737:WRL737"/>
    <mergeCell ref="WRM737:WRP737"/>
    <mergeCell ref="WRQ737:WRT737"/>
    <mergeCell ref="WRU737:WRX737"/>
    <mergeCell ref="WQK737:WQN737"/>
    <mergeCell ref="WQO737:WQR737"/>
    <mergeCell ref="WQS737:WQV737"/>
    <mergeCell ref="WQW737:WQZ737"/>
    <mergeCell ref="WRA737:WRD737"/>
    <mergeCell ref="XFA737:XFD737"/>
    <mergeCell ref="R855:U855"/>
    <mergeCell ref="R882:V882"/>
    <mergeCell ref="XEG737:XEJ737"/>
    <mergeCell ref="XEK737:XEN737"/>
    <mergeCell ref="XEO737:XER737"/>
    <mergeCell ref="XES737:XEV737"/>
    <mergeCell ref="XEW737:XEZ737"/>
    <mergeCell ref="XDM737:XDP737"/>
    <mergeCell ref="XDQ737:XDT737"/>
    <mergeCell ref="XDU737:XDX737"/>
    <mergeCell ref="XDY737:XEB737"/>
    <mergeCell ref="XEC737:XEF737"/>
    <mergeCell ref="XCS737:XCV737"/>
    <mergeCell ref="XCW737:XCZ737"/>
    <mergeCell ref="XDA737:XDD737"/>
    <mergeCell ref="XDE737:XDH737"/>
    <mergeCell ref="XDI737:XDL737"/>
    <mergeCell ref="XBY737:XCB737"/>
    <mergeCell ref="XCC737:XCF737"/>
    <mergeCell ref="XCG737:XCJ737"/>
    <mergeCell ref="XCK737:XCN737"/>
    <mergeCell ref="XCO737:XCR737"/>
    <mergeCell ref="XBE737:XBH737"/>
    <mergeCell ref="XBI737:XBL737"/>
    <mergeCell ref="XBM737:XBP737"/>
    <mergeCell ref="XBQ737:XBT737"/>
    <mergeCell ref="XBU737:XBX737"/>
    <mergeCell ref="XAK737:XAN737"/>
    <mergeCell ref="XAO737:XAR737"/>
    <mergeCell ref="XAS737:XAV737"/>
    <mergeCell ref="XAW737:XAZ737"/>
    <mergeCell ref="XBA737:XBD737"/>
    <mergeCell ref="WZQ737:WZT737"/>
    <mergeCell ref="WZU737:WZX737"/>
    <mergeCell ref="WZY737:XAB737"/>
    <mergeCell ref="XAC737:XAF737"/>
    <mergeCell ref="XAG737:XAJ737"/>
    <mergeCell ref="WYW737:WYZ737"/>
    <mergeCell ref="WZA737:WZD737"/>
    <mergeCell ref="WZE737:WZH737"/>
    <mergeCell ref="WZI737:WZL737"/>
    <mergeCell ref="WZM737:WZP737"/>
    <mergeCell ref="WYC737:WYF737"/>
    <mergeCell ref="WYG737:WYJ737"/>
    <mergeCell ref="WYK737:WYN737"/>
    <mergeCell ref="WYO737:WYR737"/>
    <mergeCell ref="WYS737:WYV737"/>
    <mergeCell ref="WXI737:WXL737"/>
    <mergeCell ref="WXM737:WXP737"/>
    <mergeCell ref="WXQ737:WXT737"/>
    <mergeCell ref="WXU737:WXX737"/>
    <mergeCell ref="WXY737:WYB737"/>
    <mergeCell ref="WWO737:WWR737"/>
    <mergeCell ref="WWS737:WWV737"/>
    <mergeCell ref="WWW737:WWZ737"/>
    <mergeCell ref="WXA737:WXD737"/>
    <mergeCell ref="WXE737:WXH737"/>
    <mergeCell ref="WVU737:WVX737"/>
    <mergeCell ref="WVY737:WWB737"/>
    <mergeCell ref="WWC737:WWF737"/>
    <mergeCell ref="WWG737:WWJ737"/>
    <mergeCell ref="WWK737:WWN737"/>
    <mergeCell ref="WVA737:WVD737"/>
  </mergeCells>
  <pageMargins left="0.25" right="0.25" top="0.75" bottom="0.75" header="0.3" footer="0.3"/>
  <pageSetup paperSize="9" scale="39" fitToHeight="0" orientation="landscape" r:id="rId1"/>
  <customProperties>
    <customPr name="IbpWorksheetKeyString_GUID" r:id="rId2"/>
  </customProperties>
  <drawing r:id="rId3"/>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tabColor theme="1" tint="0.34998626667073579"/>
  </sheetPr>
  <dimension ref="A1:BR22"/>
  <sheetViews>
    <sheetView workbookViewId="0">
      <selection activeCell="W50" sqref="W50"/>
    </sheetView>
  </sheetViews>
  <sheetFormatPr defaultColWidth="8.83203125" defaultRowHeight="14"/>
  <cols>
    <col min="1" max="1" width="8.33203125" customWidth="1"/>
    <col min="16" max="16" width="9.5" customWidth="1"/>
    <col min="25" max="25" width="22.1640625" customWidth="1"/>
  </cols>
  <sheetData>
    <row r="1" spans="1:70" s="69" customFormat="1" ht="36" customHeight="1">
      <c r="A1" s="211"/>
      <c r="B1" s="432" t="s">
        <v>573</v>
      </c>
      <c r="C1" s="432"/>
      <c r="D1" s="432"/>
      <c r="E1" s="432"/>
      <c r="F1" s="432"/>
      <c r="G1" s="432"/>
      <c r="H1" s="432"/>
      <c r="I1" s="432"/>
      <c r="J1" s="432"/>
      <c r="K1" s="432"/>
      <c r="L1" s="432"/>
      <c r="M1" s="432"/>
      <c r="N1" s="432"/>
      <c r="O1" s="432"/>
      <c r="P1" s="432"/>
      <c r="Q1" s="211"/>
      <c r="R1" s="433" t="s">
        <v>1613</v>
      </c>
      <c r="S1" s="433"/>
      <c r="T1" s="433"/>
      <c r="U1" s="433"/>
      <c r="V1" s="433"/>
      <c r="W1" s="433"/>
      <c r="X1" s="433"/>
      <c r="Y1" s="433"/>
      <c r="Z1" s="211"/>
      <c r="AA1" s="211"/>
      <c r="AB1" s="211"/>
      <c r="AC1" s="211"/>
      <c r="AD1" s="211"/>
      <c r="AE1" s="211"/>
      <c r="AF1" s="211"/>
      <c r="AG1" s="211"/>
      <c r="AH1" s="211"/>
      <c r="AI1" s="211"/>
      <c r="AJ1" s="211"/>
      <c r="AK1" s="211"/>
      <c r="AL1" s="211"/>
      <c r="AM1" s="211"/>
      <c r="AN1" s="211"/>
      <c r="AO1" s="211"/>
      <c r="AP1" s="211"/>
      <c r="AQ1" s="211"/>
      <c r="AR1" s="211"/>
      <c r="AS1" s="211"/>
      <c r="AT1" s="211"/>
      <c r="AU1" s="211"/>
      <c r="AV1" s="211"/>
      <c r="AW1" s="211"/>
      <c r="AX1" s="211"/>
      <c r="AY1" s="211"/>
      <c r="AZ1" s="211"/>
      <c r="BA1" s="211"/>
      <c r="BB1" s="211"/>
      <c r="BC1" s="211"/>
      <c r="BD1" s="211"/>
      <c r="BE1" s="211"/>
      <c r="BF1" s="211"/>
      <c r="BG1" s="211"/>
      <c r="BH1" s="211"/>
      <c r="BI1" s="211"/>
      <c r="BJ1" s="211"/>
      <c r="BK1" s="211"/>
      <c r="BL1" s="211"/>
      <c r="BM1" s="211"/>
      <c r="BN1" s="211"/>
      <c r="BO1" s="211"/>
      <c r="BP1" s="211"/>
      <c r="BQ1" s="211"/>
      <c r="BR1" s="211"/>
    </row>
    <row r="22" spans="18:25" ht="51" customHeight="1">
      <c r="R22" s="433" t="s">
        <v>1447</v>
      </c>
      <c r="S22" s="433"/>
      <c r="T22" s="433"/>
      <c r="U22" s="433"/>
      <c r="V22" s="433"/>
      <c r="W22" s="433"/>
      <c r="X22" s="433"/>
      <c r="Y22" s="433"/>
    </row>
  </sheetData>
  <mergeCells count="3">
    <mergeCell ref="B1:P1"/>
    <mergeCell ref="R1:Y1"/>
    <mergeCell ref="R22:Y22"/>
  </mergeCells>
  <pageMargins left="0.7" right="0.7" top="0.75" bottom="0.75" header="0.3" footer="0.3"/>
  <pageSetup orientation="portrait" horizontalDpi="300" verticalDpi="0" r:id="rId1"/>
  <customProperties>
    <customPr name="IbpWorksheetKeyString_GUID" r:id="rId2"/>
  </customProperties>
  <drawing r:id="rId3"/>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tabColor rgb="FF0070C0"/>
    <pageSetUpPr fitToPage="1"/>
  </sheetPr>
  <dimension ref="A1:U175"/>
  <sheetViews>
    <sheetView topLeftCell="S1" zoomScale="55" zoomScaleNormal="55" workbookViewId="0">
      <pane ySplit="1" topLeftCell="A2" activePane="bottomLeft" state="frozen"/>
      <selection activeCell="C1" sqref="C1"/>
      <selection pane="bottomLeft" activeCell="V162" sqref="V162"/>
    </sheetView>
  </sheetViews>
  <sheetFormatPr defaultColWidth="8" defaultRowHeight="14" outlineLevelRow="1"/>
  <cols>
    <col min="1" max="1" width="4.1640625" style="10" customWidth="1"/>
    <col min="2" max="2" width="1.5" style="10" customWidth="1"/>
    <col min="3" max="3" width="4.33203125" style="10" customWidth="1"/>
    <col min="4" max="4" width="4" style="10" customWidth="1"/>
    <col min="5" max="5" width="1.83203125" style="10" customWidth="1"/>
    <col min="6" max="6" width="2" style="10" customWidth="1"/>
    <col min="7" max="7" width="4" style="10" customWidth="1"/>
    <col min="8" max="8" width="1.5" style="10" customWidth="1"/>
    <col min="9" max="9" width="4.6640625" style="10" customWidth="1"/>
    <col min="10" max="10" width="7" style="10" customWidth="1"/>
    <col min="11" max="11" width="44.1640625" style="10" bestFit="1" customWidth="1"/>
    <col min="12" max="12" width="12" style="10" customWidth="1"/>
    <col min="13" max="13" width="12.1640625" style="10" bestFit="1" customWidth="1"/>
    <col min="14" max="14" width="6.6640625" style="10" customWidth="1"/>
    <col min="15" max="16" width="3.33203125" style="10" customWidth="1"/>
    <col min="17" max="17" width="3.5" style="10" customWidth="1"/>
    <col min="18" max="18" width="46.1640625" style="10" customWidth="1"/>
    <col min="19" max="19" width="41" style="301" customWidth="1"/>
    <col min="20" max="20" width="41.5" style="10" customWidth="1"/>
    <col min="21" max="21" width="55.33203125" style="10" customWidth="1"/>
    <col min="22" max="16384" width="8" style="10"/>
  </cols>
  <sheetData>
    <row r="1" spans="1:21" s="20" customFormat="1">
      <c r="A1" s="132" t="s">
        <v>415</v>
      </c>
      <c r="B1" s="132" t="s">
        <v>416</v>
      </c>
      <c r="C1" s="132" t="s">
        <v>417</v>
      </c>
      <c r="D1" s="132" t="s">
        <v>412</v>
      </c>
      <c r="E1" s="132" t="s">
        <v>418</v>
      </c>
      <c r="F1" s="132" t="s">
        <v>431</v>
      </c>
      <c r="G1" s="132" t="s">
        <v>411</v>
      </c>
      <c r="H1" s="132" t="s">
        <v>419</v>
      </c>
      <c r="I1" s="132" t="s">
        <v>420</v>
      </c>
      <c r="J1" s="132" t="s">
        <v>410</v>
      </c>
      <c r="K1" s="132" t="s">
        <v>408</v>
      </c>
      <c r="L1" s="132" t="s">
        <v>407</v>
      </c>
      <c r="M1" s="132" t="s">
        <v>406</v>
      </c>
      <c r="N1" s="132" t="s">
        <v>535</v>
      </c>
      <c r="O1" s="132" t="s">
        <v>534</v>
      </c>
      <c r="P1" s="132" t="s">
        <v>533</v>
      </c>
      <c r="Q1" s="132" t="s">
        <v>532</v>
      </c>
      <c r="R1" s="132" t="s">
        <v>617</v>
      </c>
      <c r="S1" s="211" t="s">
        <v>2415</v>
      </c>
      <c r="T1" s="211" t="s">
        <v>2416</v>
      </c>
      <c r="U1" s="69" t="s">
        <v>1069</v>
      </c>
    </row>
    <row r="2" spans="1:21" customFormat="1">
      <c r="A2" s="434" t="s">
        <v>421</v>
      </c>
      <c r="B2" s="434"/>
      <c r="C2" s="434"/>
      <c r="D2" s="434"/>
      <c r="E2" s="434"/>
      <c r="F2" s="434"/>
      <c r="G2" s="434"/>
      <c r="H2" s="434"/>
      <c r="I2" s="434"/>
      <c r="J2" s="434"/>
      <c r="K2" s="434"/>
      <c r="L2" s="434"/>
      <c r="M2" s="434"/>
      <c r="N2" s="434"/>
      <c r="O2" s="434"/>
      <c r="P2" s="434"/>
      <c r="Q2" s="434"/>
      <c r="R2" s="434"/>
      <c r="S2" s="300"/>
    </row>
    <row r="3" spans="1:21">
      <c r="A3" s="17"/>
      <c r="B3" s="17"/>
      <c r="C3" s="17">
        <v>10</v>
      </c>
      <c r="D3" s="17" t="s">
        <v>405</v>
      </c>
      <c r="E3" s="17" t="s">
        <v>422</v>
      </c>
      <c r="F3" s="17"/>
      <c r="G3" s="17"/>
      <c r="H3" s="17"/>
      <c r="I3" s="17"/>
      <c r="J3" s="17"/>
      <c r="K3" s="17"/>
      <c r="L3" s="17" t="s">
        <v>66</v>
      </c>
      <c r="M3" s="17" t="s">
        <v>65</v>
      </c>
      <c r="N3" s="17">
        <v>1</v>
      </c>
      <c r="O3" s="17"/>
      <c r="P3" s="17"/>
      <c r="Q3" s="17"/>
      <c r="R3" s="17"/>
      <c r="S3" s="296" t="s">
        <v>2417</v>
      </c>
      <c r="T3" s="296" t="s">
        <v>2417</v>
      </c>
      <c r="U3" s="296"/>
    </row>
    <row r="4" spans="1:21" ht="15" hidden="1" customHeight="1" outlineLevel="1">
      <c r="A4" s="8"/>
      <c r="B4" s="8"/>
      <c r="C4" s="8"/>
      <c r="D4" s="8"/>
      <c r="E4" s="8"/>
      <c r="F4" s="8"/>
      <c r="G4" s="8"/>
      <c r="H4" s="8"/>
      <c r="I4" s="8">
        <v>1</v>
      </c>
      <c r="J4" s="8">
        <v>143</v>
      </c>
      <c r="K4" s="8" t="s">
        <v>403</v>
      </c>
      <c r="L4" s="8" t="s">
        <v>66</v>
      </c>
      <c r="M4" s="8" t="s">
        <v>65</v>
      </c>
      <c r="N4" s="8">
        <v>1</v>
      </c>
      <c r="O4" s="8" t="s">
        <v>514</v>
      </c>
      <c r="P4" s="8">
        <v>3</v>
      </c>
      <c r="Q4" s="8">
        <v>3</v>
      </c>
      <c r="R4" s="8" t="s">
        <v>2418</v>
      </c>
      <c r="S4" s="296"/>
      <c r="T4" s="296"/>
      <c r="U4" s="296"/>
    </row>
    <row r="5" spans="1:21" ht="15" hidden="1" customHeight="1" outlineLevel="1">
      <c r="A5" s="8"/>
      <c r="B5" s="8"/>
      <c r="C5" s="8"/>
      <c r="D5" s="8"/>
      <c r="E5" s="8"/>
      <c r="F5" s="8"/>
      <c r="G5" s="8"/>
      <c r="H5" s="8"/>
      <c r="I5" s="8">
        <v>2</v>
      </c>
      <c r="J5" s="8">
        <v>329</v>
      </c>
      <c r="K5" s="8" t="s">
        <v>401</v>
      </c>
      <c r="L5" s="8" t="s">
        <v>66</v>
      </c>
      <c r="M5" s="8" t="s">
        <v>65</v>
      </c>
      <c r="N5" s="8">
        <v>1</v>
      </c>
      <c r="O5" s="8" t="s">
        <v>509</v>
      </c>
      <c r="P5" s="8">
        <v>4</v>
      </c>
      <c r="Q5" s="8">
        <v>9</v>
      </c>
      <c r="R5" s="8"/>
      <c r="S5" s="296"/>
      <c r="T5" s="296"/>
      <c r="U5" s="296"/>
    </row>
    <row r="6" spans="1:21" ht="42" collapsed="1">
      <c r="A6" s="17"/>
      <c r="B6" s="17"/>
      <c r="C6" s="17">
        <v>20</v>
      </c>
      <c r="D6" s="17" t="s">
        <v>2419</v>
      </c>
      <c r="E6" s="17" t="s">
        <v>2420</v>
      </c>
      <c r="F6" s="17"/>
      <c r="G6" s="17"/>
      <c r="H6" s="17"/>
      <c r="I6" s="17"/>
      <c r="J6" s="17"/>
      <c r="K6" s="17"/>
      <c r="L6" s="17" t="s">
        <v>66</v>
      </c>
      <c r="M6" s="17" t="s">
        <v>65</v>
      </c>
      <c r="N6" s="17">
        <v>1</v>
      </c>
      <c r="O6" s="17"/>
      <c r="P6" s="17"/>
      <c r="Q6" s="17"/>
      <c r="R6" s="17"/>
      <c r="S6" s="296" t="s">
        <v>2421</v>
      </c>
      <c r="T6" s="296" t="s">
        <v>2422</v>
      </c>
      <c r="U6" s="297" t="s">
        <v>2423</v>
      </c>
    </row>
    <row r="7" spans="1:21" ht="15" hidden="1" customHeight="1" outlineLevel="1">
      <c r="A7" s="8"/>
      <c r="B7" s="8"/>
      <c r="C7" s="8"/>
      <c r="D7" s="8"/>
      <c r="E7" s="8"/>
      <c r="F7" s="8"/>
      <c r="G7" s="8"/>
      <c r="H7" s="8"/>
      <c r="I7" s="8">
        <v>1</v>
      </c>
      <c r="J7" s="8">
        <v>127</v>
      </c>
      <c r="K7" s="8" t="s">
        <v>126</v>
      </c>
      <c r="L7" s="8" t="s">
        <v>66</v>
      </c>
      <c r="M7" s="8" t="s">
        <v>65</v>
      </c>
      <c r="N7" s="8">
        <v>1</v>
      </c>
      <c r="O7" s="8" t="s">
        <v>509</v>
      </c>
      <c r="P7" s="8">
        <v>1</v>
      </c>
      <c r="Q7" s="8">
        <v>30</v>
      </c>
      <c r="R7" s="8"/>
      <c r="S7" s="296"/>
      <c r="T7" s="296"/>
      <c r="U7" s="296"/>
    </row>
    <row r="8" spans="1:21" ht="15" hidden="1" customHeight="1" outlineLevel="1">
      <c r="A8" s="8"/>
      <c r="B8" s="8"/>
      <c r="C8" s="8"/>
      <c r="D8" s="8"/>
      <c r="E8" s="8"/>
      <c r="F8" s="8"/>
      <c r="G8" s="8"/>
      <c r="H8" s="8"/>
      <c r="I8" s="8">
        <v>2</v>
      </c>
      <c r="J8" s="8">
        <v>373</v>
      </c>
      <c r="K8" s="8" t="s">
        <v>1</v>
      </c>
      <c r="L8" s="8" t="s">
        <v>66</v>
      </c>
      <c r="M8" s="8" t="s">
        <v>65</v>
      </c>
      <c r="N8" s="8">
        <v>1</v>
      </c>
      <c r="O8" s="8" t="s">
        <v>519</v>
      </c>
      <c r="P8" s="8">
        <v>8</v>
      </c>
      <c r="Q8" s="8">
        <v>8</v>
      </c>
      <c r="R8" s="8"/>
      <c r="S8" s="296"/>
      <c r="T8" s="296"/>
      <c r="U8" s="296"/>
    </row>
    <row r="9" spans="1:21" ht="15" hidden="1" customHeight="1" outlineLevel="1">
      <c r="A9" s="8"/>
      <c r="B9" s="8"/>
      <c r="C9" s="8"/>
      <c r="D9" s="8"/>
      <c r="E9" s="8"/>
      <c r="F9" s="8"/>
      <c r="G9" s="8"/>
      <c r="H9" s="8"/>
      <c r="I9" s="8">
        <v>3</v>
      </c>
      <c r="J9" s="8">
        <v>353</v>
      </c>
      <c r="K9" s="8" t="s">
        <v>398</v>
      </c>
      <c r="L9" s="8" t="s">
        <v>66</v>
      </c>
      <c r="M9" s="8" t="s">
        <v>65</v>
      </c>
      <c r="N9" s="8">
        <v>1</v>
      </c>
      <c r="O9" s="8" t="s">
        <v>514</v>
      </c>
      <c r="P9" s="8">
        <v>2</v>
      </c>
      <c r="Q9" s="8">
        <v>2</v>
      </c>
      <c r="R9" s="8" t="s">
        <v>2424</v>
      </c>
      <c r="S9" s="296"/>
      <c r="T9" s="296"/>
      <c r="U9" s="296"/>
    </row>
    <row r="10" spans="1:21" ht="15" hidden="1" customHeight="1" outlineLevel="1">
      <c r="A10" s="8"/>
      <c r="B10" s="8"/>
      <c r="C10" s="8"/>
      <c r="D10" s="8"/>
      <c r="E10" s="8"/>
      <c r="F10" s="8"/>
      <c r="G10" s="8"/>
      <c r="H10" s="8"/>
      <c r="I10" s="11">
        <v>4</v>
      </c>
      <c r="J10" s="11">
        <v>962</v>
      </c>
      <c r="K10" s="11" t="s">
        <v>2425</v>
      </c>
      <c r="L10" s="11" t="s">
        <v>66</v>
      </c>
      <c r="M10" s="11" t="s">
        <v>65</v>
      </c>
      <c r="N10" s="11">
        <v>1</v>
      </c>
      <c r="O10" s="11" t="s">
        <v>514</v>
      </c>
      <c r="P10" s="11">
        <v>1</v>
      </c>
      <c r="Q10" s="11">
        <v>1</v>
      </c>
      <c r="R10" s="8" t="s">
        <v>870</v>
      </c>
      <c r="S10" s="296"/>
      <c r="T10" s="296"/>
      <c r="U10" s="296"/>
    </row>
    <row r="11" spans="1:21" ht="15" hidden="1" customHeight="1" outlineLevel="1">
      <c r="A11" s="8"/>
      <c r="B11" s="8"/>
      <c r="C11" s="8"/>
      <c r="D11" s="8"/>
      <c r="E11" s="8"/>
      <c r="F11" s="8"/>
      <c r="G11" s="8"/>
      <c r="H11" s="8"/>
      <c r="I11" s="8">
        <v>5</v>
      </c>
      <c r="J11" s="8">
        <v>337</v>
      </c>
      <c r="K11" s="8" t="s">
        <v>79</v>
      </c>
      <c r="L11" s="8" t="s">
        <v>17</v>
      </c>
      <c r="M11" s="8" t="s">
        <v>71</v>
      </c>
      <c r="N11" s="8">
        <v>1</v>
      </c>
      <c r="O11" s="8" t="s">
        <v>518</v>
      </c>
      <c r="P11" s="8">
        <v>4</v>
      </c>
      <c r="Q11" s="8">
        <v>8</v>
      </c>
      <c r="R11" s="8"/>
      <c r="S11" s="296"/>
      <c r="T11" s="296"/>
      <c r="U11" s="296"/>
    </row>
    <row r="12" spans="1:21" ht="15" hidden="1" customHeight="1" outlineLevel="1">
      <c r="A12" s="8"/>
      <c r="B12" s="8"/>
      <c r="C12" s="8"/>
      <c r="D12" s="8"/>
      <c r="E12" s="8"/>
      <c r="F12" s="8"/>
      <c r="G12" s="8"/>
      <c r="H12" s="8"/>
      <c r="I12" s="19">
        <v>6</v>
      </c>
      <c r="J12" s="19">
        <v>412</v>
      </c>
      <c r="K12" s="19" t="s">
        <v>2426</v>
      </c>
      <c r="L12" s="19" t="s">
        <v>17</v>
      </c>
      <c r="M12" s="19" t="s">
        <v>71</v>
      </c>
      <c r="N12" s="19">
        <v>1</v>
      </c>
      <c r="O12" s="19" t="s">
        <v>514</v>
      </c>
      <c r="P12" s="19">
        <v>2</v>
      </c>
      <c r="Q12" s="19">
        <v>2</v>
      </c>
      <c r="R12" s="19"/>
      <c r="S12" s="296"/>
      <c r="T12" s="296"/>
      <c r="U12" s="296"/>
    </row>
    <row r="13" spans="1:21" hidden="1" outlineLevel="1">
      <c r="A13" s="8"/>
      <c r="B13" s="8"/>
      <c r="C13" s="8"/>
      <c r="D13" s="8"/>
      <c r="E13" s="8"/>
      <c r="F13" s="8"/>
      <c r="G13" s="8"/>
      <c r="H13" s="8"/>
      <c r="I13" s="11">
        <v>7</v>
      </c>
      <c r="J13" s="11">
        <v>306</v>
      </c>
      <c r="K13" s="11" t="s">
        <v>539</v>
      </c>
      <c r="L13" s="11" t="s">
        <v>17</v>
      </c>
      <c r="M13" s="11" t="s">
        <v>71</v>
      </c>
      <c r="N13" s="11">
        <v>1</v>
      </c>
      <c r="O13" s="11" t="s">
        <v>514</v>
      </c>
      <c r="P13" s="11">
        <v>1</v>
      </c>
      <c r="Q13" s="11">
        <v>2</v>
      </c>
      <c r="R13" s="11" t="s">
        <v>2427</v>
      </c>
      <c r="S13" s="296"/>
      <c r="T13" s="296"/>
      <c r="U13" s="296"/>
    </row>
    <row r="14" spans="1:21" s="299" customFormat="1" collapsed="1">
      <c r="A14" s="298"/>
      <c r="B14" s="298"/>
      <c r="C14" s="75">
        <v>40</v>
      </c>
      <c r="D14" s="75" t="s">
        <v>252</v>
      </c>
      <c r="E14" s="75" t="s">
        <v>476</v>
      </c>
      <c r="F14" s="75"/>
      <c r="G14" s="75"/>
      <c r="H14" s="75"/>
      <c r="I14" s="75"/>
      <c r="J14" s="75"/>
      <c r="K14" s="75"/>
      <c r="L14" s="75" t="s">
        <v>17</v>
      </c>
      <c r="M14" s="75" t="s">
        <v>71</v>
      </c>
      <c r="N14" s="75">
        <v>1</v>
      </c>
      <c r="O14" s="75"/>
      <c r="P14" s="75"/>
      <c r="Q14" s="75"/>
      <c r="R14" s="75"/>
      <c r="S14" s="296" t="s">
        <v>920</v>
      </c>
      <c r="T14" s="296" t="s">
        <v>920</v>
      </c>
      <c r="U14" s="296" t="s">
        <v>476</v>
      </c>
    </row>
    <row r="15" spans="1:21" s="299" customFormat="1" hidden="1" outlineLevel="1">
      <c r="A15" s="26"/>
      <c r="B15" s="26"/>
      <c r="C15" s="11"/>
      <c r="D15" s="11"/>
      <c r="E15" s="11"/>
      <c r="F15" s="11"/>
      <c r="G15" s="11"/>
      <c r="H15" s="11"/>
      <c r="I15" s="11">
        <v>1</v>
      </c>
      <c r="J15" s="11">
        <v>98</v>
      </c>
      <c r="K15" s="11" t="s">
        <v>156</v>
      </c>
      <c r="L15" s="11" t="s">
        <v>66</v>
      </c>
      <c r="M15" s="11" t="s">
        <v>65</v>
      </c>
      <c r="N15" s="11">
        <v>1</v>
      </c>
      <c r="O15" s="11" t="s">
        <v>514</v>
      </c>
      <c r="P15" s="11">
        <v>2</v>
      </c>
      <c r="Q15" s="11">
        <v>3</v>
      </c>
      <c r="R15" s="11" t="s">
        <v>623</v>
      </c>
      <c r="S15" s="296"/>
      <c r="T15" s="296"/>
      <c r="U15" s="296"/>
    </row>
    <row r="16" spans="1:21" s="299" customFormat="1" hidden="1" outlineLevel="1">
      <c r="A16" s="26"/>
      <c r="B16" s="26"/>
      <c r="C16" s="11"/>
      <c r="D16" s="11"/>
      <c r="E16" s="11"/>
      <c r="F16" s="11"/>
      <c r="G16" s="11"/>
      <c r="H16" s="11"/>
      <c r="I16" s="11">
        <v>2</v>
      </c>
      <c r="J16" s="11">
        <v>100</v>
      </c>
      <c r="K16" s="11" t="s">
        <v>249</v>
      </c>
      <c r="L16" s="11" t="s">
        <v>66</v>
      </c>
      <c r="M16" s="11" t="s">
        <v>65</v>
      </c>
      <c r="N16" s="11">
        <v>1</v>
      </c>
      <c r="O16" s="11" t="s">
        <v>514</v>
      </c>
      <c r="P16" s="11">
        <v>3</v>
      </c>
      <c r="Q16" s="11">
        <v>3</v>
      </c>
      <c r="R16" s="11"/>
      <c r="S16" s="296"/>
      <c r="T16" s="296"/>
      <c r="U16" s="296"/>
    </row>
    <row r="17" spans="1:21" hidden="1" collapsed="1">
      <c r="A17" s="17"/>
      <c r="B17" s="17"/>
      <c r="C17" s="17">
        <v>50</v>
      </c>
      <c r="D17" s="17" t="s">
        <v>130</v>
      </c>
      <c r="E17" s="17" t="s">
        <v>126</v>
      </c>
      <c r="F17" s="17"/>
      <c r="G17" s="17"/>
      <c r="H17" s="17"/>
      <c r="I17" s="17"/>
      <c r="J17" s="17"/>
      <c r="K17" s="17"/>
      <c r="L17" s="17" t="s">
        <v>17</v>
      </c>
      <c r="M17" s="17" t="s">
        <v>71</v>
      </c>
      <c r="N17" s="75" t="s">
        <v>525</v>
      </c>
      <c r="O17" s="17"/>
      <c r="P17" s="17"/>
      <c r="Q17" s="17"/>
      <c r="R17" s="17"/>
      <c r="S17" s="296"/>
      <c r="T17" s="296"/>
      <c r="U17" s="296"/>
    </row>
    <row r="18" spans="1:21" hidden="1">
      <c r="A18" s="8"/>
      <c r="B18" s="8"/>
      <c r="C18" s="8"/>
      <c r="D18" s="8"/>
      <c r="E18" s="8"/>
      <c r="F18" s="8"/>
      <c r="G18" s="8"/>
      <c r="H18" s="8"/>
      <c r="I18" s="8">
        <v>1</v>
      </c>
      <c r="J18" s="8">
        <v>128</v>
      </c>
      <c r="K18" s="8" t="s">
        <v>128</v>
      </c>
      <c r="L18" s="8" t="s">
        <v>66</v>
      </c>
      <c r="M18" s="8" t="s">
        <v>65</v>
      </c>
      <c r="N18" s="11">
        <v>1</v>
      </c>
      <c r="O18" s="8" t="s">
        <v>514</v>
      </c>
      <c r="P18" s="8">
        <v>2</v>
      </c>
      <c r="Q18" s="8">
        <v>3</v>
      </c>
      <c r="R18" s="8" t="s">
        <v>830</v>
      </c>
      <c r="S18" s="296"/>
      <c r="T18" s="296"/>
      <c r="U18" s="296"/>
    </row>
    <row r="19" spans="1:21" hidden="1">
      <c r="A19" s="8"/>
      <c r="B19" s="8"/>
      <c r="C19" s="8"/>
      <c r="D19" s="8"/>
      <c r="E19" s="8"/>
      <c r="F19" s="8"/>
      <c r="G19" s="8"/>
      <c r="H19" s="8"/>
      <c r="I19" s="8">
        <v>2</v>
      </c>
      <c r="J19" s="8">
        <v>127</v>
      </c>
      <c r="K19" s="8" t="s">
        <v>126</v>
      </c>
      <c r="L19" s="8" t="s">
        <v>78</v>
      </c>
      <c r="M19" s="8" t="s">
        <v>71</v>
      </c>
      <c r="N19" s="11">
        <v>1</v>
      </c>
      <c r="O19" s="8" t="s">
        <v>509</v>
      </c>
      <c r="P19" s="8">
        <v>1</v>
      </c>
      <c r="Q19" s="8">
        <v>30</v>
      </c>
      <c r="R19" s="8"/>
      <c r="S19" s="296"/>
      <c r="T19" s="296"/>
      <c r="U19" s="296"/>
    </row>
    <row r="20" spans="1:21" hidden="1">
      <c r="A20" s="17"/>
      <c r="B20" s="17"/>
      <c r="C20" s="17">
        <v>50</v>
      </c>
      <c r="D20" s="17" t="s">
        <v>130</v>
      </c>
      <c r="E20" s="17" t="s">
        <v>126</v>
      </c>
      <c r="F20" s="17"/>
      <c r="G20" s="17"/>
      <c r="H20" s="17"/>
      <c r="I20" s="17"/>
      <c r="J20" s="17"/>
      <c r="K20" s="17"/>
      <c r="L20" s="17" t="s">
        <v>17</v>
      </c>
      <c r="M20" s="17" t="s">
        <v>71</v>
      </c>
      <c r="N20" s="75" t="s">
        <v>525</v>
      </c>
      <c r="O20" s="17"/>
      <c r="P20" s="17"/>
      <c r="Q20" s="17"/>
      <c r="R20" s="17"/>
      <c r="S20" s="296"/>
      <c r="T20" s="296"/>
      <c r="U20" s="296"/>
    </row>
    <row r="21" spans="1:21" hidden="1">
      <c r="A21" s="8"/>
      <c r="B21" s="8"/>
      <c r="C21" s="8"/>
      <c r="D21" s="8"/>
      <c r="E21" s="8"/>
      <c r="F21" s="8"/>
      <c r="G21" s="8"/>
      <c r="H21" s="8"/>
      <c r="I21" s="8">
        <v>1</v>
      </c>
      <c r="J21" s="8">
        <v>128</v>
      </c>
      <c r="K21" s="8" t="s">
        <v>128</v>
      </c>
      <c r="L21" s="8" t="s">
        <v>66</v>
      </c>
      <c r="M21" s="8" t="s">
        <v>65</v>
      </c>
      <c r="N21" s="11">
        <v>1</v>
      </c>
      <c r="O21" s="8" t="s">
        <v>514</v>
      </c>
      <c r="P21" s="8">
        <v>2</v>
      </c>
      <c r="Q21" s="8">
        <v>3</v>
      </c>
      <c r="R21" s="8" t="s">
        <v>672</v>
      </c>
      <c r="S21" s="296"/>
      <c r="T21" s="296"/>
      <c r="U21" s="296"/>
    </row>
    <row r="22" spans="1:21" hidden="1">
      <c r="A22" s="8"/>
      <c r="B22" s="8"/>
      <c r="C22" s="8"/>
      <c r="D22" s="8"/>
      <c r="E22" s="8"/>
      <c r="F22" s="8"/>
      <c r="G22" s="8"/>
      <c r="H22" s="8"/>
      <c r="I22" s="8">
        <v>2</v>
      </c>
      <c r="J22" s="8">
        <v>127</v>
      </c>
      <c r="K22" s="8" t="s">
        <v>126</v>
      </c>
      <c r="L22" s="8" t="s">
        <v>78</v>
      </c>
      <c r="M22" s="8" t="s">
        <v>71</v>
      </c>
      <c r="N22" s="11">
        <v>1</v>
      </c>
      <c r="O22" s="8" t="s">
        <v>509</v>
      </c>
      <c r="P22" s="8">
        <v>1</v>
      </c>
      <c r="Q22" s="8">
        <v>30</v>
      </c>
      <c r="R22" s="8"/>
      <c r="S22" s="296"/>
      <c r="T22" s="296"/>
      <c r="U22" s="296"/>
    </row>
    <row r="23" spans="1:21" hidden="1">
      <c r="A23" s="8"/>
      <c r="B23" s="8"/>
      <c r="C23" s="8"/>
      <c r="D23" s="8"/>
      <c r="E23" s="8"/>
      <c r="F23" s="8"/>
      <c r="G23" s="8"/>
      <c r="H23" s="8"/>
      <c r="I23" s="8">
        <v>3</v>
      </c>
      <c r="J23" s="8">
        <v>352</v>
      </c>
      <c r="K23" s="8" t="s">
        <v>3</v>
      </c>
      <c r="L23" s="8" t="s">
        <v>78</v>
      </c>
      <c r="M23" s="8" t="s">
        <v>71</v>
      </c>
      <c r="N23" s="11">
        <v>1</v>
      </c>
      <c r="O23" s="8" t="s">
        <v>509</v>
      </c>
      <c r="P23" s="8">
        <v>1</v>
      </c>
      <c r="Q23" s="8">
        <v>80</v>
      </c>
      <c r="R23" s="8"/>
      <c r="S23" s="296"/>
      <c r="T23" s="296"/>
      <c r="U23" s="296"/>
    </row>
    <row r="24" spans="1:21" hidden="1">
      <c r="A24" s="17"/>
      <c r="B24" s="17"/>
      <c r="C24" s="17">
        <v>50</v>
      </c>
      <c r="D24" s="17" t="s">
        <v>130</v>
      </c>
      <c r="E24" s="17" t="s">
        <v>126</v>
      </c>
      <c r="F24" s="17"/>
      <c r="G24" s="17"/>
      <c r="H24" s="17"/>
      <c r="I24" s="17"/>
      <c r="J24" s="17"/>
      <c r="K24" s="17"/>
      <c r="L24" s="17" t="s">
        <v>17</v>
      </c>
      <c r="M24" s="17" t="s">
        <v>71</v>
      </c>
      <c r="N24" s="75" t="s">
        <v>525</v>
      </c>
      <c r="O24" s="17"/>
      <c r="P24" s="17"/>
      <c r="Q24" s="17"/>
      <c r="R24" s="17"/>
      <c r="S24" s="296"/>
      <c r="T24" s="296"/>
      <c r="U24" s="296"/>
    </row>
    <row r="25" spans="1:21" hidden="1">
      <c r="A25" s="8"/>
      <c r="B25" s="8"/>
      <c r="C25" s="8"/>
      <c r="D25" s="8"/>
      <c r="E25" s="8"/>
      <c r="F25" s="8"/>
      <c r="G25" s="8"/>
      <c r="H25" s="8"/>
      <c r="I25" s="8">
        <v>1</v>
      </c>
      <c r="J25" s="8">
        <v>128</v>
      </c>
      <c r="K25" s="8" t="s">
        <v>128</v>
      </c>
      <c r="L25" s="8" t="s">
        <v>66</v>
      </c>
      <c r="M25" s="8" t="s">
        <v>65</v>
      </c>
      <c r="N25" s="8">
        <v>1</v>
      </c>
      <c r="O25" s="8" t="s">
        <v>514</v>
      </c>
      <c r="P25" s="8">
        <v>2</v>
      </c>
      <c r="Q25" s="8">
        <v>3</v>
      </c>
      <c r="R25" s="8" t="s">
        <v>643</v>
      </c>
      <c r="S25" s="296"/>
      <c r="T25" s="296"/>
      <c r="U25" s="296"/>
    </row>
    <row r="26" spans="1:21" hidden="1">
      <c r="A26" s="8"/>
      <c r="B26" s="8"/>
      <c r="C26" s="8"/>
      <c r="D26" s="8"/>
      <c r="E26" s="8"/>
      <c r="F26" s="8"/>
      <c r="G26" s="8"/>
      <c r="H26" s="8"/>
      <c r="I26" s="8">
        <v>2</v>
      </c>
      <c r="J26" s="8">
        <v>127</v>
      </c>
      <c r="K26" s="8" t="s">
        <v>126</v>
      </c>
      <c r="L26" s="8" t="s">
        <v>78</v>
      </c>
      <c r="M26" s="8" t="s">
        <v>71</v>
      </c>
      <c r="N26" s="8">
        <v>1</v>
      </c>
      <c r="O26" s="8" t="s">
        <v>509</v>
      </c>
      <c r="P26" s="8">
        <v>1</v>
      </c>
      <c r="Q26" s="8">
        <v>30</v>
      </c>
      <c r="R26" s="8"/>
      <c r="S26" s="296"/>
      <c r="T26" s="296"/>
      <c r="U26" s="296"/>
    </row>
    <row r="27" spans="1:21" hidden="1">
      <c r="A27" s="8"/>
      <c r="B27" s="8"/>
      <c r="C27" s="8"/>
      <c r="D27" s="8"/>
      <c r="E27" s="8"/>
      <c r="F27" s="8"/>
      <c r="G27" s="8"/>
      <c r="H27" s="8"/>
      <c r="I27" s="8">
        <v>3</v>
      </c>
      <c r="J27" s="8">
        <v>352</v>
      </c>
      <c r="K27" s="8" t="s">
        <v>3</v>
      </c>
      <c r="L27" s="8" t="s">
        <v>78</v>
      </c>
      <c r="M27" s="8" t="s">
        <v>71</v>
      </c>
      <c r="N27" s="8">
        <v>1</v>
      </c>
      <c r="O27" s="8" t="s">
        <v>509</v>
      </c>
      <c r="P27" s="8">
        <v>1</v>
      </c>
      <c r="Q27" s="8">
        <v>80</v>
      </c>
      <c r="R27" s="8"/>
      <c r="S27" s="296"/>
      <c r="T27" s="296"/>
      <c r="U27" s="296"/>
    </row>
    <row r="28" spans="1:21" hidden="1">
      <c r="A28" s="17"/>
      <c r="B28" s="17"/>
      <c r="C28" s="17">
        <v>70</v>
      </c>
      <c r="D28" s="17" t="s">
        <v>84</v>
      </c>
      <c r="E28" s="17" t="s">
        <v>428</v>
      </c>
      <c r="F28" s="17"/>
      <c r="G28" s="17"/>
      <c r="H28" s="17"/>
      <c r="I28" s="17"/>
      <c r="J28" s="17"/>
      <c r="K28" s="17"/>
      <c r="L28" s="17" t="s">
        <v>66</v>
      </c>
      <c r="M28" s="17" t="s">
        <v>65</v>
      </c>
      <c r="N28" s="17">
        <v>10</v>
      </c>
      <c r="O28" s="17"/>
      <c r="P28" s="17"/>
      <c r="Q28" s="17"/>
      <c r="R28" s="17"/>
      <c r="S28" s="296"/>
      <c r="T28" s="296"/>
      <c r="U28" s="296"/>
    </row>
    <row r="29" spans="1:21" hidden="1">
      <c r="A29" s="8"/>
      <c r="B29" s="8"/>
      <c r="C29" s="8"/>
      <c r="D29" s="8"/>
      <c r="E29" s="8"/>
      <c r="F29" s="8"/>
      <c r="G29" s="8"/>
      <c r="H29" s="8"/>
      <c r="I29" s="8">
        <v>1</v>
      </c>
      <c r="J29" s="8">
        <v>374</v>
      </c>
      <c r="K29" s="8" t="s">
        <v>82</v>
      </c>
      <c r="L29" s="8" t="s">
        <v>66</v>
      </c>
      <c r="M29" s="8" t="s">
        <v>65</v>
      </c>
      <c r="N29" s="8">
        <v>1</v>
      </c>
      <c r="O29" s="8" t="s">
        <v>514</v>
      </c>
      <c r="P29" s="8">
        <v>3</v>
      </c>
      <c r="Q29" s="8">
        <v>3</v>
      </c>
      <c r="R29" s="8" t="s">
        <v>759</v>
      </c>
      <c r="S29" s="296"/>
      <c r="T29" s="296"/>
      <c r="U29" s="296"/>
    </row>
    <row r="30" spans="1:21" hidden="1">
      <c r="A30" s="8"/>
      <c r="B30" s="8"/>
      <c r="C30" s="8"/>
      <c r="D30" s="8"/>
      <c r="E30" s="8"/>
      <c r="F30" s="8"/>
      <c r="G30" s="8"/>
      <c r="H30" s="8"/>
      <c r="I30" s="8">
        <v>2</v>
      </c>
      <c r="J30" s="8">
        <v>373</v>
      </c>
      <c r="K30" s="8" t="s">
        <v>1</v>
      </c>
      <c r="L30" s="8" t="s">
        <v>78</v>
      </c>
      <c r="M30" s="8" t="s">
        <v>71</v>
      </c>
      <c r="N30" s="8">
        <v>1</v>
      </c>
      <c r="O30" s="8" t="s">
        <v>519</v>
      </c>
      <c r="P30" s="8">
        <v>8</v>
      </c>
      <c r="Q30" s="8">
        <v>8</v>
      </c>
      <c r="R30" s="8"/>
      <c r="S30" s="296"/>
      <c r="T30" s="296"/>
      <c r="U30" s="296"/>
    </row>
    <row r="31" spans="1:21" hidden="1">
      <c r="A31" s="8"/>
      <c r="B31" s="8"/>
      <c r="C31" s="8"/>
      <c r="D31" s="8"/>
      <c r="E31" s="8"/>
      <c r="F31" s="8"/>
      <c r="G31" s="8"/>
      <c r="H31" s="8"/>
      <c r="I31" s="8">
        <v>3</v>
      </c>
      <c r="J31" s="8">
        <v>337</v>
      </c>
      <c r="K31" s="8" t="s">
        <v>79</v>
      </c>
      <c r="L31" s="8" t="s">
        <v>78</v>
      </c>
      <c r="M31" s="8" t="s">
        <v>71</v>
      </c>
      <c r="N31" s="8">
        <v>1</v>
      </c>
      <c r="O31" s="8" t="s">
        <v>518</v>
      </c>
      <c r="P31" s="8">
        <v>4</v>
      </c>
      <c r="Q31" s="8">
        <v>8</v>
      </c>
      <c r="R31" s="8"/>
      <c r="S31" s="296"/>
      <c r="T31" s="296"/>
      <c r="U31" s="296"/>
    </row>
    <row r="32" spans="1:21" hidden="1">
      <c r="A32" s="8"/>
      <c r="B32" s="8"/>
      <c r="C32" s="8"/>
      <c r="D32" s="8"/>
      <c r="E32" s="8"/>
      <c r="F32" s="8"/>
      <c r="G32" s="8"/>
      <c r="H32" s="8"/>
      <c r="I32" s="8">
        <v>4</v>
      </c>
      <c r="J32" s="8">
        <v>623</v>
      </c>
      <c r="K32" s="8" t="s">
        <v>76</v>
      </c>
      <c r="L32" s="8" t="s">
        <v>17</v>
      </c>
      <c r="M32" s="8" t="s">
        <v>71</v>
      </c>
      <c r="N32" s="8">
        <v>1</v>
      </c>
      <c r="O32" s="8" t="s">
        <v>514</v>
      </c>
      <c r="P32" s="8">
        <v>2</v>
      </c>
      <c r="Q32" s="8">
        <v>2</v>
      </c>
      <c r="R32" s="270" t="s">
        <v>624</v>
      </c>
      <c r="S32" s="296"/>
      <c r="T32" s="296"/>
      <c r="U32" s="296"/>
    </row>
    <row r="33" spans="1:21">
      <c r="A33" s="17"/>
      <c r="B33" s="17"/>
      <c r="C33" s="17">
        <v>70</v>
      </c>
      <c r="D33" s="17" t="s">
        <v>84</v>
      </c>
      <c r="E33" s="17" t="s">
        <v>428</v>
      </c>
      <c r="F33" s="17"/>
      <c r="G33" s="17"/>
      <c r="H33" s="17"/>
      <c r="I33" s="17"/>
      <c r="J33" s="17"/>
      <c r="K33" s="17"/>
      <c r="L33" s="17" t="s">
        <v>66</v>
      </c>
      <c r="M33" s="17" t="s">
        <v>65</v>
      </c>
      <c r="N33" s="17">
        <v>10</v>
      </c>
      <c r="O33" s="17"/>
      <c r="P33" s="17"/>
      <c r="Q33" s="17"/>
      <c r="R33" s="17"/>
      <c r="S33" s="296" t="s">
        <v>2428</v>
      </c>
      <c r="T33" s="296" t="s">
        <v>2429</v>
      </c>
      <c r="U33" s="296" t="s">
        <v>2430</v>
      </c>
    </row>
    <row r="34" spans="1:21" hidden="1" outlineLevel="1">
      <c r="A34" s="8"/>
      <c r="B34" s="8"/>
      <c r="C34" s="8"/>
      <c r="D34" s="8"/>
      <c r="E34" s="8"/>
      <c r="F34" s="8"/>
      <c r="G34" s="8"/>
      <c r="H34" s="8"/>
      <c r="I34" s="8">
        <v>1</v>
      </c>
      <c r="J34" s="8">
        <v>374</v>
      </c>
      <c r="K34" s="8" t="s">
        <v>82</v>
      </c>
      <c r="L34" s="8" t="s">
        <v>66</v>
      </c>
      <c r="M34" s="8" t="s">
        <v>65</v>
      </c>
      <c r="N34" s="8">
        <v>1</v>
      </c>
      <c r="O34" s="8" t="s">
        <v>514</v>
      </c>
      <c r="P34" s="8">
        <v>3</v>
      </c>
      <c r="Q34" s="8">
        <v>3</v>
      </c>
      <c r="R34" s="8" t="s">
        <v>842</v>
      </c>
      <c r="S34" s="296"/>
      <c r="T34" s="296"/>
      <c r="U34" s="296"/>
    </row>
    <row r="35" spans="1:21" hidden="1" outlineLevel="1">
      <c r="A35" s="8"/>
      <c r="B35" s="8"/>
      <c r="C35" s="8"/>
      <c r="D35" s="8"/>
      <c r="E35" s="8"/>
      <c r="F35" s="8"/>
      <c r="G35" s="8"/>
      <c r="H35" s="8"/>
      <c r="I35" s="8">
        <v>2</v>
      </c>
      <c r="J35" s="8">
        <v>373</v>
      </c>
      <c r="K35" s="8" t="s">
        <v>1</v>
      </c>
      <c r="L35" s="8" t="s">
        <v>78</v>
      </c>
      <c r="M35" s="8" t="s">
        <v>71</v>
      </c>
      <c r="N35" s="8">
        <v>1</v>
      </c>
      <c r="O35" s="8" t="s">
        <v>519</v>
      </c>
      <c r="P35" s="8">
        <v>8</v>
      </c>
      <c r="Q35" s="8">
        <v>8</v>
      </c>
      <c r="R35" s="8"/>
      <c r="S35" s="296"/>
      <c r="T35" s="296"/>
      <c r="U35" s="296"/>
    </row>
    <row r="36" spans="1:21" hidden="1" outlineLevel="1">
      <c r="A36" s="8"/>
      <c r="B36" s="8"/>
      <c r="C36" s="8"/>
      <c r="D36" s="8"/>
      <c r="E36" s="8"/>
      <c r="F36" s="8"/>
      <c r="G36" s="8"/>
      <c r="H36" s="8"/>
      <c r="I36" s="8">
        <v>3</v>
      </c>
      <c r="J36" s="8">
        <v>337</v>
      </c>
      <c r="K36" s="8" t="s">
        <v>79</v>
      </c>
      <c r="L36" s="8" t="s">
        <v>78</v>
      </c>
      <c r="M36" s="8" t="s">
        <v>71</v>
      </c>
      <c r="N36" s="8">
        <v>1</v>
      </c>
      <c r="O36" s="8" t="s">
        <v>518</v>
      </c>
      <c r="P36" s="8">
        <v>4</v>
      </c>
      <c r="Q36" s="8">
        <v>8</v>
      </c>
      <c r="R36" s="8"/>
      <c r="S36" s="296"/>
      <c r="T36" s="296"/>
      <c r="U36" s="296"/>
    </row>
    <row r="37" spans="1:21" hidden="1" outlineLevel="1">
      <c r="A37" s="8"/>
      <c r="B37" s="8"/>
      <c r="C37" s="8"/>
      <c r="D37" s="8"/>
      <c r="E37" s="8"/>
      <c r="F37" s="8"/>
      <c r="G37" s="8"/>
      <c r="H37" s="8"/>
      <c r="I37" s="8">
        <v>4</v>
      </c>
      <c r="J37" s="8">
        <v>623</v>
      </c>
      <c r="K37" s="8" t="s">
        <v>76</v>
      </c>
      <c r="L37" s="8" t="s">
        <v>17</v>
      </c>
      <c r="M37" s="8" t="s">
        <v>71</v>
      </c>
      <c r="N37" s="8">
        <v>1</v>
      </c>
      <c r="O37" s="8" t="s">
        <v>514</v>
      </c>
      <c r="P37" s="8">
        <v>2</v>
      </c>
      <c r="Q37" s="8">
        <v>2</v>
      </c>
      <c r="R37" s="270" t="s">
        <v>624</v>
      </c>
      <c r="S37" s="296"/>
      <c r="T37" s="296"/>
      <c r="U37" s="296"/>
    </row>
    <row r="38" spans="1:21" s="8" customFormat="1" ht="15" customHeight="1" collapsed="1">
      <c r="A38" s="435" t="s">
        <v>845</v>
      </c>
      <c r="B38" s="435"/>
      <c r="C38" s="435"/>
      <c r="D38" s="435"/>
      <c r="E38" s="435"/>
      <c r="F38" s="435"/>
      <c r="G38" s="435"/>
      <c r="H38" s="435"/>
      <c r="I38" s="435"/>
      <c r="J38" s="435"/>
      <c r="K38" s="435"/>
      <c r="L38" s="435"/>
      <c r="M38" s="435"/>
      <c r="N38" s="435"/>
      <c r="O38" s="435"/>
      <c r="P38" s="435"/>
      <c r="Q38" s="435"/>
      <c r="R38" s="435"/>
      <c r="S38" s="296"/>
      <c r="T38" s="296"/>
      <c r="U38" s="296"/>
    </row>
    <row r="39" spans="1:21" ht="28">
      <c r="A39" s="17" t="s">
        <v>2431</v>
      </c>
      <c r="B39" s="17" t="s">
        <v>2432</v>
      </c>
      <c r="C39" s="17"/>
      <c r="D39" s="17"/>
      <c r="E39" s="17"/>
      <c r="F39" s="17"/>
      <c r="G39" s="17"/>
      <c r="H39" s="17"/>
      <c r="I39" s="17"/>
      <c r="J39" s="17"/>
      <c r="K39" s="17"/>
      <c r="L39" s="17" t="s">
        <v>17</v>
      </c>
      <c r="M39" s="17" t="s">
        <v>71</v>
      </c>
      <c r="N39" s="17">
        <v>200000</v>
      </c>
      <c r="O39" s="17"/>
      <c r="P39" s="17"/>
      <c r="Q39" s="17"/>
      <c r="R39" s="17"/>
      <c r="S39" s="296" t="s">
        <v>2433</v>
      </c>
      <c r="T39" s="296" t="s">
        <v>2434</v>
      </c>
      <c r="U39" s="297" t="s">
        <v>2435</v>
      </c>
    </row>
    <row r="40" spans="1:21">
      <c r="A40" s="17"/>
      <c r="B40" s="17"/>
      <c r="C40" s="17">
        <v>10</v>
      </c>
      <c r="D40" s="17" t="s">
        <v>2431</v>
      </c>
      <c r="E40" s="17" t="s">
        <v>2432</v>
      </c>
      <c r="F40" s="17"/>
      <c r="G40" s="17"/>
      <c r="H40" s="17"/>
      <c r="I40" s="17"/>
      <c r="J40" s="17"/>
      <c r="K40" s="17"/>
      <c r="L40" s="75" t="s">
        <v>66</v>
      </c>
      <c r="M40" s="75" t="s">
        <v>65</v>
      </c>
      <c r="N40" s="17">
        <v>1</v>
      </c>
      <c r="O40" s="17"/>
      <c r="P40" s="17"/>
      <c r="Q40" s="17"/>
      <c r="R40" s="17"/>
      <c r="S40" s="296"/>
      <c r="T40" s="296"/>
      <c r="U40" s="296"/>
    </row>
    <row r="41" spans="1:21" hidden="1" outlineLevel="1">
      <c r="A41" s="8"/>
      <c r="B41" s="8"/>
      <c r="C41" s="8"/>
      <c r="D41" s="8"/>
      <c r="E41" s="8"/>
      <c r="F41" s="8"/>
      <c r="G41" s="8"/>
      <c r="H41" s="8"/>
      <c r="I41" s="8">
        <v>1</v>
      </c>
      <c r="J41" s="8">
        <v>350</v>
      </c>
      <c r="K41" s="8" t="s">
        <v>108</v>
      </c>
      <c r="L41" s="8" t="s">
        <v>17</v>
      </c>
      <c r="M41" s="8" t="s">
        <v>71</v>
      </c>
      <c r="N41" s="8">
        <v>1</v>
      </c>
      <c r="O41" s="8" t="s">
        <v>509</v>
      </c>
      <c r="P41" s="8">
        <v>1</v>
      </c>
      <c r="Q41" s="8">
        <v>20</v>
      </c>
      <c r="R41" s="8"/>
      <c r="S41" s="296"/>
      <c r="T41" s="296"/>
      <c r="U41" s="296"/>
    </row>
    <row r="42" spans="1:21" hidden="1" outlineLevel="1">
      <c r="A42" s="8"/>
      <c r="B42" s="8"/>
      <c r="C42" s="8"/>
      <c r="D42" s="8"/>
      <c r="E42" s="8"/>
      <c r="F42" s="8"/>
      <c r="G42" s="8"/>
      <c r="H42" s="8"/>
      <c r="I42" s="8">
        <v>2</v>
      </c>
      <c r="J42" s="8">
        <v>663</v>
      </c>
      <c r="K42" s="8" t="s">
        <v>2436</v>
      </c>
      <c r="L42" s="8" t="s">
        <v>78</v>
      </c>
      <c r="M42" s="8" t="s">
        <v>71</v>
      </c>
      <c r="N42" s="8">
        <v>1</v>
      </c>
      <c r="O42" s="8" t="s">
        <v>438</v>
      </c>
      <c r="P42" s="8">
        <v>1</v>
      </c>
      <c r="Q42" s="8">
        <v>9</v>
      </c>
      <c r="R42" s="8"/>
      <c r="S42" s="296"/>
      <c r="T42" s="296"/>
      <c r="U42" s="296"/>
    </row>
    <row r="43" spans="1:21" hidden="1" outlineLevel="1">
      <c r="A43" s="8"/>
      <c r="B43" s="8"/>
      <c r="C43" s="8"/>
      <c r="D43" s="8"/>
      <c r="E43" s="8"/>
      <c r="F43" s="8">
        <v>3</v>
      </c>
      <c r="G43" s="8" t="s">
        <v>186</v>
      </c>
      <c r="H43" s="8" t="s">
        <v>427</v>
      </c>
      <c r="I43" s="8"/>
      <c r="J43" s="8"/>
      <c r="K43" s="8"/>
      <c r="L43" s="8" t="s">
        <v>78</v>
      </c>
      <c r="M43" s="8" t="s">
        <v>71</v>
      </c>
      <c r="N43" s="8">
        <v>1</v>
      </c>
      <c r="O43" s="8"/>
      <c r="P43" s="8"/>
      <c r="Q43" s="8"/>
      <c r="R43" s="8"/>
      <c r="S43" s="296"/>
      <c r="T43" s="296"/>
      <c r="U43" s="296"/>
    </row>
    <row r="44" spans="1:21" hidden="1" outlineLevel="1">
      <c r="A44" s="8"/>
      <c r="B44" s="8"/>
      <c r="C44" s="8"/>
      <c r="D44" s="8"/>
      <c r="E44" s="8"/>
      <c r="F44" s="8"/>
      <c r="G44" s="8"/>
      <c r="H44" s="8"/>
      <c r="I44" s="8">
        <v>1</v>
      </c>
      <c r="J44" s="8">
        <v>355</v>
      </c>
      <c r="K44" s="8" t="s">
        <v>103</v>
      </c>
      <c r="L44" s="8" t="s">
        <v>66</v>
      </c>
      <c r="M44" s="8" t="s">
        <v>65</v>
      </c>
      <c r="N44" s="8">
        <v>1</v>
      </c>
      <c r="O44" s="8" t="s">
        <v>514</v>
      </c>
      <c r="P44" s="8">
        <v>2</v>
      </c>
      <c r="Q44" s="8">
        <v>2</v>
      </c>
      <c r="R44" s="270" t="s">
        <v>624</v>
      </c>
      <c r="S44" s="296"/>
      <c r="T44" s="296"/>
      <c r="U44" s="296"/>
    </row>
    <row r="45" spans="1:21" hidden="1" outlineLevel="1">
      <c r="A45" s="8"/>
      <c r="B45" s="8"/>
      <c r="C45" s="8"/>
      <c r="D45" s="8"/>
      <c r="E45" s="8"/>
      <c r="F45" s="8"/>
      <c r="G45" s="8"/>
      <c r="H45" s="8"/>
      <c r="I45" s="8">
        <v>4</v>
      </c>
      <c r="J45" s="8">
        <v>664</v>
      </c>
      <c r="K45" s="8" t="s">
        <v>2437</v>
      </c>
      <c r="L45" s="8" t="s">
        <v>78</v>
      </c>
      <c r="M45" s="8" t="s">
        <v>71</v>
      </c>
      <c r="N45" s="8">
        <v>1</v>
      </c>
      <c r="O45" s="8" t="s">
        <v>438</v>
      </c>
      <c r="P45" s="8">
        <v>1</v>
      </c>
      <c r="Q45" s="8">
        <v>9</v>
      </c>
      <c r="R45" s="8"/>
      <c r="S45" s="296"/>
      <c r="T45" s="296"/>
      <c r="U45" s="296"/>
    </row>
    <row r="46" spans="1:21" hidden="1" outlineLevel="1">
      <c r="A46" s="8"/>
      <c r="B46" s="8"/>
      <c r="C46" s="8"/>
      <c r="D46" s="8"/>
      <c r="E46" s="8"/>
      <c r="F46" s="8">
        <v>5</v>
      </c>
      <c r="G46" s="8" t="s">
        <v>186</v>
      </c>
      <c r="H46" s="8" t="s">
        <v>427</v>
      </c>
      <c r="I46" s="8"/>
      <c r="J46" s="8"/>
      <c r="K46" s="8"/>
      <c r="L46" s="8" t="s">
        <v>78</v>
      </c>
      <c r="M46" s="8" t="s">
        <v>71</v>
      </c>
      <c r="N46" s="8">
        <v>1</v>
      </c>
      <c r="O46" s="8"/>
      <c r="P46" s="8"/>
      <c r="Q46" s="8"/>
      <c r="R46" s="8"/>
      <c r="S46" s="296"/>
      <c r="T46" s="296"/>
      <c r="U46" s="296"/>
    </row>
    <row r="47" spans="1:21" hidden="1" outlineLevel="1">
      <c r="A47" s="8"/>
      <c r="B47" s="8"/>
      <c r="C47" s="8"/>
      <c r="D47" s="8"/>
      <c r="E47" s="8"/>
      <c r="F47" s="8"/>
      <c r="G47" s="8"/>
      <c r="H47" s="8"/>
      <c r="I47" s="8">
        <v>1</v>
      </c>
      <c r="J47" s="8">
        <v>355</v>
      </c>
      <c r="K47" s="8" t="s">
        <v>103</v>
      </c>
      <c r="L47" s="8" t="s">
        <v>66</v>
      </c>
      <c r="M47" s="8" t="s">
        <v>65</v>
      </c>
      <c r="N47" s="8">
        <v>1</v>
      </c>
      <c r="O47" s="8" t="s">
        <v>514</v>
      </c>
      <c r="P47" s="8">
        <v>2</v>
      </c>
      <c r="Q47" s="8">
        <v>2</v>
      </c>
      <c r="R47" s="270" t="s">
        <v>624</v>
      </c>
      <c r="S47" s="296"/>
      <c r="T47" s="296"/>
      <c r="U47" s="296"/>
    </row>
    <row r="48" spans="1:21" s="299" customFormat="1" hidden="1" collapsed="1">
      <c r="A48" s="298"/>
      <c r="B48" s="298"/>
      <c r="C48" s="75">
        <v>30</v>
      </c>
      <c r="D48" s="75" t="s">
        <v>252</v>
      </c>
      <c r="E48" s="75" t="s">
        <v>476</v>
      </c>
      <c r="F48" s="75"/>
      <c r="G48" s="75"/>
      <c r="H48" s="75"/>
      <c r="I48" s="75"/>
      <c r="J48" s="75"/>
      <c r="K48" s="75"/>
      <c r="L48" s="75" t="s">
        <v>17</v>
      </c>
      <c r="M48" s="75" t="s">
        <v>71</v>
      </c>
      <c r="N48" s="75">
        <v>1</v>
      </c>
      <c r="O48" s="75"/>
      <c r="P48" s="75"/>
      <c r="Q48" s="75"/>
      <c r="R48" s="75"/>
      <c r="S48" s="296"/>
      <c r="T48" s="296"/>
      <c r="U48" s="296"/>
    </row>
    <row r="49" spans="1:21" s="299" customFormat="1" hidden="1">
      <c r="A49" s="26"/>
      <c r="B49" s="26"/>
      <c r="C49" s="11"/>
      <c r="D49" s="11"/>
      <c r="E49" s="11"/>
      <c r="F49" s="11"/>
      <c r="G49" s="11"/>
      <c r="H49" s="11"/>
      <c r="I49" s="11">
        <v>1</v>
      </c>
      <c r="J49" s="11">
        <v>98</v>
      </c>
      <c r="K49" s="11" t="s">
        <v>156</v>
      </c>
      <c r="L49" s="11" t="s">
        <v>66</v>
      </c>
      <c r="M49" s="11" t="s">
        <v>65</v>
      </c>
      <c r="N49" s="11">
        <v>1</v>
      </c>
      <c r="O49" s="11" t="s">
        <v>514</v>
      </c>
      <c r="P49" s="11">
        <v>2</v>
      </c>
      <c r="Q49" s="11">
        <v>3</v>
      </c>
      <c r="R49" s="11" t="s">
        <v>623</v>
      </c>
      <c r="S49" s="296"/>
      <c r="T49" s="296"/>
      <c r="U49" s="296"/>
    </row>
    <row r="50" spans="1:21" s="299" customFormat="1" hidden="1">
      <c r="A50" s="26"/>
      <c r="B50" s="26"/>
      <c r="C50" s="11"/>
      <c r="D50" s="11"/>
      <c r="E50" s="11"/>
      <c r="F50" s="11"/>
      <c r="G50" s="11"/>
      <c r="H50" s="11"/>
      <c r="I50" s="11">
        <v>2</v>
      </c>
      <c r="J50" s="11">
        <v>100</v>
      </c>
      <c r="K50" s="11" t="s">
        <v>249</v>
      </c>
      <c r="L50" s="11" t="s">
        <v>66</v>
      </c>
      <c r="M50" s="11" t="s">
        <v>65</v>
      </c>
      <c r="N50" s="11">
        <v>1</v>
      </c>
      <c r="O50" s="11" t="s">
        <v>514</v>
      </c>
      <c r="P50" s="11">
        <v>3</v>
      </c>
      <c r="Q50" s="11">
        <v>3</v>
      </c>
      <c r="R50" s="11"/>
      <c r="S50" s="296"/>
      <c r="T50" s="296"/>
      <c r="U50" s="296"/>
    </row>
    <row r="51" spans="1:21" ht="28">
      <c r="A51" s="17"/>
      <c r="B51" s="17"/>
      <c r="C51" s="17">
        <v>40</v>
      </c>
      <c r="D51" s="17" t="s">
        <v>424</v>
      </c>
      <c r="E51" s="17" t="s">
        <v>425</v>
      </c>
      <c r="F51" s="17"/>
      <c r="G51" s="17"/>
      <c r="H51" s="17"/>
      <c r="I51" s="17"/>
      <c r="J51" s="17"/>
      <c r="K51" s="17"/>
      <c r="L51" s="17" t="s">
        <v>17</v>
      </c>
      <c r="M51" s="17" t="s">
        <v>71</v>
      </c>
      <c r="N51" s="17">
        <v>100</v>
      </c>
      <c r="O51" s="17"/>
      <c r="P51" s="17"/>
      <c r="Q51" s="17"/>
      <c r="R51" s="17"/>
      <c r="S51" s="296" t="s">
        <v>2438</v>
      </c>
      <c r="T51" s="296" t="s">
        <v>2438</v>
      </c>
      <c r="U51" s="297" t="s">
        <v>2439</v>
      </c>
    </row>
    <row r="52" spans="1:21" hidden="1" outlineLevel="1">
      <c r="A52" s="8"/>
      <c r="B52" s="8"/>
      <c r="C52" s="8"/>
      <c r="D52" s="8"/>
      <c r="E52" s="8"/>
      <c r="F52" s="8"/>
      <c r="G52" s="8"/>
      <c r="H52" s="8"/>
      <c r="I52" s="8">
        <v>1</v>
      </c>
      <c r="J52" s="8">
        <v>350</v>
      </c>
      <c r="K52" s="8" t="s">
        <v>108</v>
      </c>
      <c r="L52" s="8" t="s">
        <v>17</v>
      </c>
      <c r="M52" s="8" t="s">
        <v>71</v>
      </c>
      <c r="N52" s="8">
        <v>1</v>
      </c>
      <c r="O52" s="8" t="s">
        <v>509</v>
      </c>
      <c r="P52" s="8">
        <v>1</v>
      </c>
      <c r="Q52" s="8">
        <v>20</v>
      </c>
      <c r="R52" s="8"/>
      <c r="S52" s="296"/>
      <c r="T52" s="296"/>
      <c r="U52" s="296"/>
    </row>
    <row r="53" spans="1:21" hidden="1" outlineLevel="1">
      <c r="A53" s="8"/>
      <c r="B53" s="8"/>
      <c r="C53" s="8"/>
      <c r="D53" s="8"/>
      <c r="E53" s="8"/>
      <c r="F53" s="8"/>
      <c r="G53" s="8"/>
      <c r="H53" s="8"/>
      <c r="I53" s="8">
        <v>2</v>
      </c>
      <c r="J53" s="8">
        <v>235</v>
      </c>
      <c r="K53" s="8" t="s">
        <v>90</v>
      </c>
      <c r="L53" s="8" t="s">
        <v>66</v>
      </c>
      <c r="M53" s="8" t="s">
        <v>65</v>
      </c>
      <c r="N53" s="8">
        <v>1</v>
      </c>
      <c r="O53" s="8" t="s">
        <v>514</v>
      </c>
      <c r="P53" s="8">
        <v>2</v>
      </c>
      <c r="Q53" s="8">
        <v>2</v>
      </c>
      <c r="R53" s="270" t="s">
        <v>624</v>
      </c>
      <c r="S53" s="296"/>
      <c r="T53" s="296"/>
      <c r="U53" s="296"/>
    </row>
    <row r="54" spans="1:21" hidden="1" outlineLevel="1">
      <c r="A54" s="8"/>
      <c r="B54" s="8"/>
      <c r="C54" s="8"/>
      <c r="D54" s="8"/>
      <c r="E54" s="8"/>
      <c r="F54" s="8"/>
      <c r="G54" s="8"/>
      <c r="H54" s="8"/>
      <c r="I54" s="8">
        <v>3</v>
      </c>
      <c r="J54" s="8">
        <v>234</v>
      </c>
      <c r="K54" s="8" t="s">
        <v>88</v>
      </c>
      <c r="L54" s="8" t="s">
        <v>66</v>
      </c>
      <c r="M54" s="8" t="s">
        <v>65</v>
      </c>
      <c r="N54" s="8">
        <v>1</v>
      </c>
      <c r="O54" s="8" t="s">
        <v>509</v>
      </c>
      <c r="P54" s="8">
        <v>1</v>
      </c>
      <c r="Q54" s="8">
        <v>48</v>
      </c>
      <c r="R54" s="8"/>
      <c r="S54" s="296"/>
      <c r="T54" s="296"/>
      <c r="U54" s="296"/>
    </row>
    <row r="55" spans="1:21" hidden="1" outlineLevel="1">
      <c r="A55" s="8"/>
      <c r="B55" s="8"/>
      <c r="C55" s="8"/>
      <c r="D55" s="8"/>
      <c r="E55" s="8"/>
      <c r="F55" s="8"/>
      <c r="G55" s="8"/>
      <c r="H55" s="8"/>
      <c r="I55" s="8">
        <v>4</v>
      </c>
      <c r="J55" s="8">
        <v>235</v>
      </c>
      <c r="K55" s="8" t="s">
        <v>90</v>
      </c>
      <c r="L55" s="8" t="s">
        <v>78</v>
      </c>
      <c r="M55" s="8" t="s">
        <v>71</v>
      </c>
      <c r="N55" s="8">
        <v>1</v>
      </c>
      <c r="O55" s="8" t="s">
        <v>514</v>
      </c>
      <c r="P55" s="8">
        <v>2</v>
      </c>
      <c r="Q55" s="8">
        <v>2</v>
      </c>
      <c r="R55" s="270" t="s">
        <v>624</v>
      </c>
      <c r="S55" s="296"/>
      <c r="T55" s="296"/>
      <c r="U55" s="296"/>
    </row>
    <row r="56" spans="1:21" hidden="1" outlineLevel="1">
      <c r="A56" s="8"/>
      <c r="B56" s="8"/>
      <c r="C56" s="8"/>
      <c r="D56" s="8"/>
      <c r="E56" s="8"/>
      <c r="F56" s="8"/>
      <c r="G56" s="8"/>
      <c r="H56" s="8"/>
      <c r="I56" s="8">
        <v>5</v>
      </c>
      <c r="J56" s="8">
        <v>234</v>
      </c>
      <c r="K56" s="8" t="s">
        <v>88</v>
      </c>
      <c r="L56" s="8" t="s">
        <v>78</v>
      </c>
      <c r="M56" s="8" t="s">
        <v>71</v>
      </c>
      <c r="N56" s="8">
        <v>1</v>
      </c>
      <c r="O56" s="8" t="s">
        <v>509</v>
      </c>
      <c r="P56" s="8">
        <v>1</v>
      </c>
      <c r="Q56" s="8">
        <v>48</v>
      </c>
      <c r="R56" s="8"/>
      <c r="S56" s="296"/>
      <c r="T56" s="296"/>
      <c r="U56" s="296"/>
    </row>
    <row r="57" spans="1:21" hidden="1" outlineLevel="1">
      <c r="A57" s="8"/>
      <c r="B57" s="8"/>
      <c r="C57" s="8"/>
      <c r="D57" s="8"/>
      <c r="E57" s="8"/>
      <c r="F57" s="8"/>
      <c r="G57" s="8"/>
      <c r="H57" s="8"/>
      <c r="I57" s="8">
        <v>8</v>
      </c>
      <c r="J57" s="8">
        <v>235</v>
      </c>
      <c r="K57" s="8" t="s">
        <v>90</v>
      </c>
      <c r="L57" s="8" t="s">
        <v>78</v>
      </c>
      <c r="M57" s="8" t="s">
        <v>71</v>
      </c>
      <c r="N57" s="8">
        <v>1</v>
      </c>
      <c r="O57" s="8" t="s">
        <v>514</v>
      </c>
      <c r="P57" s="8">
        <v>2</v>
      </c>
      <c r="Q57" s="8">
        <v>2</v>
      </c>
      <c r="R57" s="270" t="s">
        <v>624</v>
      </c>
      <c r="S57" s="296"/>
      <c r="T57" s="296"/>
      <c r="U57" s="296"/>
    </row>
    <row r="58" spans="1:21" hidden="1" outlineLevel="1">
      <c r="A58" s="8"/>
      <c r="B58" s="8"/>
      <c r="C58" s="8"/>
      <c r="D58" s="8"/>
      <c r="E58" s="8"/>
      <c r="F58" s="8"/>
      <c r="G58" s="8"/>
      <c r="H58" s="8"/>
      <c r="I58" s="8">
        <v>9</v>
      </c>
      <c r="J58" s="8">
        <v>234</v>
      </c>
      <c r="K58" s="8" t="s">
        <v>88</v>
      </c>
      <c r="L58" s="8" t="s">
        <v>78</v>
      </c>
      <c r="M58" s="8" t="s">
        <v>71</v>
      </c>
      <c r="N58" s="8">
        <v>1</v>
      </c>
      <c r="O58" s="8" t="s">
        <v>509</v>
      </c>
      <c r="P58" s="8">
        <v>1</v>
      </c>
      <c r="Q58" s="8">
        <v>48</v>
      </c>
      <c r="R58" s="8"/>
      <c r="S58" s="296"/>
      <c r="T58" s="296"/>
      <c r="U58" s="296"/>
    </row>
    <row r="59" spans="1:21" hidden="1" outlineLevel="1">
      <c r="A59" s="8"/>
      <c r="B59" s="8"/>
      <c r="C59" s="8"/>
      <c r="D59" s="8"/>
      <c r="E59" s="8"/>
      <c r="F59" s="8"/>
      <c r="G59" s="8"/>
      <c r="H59" s="8"/>
      <c r="I59" s="8">
        <v>6</v>
      </c>
      <c r="J59" s="8">
        <v>235</v>
      </c>
      <c r="K59" s="8" t="s">
        <v>90</v>
      </c>
      <c r="L59" s="8" t="s">
        <v>78</v>
      </c>
      <c r="M59" s="8" t="s">
        <v>71</v>
      </c>
      <c r="N59" s="8">
        <v>1</v>
      </c>
      <c r="O59" s="8" t="s">
        <v>514</v>
      </c>
      <c r="P59" s="8">
        <v>2</v>
      </c>
      <c r="Q59" s="8">
        <v>2</v>
      </c>
      <c r="R59" s="270" t="s">
        <v>624</v>
      </c>
      <c r="S59" s="296"/>
      <c r="T59" s="296"/>
      <c r="U59" s="296"/>
    </row>
    <row r="60" spans="1:21" hidden="1" outlineLevel="1">
      <c r="A60" s="8"/>
      <c r="B60" s="8"/>
      <c r="C60" s="8"/>
      <c r="D60" s="8"/>
      <c r="E60" s="8"/>
      <c r="F60" s="8"/>
      <c r="G60" s="8"/>
      <c r="H60" s="8"/>
      <c r="I60" s="8">
        <v>7</v>
      </c>
      <c r="J60" s="8">
        <v>234</v>
      </c>
      <c r="K60" s="8" t="s">
        <v>88</v>
      </c>
      <c r="L60" s="8" t="s">
        <v>78</v>
      </c>
      <c r="M60" s="8" t="s">
        <v>71</v>
      </c>
      <c r="N60" s="8">
        <v>1</v>
      </c>
      <c r="O60" s="8" t="s">
        <v>509</v>
      </c>
      <c r="P60" s="8">
        <v>1</v>
      </c>
      <c r="Q60" s="8">
        <v>48</v>
      </c>
      <c r="R60" s="8"/>
      <c r="S60" s="296"/>
      <c r="T60" s="296"/>
      <c r="U60" s="296"/>
    </row>
    <row r="61" spans="1:21" hidden="1" outlineLevel="1">
      <c r="A61" s="8"/>
      <c r="B61" s="8"/>
      <c r="C61" s="8"/>
      <c r="D61" s="8"/>
      <c r="E61" s="8"/>
      <c r="F61" s="8"/>
      <c r="G61" s="8"/>
      <c r="H61" s="8"/>
      <c r="I61" s="8">
        <v>10</v>
      </c>
      <c r="J61" s="8">
        <v>235</v>
      </c>
      <c r="K61" s="8" t="s">
        <v>90</v>
      </c>
      <c r="L61" s="8" t="s">
        <v>78</v>
      </c>
      <c r="M61" s="8" t="s">
        <v>71</v>
      </c>
      <c r="N61" s="8">
        <v>1</v>
      </c>
      <c r="O61" s="8" t="s">
        <v>514</v>
      </c>
      <c r="P61" s="8">
        <v>2</v>
      </c>
      <c r="Q61" s="8">
        <v>2</v>
      </c>
      <c r="R61" s="270" t="s">
        <v>624</v>
      </c>
      <c r="S61" s="296"/>
      <c r="T61" s="296"/>
      <c r="U61" s="296"/>
    </row>
    <row r="62" spans="1:21" hidden="1" outlineLevel="1">
      <c r="A62" s="8"/>
      <c r="B62" s="8"/>
      <c r="C62" s="8"/>
      <c r="D62" s="8"/>
      <c r="E62" s="8"/>
      <c r="F62" s="8"/>
      <c r="G62" s="8"/>
      <c r="H62" s="8"/>
      <c r="I62" s="8">
        <v>11</v>
      </c>
      <c r="J62" s="8">
        <v>234</v>
      </c>
      <c r="K62" s="8" t="s">
        <v>88</v>
      </c>
      <c r="L62" s="8" t="s">
        <v>78</v>
      </c>
      <c r="M62" s="8" t="s">
        <v>71</v>
      </c>
      <c r="N62" s="8">
        <v>1</v>
      </c>
      <c r="O62" s="8" t="s">
        <v>509</v>
      </c>
      <c r="P62" s="8">
        <v>1</v>
      </c>
      <c r="Q62" s="8">
        <v>48</v>
      </c>
      <c r="R62" s="8"/>
      <c r="S62" s="296"/>
      <c r="T62" s="296"/>
      <c r="U62" s="296"/>
    </row>
    <row r="63" spans="1:21" hidden="1" outlineLevel="1">
      <c r="A63" s="8"/>
      <c r="B63" s="8"/>
      <c r="C63" s="8"/>
      <c r="D63" s="8"/>
      <c r="E63" s="8"/>
      <c r="F63" s="8"/>
      <c r="G63" s="8"/>
      <c r="H63" s="8"/>
      <c r="I63" s="8">
        <v>12</v>
      </c>
      <c r="J63" s="8">
        <v>235</v>
      </c>
      <c r="K63" s="8" t="s">
        <v>90</v>
      </c>
      <c r="L63" s="8" t="s">
        <v>78</v>
      </c>
      <c r="M63" s="8" t="s">
        <v>71</v>
      </c>
      <c r="N63" s="8">
        <v>1</v>
      </c>
      <c r="O63" s="8" t="s">
        <v>514</v>
      </c>
      <c r="P63" s="8">
        <v>2</v>
      </c>
      <c r="Q63" s="8">
        <v>2</v>
      </c>
      <c r="R63" s="270" t="s">
        <v>624</v>
      </c>
      <c r="S63" s="296"/>
      <c r="T63" s="296"/>
      <c r="U63" s="296"/>
    </row>
    <row r="64" spans="1:21" hidden="1" outlineLevel="1">
      <c r="A64" s="8"/>
      <c r="B64" s="8"/>
      <c r="C64" s="8"/>
      <c r="D64" s="8"/>
      <c r="E64" s="8"/>
      <c r="F64" s="8"/>
      <c r="G64" s="8"/>
      <c r="H64" s="8"/>
      <c r="I64" s="8">
        <v>13</v>
      </c>
      <c r="J64" s="8">
        <v>234</v>
      </c>
      <c r="K64" s="8" t="s">
        <v>88</v>
      </c>
      <c r="L64" s="8" t="s">
        <v>78</v>
      </c>
      <c r="M64" s="8" t="s">
        <v>71</v>
      </c>
      <c r="N64" s="8">
        <v>1</v>
      </c>
      <c r="O64" s="8" t="s">
        <v>509</v>
      </c>
      <c r="P64" s="8">
        <v>1</v>
      </c>
      <c r="Q64" s="8">
        <v>48</v>
      </c>
      <c r="R64" s="8"/>
      <c r="S64" s="296"/>
      <c r="T64" s="296"/>
      <c r="U64" s="296"/>
    </row>
    <row r="65" spans="1:21" hidden="1" outlineLevel="1">
      <c r="A65" s="8"/>
      <c r="B65" s="8"/>
      <c r="C65" s="8"/>
      <c r="D65" s="8"/>
      <c r="E65" s="8"/>
      <c r="F65" s="8"/>
      <c r="G65" s="8"/>
      <c r="H65" s="8"/>
      <c r="I65" s="8">
        <v>14</v>
      </c>
      <c r="J65" s="8">
        <v>235</v>
      </c>
      <c r="K65" s="8" t="s">
        <v>90</v>
      </c>
      <c r="L65" s="8" t="s">
        <v>78</v>
      </c>
      <c r="M65" s="8" t="s">
        <v>71</v>
      </c>
      <c r="N65" s="8">
        <v>1</v>
      </c>
      <c r="O65" s="8" t="s">
        <v>514</v>
      </c>
      <c r="P65" s="8">
        <v>2</v>
      </c>
      <c r="Q65" s="8">
        <v>2</v>
      </c>
      <c r="R65" s="270" t="s">
        <v>624</v>
      </c>
      <c r="S65" s="296"/>
      <c r="T65" s="296"/>
      <c r="U65" s="296"/>
    </row>
    <row r="66" spans="1:21" hidden="1" outlineLevel="1">
      <c r="A66" s="8"/>
      <c r="B66" s="8"/>
      <c r="C66" s="8"/>
      <c r="D66" s="8"/>
      <c r="E66" s="8"/>
      <c r="F66" s="8"/>
      <c r="G66" s="8"/>
      <c r="H66" s="8"/>
      <c r="I66" s="8">
        <v>15</v>
      </c>
      <c r="J66" s="8">
        <v>234</v>
      </c>
      <c r="K66" s="8" t="s">
        <v>88</v>
      </c>
      <c r="L66" s="8" t="s">
        <v>78</v>
      </c>
      <c r="M66" s="8" t="s">
        <v>71</v>
      </c>
      <c r="N66" s="8">
        <v>1</v>
      </c>
      <c r="O66" s="8" t="s">
        <v>509</v>
      </c>
      <c r="P66" s="8">
        <v>1</v>
      </c>
      <c r="Q66" s="8">
        <v>48</v>
      </c>
      <c r="R66" s="8"/>
      <c r="S66" s="296"/>
      <c r="T66" s="296"/>
      <c r="U66" s="296"/>
    </row>
    <row r="67" spans="1:21" ht="15" hidden="1" customHeight="1" outlineLevel="1">
      <c r="A67" s="8"/>
      <c r="B67" s="8"/>
      <c r="C67" s="8"/>
      <c r="D67" s="8"/>
      <c r="E67" s="8"/>
      <c r="F67" s="8"/>
      <c r="G67" s="8"/>
      <c r="H67" s="8"/>
      <c r="I67" s="8">
        <v>16</v>
      </c>
      <c r="J67" s="8">
        <v>235</v>
      </c>
      <c r="K67" s="8" t="s">
        <v>90</v>
      </c>
      <c r="L67" s="8" t="s">
        <v>78</v>
      </c>
      <c r="M67" s="8" t="s">
        <v>71</v>
      </c>
      <c r="N67" s="8">
        <v>1</v>
      </c>
      <c r="O67" s="8" t="s">
        <v>514</v>
      </c>
      <c r="P67" s="8">
        <v>2</v>
      </c>
      <c r="Q67" s="8">
        <v>2</v>
      </c>
      <c r="R67" s="270" t="s">
        <v>624</v>
      </c>
      <c r="S67" s="296"/>
      <c r="T67" s="296"/>
      <c r="U67" s="296"/>
    </row>
    <row r="68" spans="1:21" hidden="1" outlineLevel="1">
      <c r="A68" s="8"/>
      <c r="B68" s="8"/>
      <c r="C68" s="8"/>
      <c r="D68" s="8"/>
      <c r="E68" s="8"/>
      <c r="F68" s="8"/>
      <c r="G68" s="8"/>
      <c r="H68" s="8"/>
      <c r="I68" s="8">
        <v>17</v>
      </c>
      <c r="J68" s="8">
        <v>234</v>
      </c>
      <c r="K68" s="8" t="s">
        <v>88</v>
      </c>
      <c r="L68" s="8" t="s">
        <v>78</v>
      </c>
      <c r="M68" s="8" t="s">
        <v>71</v>
      </c>
      <c r="N68" s="8">
        <v>1</v>
      </c>
      <c r="O68" s="8" t="s">
        <v>509</v>
      </c>
      <c r="P68" s="8">
        <v>1</v>
      </c>
      <c r="Q68" s="8">
        <v>48</v>
      </c>
      <c r="R68" s="8"/>
      <c r="S68" s="296"/>
      <c r="T68" s="296"/>
      <c r="U68" s="296"/>
    </row>
    <row r="69" spans="1:21" hidden="1" collapsed="1">
      <c r="A69" s="17"/>
      <c r="B69" s="17"/>
      <c r="C69" s="17">
        <v>50</v>
      </c>
      <c r="D69" s="17" t="s">
        <v>298</v>
      </c>
      <c r="E69" s="17" t="s">
        <v>426</v>
      </c>
      <c r="F69" s="17"/>
      <c r="G69" s="17"/>
      <c r="H69" s="17"/>
      <c r="I69" s="17"/>
      <c r="J69" s="17"/>
      <c r="K69" s="17"/>
      <c r="L69" s="17" t="s">
        <v>17</v>
      </c>
      <c r="M69" s="17" t="s">
        <v>71</v>
      </c>
      <c r="N69" s="17">
        <v>1000</v>
      </c>
      <c r="O69" s="17"/>
      <c r="P69" s="17"/>
      <c r="Q69" s="17"/>
      <c r="R69" s="17"/>
      <c r="S69" s="296"/>
      <c r="T69" s="296"/>
      <c r="U69" s="296"/>
    </row>
    <row r="70" spans="1:21" hidden="1">
      <c r="A70" s="8"/>
      <c r="B70" s="8"/>
      <c r="C70" s="8"/>
      <c r="D70" s="8"/>
      <c r="E70" s="8"/>
      <c r="F70" s="8"/>
      <c r="G70" s="8"/>
      <c r="H70" s="8"/>
      <c r="I70" s="8">
        <v>1</v>
      </c>
      <c r="J70" s="8">
        <v>349</v>
      </c>
      <c r="K70" s="8" t="s">
        <v>201</v>
      </c>
      <c r="L70" s="8" t="s">
        <v>66</v>
      </c>
      <c r="M70" s="8" t="s">
        <v>65</v>
      </c>
      <c r="N70" s="8">
        <v>1</v>
      </c>
      <c r="O70" s="8" t="s">
        <v>514</v>
      </c>
      <c r="P70" s="8">
        <v>1</v>
      </c>
      <c r="Q70" s="8">
        <v>1</v>
      </c>
      <c r="R70" s="8" t="s">
        <v>666</v>
      </c>
      <c r="S70" s="296"/>
      <c r="T70" s="296"/>
      <c r="U70" s="296"/>
    </row>
    <row r="71" spans="1:21" hidden="1">
      <c r="A71" s="8"/>
      <c r="B71" s="8"/>
      <c r="C71" s="8"/>
      <c r="D71" s="8"/>
      <c r="E71" s="8"/>
      <c r="F71" s="8"/>
      <c r="G71" s="8"/>
      <c r="H71" s="8"/>
      <c r="I71" s="8">
        <v>2</v>
      </c>
      <c r="J71" s="8">
        <v>750</v>
      </c>
      <c r="K71" s="8" t="s">
        <v>295</v>
      </c>
      <c r="L71" s="8" t="s">
        <v>17</v>
      </c>
      <c r="M71" s="8" t="s">
        <v>71</v>
      </c>
      <c r="N71" s="8">
        <v>1</v>
      </c>
      <c r="O71" s="8" t="s">
        <v>514</v>
      </c>
      <c r="P71" s="8">
        <v>2</v>
      </c>
      <c r="Q71" s="8">
        <v>3</v>
      </c>
      <c r="R71" s="8" t="s">
        <v>712</v>
      </c>
      <c r="S71" s="296"/>
      <c r="T71" s="296"/>
      <c r="U71" s="296"/>
    </row>
    <row r="72" spans="1:21" hidden="1">
      <c r="A72" s="8"/>
      <c r="B72" s="8"/>
      <c r="C72" s="8"/>
      <c r="D72" s="8"/>
      <c r="E72" s="8"/>
      <c r="F72" s="8"/>
      <c r="G72" s="8"/>
      <c r="H72" s="8"/>
      <c r="I72" s="19">
        <v>3</v>
      </c>
      <c r="J72" s="19">
        <v>559</v>
      </c>
      <c r="K72" s="19" t="s">
        <v>197</v>
      </c>
      <c r="L72" s="19" t="s">
        <v>78</v>
      </c>
      <c r="M72" s="19" t="s">
        <v>71</v>
      </c>
      <c r="N72" s="19">
        <v>1</v>
      </c>
      <c r="O72" s="19" t="s">
        <v>514</v>
      </c>
      <c r="P72" s="19">
        <v>2</v>
      </c>
      <c r="Q72" s="19">
        <v>2</v>
      </c>
      <c r="R72" s="19"/>
      <c r="S72" s="296"/>
      <c r="T72" s="296"/>
      <c r="U72" s="296"/>
    </row>
    <row r="73" spans="1:21" hidden="1">
      <c r="A73" s="8"/>
      <c r="B73" s="8"/>
      <c r="C73" s="8"/>
      <c r="D73" s="8"/>
      <c r="E73" s="8"/>
      <c r="F73" s="8"/>
      <c r="G73" s="8"/>
      <c r="H73" s="8"/>
      <c r="I73" s="19">
        <v>4</v>
      </c>
      <c r="J73" s="19">
        <v>751</v>
      </c>
      <c r="K73" s="19" t="s">
        <v>292</v>
      </c>
      <c r="L73" s="19" t="s">
        <v>78</v>
      </c>
      <c r="M73" s="19" t="s">
        <v>71</v>
      </c>
      <c r="N73" s="19">
        <v>1</v>
      </c>
      <c r="O73" s="19" t="s">
        <v>509</v>
      </c>
      <c r="P73" s="19">
        <v>1</v>
      </c>
      <c r="Q73" s="19">
        <v>12</v>
      </c>
      <c r="R73" s="19"/>
      <c r="S73" s="296"/>
      <c r="T73" s="296"/>
      <c r="U73" s="296"/>
    </row>
    <row r="74" spans="1:21" hidden="1">
      <c r="A74" s="8"/>
      <c r="B74" s="8"/>
      <c r="C74" s="8"/>
      <c r="D74" s="8"/>
      <c r="E74" s="8"/>
      <c r="F74" s="8"/>
      <c r="G74" s="8"/>
      <c r="H74" s="8"/>
      <c r="I74" s="8">
        <v>5</v>
      </c>
      <c r="J74" s="8">
        <v>352</v>
      </c>
      <c r="K74" s="8" t="s">
        <v>3</v>
      </c>
      <c r="L74" s="8" t="s">
        <v>78</v>
      </c>
      <c r="M74" s="8" t="s">
        <v>71</v>
      </c>
      <c r="N74" s="8">
        <v>1</v>
      </c>
      <c r="O74" s="8" t="s">
        <v>509</v>
      </c>
      <c r="P74" s="8">
        <v>1</v>
      </c>
      <c r="Q74" s="8">
        <v>80</v>
      </c>
      <c r="R74" s="8"/>
      <c r="S74" s="296"/>
      <c r="T74" s="296"/>
      <c r="U74" s="296"/>
    </row>
    <row r="75" spans="1:21" hidden="1">
      <c r="A75" s="8"/>
      <c r="B75" s="8"/>
      <c r="C75" s="8"/>
      <c r="D75" s="8"/>
      <c r="E75" s="8"/>
      <c r="F75" s="8"/>
      <c r="G75" s="8"/>
      <c r="H75" s="8"/>
      <c r="I75" s="19">
        <v>6</v>
      </c>
      <c r="J75" s="19">
        <v>752</v>
      </c>
      <c r="K75" s="19" t="s">
        <v>304</v>
      </c>
      <c r="L75" s="19" t="s">
        <v>17</v>
      </c>
      <c r="M75" s="19" t="s">
        <v>71</v>
      </c>
      <c r="N75" s="19">
        <v>1</v>
      </c>
      <c r="O75" s="19" t="s">
        <v>514</v>
      </c>
      <c r="P75" s="19">
        <v>2</v>
      </c>
      <c r="Q75" s="19">
        <v>2</v>
      </c>
      <c r="R75" s="19"/>
      <c r="S75" s="296"/>
      <c r="T75" s="296"/>
      <c r="U75" s="296"/>
    </row>
    <row r="76" spans="1:21" hidden="1">
      <c r="A76" s="8"/>
      <c r="B76" s="8"/>
      <c r="C76" s="8"/>
      <c r="D76" s="8"/>
      <c r="E76" s="8"/>
      <c r="F76" s="8"/>
      <c r="G76" s="8"/>
      <c r="H76" s="8"/>
      <c r="I76" s="19">
        <v>7</v>
      </c>
      <c r="J76" s="19">
        <v>822</v>
      </c>
      <c r="K76" s="19" t="s">
        <v>302</v>
      </c>
      <c r="L76" s="19" t="s">
        <v>17</v>
      </c>
      <c r="M76" s="19" t="s">
        <v>71</v>
      </c>
      <c r="N76" s="19">
        <v>1</v>
      </c>
      <c r="O76" s="19" t="s">
        <v>509</v>
      </c>
      <c r="P76" s="19">
        <v>1</v>
      </c>
      <c r="Q76" s="19">
        <v>15</v>
      </c>
      <c r="R76" s="19"/>
      <c r="S76" s="296"/>
      <c r="T76" s="296"/>
      <c r="U76" s="296"/>
    </row>
    <row r="77" spans="1:21" hidden="1">
      <c r="A77" s="8"/>
      <c r="B77" s="8"/>
      <c r="C77" s="8"/>
      <c r="D77" s="8"/>
      <c r="E77" s="8"/>
      <c r="F77" s="8"/>
      <c r="G77" s="8"/>
      <c r="H77" s="8"/>
      <c r="I77" s="19">
        <v>8</v>
      </c>
      <c r="J77" s="19">
        <v>1073</v>
      </c>
      <c r="K77" s="19" t="s">
        <v>300</v>
      </c>
      <c r="L77" s="19" t="s">
        <v>17</v>
      </c>
      <c r="M77" s="19" t="s">
        <v>71</v>
      </c>
      <c r="N77" s="19">
        <v>1</v>
      </c>
      <c r="O77" s="19" t="s">
        <v>514</v>
      </c>
      <c r="P77" s="19">
        <v>1</v>
      </c>
      <c r="Q77" s="19">
        <v>1</v>
      </c>
      <c r="R77" s="19"/>
      <c r="S77" s="296"/>
      <c r="T77" s="296"/>
      <c r="U77" s="296"/>
    </row>
    <row r="78" spans="1:21" hidden="1">
      <c r="A78" s="8"/>
      <c r="B78" s="8"/>
      <c r="C78" s="8"/>
      <c r="D78" s="8"/>
      <c r="E78" s="8"/>
      <c r="F78" s="8"/>
      <c r="G78" s="8"/>
      <c r="H78" s="8"/>
      <c r="I78" s="8">
        <v>9</v>
      </c>
      <c r="J78" s="8">
        <v>819</v>
      </c>
      <c r="K78" s="8" t="s">
        <v>253</v>
      </c>
      <c r="L78" s="8" t="s">
        <v>17</v>
      </c>
      <c r="M78" s="8" t="s">
        <v>71</v>
      </c>
      <c r="N78" s="8">
        <v>1</v>
      </c>
      <c r="O78" s="8" t="s">
        <v>514</v>
      </c>
      <c r="P78" s="8">
        <v>2</v>
      </c>
      <c r="Q78" s="8">
        <v>3</v>
      </c>
      <c r="R78" s="8"/>
      <c r="S78" s="296"/>
      <c r="T78" s="296"/>
      <c r="U78" s="296"/>
    </row>
    <row r="79" spans="1:21" hidden="1">
      <c r="A79" s="17"/>
      <c r="B79" s="17"/>
      <c r="C79" s="17">
        <v>50</v>
      </c>
      <c r="D79" s="17" t="s">
        <v>298</v>
      </c>
      <c r="E79" s="17" t="s">
        <v>426</v>
      </c>
      <c r="F79" s="17"/>
      <c r="G79" s="17"/>
      <c r="H79" s="17"/>
      <c r="I79" s="17"/>
      <c r="J79" s="17"/>
      <c r="K79" s="17"/>
      <c r="L79" s="17" t="s">
        <v>17</v>
      </c>
      <c r="M79" s="17" t="s">
        <v>71</v>
      </c>
      <c r="N79" s="17">
        <v>1000</v>
      </c>
      <c r="O79" s="17"/>
      <c r="P79" s="17"/>
      <c r="Q79" s="17"/>
      <c r="R79" s="17"/>
      <c r="S79" s="296"/>
      <c r="T79" s="296"/>
      <c r="U79" s="296"/>
    </row>
    <row r="80" spans="1:21" hidden="1">
      <c r="A80" s="8"/>
      <c r="B80" s="8"/>
      <c r="C80" s="8"/>
      <c r="D80" s="8"/>
      <c r="E80" s="8"/>
      <c r="F80" s="8"/>
      <c r="G80" s="8"/>
      <c r="H80" s="8"/>
      <c r="I80" s="8">
        <v>1</v>
      </c>
      <c r="J80" s="8">
        <v>349</v>
      </c>
      <c r="K80" s="8" t="s">
        <v>201</v>
      </c>
      <c r="L80" s="8" t="s">
        <v>66</v>
      </c>
      <c r="M80" s="8" t="s">
        <v>65</v>
      </c>
      <c r="N80" s="8">
        <v>1</v>
      </c>
      <c r="O80" s="8" t="s">
        <v>514</v>
      </c>
      <c r="P80" s="8">
        <v>1</v>
      </c>
      <c r="Q80" s="8">
        <v>1</v>
      </c>
      <c r="R80" s="8" t="s">
        <v>666</v>
      </c>
      <c r="S80" s="296"/>
      <c r="T80" s="296"/>
      <c r="U80" s="296"/>
    </row>
    <row r="81" spans="1:21" hidden="1">
      <c r="A81" s="8"/>
      <c r="B81" s="8"/>
      <c r="C81" s="8"/>
      <c r="D81" s="8"/>
      <c r="E81" s="8"/>
      <c r="F81" s="8"/>
      <c r="G81" s="8"/>
      <c r="H81" s="8"/>
      <c r="I81" s="19">
        <v>2</v>
      </c>
      <c r="J81" s="19">
        <v>750</v>
      </c>
      <c r="K81" s="19" t="s">
        <v>295</v>
      </c>
      <c r="L81" s="19" t="s">
        <v>17</v>
      </c>
      <c r="M81" s="19" t="s">
        <v>71</v>
      </c>
      <c r="N81" s="19">
        <v>1</v>
      </c>
      <c r="O81" s="19" t="s">
        <v>514</v>
      </c>
      <c r="P81" s="19">
        <v>2</v>
      </c>
      <c r="Q81" s="19">
        <v>3</v>
      </c>
      <c r="R81" s="19"/>
      <c r="S81" s="296"/>
      <c r="T81" s="296"/>
      <c r="U81" s="296"/>
    </row>
    <row r="82" spans="1:21" hidden="1">
      <c r="A82" s="8"/>
      <c r="B82" s="8"/>
      <c r="C82" s="8"/>
      <c r="D82" s="8"/>
      <c r="E82" s="8"/>
      <c r="F82" s="8"/>
      <c r="G82" s="8"/>
      <c r="H82" s="8"/>
      <c r="I82" s="19">
        <v>3</v>
      </c>
      <c r="J82" s="19">
        <v>559</v>
      </c>
      <c r="K82" s="19" t="s">
        <v>197</v>
      </c>
      <c r="L82" s="19" t="s">
        <v>78</v>
      </c>
      <c r="M82" s="19" t="s">
        <v>71</v>
      </c>
      <c r="N82" s="19">
        <v>1</v>
      </c>
      <c r="O82" s="19" t="s">
        <v>514</v>
      </c>
      <c r="P82" s="19">
        <v>2</v>
      </c>
      <c r="Q82" s="19">
        <v>2</v>
      </c>
      <c r="R82" s="19"/>
      <c r="S82" s="296"/>
      <c r="T82" s="296"/>
      <c r="U82" s="296"/>
    </row>
    <row r="83" spans="1:21" hidden="1">
      <c r="A83" s="8"/>
      <c r="B83" s="8"/>
      <c r="C83" s="8"/>
      <c r="D83" s="8"/>
      <c r="E83" s="8"/>
      <c r="F83" s="8"/>
      <c r="G83" s="8"/>
      <c r="H83" s="8"/>
      <c r="I83" s="19">
        <v>4</v>
      </c>
      <c r="J83" s="19">
        <v>751</v>
      </c>
      <c r="K83" s="19" t="s">
        <v>292</v>
      </c>
      <c r="L83" s="19" t="s">
        <v>78</v>
      </c>
      <c r="M83" s="19" t="s">
        <v>71</v>
      </c>
      <c r="N83" s="19">
        <v>1</v>
      </c>
      <c r="O83" s="19" t="s">
        <v>509</v>
      </c>
      <c r="P83" s="19">
        <v>1</v>
      </c>
      <c r="Q83" s="19">
        <v>12</v>
      </c>
      <c r="R83" s="19"/>
      <c r="S83" s="296"/>
      <c r="T83" s="296"/>
      <c r="U83" s="296"/>
    </row>
    <row r="84" spans="1:21" hidden="1">
      <c r="A84" s="8"/>
      <c r="B84" s="8"/>
      <c r="C84" s="8"/>
      <c r="D84" s="8"/>
      <c r="E84" s="8"/>
      <c r="F84" s="8"/>
      <c r="G84" s="8"/>
      <c r="H84" s="8"/>
      <c r="I84" s="8">
        <v>5</v>
      </c>
      <c r="J84" s="8">
        <v>352</v>
      </c>
      <c r="K84" s="8" t="s">
        <v>3</v>
      </c>
      <c r="L84" s="8" t="s">
        <v>78</v>
      </c>
      <c r="M84" s="8" t="s">
        <v>71</v>
      </c>
      <c r="N84" s="8">
        <v>1</v>
      </c>
      <c r="O84" s="8" t="s">
        <v>509</v>
      </c>
      <c r="P84" s="8">
        <v>1</v>
      </c>
      <c r="Q84" s="8">
        <v>80</v>
      </c>
      <c r="R84" s="8"/>
      <c r="S84" s="296"/>
      <c r="T84" s="296"/>
      <c r="U84" s="296"/>
    </row>
    <row r="85" spans="1:21" hidden="1">
      <c r="A85" s="8"/>
      <c r="B85" s="8"/>
      <c r="C85" s="8"/>
      <c r="D85" s="8"/>
      <c r="E85" s="8"/>
      <c r="F85" s="8"/>
      <c r="G85" s="8"/>
      <c r="H85" s="8"/>
      <c r="I85" s="19">
        <v>6</v>
      </c>
      <c r="J85" s="19">
        <v>752</v>
      </c>
      <c r="K85" s="19" t="s">
        <v>304</v>
      </c>
      <c r="L85" s="19" t="s">
        <v>17</v>
      </c>
      <c r="M85" s="19" t="s">
        <v>71</v>
      </c>
      <c r="N85" s="19">
        <v>1</v>
      </c>
      <c r="O85" s="19" t="s">
        <v>514</v>
      </c>
      <c r="P85" s="19">
        <v>2</v>
      </c>
      <c r="Q85" s="19">
        <v>2</v>
      </c>
      <c r="R85" s="19"/>
      <c r="S85" s="296"/>
      <c r="T85" s="296"/>
      <c r="U85" s="296"/>
    </row>
    <row r="86" spans="1:21" hidden="1">
      <c r="A86" s="8"/>
      <c r="B86" s="8"/>
      <c r="C86" s="8"/>
      <c r="D86" s="8"/>
      <c r="E86" s="8"/>
      <c r="F86" s="8"/>
      <c r="G86" s="8"/>
      <c r="H86" s="8"/>
      <c r="I86" s="19">
        <v>7</v>
      </c>
      <c r="J86" s="19">
        <v>822</v>
      </c>
      <c r="K86" s="19" t="s">
        <v>302</v>
      </c>
      <c r="L86" s="19" t="s">
        <v>17</v>
      </c>
      <c r="M86" s="19" t="s">
        <v>71</v>
      </c>
      <c r="N86" s="19">
        <v>1</v>
      </c>
      <c r="O86" s="19" t="s">
        <v>509</v>
      </c>
      <c r="P86" s="19">
        <v>1</v>
      </c>
      <c r="Q86" s="19">
        <v>15</v>
      </c>
      <c r="R86" s="19"/>
      <c r="S86" s="296"/>
      <c r="T86" s="296"/>
      <c r="U86" s="296"/>
    </row>
    <row r="87" spans="1:21" hidden="1">
      <c r="A87" s="8"/>
      <c r="B87" s="8"/>
      <c r="C87" s="8"/>
      <c r="D87" s="8"/>
      <c r="E87" s="8"/>
      <c r="F87" s="8"/>
      <c r="G87" s="8"/>
      <c r="H87" s="8"/>
      <c r="I87" s="19">
        <v>8</v>
      </c>
      <c r="J87" s="19">
        <v>1073</v>
      </c>
      <c r="K87" s="19" t="s">
        <v>300</v>
      </c>
      <c r="L87" s="19" t="s">
        <v>17</v>
      </c>
      <c r="M87" s="19" t="s">
        <v>71</v>
      </c>
      <c r="N87" s="19">
        <v>1</v>
      </c>
      <c r="O87" s="19" t="s">
        <v>514</v>
      </c>
      <c r="P87" s="19">
        <v>1</v>
      </c>
      <c r="Q87" s="19">
        <v>1</v>
      </c>
      <c r="R87" s="19"/>
      <c r="S87" s="296"/>
      <c r="T87" s="296"/>
      <c r="U87" s="296"/>
    </row>
    <row r="88" spans="1:21" hidden="1">
      <c r="A88" s="8"/>
      <c r="B88" s="8"/>
      <c r="C88" s="8"/>
      <c r="D88" s="8"/>
      <c r="E88" s="8"/>
      <c r="F88" s="8"/>
      <c r="G88" s="8"/>
      <c r="H88" s="8"/>
      <c r="I88" s="8">
        <v>9</v>
      </c>
      <c r="J88" s="8">
        <v>819</v>
      </c>
      <c r="K88" s="8" t="s">
        <v>253</v>
      </c>
      <c r="L88" s="8" t="s">
        <v>17</v>
      </c>
      <c r="M88" s="8" t="s">
        <v>71</v>
      </c>
      <c r="N88" s="8">
        <v>1</v>
      </c>
      <c r="O88" s="8" t="s">
        <v>514</v>
      </c>
      <c r="P88" s="8">
        <v>2</v>
      </c>
      <c r="Q88" s="8">
        <v>3</v>
      </c>
      <c r="R88" s="8"/>
      <c r="S88" s="296"/>
      <c r="T88" s="296"/>
      <c r="U88" s="296"/>
    </row>
    <row r="89" spans="1:21" hidden="1">
      <c r="A89" s="17"/>
      <c r="B89" s="17"/>
      <c r="C89" s="17">
        <v>70</v>
      </c>
      <c r="D89" s="17" t="s">
        <v>130</v>
      </c>
      <c r="E89" s="17" t="s">
        <v>126</v>
      </c>
      <c r="F89" s="17"/>
      <c r="G89" s="17"/>
      <c r="H89" s="17"/>
      <c r="I89" s="17"/>
      <c r="J89" s="17"/>
      <c r="K89" s="17"/>
      <c r="L89" s="17" t="s">
        <v>17</v>
      </c>
      <c r="M89" s="17" t="s">
        <v>71</v>
      </c>
      <c r="N89" s="75">
        <v>12</v>
      </c>
      <c r="O89" s="17"/>
      <c r="P89" s="17"/>
      <c r="Q89" s="17"/>
      <c r="R89" s="17"/>
      <c r="S89" s="296"/>
      <c r="T89" s="296"/>
      <c r="U89" s="296"/>
    </row>
    <row r="90" spans="1:21" hidden="1">
      <c r="A90" s="8"/>
      <c r="B90" s="8"/>
      <c r="C90" s="8"/>
      <c r="D90" s="8"/>
      <c r="E90" s="8"/>
      <c r="F90" s="8"/>
      <c r="G90" s="8"/>
      <c r="H90" s="8"/>
      <c r="I90" s="8">
        <v>1</v>
      </c>
      <c r="J90" s="8">
        <v>128</v>
      </c>
      <c r="K90" s="8" t="s">
        <v>128</v>
      </c>
      <c r="L90" s="8" t="s">
        <v>66</v>
      </c>
      <c r="M90" s="8" t="s">
        <v>65</v>
      </c>
      <c r="N90" s="11">
        <v>1</v>
      </c>
      <c r="O90" s="8" t="s">
        <v>514</v>
      </c>
      <c r="P90" s="8">
        <v>2</v>
      </c>
      <c r="Q90" s="8">
        <v>3</v>
      </c>
      <c r="R90" s="8" t="s">
        <v>629</v>
      </c>
      <c r="S90" s="296"/>
      <c r="T90" s="296"/>
      <c r="U90" s="296"/>
    </row>
    <row r="91" spans="1:21" hidden="1">
      <c r="A91" s="8"/>
      <c r="B91" s="8"/>
      <c r="C91" s="8"/>
      <c r="D91" s="8"/>
      <c r="E91" s="8"/>
      <c r="F91" s="8"/>
      <c r="G91" s="8"/>
      <c r="H91" s="8"/>
      <c r="I91" s="8">
        <v>2</v>
      </c>
      <c r="J91" s="8">
        <v>127</v>
      </c>
      <c r="K91" s="8" t="s">
        <v>126</v>
      </c>
      <c r="L91" s="8" t="s">
        <v>78</v>
      </c>
      <c r="M91" s="8" t="s">
        <v>71</v>
      </c>
      <c r="N91" s="11">
        <v>1</v>
      </c>
      <c r="O91" s="8" t="s">
        <v>509</v>
      </c>
      <c r="P91" s="8">
        <v>1</v>
      </c>
      <c r="Q91" s="8">
        <v>30</v>
      </c>
      <c r="R91" s="72"/>
      <c r="S91" s="296"/>
      <c r="T91" s="296"/>
      <c r="U91" s="296"/>
    </row>
    <row r="92" spans="1:21" hidden="1">
      <c r="A92" s="8"/>
      <c r="B92" s="8"/>
      <c r="C92" s="8"/>
      <c r="D92" s="8"/>
      <c r="E92" s="8"/>
      <c r="F92" s="8"/>
      <c r="G92" s="8"/>
      <c r="H92" s="8"/>
      <c r="I92" s="8">
        <v>3</v>
      </c>
      <c r="J92" s="8">
        <v>352</v>
      </c>
      <c r="K92" s="8" t="s">
        <v>3</v>
      </c>
      <c r="L92" s="8" t="s">
        <v>78</v>
      </c>
      <c r="M92" s="8" t="s">
        <v>71</v>
      </c>
      <c r="N92" s="11">
        <v>1</v>
      </c>
      <c r="O92" s="8" t="s">
        <v>509</v>
      </c>
      <c r="P92" s="8">
        <v>1</v>
      </c>
      <c r="Q92" s="8">
        <v>80</v>
      </c>
      <c r="R92" s="18" t="s">
        <v>2440</v>
      </c>
      <c r="S92" s="296"/>
      <c r="T92" s="296"/>
      <c r="U92" s="296"/>
    </row>
    <row r="93" spans="1:21">
      <c r="A93" s="17"/>
      <c r="B93" s="17"/>
      <c r="C93" s="17">
        <v>70</v>
      </c>
      <c r="D93" s="17" t="s">
        <v>130</v>
      </c>
      <c r="E93" s="17" t="s">
        <v>126</v>
      </c>
      <c r="F93" s="17"/>
      <c r="G93" s="17"/>
      <c r="H93" s="17"/>
      <c r="I93" s="17"/>
      <c r="J93" s="17"/>
      <c r="K93" s="17"/>
      <c r="L93" s="17" t="s">
        <v>17</v>
      </c>
      <c r="M93" s="17" t="s">
        <v>71</v>
      </c>
      <c r="N93" s="75">
        <v>12</v>
      </c>
      <c r="O93" s="17"/>
      <c r="P93" s="17"/>
      <c r="Q93" s="17"/>
      <c r="R93" s="17"/>
      <c r="S93" s="296" t="s">
        <v>2441</v>
      </c>
      <c r="T93" s="296" t="s">
        <v>2441</v>
      </c>
      <c r="U93" s="296" t="s">
        <v>2442</v>
      </c>
    </row>
    <row r="94" spans="1:21" outlineLevel="1">
      <c r="A94" s="8"/>
      <c r="B94" s="8"/>
      <c r="C94" s="8"/>
      <c r="D94" s="8"/>
      <c r="E94" s="8"/>
      <c r="F94" s="8"/>
      <c r="G94" s="8"/>
      <c r="H94" s="8"/>
      <c r="I94" s="8">
        <v>1</v>
      </c>
      <c r="J94" s="8">
        <v>128</v>
      </c>
      <c r="K94" s="8" t="s">
        <v>128</v>
      </c>
      <c r="L94" s="8" t="s">
        <v>66</v>
      </c>
      <c r="M94" s="8" t="s">
        <v>65</v>
      </c>
      <c r="N94" s="11">
        <v>1</v>
      </c>
      <c r="O94" s="8" t="s">
        <v>514</v>
      </c>
      <c r="P94" s="8">
        <v>2</v>
      </c>
      <c r="Q94" s="8">
        <v>3</v>
      </c>
      <c r="R94" s="11" t="s">
        <v>634</v>
      </c>
      <c r="S94" s="296"/>
      <c r="T94" s="296"/>
      <c r="U94" s="296"/>
    </row>
    <row r="95" spans="1:21" outlineLevel="1">
      <c r="A95" s="8"/>
      <c r="B95" s="8"/>
      <c r="C95" s="8"/>
      <c r="D95" s="8"/>
      <c r="E95" s="8"/>
      <c r="F95" s="8"/>
      <c r="G95" s="8"/>
      <c r="H95" s="8"/>
      <c r="I95" s="8">
        <v>2</v>
      </c>
      <c r="J95" s="8">
        <v>127</v>
      </c>
      <c r="K95" s="8" t="s">
        <v>126</v>
      </c>
      <c r="L95" s="8" t="s">
        <v>78</v>
      </c>
      <c r="M95" s="8" t="s">
        <v>71</v>
      </c>
      <c r="N95" s="11">
        <v>1</v>
      </c>
      <c r="O95" s="8" t="s">
        <v>509</v>
      </c>
      <c r="P95" s="8">
        <v>1</v>
      </c>
      <c r="Q95" s="8">
        <v>30</v>
      </c>
      <c r="R95" s="72"/>
      <c r="S95" s="296"/>
      <c r="T95" s="296"/>
      <c r="U95" s="296"/>
    </row>
    <row r="96" spans="1:21" outlineLevel="1">
      <c r="A96" s="8"/>
      <c r="B96" s="8"/>
      <c r="C96" s="8"/>
      <c r="D96" s="8"/>
      <c r="E96" s="8"/>
      <c r="F96" s="8"/>
      <c r="G96" s="8"/>
      <c r="H96" s="8"/>
      <c r="I96" s="8">
        <v>3</v>
      </c>
      <c r="J96" s="8">
        <v>352</v>
      </c>
      <c r="K96" s="8" t="s">
        <v>3</v>
      </c>
      <c r="L96" s="8" t="s">
        <v>78</v>
      </c>
      <c r="M96" s="8" t="s">
        <v>71</v>
      </c>
      <c r="N96" s="11">
        <v>1</v>
      </c>
      <c r="O96" s="8" t="s">
        <v>509</v>
      </c>
      <c r="P96" s="8">
        <v>1</v>
      </c>
      <c r="Q96" s="8">
        <v>80</v>
      </c>
      <c r="R96" s="18" t="s">
        <v>2440</v>
      </c>
      <c r="S96" s="296"/>
      <c r="T96" s="296"/>
      <c r="U96" s="296"/>
    </row>
    <row r="97" spans="1:21">
      <c r="A97" s="17"/>
      <c r="B97" s="17"/>
      <c r="C97" s="17">
        <v>70</v>
      </c>
      <c r="D97" s="17" t="s">
        <v>130</v>
      </c>
      <c r="E97" s="17" t="s">
        <v>126</v>
      </c>
      <c r="F97" s="17"/>
      <c r="G97" s="17"/>
      <c r="H97" s="17"/>
      <c r="I97" s="17"/>
      <c r="J97" s="17"/>
      <c r="K97" s="17"/>
      <c r="L97" s="17" t="s">
        <v>17</v>
      </c>
      <c r="M97" s="17" t="s">
        <v>71</v>
      </c>
      <c r="N97" s="75">
        <v>12</v>
      </c>
      <c r="O97" s="17"/>
      <c r="P97" s="17"/>
      <c r="Q97" s="17"/>
      <c r="R97" s="17"/>
      <c r="S97" s="296" t="s">
        <v>2443</v>
      </c>
      <c r="T97" s="296" t="s">
        <v>2444</v>
      </c>
      <c r="U97" s="296" t="s">
        <v>2445</v>
      </c>
    </row>
    <row r="98" spans="1:21" outlineLevel="1">
      <c r="A98" s="8"/>
      <c r="B98" s="8"/>
      <c r="C98" s="8"/>
      <c r="D98" s="8"/>
      <c r="E98" s="8"/>
      <c r="F98" s="8"/>
      <c r="G98" s="8"/>
      <c r="H98" s="8"/>
      <c r="I98" s="8">
        <v>1</v>
      </c>
      <c r="J98" s="8">
        <v>128</v>
      </c>
      <c r="K98" s="8" t="s">
        <v>128</v>
      </c>
      <c r="L98" s="8" t="s">
        <v>66</v>
      </c>
      <c r="M98" s="8" t="s">
        <v>65</v>
      </c>
      <c r="N98" s="11">
        <v>1</v>
      </c>
      <c r="O98" s="8" t="s">
        <v>514</v>
      </c>
      <c r="P98" s="8">
        <v>2</v>
      </c>
      <c r="Q98" s="8">
        <v>3</v>
      </c>
      <c r="R98" s="8" t="s">
        <v>830</v>
      </c>
      <c r="S98" s="296"/>
      <c r="T98" s="296"/>
      <c r="U98" s="296"/>
    </row>
    <row r="99" spans="1:21" outlineLevel="1">
      <c r="A99" s="8"/>
      <c r="B99" s="8"/>
      <c r="C99" s="8"/>
      <c r="D99" s="8"/>
      <c r="E99" s="8"/>
      <c r="F99" s="8"/>
      <c r="G99" s="8"/>
      <c r="H99" s="8"/>
      <c r="I99" s="8">
        <v>2</v>
      </c>
      <c r="J99" s="8">
        <v>127</v>
      </c>
      <c r="K99" s="8" t="s">
        <v>126</v>
      </c>
      <c r="L99" s="8" t="s">
        <v>78</v>
      </c>
      <c r="M99" s="8" t="s">
        <v>71</v>
      </c>
      <c r="N99" s="11">
        <v>1</v>
      </c>
      <c r="O99" s="8" t="s">
        <v>509</v>
      </c>
      <c r="P99" s="8">
        <v>1</v>
      </c>
      <c r="Q99" s="8">
        <v>30</v>
      </c>
      <c r="R99" s="8"/>
      <c r="S99" s="296"/>
      <c r="T99" s="296"/>
      <c r="U99" s="296"/>
    </row>
    <row r="100" spans="1:21" hidden="1">
      <c r="A100" s="17"/>
      <c r="B100" s="17"/>
      <c r="C100" s="17">
        <v>70</v>
      </c>
      <c r="D100" s="17" t="s">
        <v>130</v>
      </c>
      <c r="E100" s="17" t="s">
        <v>126</v>
      </c>
      <c r="F100" s="17"/>
      <c r="G100" s="17"/>
      <c r="H100" s="17"/>
      <c r="I100" s="17"/>
      <c r="J100" s="17"/>
      <c r="K100" s="17"/>
      <c r="L100" s="17" t="s">
        <v>17</v>
      </c>
      <c r="M100" s="17" t="s">
        <v>71</v>
      </c>
      <c r="N100" s="75">
        <v>12</v>
      </c>
      <c r="O100" s="17"/>
      <c r="P100" s="17"/>
      <c r="Q100" s="17"/>
      <c r="R100" s="17"/>
      <c r="S100" s="296"/>
      <c r="T100" s="296"/>
      <c r="U100" s="296"/>
    </row>
    <row r="101" spans="1:21" hidden="1">
      <c r="A101" s="8"/>
      <c r="B101" s="8"/>
      <c r="C101" s="8"/>
      <c r="D101" s="8"/>
      <c r="E101" s="8"/>
      <c r="F101" s="8"/>
      <c r="G101" s="8"/>
      <c r="H101" s="8"/>
      <c r="I101" s="8">
        <v>1</v>
      </c>
      <c r="J101" s="8">
        <v>128</v>
      </c>
      <c r="K101" s="8" t="s">
        <v>128</v>
      </c>
      <c r="L101" s="8" t="s">
        <v>66</v>
      </c>
      <c r="M101" s="8" t="s">
        <v>65</v>
      </c>
      <c r="N101" s="11">
        <v>1</v>
      </c>
      <c r="O101" s="8" t="s">
        <v>514</v>
      </c>
      <c r="P101" s="8">
        <v>2</v>
      </c>
      <c r="Q101" s="8">
        <v>3</v>
      </c>
      <c r="R101" s="8" t="s">
        <v>672</v>
      </c>
      <c r="S101" s="296"/>
      <c r="T101" s="296"/>
      <c r="U101" s="296"/>
    </row>
    <row r="102" spans="1:21" hidden="1">
      <c r="A102" s="8"/>
      <c r="B102" s="8"/>
      <c r="C102" s="8"/>
      <c r="D102" s="8"/>
      <c r="E102" s="8"/>
      <c r="F102" s="8"/>
      <c r="G102" s="8"/>
      <c r="H102" s="8"/>
      <c r="I102" s="8">
        <v>2</v>
      </c>
      <c r="J102" s="8">
        <v>127</v>
      </c>
      <c r="K102" s="8" t="s">
        <v>126</v>
      </c>
      <c r="L102" s="8" t="s">
        <v>78</v>
      </c>
      <c r="M102" s="8" t="s">
        <v>71</v>
      </c>
      <c r="N102" s="11">
        <v>1</v>
      </c>
      <c r="O102" s="8" t="s">
        <v>509</v>
      </c>
      <c r="P102" s="8">
        <v>1</v>
      </c>
      <c r="Q102" s="8">
        <v>30</v>
      </c>
      <c r="R102" s="8"/>
      <c r="S102" s="296"/>
      <c r="T102" s="296"/>
      <c r="U102" s="296"/>
    </row>
    <row r="103" spans="1:21" hidden="1">
      <c r="A103" s="8"/>
      <c r="B103" s="8"/>
      <c r="C103" s="8"/>
      <c r="D103" s="8"/>
      <c r="E103" s="8"/>
      <c r="F103" s="8"/>
      <c r="G103" s="8"/>
      <c r="H103" s="8"/>
      <c r="I103" s="8">
        <v>3</v>
      </c>
      <c r="J103" s="8">
        <v>352</v>
      </c>
      <c r="K103" s="8" t="s">
        <v>3</v>
      </c>
      <c r="L103" s="8" t="s">
        <v>78</v>
      </c>
      <c r="M103" s="8" t="s">
        <v>71</v>
      </c>
      <c r="N103" s="11">
        <v>1</v>
      </c>
      <c r="O103" s="8" t="s">
        <v>509</v>
      </c>
      <c r="P103" s="8">
        <v>1</v>
      </c>
      <c r="Q103" s="8">
        <v>80</v>
      </c>
      <c r="R103" s="8"/>
      <c r="S103" s="296"/>
      <c r="T103" s="296"/>
      <c r="U103" s="296"/>
    </row>
    <row r="104" spans="1:21" hidden="1">
      <c r="A104" s="17"/>
      <c r="B104" s="17"/>
      <c r="C104" s="17">
        <v>70</v>
      </c>
      <c r="D104" s="17" t="s">
        <v>130</v>
      </c>
      <c r="E104" s="17" t="s">
        <v>126</v>
      </c>
      <c r="F104" s="17"/>
      <c r="G104" s="17"/>
      <c r="H104" s="17"/>
      <c r="I104" s="17"/>
      <c r="J104" s="17"/>
      <c r="K104" s="17"/>
      <c r="L104" s="17" t="s">
        <v>17</v>
      </c>
      <c r="M104" s="17" t="s">
        <v>71</v>
      </c>
      <c r="N104" s="75">
        <v>12</v>
      </c>
      <c r="O104" s="17"/>
      <c r="P104" s="17"/>
      <c r="Q104" s="17"/>
      <c r="R104" s="17"/>
      <c r="S104" s="296"/>
      <c r="T104" s="296"/>
      <c r="U104" s="296"/>
    </row>
    <row r="105" spans="1:21" hidden="1">
      <c r="A105" s="8"/>
      <c r="B105" s="8"/>
      <c r="C105" s="8"/>
      <c r="D105" s="8"/>
      <c r="E105" s="8"/>
      <c r="F105" s="8"/>
      <c r="G105" s="8"/>
      <c r="H105" s="8"/>
      <c r="I105" s="8">
        <v>1</v>
      </c>
      <c r="J105" s="8">
        <v>128</v>
      </c>
      <c r="K105" s="8" t="s">
        <v>128</v>
      </c>
      <c r="L105" s="8" t="s">
        <v>66</v>
      </c>
      <c r="M105" s="8" t="s">
        <v>65</v>
      </c>
      <c r="N105" s="8">
        <v>1</v>
      </c>
      <c r="O105" s="8" t="s">
        <v>514</v>
      </c>
      <c r="P105" s="8">
        <v>2</v>
      </c>
      <c r="Q105" s="8">
        <v>3</v>
      </c>
      <c r="R105" s="8" t="s">
        <v>643</v>
      </c>
      <c r="S105" s="296"/>
      <c r="T105" s="296"/>
      <c r="U105" s="296"/>
    </row>
    <row r="106" spans="1:21" hidden="1">
      <c r="A106" s="8"/>
      <c r="B106" s="8"/>
      <c r="C106" s="8"/>
      <c r="D106" s="8"/>
      <c r="E106" s="8"/>
      <c r="F106" s="8"/>
      <c r="G106" s="8"/>
      <c r="H106" s="8"/>
      <c r="I106" s="8">
        <v>2</v>
      </c>
      <c r="J106" s="8">
        <v>127</v>
      </c>
      <c r="K106" s="8" t="s">
        <v>126</v>
      </c>
      <c r="L106" s="8" t="s">
        <v>78</v>
      </c>
      <c r="M106" s="8" t="s">
        <v>71</v>
      </c>
      <c r="N106" s="8">
        <v>1</v>
      </c>
      <c r="O106" s="8" t="s">
        <v>509</v>
      </c>
      <c r="P106" s="8">
        <v>1</v>
      </c>
      <c r="Q106" s="8">
        <v>30</v>
      </c>
      <c r="R106" s="8"/>
      <c r="S106" s="296"/>
      <c r="T106" s="296"/>
      <c r="U106" s="296"/>
    </row>
    <row r="107" spans="1:21" hidden="1">
      <c r="A107" s="8"/>
      <c r="B107" s="8"/>
      <c r="C107" s="8"/>
      <c r="D107" s="8"/>
      <c r="E107" s="8"/>
      <c r="F107" s="8"/>
      <c r="G107" s="8"/>
      <c r="H107" s="8"/>
      <c r="I107" s="8">
        <v>3</v>
      </c>
      <c r="J107" s="8">
        <v>352</v>
      </c>
      <c r="K107" s="8" t="s">
        <v>3</v>
      </c>
      <c r="L107" s="8" t="s">
        <v>78</v>
      </c>
      <c r="M107" s="8" t="s">
        <v>71</v>
      </c>
      <c r="N107" s="8">
        <v>1</v>
      </c>
      <c r="O107" s="8" t="s">
        <v>509</v>
      </c>
      <c r="P107" s="8">
        <v>1</v>
      </c>
      <c r="Q107" s="8">
        <v>80</v>
      </c>
      <c r="R107" s="8"/>
      <c r="S107" s="296"/>
      <c r="T107" s="296"/>
      <c r="U107" s="296"/>
    </row>
    <row r="108" spans="1:21" hidden="1">
      <c r="A108" s="17"/>
      <c r="B108" s="17"/>
      <c r="C108" s="17">
        <v>90</v>
      </c>
      <c r="D108" s="17" t="s">
        <v>84</v>
      </c>
      <c r="E108" s="17" t="s">
        <v>428</v>
      </c>
      <c r="F108" s="17"/>
      <c r="G108" s="17"/>
      <c r="H108" s="17"/>
      <c r="I108" s="17"/>
      <c r="J108" s="17"/>
      <c r="K108" s="17"/>
      <c r="L108" s="17" t="s">
        <v>66</v>
      </c>
      <c r="M108" s="17" t="s">
        <v>65</v>
      </c>
      <c r="N108" s="17">
        <v>10</v>
      </c>
      <c r="O108" s="17"/>
      <c r="P108" s="17"/>
      <c r="Q108" s="17"/>
      <c r="R108" s="17"/>
      <c r="S108" s="296"/>
      <c r="T108" s="296"/>
      <c r="U108" s="296"/>
    </row>
    <row r="109" spans="1:21" hidden="1">
      <c r="A109" s="8"/>
      <c r="B109" s="8"/>
      <c r="C109" s="8"/>
      <c r="D109" s="8"/>
      <c r="E109" s="8"/>
      <c r="F109" s="8"/>
      <c r="G109" s="8"/>
      <c r="H109" s="8"/>
      <c r="I109" s="8">
        <v>1</v>
      </c>
      <c r="J109" s="8">
        <v>374</v>
      </c>
      <c r="K109" s="8" t="s">
        <v>82</v>
      </c>
      <c r="L109" s="8" t="s">
        <v>66</v>
      </c>
      <c r="M109" s="8" t="s">
        <v>65</v>
      </c>
      <c r="N109" s="8">
        <v>1</v>
      </c>
      <c r="O109" s="8" t="s">
        <v>514</v>
      </c>
      <c r="P109" s="8">
        <v>3</v>
      </c>
      <c r="Q109" s="8">
        <v>3</v>
      </c>
      <c r="R109" s="8" t="s">
        <v>659</v>
      </c>
      <c r="S109" s="296"/>
      <c r="T109" s="296"/>
      <c r="U109" s="296"/>
    </row>
    <row r="110" spans="1:21" hidden="1">
      <c r="A110" s="8"/>
      <c r="B110" s="8"/>
      <c r="C110" s="8"/>
      <c r="D110" s="8"/>
      <c r="E110" s="8"/>
      <c r="F110" s="8"/>
      <c r="G110" s="8"/>
      <c r="H110" s="8"/>
      <c r="I110" s="8">
        <v>2</v>
      </c>
      <c r="J110" s="8">
        <v>373</v>
      </c>
      <c r="K110" s="8" t="s">
        <v>1</v>
      </c>
      <c r="L110" s="8" t="s">
        <v>78</v>
      </c>
      <c r="M110" s="8" t="s">
        <v>71</v>
      </c>
      <c r="N110" s="8">
        <v>1</v>
      </c>
      <c r="O110" s="8" t="s">
        <v>519</v>
      </c>
      <c r="P110" s="8">
        <v>8</v>
      </c>
      <c r="Q110" s="8">
        <v>8</v>
      </c>
      <c r="R110" s="72"/>
      <c r="S110" s="296"/>
      <c r="T110" s="296"/>
      <c r="U110" s="296"/>
    </row>
    <row r="111" spans="1:21" hidden="1">
      <c r="A111" s="8"/>
      <c r="B111" s="8"/>
      <c r="C111" s="8"/>
      <c r="D111" s="8"/>
      <c r="E111" s="8"/>
      <c r="F111" s="8"/>
      <c r="G111" s="8"/>
      <c r="H111" s="8"/>
      <c r="I111" s="8">
        <v>3</v>
      </c>
      <c r="J111" s="8">
        <v>337</v>
      </c>
      <c r="K111" s="8" t="s">
        <v>79</v>
      </c>
      <c r="L111" s="8" t="s">
        <v>78</v>
      </c>
      <c r="M111" s="8" t="s">
        <v>71</v>
      </c>
      <c r="N111" s="8">
        <v>1</v>
      </c>
      <c r="O111" s="8" t="s">
        <v>518</v>
      </c>
      <c r="P111" s="8">
        <v>4</v>
      </c>
      <c r="Q111" s="8">
        <v>8</v>
      </c>
      <c r="R111" s="72"/>
      <c r="S111" s="296"/>
      <c r="T111" s="296"/>
      <c r="U111" s="296"/>
    </row>
    <row r="112" spans="1:21" hidden="1">
      <c r="A112" s="8"/>
      <c r="B112" s="8"/>
      <c r="C112" s="8"/>
      <c r="D112" s="8"/>
      <c r="E112" s="8"/>
      <c r="F112" s="8"/>
      <c r="G112" s="8"/>
      <c r="H112" s="8"/>
      <c r="I112" s="8">
        <v>4</v>
      </c>
      <c r="J112" s="8">
        <v>623</v>
      </c>
      <c r="K112" s="8" t="s">
        <v>76</v>
      </c>
      <c r="L112" s="8" t="s">
        <v>17</v>
      </c>
      <c r="M112" s="8" t="s">
        <v>71</v>
      </c>
      <c r="N112" s="8">
        <v>1</v>
      </c>
      <c r="O112" s="8" t="s">
        <v>514</v>
      </c>
      <c r="P112" s="8">
        <v>2</v>
      </c>
      <c r="Q112" s="8">
        <v>2</v>
      </c>
      <c r="R112" s="270" t="s">
        <v>624</v>
      </c>
      <c r="S112" s="296"/>
      <c r="T112" s="296"/>
      <c r="U112" s="296"/>
    </row>
    <row r="113" spans="1:21" hidden="1">
      <c r="A113" s="17"/>
      <c r="B113" s="17"/>
      <c r="C113" s="17">
        <v>90</v>
      </c>
      <c r="D113" s="17" t="s">
        <v>84</v>
      </c>
      <c r="E113" s="17" t="s">
        <v>428</v>
      </c>
      <c r="F113" s="17"/>
      <c r="G113" s="17"/>
      <c r="H113" s="17"/>
      <c r="I113" s="17"/>
      <c r="J113" s="17"/>
      <c r="K113" s="17"/>
      <c r="L113" s="17" t="s">
        <v>66</v>
      </c>
      <c r="M113" s="17" t="s">
        <v>65</v>
      </c>
      <c r="N113" s="17">
        <v>10</v>
      </c>
      <c r="O113" s="17"/>
      <c r="P113" s="17"/>
      <c r="Q113" s="17"/>
      <c r="R113" s="17"/>
      <c r="S113" s="296"/>
      <c r="T113" s="296"/>
      <c r="U113" s="296"/>
    </row>
    <row r="114" spans="1:21" hidden="1">
      <c r="A114" s="8"/>
      <c r="B114" s="8"/>
      <c r="C114" s="8"/>
      <c r="D114" s="8"/>
      <c r="E114" s="8"/>
      <c r="F114" s="8"/>
      <c r="G114" s="8"/>
      <c r="H114" s="8"/>
      <c r="I114" s="8">
        <v>1</v>
      </c>
      <c r="J114" s="8">
        <v>374</v>
      </c>
      <c r="K114" s="8" t="s">
        <v>82</v>
      </c>
      <c r="L114" s="8" t="s">
        <v>66</v>
      </c>
      <c r="M114" s="8" t="s">
        <v>65</v>
      </c>
      <c r="N114" s="8">
        <v>1</v>
      </c>
      <c r="O114" s="8" t="s">
        <v>514</v>
      </c>
      <c r="P114" s="8">
        <v>3</v>
      </c>
      <c r="Q114" s="8">
        <v>3</v>
      </c>
      <c r="R114" s="8" t="s">
        <v>732</v>
      </c>
      <c r="S114" s="296"/>
      <c r="T114" s="296"/>
      <c r="U114" s="296"/>
    </row>
    <row r="115" spans="1:21" hidden="1">
      <c r="A115" s="8"/>
      <c r="B115" s="8"/>
      <c r="C115" s="8"/>
      <c r="D115" s="8"/>
      <c r="E115" s="8"/>
      <c r="F115" s="8"/>
      <c r="G115" s="8"/>
      <c r="H115" s="8"/>
      <c r="I115" s="8">
        <v>2</v>
      </c>
      <c r="J115" s="8">
        <v>373</v>
      </c>
      <c r="K115" s="8" t="s">
        <v>1</v>
      </c>
      <c r="L115" s="8" t="s">
        <v>78</v>
      </c>
      <c r="M115" s="8" t="s">
        <v>71</v>
      </c>
      <c r="N115" s="8">
        <v>1</v>
      </c>
      <c r="O115" s="8" t="s">
        <v>519</v>
      </c>
      <c r="P115" s="8">
        <v>8</v>
      </c>
      <c r="Q115" s="8">
        <v>8</v>
      </c>
      <c r="R115" s="72"/>
      <c r="S115" s="296"/>
      <c r="T115" s="296"/>
      <c r="U115" s="296"/>
    </row>
    <row r="116" spans="1:21" hidden="1">
      <c r="A116" s="8"/>
      <c r="B116" s="8"/>
      <c r="C116" s="8"/>
      <c r="D116" s="8"/>
      <c r="E116" s="8"/>
      <c r="F116" s="8"/>
      <c r="G116" s="8"/>
      <c r="H116" s="8"/>
      <c r="I116" s="8">
        <v>3</v>
      </c>
      <c r="J116" s="8">
        <v>337</v>
      </c>
      <c r="K116" s="8" t="s">
        <v>79</v>
      </c>
      <c r="L116" s="8" t="s">
        <v>78</v>
      </c>
      <c r="M116" s="8" t="s">
        <v>71</v>
      </c>
      <c r="N116" s="8">
        <v>1</v>
      </c>
      <c r="O116" s="8" t="s">
        <v>518</v>
      </c>
      <c r="P116" s="8">
        <v>4</v>
      </c>
      <c r="Q116" s="8">
        <v>8</v>
      </c>
      <c r="R116" s="72"/>
      <c r="S116" s="296"/>
      <c r="T116" s="296"/>
      <c r="U116" s="296"/>
    </row>
    <row r="117" spans="1:21" hidden="1">
      <c r="A117" s="8"/>
      <c r="B117" s="8"/>
      <c r="C117" s="8"/>
      <c r="D117" s="8"/>
      <c r="E117" s="8"/>
      <c r="F117" s="8"/>
      <c r="G117" s="8"/>
      <c r="H117" s="8"/>
      <c r="I117" s="8">
        <v>4</v>
      </c>
      <c r="J117" s="8">
        <v>623</v>
      </c>
      <c r="K117" s="8" t="s">
        <v>76</v>
      </c>
      <c r="L117" s="8" t="s">
        <v>17</v>
      </c>
      <c r="M117" s="8" t="s">
        <v>71</v>
      </c>
      <c r="N117" s="8">
        <v>1</v>
      </c>
      <c r="O117" s="8" t="s">
        <v>514</v>
      </c>
      <c r="P117" s="8">
        <v>2</v>
      </c>
      <c r="Q117" s="8">
        <v>2</v>
      </c>
      <c r="R117" s="270" t="s">
        <v>624</v>
      </c>
      <c r="S117" s="296"/>
      <c r="T117" s="296"/>
      <c r="U117" s="296"/>
    </row>
    <row r="118" spans="1:21" hidden="1">
      <c r="A118" s="17"/>
      <c r="B118" s="17"/>
      <c r="C118" s="17">
        <v>90</v>
      </c>
      <c r="D118" s="17" t="s">
        <v>84</v>
      </c>
      <c r="E118" s="17" t="s">
        <v>428</v>
      </c>
      <c r="F118" s="17"/>
      <c r="G118" s="17"/>
      <c r="H118" s="17"/>
      <c r="I118" s="17"/>
      <c r="J118" s="17"/>
      <c r="K118" s="17"/>
      <c r="L118" s="17" t="s">
        <v>66</v>
      </c>
      <c r="M118" s="17" t="s">
        <v>65</v>
      </c>
      <c r="N118" s="17">
        <v>10</v>
      </c>
      <c r="O118" s="17"/>
      <c r="P118" s="17"/>
      <c r="Q118" s="17"/>
      <c r="R118" s="17"/>
      <c r="S118" s="296"/>
      <c r="T118" s="296"/>
      <c r="U118" s="296"/>
    </row>
    <row r="119" spans="1:21" hidden="1">
      <c r="A119" s="8"/>
      <c r="B119" s="8"/>
      <c r="C119" s="8"/>
      <c r="D119" s="8"/>
      <c r="E119" s="8"/>
      <c r="F119" s="8"/>
      <c r="G119" s="8"/>
      <c r="H119" s="8"/>
      <c r="I119" s="8">
        <v>1</v>
      </c>
      <c r="J119" s="8">
        <v>374</v>
      </c>
      <c r="K119" s="8" t="s">
        <v>82</v>
      </c>
      <c r="L119" s="8" t="s">
        <v>66</v>
      </c>
      <c r="M119" s="8" t="s">
        <v>65</v>
      </c>
      <c r="N119" s="8">
        <v>1</v>
      </c>
      <c r="O119" s="8" t="s">
        <v>514</v>
      </c>
      <c r="P119" s="8">
        <v>3</v>
      </c>
      <c r="Q119" s="8">
        <v>3</v>
      </c>
      <c r="R119" s="8" t="s">
        <v>759</v>
      </c>
      <c r="S119" s="296"/>
      <c r="T119" s="296"/>
      <c r="U119" s="296"/>
    </row>
    <row r="120" spans="1:21" hidden="1">
      <c r="A120" s="8"/>
      <c r="B120" s="8"/>
      <c r="C120" s="8"/>
      <c r="D120" s="8"/>
      <c r="E120" s="8"/>
      <c r="F120" s="8"/>
      <c r="G120" s="8"/>
      <c r="H120" s="8"/>
      <c r="I120" s="8">
        <v>2</v>
      </c>
      <c r="J120" s="8">
        <v>373</v>
      </c>
      <c r="K120" s="8" t="s">
        <v>1</v>
      </c>
      <c r="L120" s="8" t="s">
        <v>78</v>
      </c>
      <c r="M120" s="8" t="s">
        <v>71</v>
      </c>
      <c r="N120" s="8">
        <v>1</v>
      </c>
      <c r="O120" s="8" t="s">
        <v>519</v>
      </c>
      <c r="P120" s="8">
        <v>8</v>
      </c>
      <c r="Q120" s="8">
        <v>8</v>
      </c>
      <c r="R120" s="8"/>
      <c r="S120" s="296"/>
      <c r="T120" s="296"/>
      <c r="U120" s="296"/>
    </row>
    <row r="121" spans="1:21" hidden="1">
      <c r="A121" s="8"/>
      <c r="B121" s="8"/>
      <c r="C121" s="8"/>
      <c r="D121" s="8"/>
      <c r="E121" s="8"/>
      <c r="F121" s="8"/>
      <c r="G121" s="8"/>
      <c r="H121" s="8"/>
      <c r="I121" s="8">
        <v>3</v>
      </c>
      <c r="J121" s="8">
        <v>337</v>
      </c>
      <c r="K121" s="8" t="s">
        <v>79</v>
      </c>
      <c r="L121" s="8" t="s">
        <v>78</v>
      </c>
      <c r="M121" s="8" t="s">
        <v>71</v>
      </c>
      <c r="N121" s="8">
        <v>1</v>
      </c>
      <c r="O121" s="8" t="s">
        <v>518</v>
      </c>
      <c r="P121" s="8">
        <v>4</v>
      </c>
      <c r="Q121" s="8">
        <v>8</v>
      </c>
      <c r="R121" s="8"/>
      <c r="S121" s="296"/>
      <c r="T121" s="296"/>
      <c r="U121" s="296"/>
    </row>
    <row r="122" spans="1:21" hidden="1">
      <c r="A122" s="8"/>
      <c r="B122" s="8"/>
      <c r="C122" s="8"/>
      <c r="D122" s="8"/>
      <c r="E122" s="8"/>
      <c r="F122" s="8"/>
      <c r="G122" s="8"/>
      <c r="H122" s="8"/>
      <c r="I122" s="8">
        <v>4</v>
      </c>
      <c r="J122" s="8">
        <v>623</v>
      </c>
      <c r="K122" s="8" t="s">
        <v>76</v>
      </c>
      <c r="L122" s="8" t="s">
        <v>17</v>
      </c>
      <c r="M122" s="8" t="s">
        <v>71</v>
      </c>
      <c r="N122" s="8">
        <v>1</v>
      </c>
      <c r="O122" s="8" t="s">
        <v>514</v>
      </c>
      <c r="P122" s="8">
        <v>2</v>
      </c>
      <c r="Q122" s="8">
        <v>2</v>
      </c>
      <c r="R122" s="270" t="s">
        <v>624</v>
      </c>
      <c r="S122" s="296"/>
      <c r="T122" s="296"/>
      <c r="U122" s="296"/>
    </row>
    <row r="123" spans="1:21">
      <c r="A123" s="17" t="s">
        <v>158</v>
      </c>
      <c r="B123" s="17" t="s">
        <v>120</v>
      </c>
      <c r="C123" s="17"/>
      <c r="D123" s="17"/>
      <c r="E123" s="17"/>
      <c r="F123" s="17"/>
      <c r="G123" s="17"/>
      <c r="H123" s="17"/>
      <c r="I123" s="17"/>
      <c r="J123" s="17"/>
      <c r="K123" s="17"/>
      <c r="L123" s="17" t="s">
        <v>17</v>
      </c>
      <c r="M123" s="17" t="s">
        <v>71</v>
      </c>
      <c r="N123" s="17">
        <v>200</v>
      </c>
      <c r="O123" s="17"/>
      <c r="P123" s="17"/>
      <c r="Q123" s="17"/>
      <c r="R123" s="17"/>
      <c r="S123" s="296" t="s">
        <v>2446</v>
      </c>
      <c r="T123" s="296" t="s">
        <v>2446</v>
      </c>
      <c r="U123" s="296" t="s">
        <v>2447</v>
      </c>
    </row>
    <row r="124" spans="1:21">
      <c r="A124" s="17"/>
      <c r="B124" s="17"/>
      <c r="C124" s="17">
        <v>210</v>
      </c>
      <c r="D124" s="17" t="s">
        <v>158</v>
      </c>
      <c r="E124" s="17" t="s">
        <v>120</v>
      </c>
      <c r="F124" s="17"/>
      <c r="G124" s="17"/>
      <c r="H124" s="17"/>
      <c r="I124" s="17"/>
      <c r="J124" s="17"/>
      <c r="K124" s="17"/>
      <c r="L124" s="75" t="s">
        <v>66</v>
      </c>
      <c r="M124" s="75" t="s">
        <v>65</v>
      </c>
      <c r="N124" s="17">
        <v>1</v>
      </c>
      <c r="O124" s="17"/>
      <c r="P124" s="17"/>
      <c r="Q124" s="17"/>
      <c r="R124" s="17"/>
      <c r="S124" s="296"/>
      <c r="T124" s="296"/>
      <c r="U124" s="296"/>
    </row>
    <row r="125" spans="1:21" hidden="1" outlineLevel="1">
      <c r="A125" s="8"/>
      <c r="B125" s="8"/>
      <c r="C125" s="8"/>
      <c r="D125" s="8"/>
      <c r="E125" s="8"/>
      <c r="F125" s="8"/>
      <c r="G125" s="8"/>
      <c r="H125" s="8"/>
      <c r="I125" s="8">
        <v>1</v>
      </c>
      <c r="J125" s="8">
        <v>98</v>
      </c>
      <c r="K125" s="8" t="s">
        <v>156</v>
      </c>
      <c r="L125" s="8" t="s">
        <v>66</v>
      </c>
      <c r="M125" s="8" t="s">
        <v>65</v>
      </c>
      <c r="N125" s="8">
        <v>1</v>
      </c>
      <c r="O125" s="8" t="s">
        <v>514</v>
      </c>
      <c r="P125" s="8">
        <v>2</v>
      </c>
      <c r="Q125" s="8">
        <v>3</v>
      </c>
      <c r="R125" s="8" t="s">
        <v>702</v>
      </c>
      <c r="S125" s="296"/>
      <c r="T125" s="296"/>
      <c r="U125" s="296"/>
    </row>
    <row r="126" spans="1:21" hidden="1" outlineLevel="1">
      <c r="A126" s="8"/>
      <c r="B126" s="8"/>
      <c r="C126" s="8"/>
      <c r="D126" s="8"/>
      <c r="E126" s="8"/>
      <c r="F126" s="8"/>
      <c r="G126" s="8"/>
      <c r="H126" s="8"/>
      <c r="I126" s="8">
        <v>2</v>
      </c>
      <c r="J126" s="8">
        <v>93</v>
      </c>
      <c r="K126" s="8" t="s">
        <v>120</v>
      </c>
      <c r="L126" s="8" t="s">
        <v>78</v>
      </c>
      <c r="M126" s="8" t="s">
        <v>71</v>
      </c>
      <c r="N126" s="8">
        <v>1</v>
      </c>
      <c r="O126" s="8" t="s">
        <v>509</v>
      </c>
      <c r="P126" s="8">
        <v>1</v>
      </c>
      <c r="Q126" s="8">
        <v>60</v>
      </c>
      <c r="R126" s="8"/>
      <c r="S126" s="296"/>
      <c r="T126" s="296"/>
      <c r="U126" s="296"/>
    </row>
    <row r="127" spans="1:21" hidden="1" outlineLevel="1">
      <c r="A127" s="8"/>
      <c r="B127" s="8"/>
      <c r="C127" s="8"/>
      <c r="D127" s="8"/>
      <c r="E127" s="8"/>
      <c r="F127" s="8"/>
      <c r="G127" s="8"/>
      <c r="H127" s="8"/>
      <c r="I127" s="8">
        <v>3</v>
      </c>
      <c r="J127" s="8">
        <v>66</v>
      </c>
      <c r="K127" s="8" t="s">
        <v>153</v>
      </c>
      <c r="L127" s="8" t="s">
        <v>78</v>
      </c>
      <c r="M127" s="8" t="s">
        <v>71</v>
      </c>
      <c r="N127" s="8">
        <v>1</v>
      </c>
      <c r="O127" s="8" t="s">
        <v>514</v>
      </c>
      <c r="P127" s="8">
        <v>1</v>
      </c>
      <c r="Q127" s="8">
        <v>2</v>
      </c>
      <c r="R127" s="270" t="s">
        <v>624</v>
      </c>
      <c r="S127" s="296"/>
      <c r="T127" s="296"/>
      <c r="U127" s="296"/>
    </row>
    <row r="128" spans="1:21" hidden="1" outlineLevel="1">
      <c r="A128" s="8"/>
      <c r="B128" s="8"/>
      <c r="C128" s="8"/>
      <c r="D128" s="8"/>
      <c r="E128" s="8"/>
      <c r="F128" s="8"/>
      <c r="G128" s="8"/>
      <c r="H128" s="8"/>
      <c r="I128" s="8">
        <v>4</v>
      </c>
      <c r="J128" s="8">
        <v>67</v>
      </c>
      <c r="K128" s="8" t="s">
        <v>151</v>
      </c>
      <c r="L128" s="8" t="s">
        <v>78</v>
      </c>
      <c r="M128" s="8" t="s">
        <v>71</v>
      </c>
      <c r="N128" s="8">
        <v>1</v>
      </c>
      <c r="O128" s="8" t="s">
        <v>509</v>
      </c>
      <c r="P128" s="8">
        <v>2</v>
      </c>
      <c r="Q128" s="8">
        <v>80</v>
      </c>
      <c r="R128" s="8"/>
      <c r="S128" s="296"/>
      <c r="T128" s="296"/>
      <c r="U128" s="296"/>
    </row>
    <row r="129" spans="1:21" hidden="1" outlineLevel="1">
      <c r="A129" s="17"/>
      <c r="B129" s="17"/>
      <c r="C129" s="17">
        <v>220</v>
      </c>
      <c r="D129" s="17" t="s">
        <v>150</v>
      </c>
      <c r="E129" s="17" t="s">
        <v>473</v>
      </c>
      <c r="F129" s="17"/>
      <c r="G129" s="17"/>
      <c r="H129" s="17"/>
      <c r="I129" s="17"/>
      <c r="J129" s="17"/>
      <c r="K129" s="17"/>
      <c r="L129" s="17" t="s">
        <v>17</v>
      </c>
      <c r="M129" s="17" t="s">
        <v>71</v>
      </c>
      <c r="N129" s="17">
        <v>2</v>
      </c>
      <c r="O129" s="17"/>
      <c r="P129" s="17"/>
      <c r="Q129" s="17"/>
      <c r="R129" s="17"/>
      <c r="S129" s="296"/>
      <c r="T129" s="296"/>
      <c r="U129" s="296"/>
    </row>
    <row r="130" spans="1:21" hidden="1" outlineLevel="1">
      <c r="A130" s="8"/>
      <c r="B130" s="8"/>
      <c r="C130" s="8"/>
      <c r="D130" s="8"/>
      <c r="E130" s="8"/>
      <c r="F130" s="8"/>
      <c r="G130" s="8"/>
      <c r="H130" s="8"/>
      <c r="I130" s="8">
        <v>1</v>
      </c>
      <c r="J130" s="8">
        <v>93</v>
      </c>
      <c r="K130" s="8" t="s">
        <v>120</v>
      </c>
      <c r="L130" s="8" t="s">
        <v>66</v>
      </c>
      <c r="M130" s="8" t="s">
        <v>65</v>
      </c>
      <c r="N130" s="8">
        <v>1</v>
      </c>
      <c r="O130" s="8" t="s">
        <v>509</v>
      </c>
      <c r="P130" s="8">
        <v>1</v>
      </c>
      <c r="Q130" s="8">
        <v>60</v>
      </c>
      <c r="R130" s="8"/>
      <c r="S130" s="296"/>
      <c r="T130" s="296"/>
      <c r="U130" s="296"/>
    </row>
    <row r="131" spans="1:21" hidden="1" outlineLevel="1">
      <c r="A131" s="8"/>
      <c r="B131" s="8"/>
      <c r="C131" s="8"/>
      <c r="D131" s="8"/>
      <c r="E131" s="8"/>
      <c r="F131" s="8"/>
      <c r="G131" s="8"/>
      <c r="H131" s="8"/>
      <c r="I131" s="8">
        <v>2</v>
      </c>
      <c r="J131" s="8">
        <v>93</v>
      </c>
      <c r="K131" s="8" t="s">
        <v>120</v>
      </c>
      <c r="L131" s="8" t="s">
        <v>17</v>
      </c>
      <c r="M131" s="8" t="s">
        <v>71</v>
      </c>
      <c r="N131" s="8">
        <v>1</v>
      </c>
      <c r="O131" s="8" t="s">
        <v>509</v>
      </c>
      <c r="P131" s="8">
        <v>1</v>
      </c>
      <c r="Q131" s="8">
        <v>60</v>
      </c>
      <c r="R131" s="8"/>
      <c r="S131" s="296"/>
      <c r="T131" s="296"/>
      <c r="U131" s="296"/>
    </row>
    <row r="132" spans="1:21" hidden="1" outlineLevel="1">
      <c r="A132" s="17"/>
      <c r="B132" s="17"/>
      <c r="C132" s="17">
        <v>220</v>
      </c>
      <c r="D132" s="17" t="s">
        <v>150</v>
      </c>
      <c r="E132" s="17" t="s">
        <v>473</v>
      </c>
      <c r="F132" s="17"/>
      <c r="G132" s="17"/>
      <c r="H132" s="17"/>
      <c r="I132" s="17"/>
      <c r="J132" s="17"/>
      <c r="K132" s="17"/>
      <c r="L132" s="17" t="s">
        <v>17</v>
      </c>
      <c r="M132" s="17" t="s">
        <v>71</v>
      </c>
      <c r="N132" s="17">
        <v>2</v>
      </c>
      <c r="O132" s="17"/>
      <c r="P132" s="17"/>
      <c r="Q132" s="17"/>
      <c r="R132" s="17"/>
      <c r="S132" s="296"/>
      <c r="T132" s="296"/>
      <c r="U132" s="296"/>
    </row>
    <row r="133" spans="1:21" hidden="1" outlineLevel="1">
      <c r="A133" s="8"/>
      <c r="B133" s="8"/>
      <c r="C133" s="8"/>
      <c r="D133" s="8"/>
      <c r="E133" s="8"/>
      <c r="F133" s="8"/>
      <c r="G133" s="8"/>
      <c r="H133" s="8"/>
      <c r="I133" s="8">
        <v>1</v>
      </c>
      <c r="J133" s="8">
        <v>93</v>
      </c>
      <c r="K133" s="8" t="s">
        <v>120</v>
      </c>
      <c r="L133" s="8" t="s">
        <v>66</v>
      </c>
      <c r="M133" s="8" t="s">
        <v>65</v>
      </c>
      <c r="N133" s="8">
        <v>1</v>
      </c>
      <c r="O133" s="8" t="s">
        <v>509</v>
      </c>
      <c r="P133" s="8">
        <v>1</v>
      </c>
      <c r="Q133" s="8">
        <v>60</v>
      </c>
      <c r="R133" s="8"/>
      <c r="S133" s="296"/>
      <c r="T133" s="296"/>
      <c r="U133" s="296"/>
    </row>
    <row r="134" spans="1:21" hidden="1" outlineLevel="1">
      <c r="A134" s="8"/>
      <c r="B134" s="8"/>
      <c r="C134" s="8"/>
      <c r="D134" s="8"/>
      <c r="E134" s="8"/>
      <c r="F134" s="8"/>
      <c r="G134" s="8"/>
      <c r="H134" s="8"/>
      <c r="I134" s="8">
        <v>2</v>
      </c>
      <c r="J134" s="8">
        <v>93</v>
      </c>
      <c r="K134" s="8" t="s">
        <v>120</v>
      </c>
      <c r="L134" s="8" t="s">
        <v>17</v>
      </c>
      <c r="M134" s="8" t="s">
        <v>71</v>
      </c>
      <c r="N134" s="8">
        <v>1</v>
      </c>
      <c r="O134" s="8" t="s">
        <v>509</v>
      </c>
      <c r="P134" s="8">
        <v>1</v>
      </c>
      <c r="Q134" s="8">
        <v>60</v>
      </c>
      <c r="R134" s="8"/>
      <c r="S134" s="296"/>
      <c r="T134" s="296"/>
      <c r="U134" s="296"/>
    </row>
    <row r="135" spans="1:21" hidden="1" outlineLevel="1" collapsed="1">
      <c r="A135" s="17"/>
      <c r="B135" s="17"/>
      <c r="C135" s="17">
        <v>230</v>
      </c>
      <c r="D135" s="17" t="s">
        <v>147</v>
      </c>
      <c r="E135" s="17" t="s">
        <v>144</v>
      </c>
      <c r="F135" s="17"/>
      <c r="G135" s="17"/>
      <c r="H135" s="17"/>
      <c r="I135" s="17"/>
      <c r="J135" s="17"/>
      <c r="K135" s="17"/>
      <c r="L135" s="17" t="s">
        <v>17</v>
      </c>
      <c r="M135" s="17" t="s">
        <v>71</v>
      </c>
      <c r="N135" s="17">
        <v>2</v>
      </c>
      <c r="O135" s="17"/>
      <c r="P135" s="17"/>
      <c r="Q135" s="17"/>
      <c r="R135" s="17"/>
      <c r="S135" s="296"/>
      <c r="T135" s="296"/>
      <c r="U135" s="296"/>
    </row>
    <row r="136" spans="1:21" hidden="1" outlineLevel="1">
      <c r="A136" s="8"/>
      <c r="B136" s="8"/>
      <c r="C136" s="8"/>
      <c r="D136" s="8"/>
      <c r="E136" s="8"/>
      <c r="F136" s="8"/>
      <c r="G136" s="8"/>
      <c r="H136" s="8"/>
      <c r="I136" s="8">
        <v>1</v>
      </c>
      <c r="J136" s="8">
        <v>166</v>
      </c>
      <c r="K136" s="8" t="s">
        <v>144</v>
      </c>
      <c r="L136" s="8" t="s">
        <v>66</v>
      </c>
      <c r="M136" s="8" t="s">
        <v>65</v>
      </c>
      <c r="N136" s="8">
        <v>1</v>
      </c>
      <c r="O136" s="8" t="s">
        <v>509</v>
      </c>
      <c r="P136" s="8">
        <v>1</v>
      </c>
      <c r="Q136" s="8">
        <v>55</v>
      </c>
      <c r="R136" s="8"/>
      <c r="S136" s="296"/>
      <c r="T136" s="296"/>
      <c r="U136" s="296"/>
    </row>
    <row r="137" spans="1:21" hidden="1" outlineLevel="1">
      <c r="A137" s="8"/>
      <c r="B137" s="8"/>
      <c r="C137" s="8"/>
      <c r="D137" s="8"/>
      <c r="E137" s="8"/>
      <c r="F137" s="8"/>
      <c r="G137" s="8"/>
      <c r="H137" s="8"/>
      <c r="I137" s="8">
        <v>2</v>
      </c>
      <c r="J137" s="8">
        <v>166</v>
      </c>
      <c r="K137" s="8" t="s">
        <v>144</v>
      </c>
      <c r="L137" s="8" t="s">
        <v>17</v>
      </c>
      <c r="M137" s="8" t="s">
        <v>71</v>
      </c>
      <c r="N137" s="8">
        <v>1</v>
      </c>
      <c r="O137" s="8" t="s">
        <v>509</v>
      </c>
      <c r="P137" s="8">
        <v>1</v>
      </c>
      <c r="Q137" s="8">
        <v>55</v>
      </c>
      <c r="R137" s="8"/>
      <c r="S137" s="296"/>
      <c r="T137" s="296"/>
      <c r="U137" s="296"/>
    </row>
    <row r="138" spans="1:21" hidden="1" outlineLevel="1">
      <c r="A138" s="17"/>
      <c r="B138" s="17"/>
      <c r="C138" s="17">
        <v>230</v>
      </c>
      <c r="D138" s="17" t="s">
        <v>147</v>
      </c>
      <c r="E138" s="17" t="s">
        <v>144</v>
      </c>
      <c r="F138" s="17"/>
      <c r="G138" s="17"/>
      <c r="H138" s="17"/>
      <c r="I138" s="17"/>
      <c r="J138" s="17"/>
      <c r="K138" s="17"/>
      <c r="L138" s="17" t="s">
        <v>17</v>
      </c>
      <c r="M138" s="17" t="s">
        <v>71</v>
      </c>
      <c r="N138" s="17">
        <v>2</v>
      </c>
      <c r="O138" s="17"/>
      <c r="P138" s="17"/>
      <c r="Q138" s="17"/>
      <c r="R138" s="17"/>
      <c r="S138" s="296"/>
      <c r="T138" s="296"/>
      <c r="U138" s="296"/>
    </row>
    <row r="139" spans="1:21" hidden="1" outlineLevel="1">
      <c r="A139" s="8"/>
      <c r="B139" s="8"/>
      <c r="C139" s="8"/>
      <c r="D139" s="8"/>
      <c r="E139" s="8"/>
      <c r="F139" s="8"/>
      <c r="G139" s="8"/>
      <c r="H139" s="8"/>
      <c r="I139" s="8">
        <v>1</v>
      </c>
      <c r="J139" s="8">
        <v>166</v>
      </c>
      <c r="K139" s="8" t="s">
        <v>144</v>
      </c>
      <c r="L139" s="8" t="s">
        <v>66</v>
      </c>
      <c r="M139" s="8" t="s">
        <v>65</v>
      </c>
      <c r="N139" s="8">
        <v>1</v>
      </c>
      <c r="O139" s="8" t="s">
        <v>509</v>
      </c>
      <c r="P139" s="8">
        <v>1</v>
      </c>
      <c r="Q139" s="8">
        <v>55</v>
      </c>
      <c r="R139" s="8"/>
      <c r="S139" s="296"/>
      <c r="T139" s="296"/>
      <c r="U139" s="296"/>
    </row>
    <row r="140" spans="1:21" hidden="1" outlineLevel="1">
      <c r="A140" s="8"/>
      <c r="B140" s="8"/>
      <c r="C140" s="8"/>
      <c r="D140" s="8"/>
      <c r="E140" s="8"/>
      <c r="F140" s="8"/>
      <c r="G140" s="8"/>
      <c r="H140" s="8"/>
      <c r="I140" s="8">
        <v>2</v>
      </c>
      <c r="J140" s="8">
        <v>166</v>
      </c>
      <c r="K140" s="8" t="s">
        <v>144</v>
      </c>
      <c r="L140" s="8" t="s">
        <v>17</v>
      </c>
      <c r="M140" s="8" t="s">
        <v>71</v>
      </c>
      <c r="N140" s="8">
        <v>1</v>
      </c>
      <c r="O140" s="8" t="s">
        <v>509</v>
      </c>
      <c r="P140" s="8">
        <v>1</v>
      </c>
      <c r="Q140" s="8">
        <v>55</v>
      </c>
      <c r="R140" s="8"/>
      <c r="S140" s="296"/>
      <c r="T140" s="296"/>
      <c r="U140" s="296"/>
    </row>
    <row r="141" spans="1:21" hidden="1" outlineLevel="1">
      <c r="A141" s="17"/>
      <c r="B141" s="17"/>
      <c r="C141" s="17">
        <v>240</v>
      </c>
      <c r="D141" s="17" t="s">
        <v>143</v>
      </c>
      <c r="E141" s="17" t="s">
        <v>474</v>
      </c>
      <c r="F141" s="17"/>
      <c r="G141" s="17"/>
      <c r="H141" s="17"/>
      <c r="I141" s="17"/>
      <c r="J141" s="17"/>
      <c r="K141" s="17"/>
      <c r="L141" s="17" t="s">
        <v>17</v>
      </c>
      <c r="M141" s="17" t="s">
        <v>71</v>
      </c>
      <c r="N141" s="17">
        <v>1</v>
      </c>
      <c r="O141" s="17"/>
      <c r="P141" s="17"/>
      <c r="Q141" s="17"/>
      <c r="R141" s="17"/>
      <c r="S141" s="296"/>
      <c r="T141" s="296"/>
      <c r="U141" s="296"/>
    </row>
    <row r="142" spans="1:21" hidden="1" outlineLevel="1">
      <c r="A142" s="8"/>
      <c r="B142" s="8"/>
      <c r="C142" s="8"/>
      <c r="D142" s="8"/>
      <c r="E142" s="8"/>
      <c r="F142" s="8"/>
      <c r="G142" s="8"/>
      <c r="H142" s="8"/>
      <c r="I142" s="8">
        <v>1</v>
      </c>
      <c r="J142" s="8">
        <v>19</v>
      </c>
      <c r="K142" s="8" t="s">
        <v>141</v>
      </c>
      <c r="L142" s="8" t="s">
        <v>17</v>
      </c>
      <c r="M142" s="8" t="s">
        <v>71</v>
      </c>
      <c r="N142" s="8">
        <v>1</v>
      </c>
      <c r="O142" s="8" t="s">
        <v>509</v>
      </c>
      <c r="P142" s="8">
        <v>2</v>
      </c>
      <c r="Q142" s="8">
        <v>30</v>
      </c>
      <c r="R142" s="8"/>
      <c r="S142" s="296"/>
      <c r="T142" s="296"/>
      <c r="U142" s="296"/>
    </row>
    <row r="143" spans="1:21" hidden="1" outlineLevel="1">
      <c r="A143" s="8"/>
      <c r="B143" s="8"/>
      <c r="C143" s="8"/>
      <c r="D143" s="8"/>
      <c r="E143" s="8"/>
      <c r="F143" s="8"/>
      <c r="G143" s="8"/>
      <c r="H143" s="8"/>
      <c r="I143" s="8">
        <v>2</v>
      </c>
      <c r="J143" s="8">
        <v>156</v>
      </c>
      <c r="K143" s="8" t="s">
        <v>139</v>
      </c>
      <c r="L143" s="8" t="s">
        <v>17</v>
      </c>
      <c r="M143" s="8" t="s">
        <v>71</v>
      </c>
      <c r="N143" s="8">
        <v>1</v>
      </c>
      <c r="O143" s="8" t="s">
        <v>514</v>
      </c>
      <c r="P143" s="8">
        <v>2</v>
      </c>
      <c r="Q143" s="8">
        <v>2</v>
      </c>
      <c r="R143" s="270" t="s">
        <v>624</v>
      </c>
      <c r="S143" s="296"/>
      <c r="T143" s="296"/>
      <c r="U143" s="296"/>
    </row>
    <row r="144" spans="1:21" hidden="1" outlineLevel="1">
      <c r="A144" s="8"/>
      <c r="B144" s="8"/>
      <c r="C144" s="8"/>
      <c r="D144" s="8"/>
      <c r="E144" s="8"/>
      <c r="F144" s="8"/>
      <c r="G144" s="8"/>
      <c r="H144" s="8"/>
      <c r="I144" s="8">
        <v>3</v>
      </c>
      <c r="J144" s="8">
        <v>116</v>
      </c>
      <c r="K144" s="8" t="s">
        <v>137</v>
      </c>
      <c r="L144" s="8" t="s">
        <v>17</v>
      </c>
      <c r="M144" s="8" t="s">
        <v>71</v>
      </c>
      <c r="N144" s="8">
        <v>1</v>
      </c>
      <c r="O144" s="8" t="s">
        <v>514</v>
      </c>
      <c r="P144" s="8">
        <v>3</v>
      </c>
      <c r="Q144" s="8">
        <v>15</v>
      </c>
      <c r="R144" s="8"/>
      <c r="S144" s="296"/>
      <c r="T144" s="296"/>
      <c r="U144" s="296"/>
    </row>
    <row r="145" spans="1:21" hidden="1" outlineLevel="1">
      <c r="A145" s="8"/>
      <c r="B145" s="8"/>
      <c r="C145" s="8"/>
      <c r="D145" s="8"/>
      <c r="E145" s="8"/>
      <c r="F145" s="8"/>
      <c r="G145" s="8"/>
      <c r="H145" s="8"/>
      <c r="I145" s="8">
        <v>4</v>
      </c>
      <c r="J145" s="8">
        <v>26</v>
      </c>
      <c r="K145" s="8" t="s">
        <v>135</v>
      </c>
      <c r="L145" s="8" t="s">
        <v>17</v>
      </c>
      <c r="M145" s="8" t="s">
        <v>71</v>
      </c>
      <c r="N145" s="8">
        <v>1</v>
      </c>
      <c r="O145" s="8" t="s">
        <v>514</v>
      </c>
      <c r="P145" s="8">
        <v>2</v>
      </c>
      <c r="Q145" s="8">
        <v>3</v>
      </c>
      <c r="R145" s="8"/>
      <c r="S145" s="296"/>
      <c r="T145" s="296"/>
      <c r="U145" s="296"/>
    </row>
    <row r="146" spans="1:21" s="8" customFormat="1" hidden="1" outlineLevel="1">
      <c r="I146" s="8">
        <v>5</v>
      </c>
      <c r="J146" s="8">
        <v>309</v>
      </c>
      <c r="K146" s="8" t="s">
        <v>133</v>
      </c>
      <c r="L146" s="8" t="s">
        <v>78</v>
      </c>
      <c r="M146" s="8" t="s">
        <v>71</v>
      </c>
      <c r="N146" s="8">
        <v>1</v>
      </c>
      <c r="O146" s="72" t="s">
        <v>514</v>
      </c>
      <c r="P146" s="8">
        <v>1</v>
      </c>
      <c r="Q146" s="8">
        <v>2</v>
      </c>
      <c r="R146" s="8" t="s">
        <v>690</v>
      </c>
      <c r="S146" s="296"/>
      <c r="T146" s="296"/>
      <c r="U146" s="296"/>
    </row>
    <row r="147" spans="1:21" s="8" customFormat="1" hidden="1" outlineLevel="1">
      <c r="I147" s="8">
        <v>6</v>
      </c>
      <c r="J147" s="8">
        <v>310</v>
      </c>
      <c r="K147" s="8" t="s">
        <v>131</v>
      </c>
      <c r="L147" s="8" t="s">
        <v>17</v>
      </c>
      <c r="M147" s="8" t="s">
        <v>71</v>
      </c>
      <c r="N147" s="8">
        <v>1</v>
      </c>
      <c r="O147" s="8" t="s">
        <v>509</v>
      </c>
      <c r="P147" s="8">
        <v>1</v>
      </c>
      <c r="Q147" s="8">
        <v>30</v>
      </c>
      <c r="S147" s="296"/>
      <c r="T147" s="296"/>
      <c r="U147" s="296"/>
    </row>
    <row r="148" spans="1:21" hidden="1" collapsed="1">
      <c r="A148" s="17"/>
      <c r="B148" s="17"/>
      <c r="C148" s="17">
        <v>260</v>
      </c>
      <c r="D148" s="17" t="s">
        <v>124</v>
      </c>
      <c r="E148" s="17" t="s">
        <v>475</v>
      </c>
      <c r="F148" s="17"/>
      <c r="G148" s="17"/>
      <c r="H148" s="17"/>
      <c r="I148" s="17"/>
      <c r="J148" s="17"/>
      <c r="K148" s="17"/>
      <c r="L148" s="17" t="s">
        <v>17</v>
      </c>
      <c r="M148" s="17" t="s">
        <v>71</v>
      </c>
      <c r="N148" s="17">
        <v>3</v>
      </c>
      <c r="O148" s="17"/>
      <c r="P148" s="17"/>
      <c r="Q148" s="17"/>
      <c r="R148" s="17"/>
      <c r="S148" s="296"/>
      <c r="T148" s="296"/>
      <c r="U148" s="296"/>
    </row>
    <row r="149" spans="1:21" hidden="1">
      <c r="A149" s="8"/>
      <c r="B149" s="8"/>
      <c r="C149" s="8"/>
      <c r="D149" s="8"/>
      <c r="E149" s="8"/>
      <c r="F149" s="8"/>
      <c r="G149" s="8"/>
      <c r="H149" s="8"/>
      <c r="I149" s="8">
        <v>1</v>
      </c>
      <c r="J149" s="8">
        <v>366</v>
      </c>
      <c r="K149" s="8" t="s">
        <v>122</v>
      </c>
      <c r="L149" s="8" t="s">
        <v>66</v>
      </c>
      <c r="M149" s="8" t="s">
        <v>65</v>
      </c>
      <c r="N149" s="8">
        <v>1</v>
      </c>
      <c r="O149" s="8" t="s">
        <v>514</v>
      </c>
      <c r="P149" s="8">
        <v>2</v>
      </c>
      <c r="Q149" s="8">
        <v>2</v>
      </c>
      <c r="R149" s="8" t="s">
        <v>704</v>
      </c>
      <c r="S149" s="296"/>
      <c r="T149" s="296"/>
      <c r="U149" s="296"/>
    </row>
    <row r="150" spans="1:21" hidden="1">
      <c r="A150" s="8"/>
      <c r="B150" s="8"/>
      <c r="C150" s="8"/>
      <c r="D150" s="8"/>
      <c r="E150" s="8"/>
      <c r="F150" s="8"/>
      <c r="G150" s="8"/>
      <c r="H150" s="8"/>
      <c r="I150" s="8">
        <v>2</v>
      </c>
      <c r="J150" s="8">
        <v>93</v>
      </c>
      <c r="K150" s="8" t="s">
        <v>120</v>
      </c>
      <c r="L150" s="8" t="s">
        <v>17</v>
      </c>
      <c r="M150" s="8" t="s">
        <v>71</v>
      </c>
      <c r="N150" s="8">
        <v>1</v>
      </c>
      <c r="O150" s="8" t="s">
        <v>509</v>
      </c>
      <c r="P150" s="8">
        <v>1</v>
      </c>
      <c r="Q150" s="8">
        <v>60</v>
      </c>
      <c r="R150" s="8"/>
      <c r="S150" s="296"/>
      <c r="T150" s="296"/>
      <c r="U150" s="296"/>
    </row>
    <row r="151" spans="1:21" hidden="1">
      <c r="A151" s="8"/>
      <c r="B151" s="8"/>
      <c r="C151" s="8"/>
      <c r="D151" s="8"/>
      <c r="E151" s="8"/>
      <c r="F151" s="8"/>
      <c r="G151" s="8"/>
      <c r="H151" s="8"/>
      <c r="I151" s="8">
        <v>3</v>
      </c>
      <c r="J151" s="8">
        <v>365</v>
      </c>
      <c r="K151" s="8" t="s">
        <v>114</v>
      </c>
      <c r="L151" s="8" t="s">
        <v>78</v>
      </c>
      <c r="M151" s="8" t="s">
        <v>71</v>
      </c>
      <c r="N151" s="8">
        <v>1</v>
      </c>
      <c r="O151" s="8" t="s">
        <v>514</v>
      </c>
      <c r="P151" s="8">
        <v>2</v>
      </c>
      <c r="Q151" s="8">
        <v>2</v>
      </c>
      <c r="R151" s="270" t="s">
        <v>624</v>
      </c>
      <c r="S151" s="296"/>
      <c r="T151" s="296"/>
      <c r="U151" s="296"/>
    </row>
    <row r="152" spans="1:21" hidden="1">
      <c r="A152" s="8"/>
      <c r="B152" s="8"/>
      <c r="C152" s="8"/>
      <c r="D152" s="8"/>
      <c r="E152" s="8"/>
      <c r="F152" s="8"/>
      <c r="G152" s="8"/>
      <c r="H152" s="8"/>
      <c r="I152" s="8">
        <v>4</v>
      </c>
      <c r="J152" s="8">
        <v>364</v>
      </c>
      <c r="K152" s="8" t="s">
        <v>112</v>
      </c>
      <c r="L152" s="8" t="s">
        <v>78</v>
      </c>
      <c r="M152" s="8" t="s">
        <v>71</v>
      </c>
      <c r="N152" s="8">
        <v>1</v>
      </c>
      <c r="O152" s="8" t="s">
        <v>509</v>
      </c>
      <c r="P152" s="8">
        <v>1</v>
      </c>
      <c r="Q152" s="8">
        <v>80</v>
      </c>
      <c r="R152" s="8"/>
      <c r="S152" s="296"/>
      <c r="T152" s="296"/>
      <c r="U152" s="296"/>
    </row>
    <row r="153" spans="1:21" hidden="1">
      <c r="A153" s="8"/>
      <c r="B153" s="8"/>
      <c r="C153" s="8"/>
      <c r="D153" s="8"/>
      <c r="E153" s="8"/>
      <c r="F153" s="8"/>
      <c r="G153" s="8"/>
      <c r="H153" s="8"/>
      <c r="I153" s="8">
        <v>5</v>
      </c>
      <c r="J153" s="8">
        <v>365</v>
      </c>
      <c r="K153" s="8" t="s">
        <v>114</v>
      </c>
      <c r="L153" s="8" t="s">
        <v>78</v>
      </c>
      <c r="M153" s="8" t="s">
        <v>71</v>
      </c>
      <c r="N153" s="8">
        <v>1</v>
      </c>
      <c r="O153" s="8" t="s">
        <v>514</v>
      </c>
      <c r="P153" s="8">
        <v>2</v>
      </c>
      <c r="Q153" s="8">
        <v>2</v>
      </c>
      <c r="R153" s="270" t="s">
        <v>624</v>
      </c>
      <c r="S153" s="296"/>
      <c r="T153" s="296"/>
      <c r="U153" s="296"/>
    </row>
    <row r="154" spans="1:21" hidden="1">
      <c r="A154" s="8"/>
      <c r="B154" s="8"/>
      <c r="C154" s="8"/>
      <c r="D154" s="8"/>
      <c r="E154" s="8"/>
      <c r="F154" s="8"/>
      <c r="G154" s="8"/>
      <c r="H154" s="8"/>
      <c r="I154" s="8">
        <v>6</v>
      </c>
      <c r="J154" s="8">
        <v>364</v>
      </c>
      <c r="K154" s="8" t="s">
        <v>112</v>
      </c>
      <c r="L154" s="8" t="s">
        <v>78</v>
      </c>
      <c r="M154" s="8" t="s">
        <v>71</v>
      </c>
      <c r="N154" s="8">
        <v>1</v>
      </c>
      <c r="O154" s="8" t="s">
        <v>509</v>
      </c>
      <c r="P154" s="8">
        <v>1</v>
      </c>
      <c r="Q154" s="8">
        <v>80</v>
      </c>
      <c r="R154" s="8"/>
      <c r="S154" s="296"/>
      <c r="T154" s="296"/>
      <c r="U154" s="296"/>
    </row>
    <row r="155" spans="1:21" hidden="1">
      <c r="A155" s="8"/>
      <c r="B155" s="8"/>
      <c r="C155" s="8"/>
      <c r="D155" s="8"/>
      <c r="E155" s="8"/>
      <c r="F155" s="8"/>
      <c r="G155" s="8"/>
      <c r="H155" s="8"/>
      <c r="I155" s="8">
        <v>7</v>
      </c>
      <c r="J155" s="8">
        <v>365</v>
      </c>
      <c r="K155" s="8" t="s">
        <v>114</v>
      </c>
      <c r="L155" s="8" t="s">
        <v>78</v>
      </c>
      <c r="M155" s="8" t="s">
        <v>71</v>
      </c>
      <c r="N155" s="8">
        <v>1</v>
      </c>
      <c r="O155" s="8" t="s">
        <v>514</v>
      </c>
      <c r="P155" s="8">
        <v>2</v>
      </c>
      <c r="Q155" s="8">
        <v>2</v>
      </c>
      <c r="R155" s="270" t="s">
        <v>624</v>
      </c>
      <c r="S155" s="296"/>
      <c r="T155" s="296"/>
      <c r="U155" s="296"/>
    </row>
    <row r="156" spans="1:21" hidden="1">
      <c r="A156" s="8"/>
      <c r="B156" s="8"/>
      <c r="C156" s="8"/>
      <c r="D156" s="8"/>
      <c r="E156" s="8"/>
      <c r="F156" s="8"/>
      <c r="G156" s="8"/>
      <c r="H156" s="8"/>
      <c r="I156" s="8">
        <v>8</v>
      </c>
      <c r="J156" s="8">
        <v>364</v>
      </c>
      <c r="K156" s="8" t="s">
        <v>112</v>
      </c>
      <c r="L156" s="8" t="s">
        <v>78</v>
      </c>
      <c r="M156" s="8" t="s">
        <v>71</v>
      </c>
      <c r="N156" s="8">
        <v>1</v>
      </c>
      <c r="O156" s="8" t="s">
        <v>509</v>
      </c>
      <c r="P156" s="8">
        <v>1</v>
      </c>
      <c r="Q156" s="8">
        <v>80</v>
      </c>
      <c r="R156" s="8"/>
      <c r="S156" s="296"/>
      <c r="T156" s="296"/>
      <c r="U156" s="296"/>
    </row>
    <row r="157" spans="1:21">
      <c r="A157" s="17"/>
      <c r="B157" s="17"/>
      <c r="C157" s="17">
        <v>10</v>
      </c>
      <c r="D157" s="17" t="s">
        <v>75</v>
      </c>
      <c r="E157" s="17" t="s">
        <v>429</v>
      </c>
      <c r="F157" s="17"/>
      <c r="G157" s="17"/>
      <c r="H157" s="17"/>
      <c r="I157" s="17"/>
      <c r="J157" s="17"/>
      <c r="K157" s="17"/>
      <c r="L157" s="17" t="s">
        <v>17</v>
      </c>
      <c r="M157" s="17" t="s">
        <v>71</v>
      </c>
      <c r="N157" s="17">
        <v>1</v>
      </c>
      <c r="O157" s="17"/>
      <c r="P157" s="17"/>
      <c r="Q157" s="17"/>
      <c r="R157" s="17"/>
      <c r="S157" s="296" t="s">
        <v>1050</v>
      </c>
      <c r="T157" s="296" t="s">
        <v>1050</v>
      </c>
      <c r="U157" s="296"/>
    </row>
    <row r="158" spans="1:21">
      <c r="A158" s="8"/>
      <c r="B158" s="8"/>
      <c r="C158" s="8"/>
      <c r="D158" s="8"/>
      <c r="E158" s="8"/>
      <c r="F158" s="8"/>
      <c r="G158" s="8"/>
      <c r="H158" s="8"/>
      <c r="I158" s="8">
        <v>1</v>
      </c>
      <c r="J158" s="8">
        <v>354</v>
      </c>
      <c r="K158" s="8" t="s">
        <v>74</v>
      </c>
      <c r="L158" s="8" t="s">
        <v>66</v>
      </c>
      <c r="M158" s="8" t="s">
        <v>65</v>
      </c>
      <c r="N158" s="8">
        <v>1</v>
      </c>
      <c r="O158" s="8" t="s">
        <v>510</v>
      </c>
      <c r="P158" s="8">
        <v>1</v>
      </c>
      <c r="Q158" s="8">
        <v>6</v>
      </c>
      <c r="R158" s="8"/>
    </row>
    <row r="175" spans="9:9">
      <c r="I175"/>
    </row>
  </sheetData>
  <mergeCells count="2">
    <mergeCell ref="A2:R2"/>
    <mergeCell ref="A38:R38"/>
  </mergeCells>
  <printOptions headings="1" gridLines="1"/>
  <pageMargins left="0.70866141732283472" right="0.70866141732283472" top="0.74803149606299213" bottom="0.74803149606299213" header="0.31496062992125984" footer="0.31496062992125984"/>
  <pageSetup paperSize="9" scale="55" fitToHeight="0" orientation="landscape" r:id="rId1"/>
  <headerFooter>
    <oddHeader>&amp;F</oddHeader>
    <oddFooter>Page &amp;P</oddFooter>
  </headerFooter>
  <customProperties>
    <customPr name="IbpWorksheetKeyString_GUID" r:id="rId2"/>
  </customPropertie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tabColor theme="3"/>
  </sheetPr>
  <dimension ref="A1:U99"/>
  <sheetViews>
    <sheetView zoomScale="40" zoomScaleNormal="40" workbookViewId="0">
      <selection activeCell="A52" sqref="A52"/>
    </sheetView>
  </sheetViews>
  <sheetFormatPr defaultColWidth="8.33203125" defaultRowHeight="14" outlineLevelRow="1"/>
  <cols>
    <col min="1" max="1" width="4.33203125" customWidth="1"/>
    <col min="2" max="2" width="5.1640625" customWidth="1"/>
    <col min="3" max="3" width="3" style="45" customWidth="1"/>
    <col min="4" max="4" width="4.83203125" style="45" customWidth="1"/>
    <col min="5" max="5" width="7" style="45" customWidth="1"/>
    <col min="6" max="6" width="2.33203125" style="45" customWidth="1"/>
    <col min="7" max="7" width="3.83203125" style="45" customWidth="1"/>
    <col min="8" max="8" width="2.6640625" style="45" customWidth="1"/>
    <col min="9" max="9" width="4.33203125" style="45" customWidth="1"/>
    <col min="10" max="10" width="5.1640625" style="45" customWidth="1"/>
    <col min="11" max="11" width="38.6640625" style="45" bestFit="1" customWidth="1"/>
    <col min="12" max="12" width="13.6640625" style="45" customWidth="1"/>
    <col min="13" max="13" width="10.5" style="45" bestFit="1" customWidth="1"/>
    <col min="14" max="14" width="4.33203125" style="45" customWidth="1"/>
    <col min="15" max="15" width="3.5" style="45" customWidth="1"/>
    <col min="16" max="16" width="2.5" style="45" customWidth="1"/>
    <col min="17" max="17" width="3.1640625" style="45" customWidth="1"/>
    <col min="18" max="18" width="55.6640625" customWidth="1"/>
    <col min="19" max="19" width="97.83203125" customWidth="1"/>
    <col min="20" max="20" width="95" style="2" customWidth="1"/>
    <col min="21" max="21" width="23.5" customWidth="1"/>
  </cols>
  <sheetData>
    <row r="1" spans="1:20" s="10" customFormat="1" ht="42">
      <c r="A1" s="42" t="s">
        <v>415</v>
      </c>
      <c r="B1" s="42" t="s">
        <v>416</v>
      </c>
      <c r="C1" s="42" t="s">
        <v>417</v>
      </c>
      <c r="D1" s="42" t="s">
        <v>412</v>
      </c>
      <c r="E1" s="42" t="s">
        <v>418</v>
      </c>
      <c r="F1" s="42" t="s">
        <v>431</v>
      </c>
      <c r="G1" s="42" t="s">
        <v>411</v>
      </c>
      <c r="H1" s="42" t="s">
        <v>419</v>
      </c>
      <c r="I1" s="42" t="s">
        <v>420</v>
      </c>
      <c r="J1" s="42" t="s">
        <v>410</v>
      </c>
      <c r="K1" s="42" t="s">
        <v>408</v>
      </c>
      <c r="L1" s="42" t="s">
        <v>407</v>
      </c>
      <c r="M1" s="42" t="s">
        <v>406</v>
      </c>
      <c r="N1" s="42" t="s">
        <v>535</v>
      </c>
      <c r="O1" s="42" t="s">
        <v>534</v>
      </c>
      <c r="P1" s="42" t="s">
        <v>533</v>
      </c>
      <c r="Q1" s="42" t="s">
        <v>532</v>
      </c>
      <c r="R1" s="69" t="s">
        <v>869</v>
      </c>
      <c r="S1" s="69" t="s">
        <v>1795</v>
      </c>
      <c r="T1" s="69" t="s">
        <v>1796</v>
      </c>
    </row>
    <row r="2" spans="1:20">
      <c r="A2" s="21" t="s">
        <v>421</v>
      </c>
      <c r="B2" s="73"/>
      <c r="C2" s="9"/>
      <c r="D2" s="9"/>
      <c r="E2" s="9"/>
      <c r="F2" s="9"/>
      <c r="G2" s="9"/>
      <c r="H2" s="9"/>
      <c r="I2" s="9"/>
      <c r="J2" s="9"/>
      <c r="K2" s="9"/>
      <c r="L2" s="9"/>
      <c r="M2" s="9"/>
      <c r="N2" s="9"/>
      <c r="O2" s="9"/>
      <c r="P2" s="9"/>
      <c r="Q2" s="9"/>
      <c r="R2" s="15"/>
    </row>
    <row r="3" spans="1:20" ht="17.5">
      <c r="A3" s="49"/>
      <c r="B3" s="49"/>
      <c r="C3" s="16">
        <v>10</v>
      </c>
      <c r="D3" s="16" t="s">
        <v>405</v>
      </c>
      <c r="E3" s="16" t="s">
        <v>422</v>
      </c>
      <c r="F3" s="16"/>
      <c r="G3" s="16"/>
      <c r="H3" s="16"/>
      <c r="I3" s="16"/>
      <c r="J3" s="16"/>
      <c r="K3" s="16"/>
      <c r="L3" s="16" t="s">
        <v>66</v>
      </c>
      <c r="M3" s="16" t="s">
        <v>65</v>
      </c>
      <c r="N3" s="16">
        <v>1</v>
      </c>
      <c r="O3" s="16"/>
      <c r="P3" s="16"/>
      <c r="Q3" s="16"/>
      <c r="R3" s="49"/>
      <c r="S3" s="98" t="s">
        <v>1068</v>
      </c>
      <c r="T3" s="99" t="s">
        <v>1068</v>
      </c>
    </row>
    <row r="4" spans="1:20" ht="17.5">
      <c r="I4" s="45">
        <v>1</v>
      </c>
      <c r="J4" s="45">
        <v>143</v>
      </c>
      <c r="K4" s="45" t="s">
        <v>403</v>
      </c>
      <c r="L4" s="45" t="s">
        <v>66</v>
      </c>
      <c r="M4" s="45" t="s">
        <v>65</v>
      </c>
      <c r="N4" s="45">
        <v>1</v>
      </c>
      <c r="O4" s="45" t="s">
        <v>514</v>
      </c>
      <c r="P4" s="45">
        <v>3</v>
      </c>
      <c r="Q4" s="45">
        <v>3</v>
      </c>
      <c r="R4" s="45" t="s">
        <v>865</v>
      </c>
      <c r="S4" s="98"/>
      <c r="T4" s="99"/>
    </row>
    <row r="5" spans="1:20" ht="17.5">
      <c r="I5" s="45">
        <v>2</v>
      </c>
      <c r="J5" s="45">
        <v>329</v>
      </c>
      <c r="K5" s="45" t="s">
        <v>401</v>
      </c>
      <c r="L5" s="45" t="s">
        <v>66</v>
      </c>
      <c r="M5" s="45" t="s">
        <v>65</v>
      </c>
      <c r="N5" s="45">
        <v>1</v>
      </c>
      <c r="O5" s="45" t="s">
        <v>509</v>
      </c>
      <c r="P5" s="45">
        <v>4</v>
      </c>
      <c r="Q5" s="45">
        <v>9</v>
      </c>
      <c r="S5" s="98"/>
      <c r="T5" s="99"/>
    </row>
    <row r="6" spans="1:20" ht="17.5">
      <c r="A6" s="49"/>
      <c r="B6" s="49"/>
      <c r="C6" s="16">
        <v>20</v>
      </c>
      <c r="D6" s="16" t="s">
        <v>557</v>
      </c>
      <c r="E6" s="16" t="s">
        <v>558</v>
      </c>
      <c r="F6" s="16"/>
      <c r="G6" s="16"/>
      <c r="H6" s="16"/>
      <c r="I6" s="16"/>
      <c r="J6" s="16"/>
      <c r="K6" s="16"/>
      <c r="L6" s="16" t="s">
        <v>66</v>
      </c>
      <c r="M6" s="16" t="s">
        <v>65</v>
      </c>
      <c r="N6" s="16">
        <v>1</v>
      </c>
      <c r="O6" s="16"/>
      <c r="P6" s="16"/>
      <c r="Q6" s="16"/>
      <c r="R6" s="49"/>
      <c r="S6" s="98" t="s">
        <v>1379</v>
      </c>
      <c r="T6" s="99" t="s">
        <v>1459</v>
      </c>
    </row>
    <row r="7" spans="1:20" ht="17.5" hidden="1" outlineLevel="1">
      <c r="I7" s="45">
        <v>1</v>
      </c>
      <c r="J7" s="45">
        <v>353</v>
      </c>
      <c r="K7" s="45" t="s">
        <v>398</v>
      </c>
      <c r="L7" s="45" t="s">
        <v>66</v>
      </c>
      <c r="M7" s="45" t="s">
        <v>65</v>
      </c>
      <c r="N7" s="45">
        <v>1</v>
      </c>
      <c r="O7" s="45" t="s">
        <v>514</v>
      </c>
      <c r="P7" s="45">
        <v>2</v>
      </c>
      <c r="Q7" s="45">
        <v>2</v>
      </c>
      <c r="R7" s="2" t="s">
        <v>754</v>
      </c>
      <c r="S7" s="98"/>
      <c r="T7" s="99"/>
    </row>
    <row r="8" spans="1:20" ht="17.5" hidden="1" outlineLevel="1">
      <c r="I8" s="45">
        <v>2</v>
      </c>
      <c r="J8" s="45">
        <v>127</v>
      </c>
      <c r="K8" s="45" t="s">
        <v>126</v>
      </c>
      <c r="L8" s="45" t="s">
        <v>66</v>
      </c>
      <c r="M8" s="45" t="s">
        <v>65</v>
      </c>
      <c r="N8" s="45">
        <v>1</v>
      </c>
      <c r="O8" s="45" t="s">
        <v>509</v>
      </c>
      <c r="P8" s="45">
        <v>1</v>
      </c>
      <c r="Q8" s="45">
        <v>30</v>
      </c>
      <c r="S8" s="98"/>
      <c r="T8" s="99"/>
    </row>
    <row r="9" spans="1:20" ht="17.5" hidden="1" outlineLevel="1">
      <c r="I9" s="45">
        <v>3</v>
      </c>
      <c r="J9" s="45">
        <v>373</v>
      </c>
      <c r="K9" s="45" t="s">
        <v>1</v>
      </c>
      <c r="L9" s="45" t="s">
        <v>66</v>
      </c>
      <c r="M9" s="45" t="s">
        <v>65</v>
      </c>
      <c r="N9" s="45">
        <v>1</v>
      </c>
      <c r="O9" s="45" t="s">
        <v>519</v>
      </c>
      <c r="P9" s="45">
        <v>8</v>
      </c>
      <c r="Q9" s="45">
        <v>8</v>
      </c>
      <c r="R9" s="2"/>
      <c r="S9" s="98"/>
      <c r="T9" s="99"/>
    </row>
    <row r="10" spans="1:20" ht="17.5" hidden="1" outlineLevel="1">
      <c r="I10" s="45">
        <v>4</v>
      </c>
      <c r="J10" s="45">
        <v>337</v>
      </c>
      <c r="K10" s="45" t="s">
        <v>79</v>
      </c>
      <c r="L10" s="45" t="s">
        <v>78</v>
      </c>
      <c r="M10" s="45" t="s">
        <v>71</v>
      </c>
      <c r="N10" s="45">
        <v>1</v>
      </c>
      <c r="O10" s="45" t="s">
        <v>518</v>
      </c>
      <c r="P10" s="45">
        <v>4</v>
      </c>
      <c r="Q10" s="45">
        <v>8</v>
      </c>
      <c r="R10" s="2"/>
      <c r="S10" s="98"/>
      <c r="T10" s="99"/>
    </row>
    <row r="11" spans="1:20" ht="17.5" collapsed="1">
      <c r="A11" s="96" t="s">
        <v>423</v>
      </c>
      <c r="B11" s="97"/>
      <c r="C11" s="47"/>
      <c r="D11" s="47"/>
      <c r="E11" s="47"/>
      <c r="F11" s="47"/>
      <c r="G11" s="47"/>
      <c r="H11" s="47"/>
      <c r="I11" s="47"/>
      <c r="J11" s="47"/>
      <c r="K11" s="47"/>
      <c r="L11" s="47"/>
      <c r="M11" s="47"/>
      <c r="N11" s="47"/>
      <c r="O11" s="47"/>
      <c r="P11" s="47"/>
      <c r="Q11" s="47"/>
      <c r="R11" s="97"/>
      <c r="S11" s="98"/>
      <c r="T11" s="99"/>
    </row>
    <row r="12" spans="1:20" ht="17.5">
      <c r="A12" s="49" t="s">
        <v>559</v>
      </c>
      <c r="B12" s="49" t="s">
        <v>560</v>
      </c>
      <c r="C12" s="16"/>
      <c r="D12" s="16"/>
      <c r="E12" s="16"/>
      <c r="F12" s="16"/>
      <c r="G12" s="16"/>
      <c r="H12" s="16"/>
      <c r="I12" s="16"/>
      <c r="J12" s="16"/>
      <c r="K12" s="16"/>
      <c r="L12" s="16" t="s">
        <v>66</v>
      </c>
      <c r="M12" s="16" t="s">
        <v>65</v>
      </c>
      <c r="N12" s="16" t="s">
        <v>525</v>
      </c>
      <c r="O12" s="16"/>
      <c r="P12" s="16"/>
      <c r="Q12" s="16"/>
      <c r="R12" s="49"/>
      <c r="S12" s="98" t="s">
        <v>1214</v>
      </c>
      <c r="T12" s="99" t="s">
        <v>1460</v>
      </c>
    </row>
    <row r="13" spans="1:20" ht="17.5">
      <c r="A13" s="49"/>
      <c r="B13" s="49"/>
      <c r="C13" s="16">
        <v>10</v>
      </c>
      <c r="D13" s="16" t="s">
        <v>559</v>
      </c>
      <c r="E13" s="16" t="s">
        <v>560</v>
      </c>
      <c r="F13" s="16"/>
      <c r="G13" s="16"/>
      <c r="H13" s="16"/>
      <c r="I13" s="16"/>
      <c r="J13" s="16"/>
      <c r="K13" s="16"/>
      <c r="L13" s="16" t="s">
        <v>66</v>
      </c>
      <c r="M13" s="16" t="s">
        <v>65</v>
      </c>
      <c r="N13" s="16">
        <v>1</v>
      </c>
      <c r="O13" s="16"/>
      <c r="P13" s="16"/>
      <c r="Q13" s="16"/>
      <c r="R13" s="49"/>
      <c r="S13" s="98"/>
      <c r="T13" s="99"/>
    </row>
    <row r="14" spans="1:20" ht="17.5" hidden="1" outlineLevel="1">
      <c r="I14" s="45">
        <v>1</v>
      </c>
      <c r="J14" s="45">
        <v>110</v>
      </c>
      <c r="K14" s="45" t="s">
        <v>561</v>
      </c>
      <c r="L14" s="45" t="s">
        <v>66</v>
      </c>
      <c r="M14" s="45" t="s">
        <v>65</v>
      </c>
      <c r="N14" s="45">
        <v>1</v>
      </c>
      <c r="O14" s="45" t="s">
        <v>514</v>
      </c>
      <c r="P14" s="45">
        <v>1</v>
      </c>
      <c r="Q14" s="45">
        <v>2</v>
      </c>
      <c r="R14" s="70" t="s">
        <v>624</v>
      </c>
      <c r="S14" s="98"/>
      <c r="T14" s="99"/>
    </row>
    <row r="15" spans="1:20" ht="17.5" hidden="1" outlineLevel="1">
      <c r="I15" s="45">
        <v>2</v>
      </c>
      <c r="J15" s="45">
        <v>128</v>
      </c>
      <c r="K15" s="45" t="s">
        <v>128</v>
      </c>
      <c r="L15" s="45" t="s">
        <v>66</v>
      </c>
      <c r="M15" s="45" t="s">
        <v>65</v>
      </c>
      <c r="N15" s="45">
        <v>1</v>
      </c>
      <c r="O15" s="45" t="s">
        <v>514</v>
      </c>
      <c r="P15" s="45">
        <v>2</v>
      </c>
      <c r="Q15" s="45">
        <v>3</v>
      </c>
      <c r="R15" s="95" t="s">
        <v>866</v>
      </c>
      <c r="S15" s="98"/>
      <c r="T15" s="99"/>
    </row>
    <row r="16" spans="1:20" ht="17.5" hidden="1" outlineLevel="1">
      <c r="I16" s="45">
        <v>3</v>
      </c>
      <c r="J16" s="45">
        <v>127</v>
      </c>
      <c r="K16" s="45" t="s">
        <v>126</v>
      </c>
      <c r="L16" s="45" t="s">
        <v>66</v>
      </c>
      <c r="M16" s="45" t="s">
        <v>65</v>
      </c>
      <c r="N16" s="45">
        <v>1</v>
      </c>
      <c r="O16" s="45" t="s">
        <v>509</v>
      </c>
      <c r="P16" s="45">
        <v>1</v>
      </c>
      <c r="Q16" s="45">
        <v>30</v>
      </c>
      <c r="R16" s="2"/>
      <c r="S16" s="98"/>
      <c r="T16" s="99"/>
    </row>
    <row r="17" spans="1:20" ht="17.5" hidden="1" outlineLevel="1">
      <c r="I17" s="50">
        <v>4</v>
      </c>
      <c r="J17" s="50">
        <v>142</v>
      </c>
      <c r="K17" s="50" t="s">
        <v>562</v>
      </c>
      <c r="L17" s="50" t="s">
        <v>17</v>
      </c>
      <c r="M17" s="50" t="s">
        <v>71</v>
      </c>
      <c r="N17" s="50">
        <v>1</v>
      </c>
      <c r="O17" s="50" t="s">
        <v>509</v>
      </c>
      <c r="P17" s="50">
        <v>2</v>
      </c>
      <c r="Q17" s="50">
        <v>15</v>
      </c>
      <c r="R17" s="94"/>
      <c r="S17" s="98"/>
      <c r="T17" s="99"/>
    </row>
    <row r="18" spans="1:20" ht="17.5" hidden="1" outlineLevel="1">
      <c r="I18" s="50">
        <v>5</v>
      </c>
      <c r="J18" s="50">
        <v>124</v>
      </c>
      <c r="K18" s="50" t="s">
        <v>563</v>
      </c>
      <c r="L18" s="50" t="s">
        <v>17</v>
      </c>
      <c r="M18" s="50" t="s">
        <v>71</v>
      </c>
      <c r="N18" s="50">
        <v>1</v>
      </c>
      <c r="O18" s="50" t="s">
        <v>509</v>
      </c>
      <c r="P18" s="50">
        <v>2</v>
      </c>
      <c r="Q18" s="50">
        <v>15</v>
      </c>
      <c r="R18" s="94"/>
      <c r="S18" s="98"/>
      <c r="T18" s="99"/>
    </row>
    <row r="19" spans="1:20" ht="17.5" hidden="1" outlineLevel="1">
      <c r="I19" s="50">
        <v>6</v>
      </c>
      <c r="J19" s="50">
        <v>373</v>
      </c>
      <c r="K19" s="50" t="s">
        <v>1</v>
      </c>
      <c r="L19" s="50" t="s">
        <v>17</v>
      </c>
      <c r="M19" s="50" t="s">
        <v>71</v>
      </c>
      <c r="N19" s="50">
        <v>1</v>
      </c>
      <c r="O19" s="50" t="s">
        <v>519</v>
      </c>
      <c r="P19" s="50">
        <v>8</v>
      </c>
      <c r="Q19" s="50">
        <v>8</v>
      </c>
      <c r="R19" s="94"/>
      <c r="S19" s="98"/>
      <c r="T19" s="99"/>
    </row>
    <row r="20" spans="1:20" ht="17.5" hidden="1" outlineLevel="1">
      <c r="I20" s="50">
        <v>7</v>
      </c>
      <c r="J20" s="50">
        <v>337</v>
      </c>
      <c r="K20" s="50" t="s">
        <v>79</v>
      </c>
      <c r="L20" s="50" t="s">
        <v>17</v>
      </c>
      <c r="M20" s="50" t="s">
        <v>71</v>
      </c>
      <c r="N20" s="50">
        <v>1</v>
      </c>
      <c r="O20" s="50" t="s">
        <v>518</v>
      </c>
      <c r="P20" s="50">
        <v>4</v>
      </c>
      <c r="Q20" s="50">
        <v>8</v>
      </c>
      <c r="R20" s="94"/>
      <c r="S20" s="98"/>
      <c r="T20" s="99"/>
    </row>
    <row r="21" spans="1:20" ht="17.5" hidden="1" outlineLevel="1">
      <c r="I21" s="50">
        <v>8</v>
      </c>
      <c r="J21" s="50">
        <v>28</v>
      </c>
      <c r="K21" s="50" t="s">
        <v>564</v>
      </c>
      <c r="L21" s="50" t="s">
        <v>78</v>
      </c>
      <c r="M21" s="50" t="s">
        <v>71</v>
      </c>
      <c r="N21" s="50">
        <v>1</v>
      </c>
      <c r="O21" s="50" t="s">
        <v>510</v>
      </c>
      <c r="P21" s="50">
        <v>1</v>
      </c>
      <c r="Q21" s="50">
        <v>9</v>
      </c>
      <c r="R21" s="94"/>
      <c r="S21" s="98"/>
      <c r="T21" s="99"/>
    </row>
    <row r="22" spans="1:20" ht="17.5" hidden="1" outlineLevel="1">
      <c r="I22" s="50">
        <v>9</v>
      </c>
      <c r="J22" s="50">
        <v>329</v>
      </c>
      <c r="K22" s="50" t="s">
        <v>401</v>
      </c>
      <c r="L22" s="50" t="s">
        <v>17</v>
      </c>
      <c r="M22" s="50" t="s">
        <v>71</v>
      </c>
      <c r="N22" s="50">
        <v>1</v>
      </c>
      <c r="O22" s="50" t="s">
        <v>509</v>
      </c>
      <c r="P22" s="50">
        <v>4</v>
      </c>
      <c r="Q22" s="50">
        <v>9</v>
      </c>
      <c r="R22" s="94"/>
      <c r="S22" s="98"/>
      <c r="T22" s="99"/>
    </row>
    <row r="23" spans="1:20" ht="17.5" hidden="1" outlineLevel="1">
      <c r="A23" s="14"/>
      <c r="B23" s="14"/>
      <c r="C23" s="41"/>
      <c r="D23" s="41"/>
      <c r="E23" s="41"/>
      <c r="F23" s="41"/>
      <c r="G23" s="41"/>
      <c r="H23" s="41"/>
      <c r="I23" s="41">
        <v>10</v>
      </c>
      <c r="J23" s="41">
        <v>143</v>
      </c>
      <c r="K23" s="41" t="s">
        <v>403</v>
      </c>
      <c r="L23" s="41" t="s">
        <v>17</v>
      </c>
      <c r="M23" s="41" t="s">
        <v>71</v>
      </c>
      <c r="N23" s="41">
        <v>1</v>
      </c>
      <c r="O23" s="41" t="s">
        <v>514</v>
      </c>
      <c r="P23" s="41">
        <v>3</v>
      </c>
      <c r="Q23" s="41">
        <v>3</v>
      </c>
      <c r="R23" s="70" t="s">
        <v>624</v>
      </c>
      <c r="S23" s="98"/>
      <c r="T23" s="99"/>
    </row>
    <row r="24" spans="1:20" ht="17.5" hidden="1" outlineLevel="1">
      <c r="I24" s="50">
        <v>11</v>
      </c>
      <c r="J24" s="50">
        <v>480</v>
      </c>
      <c r="K24" s="50" t="s">
        <v>565</v>
      </c>
      <c r="L24" s="50" t="s">
        <v>17</v>
      </c>
      <c r="M24" s="50" t="s">
        <v>71</v>
      </c>
      <c r="N24" s="50">
        <v>1</v>
      </c>
      <c r="O24" s="50" t="s">
        <v>509</v>
      </c>
      <c r="P24" s="50">
        <v>1</v>
      </c>
      <c r="Q24" s="50">
        <v>12</v>
      </c>
      <c r="R24" s="94"/>
      <c r="S24" s="98"/>
      <c r="T24" s="99"/>
    </row>
    <row r="25" spans="1:20" ht="17.5" hidden="1" outlineLevel="1">
      <c r="I25" s="50">
        <v>12</v>
      </c>
      <c r="J25" s="50">
        <v>353</v>
      </c>
      <c r="K25" s="50" t="s">
        <v>398</v>
      </c>
      <c r="L25" s="50" t="s">
        <v>17</v>
      </c>
      <c r="M25" s="50" t="s">
        <v>71</v>
      </c>
      <c r="N25" s="50">
        <v>1</v>
      </c>
      <c r="O25" s="50" t="s">
        <v>514</v>
      </c>
      <c r="P25" s="50">
        <v>2</v>
      </c>
      <c r="Q25" s="50">
        <v>2</v>
      </c>
      <c r="R25" s="94"/>
      <c r="S25" s="98"/>
      <c r="T25" s="99"/>
    </row>
    <row r="26" spans="1:20" ht="17.5" hidden="1" outlineLevel="1">
      <c r="I26" s="50">
        <v>13</v>
      </c>
      <c r="J26" s="50">
        <v>640</v>
      </c>
      <c r="K26" s="50" t="s">
        <v>436</v>
      </c>
      <c r="L26" s="50" t="s">
        <v>17</v>
      </c>
      <c r="M26" s="50" t="s">
        <v>71</v>
      </c>
      <c r="N26" s="50">
        <v>1</v>
      </c>
      <c r="O26" s="50" t="s">
        <v>514</v>
      </c>
      <c r="P26" s="50">
        <v>2</v>
      </c>
      <c r="Q26" s="50">
        <v>2</v>
      </c>
      <c r="R26" s="94"/>
      <c r="S26" s="98"/>
      <c r="T26" s="99"/>
    </row>
    <row r="27" spans="1:20" ht="17.5" hidden="1" outlineLevel="1">
      <c r="I27" s="50">
        <v>14</v>
      </c>
      <c r="J27" s="50">
        <v>346</v>
      </c>
      <c r="K27" s="50" t="s">
        <v>566</v>
      </c>
      <c r="L27" s="50" t="s">
        <v>17</v>
      </c>
      <c r="M27" s="50" t="s">
        <v>71</v>
      </c>
      <c r="N27" s="50">
        <v>1</v>
      </c>
      <c r="O27" s="50" t="s">
        <v>514</v>
      </c>
      <c r="P27" s="50">
        <v>2</v>
      </c>
      <c r="Q27" s="50">
        <v>2</v>
      </c>
      <c r="R27" s="94"/>
      <c r="S27" s="98"/>
      <c r="T27" s="99"/>
    </row>
    <row r="28" spans="1:20" ht="17.5" hidden="1" outlineLevel="1">
      <c r="G28" s="41"/>
      <c r="H28" s="41"/>
      <c r="I28" s="41">
        <v>15</v>
      </c>
      <c r="J28" s="41">
        <v>306</v>
      </c>
      <c r="K28" s="41" t="s">
        <v>539</v>
      </c>
      <c r="L28" s="41" t="s">
        <v>17</v>
      </c>
      <c r="M28" s="41" t="s">
        <v>71</v>
      </c>
      <c r="N28" s="41">
        <v>1</v>
      </c>
      <c r="O28" s="41" t="s">
        <v>514</v>
      </c>
      <c r="P28" s="41">
        <v>1</v>
      </c>
      <c r="Q28" s="41">
        <v>2</v>
      </c>
      <c r="R28" s="14" t="s">
        <v>870</v>
      </c>
      <c r="S28" s="98"/>
      <c r="T28" s="99"/>
    </row>
    <row r="29" spans="1:20" ht="17.5" hidden="1" outlineLevel="1">
      <c r="I29" s="50">
        <v>16</v>
      </c>
      <c r="J29" s="50">
        <v>305</v>
      </c>
      <c r="K29" s="50" t="s">
        <v>567</v>
      </c>
      <c r="L29" s="50" t="s">
        <v>17</v>
      </c>
      <c r="M29" s="50" t="s">
        <v>71</v>
      </c>
      <c r="N29" s="50">
        <v>1</v>
      </c>
      <c r="O29" s="50" t="s">
        <v>514</v>
      </c>
      <c r="P29" s="50">
        <v>1</v>
      </c>
      <c r="Q29" s="50">
        <v>2</v>
      </c>
      <c r="R29" s="94"/>
      <c r="S29" s="98"/>
      <c r="T29" s="99"/>
    </row>
    <row r="30" spans="1:20" ht="17.5" hidden="1" outlineLevel="1">
      <c r="I30" s="45">
        <v>17</v>
      </c>
      <c r="J30" s="45">
        <v>641</v>
      </c>
      <c r="K30" s="45" t="s">
        <v>437</v>
      </c>
      <c r="L30" s="45" t="s">
        <v>17</v>
      </c>
      <c r="M30" s="45" t="s">
        <v>71</v>
      </c>
      <c r="N30" s="45">
        <v>1</v>
      </c>
      <c r="O30" s="45" t="s">
        <v>514</v>
      </c>
      <c r="P30" s="45">
        <v>3</v>
      </c>
      <c r="Q30" s="45">
        <v>3</v>
      </c>
      <c r="R30" s="70" t="s">
        <v>624</v>
      </c>
      <c r="S30" s="98"/>
      <c r="T30" s="99"/>
    </row>
    <row r="31" spans="1:20" ht="17.5" collapsed="1">
      <c r="A31" s="49"/>
      <c r="B31" s="49"/>
      <c r="C31" s="16">
        <v>20</v>
      </c>
      <c r="D31" s="16" t="s">
        <v>130</v>
      </c>
      <c r="E31" s="16" t="s">
        <v>126</v>
      </c>
      <c r="F31" s="16"/>
      <c r="G31" s="16"/>
      <c r="H31" s="16"/>
      <c r="I31" s="16"/>
      <c r="J31" s="16"/>
      <c r="K31" s="16"/>
      <c r="L31" s="16" t="s">
        <v>17</v>
      </c>
      <c r="M31" s="16" t="s">
        <v>71</v>
      </c>
      <c r="N31" s="16">
        <v>12</v>
      </c>
      <c r="O31" s="16"/>
      <c r="P31" s="16"/>
      <c r="Q31" s="16"/>
      <c r="R31" s="49"/>
      <c r="S31" s="98" t="s">
        <v>1380</v>
      </c>
      <c r="T31" s="99" t="s">
        <v>1461</v>
      </c>
    </row>
    <row r="32" spans="1:20" ht="17.5" hidden="1" outlineLevel="1">
      <c r="I32" s="45">
        <v>1</v>
      </c>
      <c r="J32" s="45">
        <v>128</v>
      </c>
      <c r="K32" s="45" t="s">
        <v>128</v>
      </c>
      <c r="L32" s="45" t="s">
        <v>66</v>
      </c>
      <c r="M32" s="45" t="s">
        <v>65</v>
      </c>
      <c r="N32" s="45">
        <v>1</v>
      </c>
      <c r="O32" s="45" t="s">
        <v>514</v>
      </c>
      <c r="P32" s="45">
        <v>2</v>
      </c>
      <c r="Q32" s="45">
        <v>3</v>
      </c>
      <c r="R32" s="14" t="s">
        <v>866</v>
      </c>
      <c r="S32" s="98"/>
      <c r="T32" s="99"/>
    </row>
    <row r="33" spans="1:20" ht="17.5" hidden="1" outlineLevel="1">
      <c r="I33" s="45">
        <v>2</v>
      </c>
      <c r="J33" s="45">
        <v>127</v>
      </c>
      <c r="K33" s="45" t="s">
        <v>126</v>
      </c>
      <c r="L33" s="45" t="s">
        <v>78</v>
      </c>
      <c r="M33" s="45" t="s">
        <v>71</v>
      </c>
      <c r="N33" s="45">
        <v>1</v>
      </c>
      <c r="O33" s="45" t="s">
        <v>509</v>
      </c>
      <c r="P33" s="45">
        <v>1</v>
      </c>
      <c r="Q33" s="45">
        <v>30</v>
      </c>
      <c r="R33" t="s">
        <v>867</v>
      </c>
      <c r="S33" s="98"/>
      <c r="T33" s="99"/>
    </row>
    <row r="34" spans="1:20" ht="17.5" hidden="1" outlineLevel="1">
      <c r="I34" s="45">
        <v>3</v>
      </c>
      <c r="J34" s="45">
        <v>352</v>
      </c>
      <c r="K34" s="45" t="s">
        <v>3</v>
      </c>
      <c r="L34" s="45" t="s">
        <v>78</v>
      </c>
      <c r="M34" s="45" t="s">
        <v>71</v>
      </c>
      <c r="N34" s="45">
        <v>1</v>
      </c>
      <c r="O34" s="45" t="s">
        <v>509</v>
      </c>
      <c r="P34" s="45">
        <v>1</v>
      </c>
      <c r="Q34" s="45">
        <v>80</v>
      </c>
      <c r="R34" s="95"/>
      <c r="S34" s="98"/>
      <c r="T34" s="99"/>
    </row>
    <row r="35" spans="1:20" ht="17.5" collapsed="1">
      <c r="A35" s="49"/>
      <c r="B35" s="49"/>
      <c r="C35" s="16">
        <v>20</v>
      </c>
      <c r="D35" s="16" t="s">
        <v>130</v>
      </c>
      <c r="E35" s="16" t="s">
        <v>126</v>
      </c>
      <c r="F35" s="16"/>
      <c r="G35" s="16"/>
      <c r="H35" s="16"/>
      <c r="I35" s="16"/>
      <c r="J35" s="16"/>
      <c r="K35" s="16"/>
      <c r="L35" s="16" t="s">
        <v>17</v>
      </c>
      <c r="M35" s="16" t="s">
        <v>71</v>
      </c>
      <c r="N35" s="16">
        <v>12</v>
      </c>
      <c r="O35" s="16"/>
      <c r="P35" s="16"/>
      <c r="Q35" s="16"/>
      <c r="R35" s="49"/>
      <c r="S35" s="98"/>
      <c r="T35" s="99"/>
    </row>
    <row r="36" spans="1:20" ht="17.5" hidden="1">
      <c r="I36" s="45">
        <v>1</v>
      </c>
      <c r="J36" s="45">
        <v>128</v>
      </c>
      <c r="K36" s="45" t="s">
        <v>128</v>
      </c>
      <c r="L36" s="45" t="s">
        <v>66</v>
      </c>
      <c r="M36" s="45" t="s">
        <v>65</v>
      </c>
      <c r="N36" s="45">
        <v>1</v>
      </c>
      <c r="O36" s="45" t="s">
        <v>514</v>
      </c>
      <c r="P36" s="45">
        <v>2</v>
      </c>
      <c r="Q36" s="45">
        <v>3</v>
      </c>
      <c r="R36" s="95" t="s">
        <v>672</v>
      </c>
      <c r="S36" s="98"/>
      <c r="T36" s="99"/>
    </row>
    <row r="37" spans="1:20" ht="17.5" hidden="1">
      <c r="I37" s="50">
        <v>2</v>
      </c>
      <c r="J37" s="50">
        <v>127</v>
      </c>
      <c r="K37" s="50" t="s">
        <v>126</v>
      </c>
      <c r="L37" s="50" t="s">
        <v>78</v>
      </c>
      <c r="M37" s="50" t="s">
        <v>71</v>
      </c>
      <c r="N37" s="50">
        <v>1</v>
      </c>
      <c r="O37" s="50" t="s">
        <v>509</v>
      </c>
      <c r="P37" s="50">
        <v>1</v>
      </c>
      <c r="Q37" s="50">
        <v>30</v>
      </c>
      <c r="R37" s="94"/>
      <c r="S37" s="98"/>
      <c r="T37" s="99"/>
    </row>
    <row r="38" spans="1:20" ht="17.5" hidden="1">
      <c r="I38" s="45">
        <v>3</v>
      </c>
      <c r="J38" s="45">
        <v>352</v>
      </c>
      <c r="K38" s="45" t="s">
        <v>3</v>
      </c>
      <c r="L38" s="45" t="s">
        <v>78</v>
      </c>
      <c r="M38" s="45" t="s">
        <v>71</v>
      </c>
      <c r="N38" s="45">
        <v>1</v>
      </c>
      <c r="O38" s="45" t="s">
        <v>509</v>
      </c>
      <c r="P38" s="45">
        <v>1</v>
      </c>
      <c r="Q38" s="45">
        <v>80</v>
      </c>
      <c r="R38" s="2"/>
      <c r="S38" s="98"/>
      <c r="T38" s="99"/>
    </row>
    <row r="39" spans="1:20" ht="17.5" hidden="1">
      <c r="A39" s="51"/>
      <c r="B39" s="51"/>
      <c r="C39" s="48">
        <v>20</v>
      </c>
      <c r="D39" s="48" t="s">
        <v>130</v>
      </c>
      <c r="E39" s="48" t="s">
        <v>126</v>
      </c>
      <c r="F39" s="48"/>
      <c r="G39" s="48"/>
      <c r="H39" s="48"/>
      <c r="I39" s="48"/>
      <c r="J39" s="48"/>
      <c r="K39" s="48"/>
      <c r="L39" s="48" t="s">
        <v>17</v>
      </c>
      <c r="M39" s="48" t="s">
        <v>71</v>
      </c>
      <c r="N39" s="48">
        <v>12</v>
      </c>
      <c r="O39" s="48"/>
      <c r="P39" s="48"/>
      <c r="Q39" s="48"/>
      <c r="R39" s="51"/>
      <c r="S39" s="98"/>
      <c r="T39" s="99"/>
    </row>
    <row r="40" spans="1:20" ht="17.5" hidden="1">
      <c r="A40" s="14"/>
      <c r="B40" s="14"/>
      <c r="C40" s="41"/>
      <c r="D40" s="41"/>
      <c r="E40" s="41"/>
      <c r="F40" s="41"/>
      <c r="G40" s="41"/>
      <c r="H40" s="41"/>
      <c r="I40" s="41">
        <v>1</v>
      </c>
      <c r="J40" s="41">
        <v>128</v>
      </c>
      <c r="K40" s="41" t="s">
        <v>128</v>
      </c>
      <c r="L40" s="41" t="s">
        <v>66</v>
      </c>
      <c r="M40" s="41" t="s">
        <v>65</v>
      </c>
      <c r="N40" s="41">
        <v>1</v>
      </c>
      <c r="O40" s="41" t="s">
        <v>514</v>
      </c>
      <c r="P40" s="41">
        <v>2</v>
      </c>
      <c r="Q40" s="41">
        <v>3</v>
      </c>
      <c r="R40" s="14" t="s">
        <v>737</v>
      </c>
      <c r="S40" s="98"/>
      <c r="T40" s="99"/>
    </row>
    <row r="41" spans="1:20" ht="17.5" hidden="1">
      <c r="A41" s="14"/>
      <c r="B41" s="14"/>
      <c r="C41" s="41"/>
      <c r="D41" s="41"/>
      <c r="E41" s="41"/>
      <c r="F41" s="41"/>
      <c r="G41" s="41"/>
      <c r="H41" s="41"/>
      <c r="I41" s="41">
        <v>2</v>
      </c>
      <c r="J41" s="41">
        <v>127</v>
      </c>
      <c r="K41" s="41" t="s">
        <v>126</v>
      </c>
      <c r="L41" s="41" t="s">
        <v>78</v>
      </c>
      <c r="M41" s="41" t="s">
        <v>71</v>
      </c>
      <c r="N41" s="41">
        <v>1</v>
      </c>
      <c r="O41" s="41" t="s">
        <v>509</v>
      </c>
      <c r="P41" s="41">
        <v>1</v>
      </c>
      <c r="Q41" s="41">
        <v>30</v>
      </c>
      <c r="R41" s="95"/>
      <c r="S41" s="98"/>
      <c r="T41" s="99"/>
    </row>
    <row r="42" spans="1:20" ht="17.5" hidden="1">
      <c r="A42" s="14"/>
      <c r="B42" s="14"/>
      <c r="C42" s="41"/>
      <c r="D42" s="41"/>
      <c r="E42" s="41"/>
      <c r="F42" s="41"/>
      <c r="G42" s="41"/>
      <c r="H42" s="41"/>
      <c r="I42" s="41">
        <v>3</v>
      </c>
      <c r="J42" s="41">
        <v>352</v>
      </c>
      <c r="K42" s="41" t="s">
        <v>3</v>
      </c>
      <c r="L42" s="41" t="s">
        <v>78</v>
      </c>
      <c r="M42" s="41" t="s">
        <v>71</v>
      </c>
      <c r="N42" s="41">
        <v>1</v>
      </c>
      <c r="O42" s="41" t="s">
        <v>509</v>
      </c>
      <c r="P42" s="41">
        <v>1</v>
      </c>
      <c r="Q42" s="41">
        <v>80</v>
      </c>
      <c r="R42" s="95"/>
      <c r="S42" s="98"/>
      <c r="T42" s="99"/>
    </row>
    <row r="43" spans="1:20" ht="17.5">
      <c r="A43" s="49"/>
      <c r="B43" s="49"/>
      <c r="C43" s="16">
        <v>30</v>
      </c>
      <c r="D43" s="16" t="s">
        <v>84</v>
      </c>
      <c r="E43" s="16" t="s">
        <v>428</v>
      </c>
      <c r="F43" s="16"/>
      <c r="G43" s="16"/>
      <c r="H43" s="16"/>
      <c r="I43" s="16"/>
      <c r="J43" s="16"/>
      <c r="K43" s="16"/>
      <c r="L43" s="16" t="s">
        <v>17</v>
      </c>
      <c r="M43" s="16" t="s">
        <v>71</v>
      </c>
      <c r="N43" s="16">
        <v>2</v>
      </c>
      <c r="O43" s="16"/>
      <c r="P43" s="16"/>
      <c r="Q43" s="16"/>
      <c r="R43" s="49"/>
      <c r="S43" s="98" t="s">
        <v>1216</v>
      </c>
      <c r="T43" s="99" t="s">
        <v>1462</v>
      </c>
    </row>
    <row r="44" spans="1:20" ht="17.5" hidden="1" outlineLevel="1">
      <c r="I44" s="45">
        <v>1</v>
      </c>
      <c r="J44" s="45">
        <v>374</v>
      </c>
      <c r="K44" s="45" t="s">
        <v>82</v>
      </c>
      <c r="L44" s="45" t="s">
        <v>66</v>
      </c>
      <c r="M44" s="45" t="s">
        <v>65</v>
      </c>
      <c r="N44" s="45">
        <v>1</v>
      </c>
      <c r="O44" s="45" t="s">
        <v>514</v>
      </c>
      <c r="P44" s="45">
        <v>3</v>
      </c>
      <c r="Q44" s="45">
        <v>3</v>
      </c>
      <c r="R44" s="14" t="s">
        <v>868</v>
      </c>
      <c r="S44" s="98"/>
      <c r="T44" s="99"/>
    </row>
    <row r="45" spans="1:20" ht="17.5" hidden="1" outlineLevel="1">
      <c r="I45" s="45">
        <v>2</v>
      </c>
      <c r="J45" s="45">
        <v>373</v>
      </c>
      <c r="K45" s="45" t="s">
        <v>1</v>
      </c>
      <c r="L45" s="45" t="s">
        <v>78</v>
      </c>
      <c r="M45" s="45" t="s">
        <v>71</v>
      </c>
      <c r="N45" s="45">
        <v>1</v>
      </c>
      <c r="O45" s="45" t="s">
        <v>519</v>
      </c>
      <c r="P45" s="45">
        <v>8</v>
      </c>
      <c r="Q45" s="45">
        <v>8</v>
      </c>
      <c r="R45" s="2"/>
      <c r="T45" s="99"/>
    </row>
    <row r="46" spans="1:20" ht="17.5" hidden="1" outlineLevel="1">
      <c r="I46" s="45">
        <v>3</v>
      </c>
      <c r="J46" s="45">
        <v>337</v>
      </c>
      <c r="K46" s="45" t="s">
        <v>79</v>
      </c>
      <c r="L46" s="45" t="s">
        <v>78</v>
      </c>
      <c r="M46" s="45" t="s">
        <v>71</v>
      </c>
      <c r="N46" s="45">
        <v>1</v>
      </c>
      <c r="O46" s="45" t="s">
        <v>518</v>
      </c>
      <c r="P46" s="45">
        <v>4</v>
      </c>
      <c r="Q46" s="45">
        <v>8</v>
      </c>
      <c r="R46" s="2"/>
      <c r="T46" s="99"/>
    </row>
    <row r="47" spans="1:20" ht="17.5" hidden="1" outlineLevel="1">
      <c r="I47" s="45">
        <v>4</v>
      </c>
      <c r="J47" s="45">
        <v>623</v>
      </c>
      <c r="K47" s="45" t="s">
        <v>76</v>
      </c>
      <c r="L47" s="45" t="s">
        <v>17</v>
      </c>
      <c r="M47" s="45" t="s">
        <v>71</v>
      </c>
      <c r="N47" s="45">
        <v>1</v>
      </c>
      <c r="O47" s="45" t="s">
        <v>514</v>
      </c>
      <c r="P47" s="45">
        <v>2</v>
      </c>
      <c r="Q47" s="45">
        <v>2</v>
      </c>
      <c r="R47" s="70" t="s">
        <v>624</v>
      </c>
      <c r="T47" s="99"/>
    </row>
    <row r="48" spans="1:20" ht="17.5" collapsed="1">
      <c r="A48" s="49" t="s">
        <v>568</v>
      </c>
      <c r="B48" s="49" t="s">
        <v>569</v>
      </c>
      <c r="C48" s="16"/>
      <c r="D48" s="16"/>
      <c r="E48" s="16"/>
      <c r="F48" s="16"/>
      <c r="G48" s="16"/>
      <c r="H48" s="16"/>
      <c r="I48" s="16"/>
      <c r="J48" s="16"/>
      <c r="K48" s="16"/>
      <c r="L48" s="16" t="s">
        <v>17</v>
      </c>
      <c r="M48" s="16" t="s">
        <v>71</v>
      </c>
      <c r="N48" s="16" t="s">
        <v>525</v>
      </c>
      <c r="O48" s="16"/>
      <c r="P48" s="16"/>
      <c r="Q48" s="16"/>
      <c r="R48" s="49"/>
      <c r="T48" s="99"/>
    </row>
    <row r="49" spans="1:20" ht="17.5">
      <c r="A49" s="49"/>
      <c r="B49" s="49"/>
      <c r="C49" s="16">
        <v>70</v>
      </c>
      <c r="D49" s="16" t="s">
        <v>568</v>
      </c>
      <c r="E49" s="16" t="s">
        <v>569</v>
      </c>
      <c r="F49" s="16"/>
      <c r="G49" s="16"/>
      <c r="H49" s="16"/>
      <c r="I49" s="16"/>
      <c r="J49" s="16"/>
      <c r="K49" s="16"/>
      <c r="L49" s="16" t="s">
        <v>66</v>
      </c>
      <c r="M49" s="16" t="s">
        <v>65</v>
      </c>
      <c r="N49" s="16">
        <v>1</v>
      </c>
      <c r="O49" s="16"/>
      <c r="P49" s="16"/>
      <c r="Q49" s="16"/>
      <c r="R49" s="49"/>
      <c r="T49" s="99"/>
    </row>
    <row r="50" spans="1:20" ht="17.5">
      <c r="I50" s="45">
        <v>1</v>
      </c>
      <c r="J50" s="45">
        <v>647</v>
      </c>
      <c r="K50" s="45" t="s">
        <v>570</v>
      </c>
      <c r="L50" s="45" t="s">
        <v>66</v>
      </c>
      <c r="M50" s="45" t="s">
        <v>65</v>
      </c>
      <c r="N50" s="45">
        <v>1</v>
      </c>
      <c r="O50" s="45" t="s">
        <v>514</v>
      </c>
      <c r="P50" s="45">
        <v>1</v>
      </c>
      <c r="Q50" s="45">
        <v>3</v>
      </c>
      <c r="R50" s="2" t="s">
        <v>698</v>
      </c>
      <c r="T50" s="99" t="s">
        <v>1463</v>
      </c>
    </row>
    <row r="51" spans="1:20" ht="17.5">
      <c r="I51" s="45">
        <v>2</v>
      </c>
      <c r="J51" s="45">
        <v>3</v>
      </c>
      <c r="K51" s="45" t="s">
        <v>571</v>
      </c>
      <c r="L51" s="45" t="s">
        <v>17</v>
      </c>
      <c r="M51" s="45" t="s">
        <v>71</v>
      </c>
      <c r="N51" s="45">
        <v>1</v>
      </c>
      <c r="O51" s="45" t="s">
        <v>509</v>
      </c>
      <c r="P51" s="45">
        <v>1</v>
      </c>
      <c r="Q51" s="45">
        <v>60</v>
      </c>
      <c r="R51" s="95"/>
      <c r="T51" s="99"/>
    </row>
    <row r="52" spans="1:20" ht="17.5">
      <c r="A52" s="49"/>
      <c r="B52" s="49"/>
      <c r="C52" s="16">
        <v>80</v>
      </c>
      <c r="D52" s="16" t="s">
        <v>540</v>
      </c>
      <c r="E52" s="16" t="s">
        <v>541</v>
      </c>
      <c r="F52" s="16"/>
      <c r="G52" s="16"/>
      <c r="H52" s="16"/>
      <c r="I52" s="16"/>
      <c r="J52" s="16"/>
      <c r="K52" s="16"/>
      <c r="L52" s="16" t="s">
        <v>17</v>
      </c>
      <c r="M52" s="16" t="s">
        <v>71</v>
      </c>
      <c r="N52" s="16">
        <v>100</v>
      </c>
      <c r="O52" s="16"/>
      <c r="P52" s="16"/>
      <c r="Q52" s="16"/>
      <c r="R52" s="51"/>
      <c r="T52" s="99" t="s">
        <v>1464</v>
      </c>
    </row>
    <row r="53" spans="1:20">
      <c r="I53" s="45">
        <v>1</v>
      </c>
      <c r="J53" s="45">
        <v>363</v>
      </c>
      <c r="K53" s="45" t="s">
        <v>542</v>
      </c>
      <c r="L53" s="45" t="s">
        <v>17</v>
      </c>
      <c r="M53" s="45" t="s">
        <v>71</v>
      </c>
      <c r="N53" s="45">
        <v>1</v>
      </c>
      <c r="O53" s="45" t="s">
        <v>514</v>
      </c>
      <c r="P53" s="45">
        <v>3</v>
      </c>
      <c r="Q53" s="45">
        <v>3</v>
      </c>
      <c r="R53" s="95" t="s">
        <v>871</v>
      </c>
      <c r="T53"/>
    </row>
    <row r="54" spans="1:20" ht="17.5">
      <c r="I54" s="45">
        <v>2</v>
      </c>
      <c r="J54" s="45">
        <v>352</v>
      </c>
      <c r="K54" s="45" t="s">
        <v>3</v>
      </c>
      <c r="L54" s="45" t="s">
        <v>66</v>
      </c>
      <c r="M54" s="45" t="s">
        <v>65</v>
      </c>
      <c r="N54" s="45">
        <v>1</v>
      </c>
      <c r="O54" s="45" t="s">
        <v>509</v>
      </c>
      <c r="P54" s="45">
        <v>1</v>
      </c>
      <c r="Q54" s="45">
        <v>80</v>
      </c>
      <c r="R54" s="95"/>
      <c r="T54" s="99"/>
    </row>
    <row r="55" spans="1:20">
      <c r="T55"/>
    </row>
    <row r="59" spans="1:20">
      <c r="S59" s="237" t="s">
        <v>1852</v>
      </c>
    </row>
    <row r="61" spans="1:20">
      <c r="S61" t="s">
        <v>1797</v>
      </c>
      <c r="T61"/>
    </row>
    <row r="62" spans="1:20" ht="28">
      <c r="S62" s="149" t="s">
        <v>1798</v>
      </c>
      <c r="T62" s="236" t="s">
        <v>1851</v>
      </c>
    </row>
    <row r="63" spans="1:20">
      <c r="S63" t="s">
        <v>1799</v>
      </c>
      <c r="T63" t="s">
        <v>1800</v>
      </c>
    </row>
    <row r="64" spans="1:20">
      <c r="S64" t="s">
        <v>1801</v>
      </c>
      <c r="T64" t="s">
        <v>1802</v>
      </c>
    </row>
    <row r="65" spans="19:20">
      <c r="S65" t="s">
        <v>1068</v>
      </c>
      <c r="T65" t="s">
        <v>1803</v>
      </c>
    </row>
    <row r="66" spans="19:20">
      <c r="S66" s="14" t="s">
        <v>1804</v>
      </c>
      <c r="T66" s="14" t="s">
        <v>1805</v>
      </c>
    </row>
    <row r="67" spans="19:20">
      <c r="S67" s="14" t="s">
        <v>1806</v>
      </c>
      <c r="T67" s="14" t="s">
        <v>1807</v>
      </c>
    </row>
    <row r="68" spans="19:20">
      <c r="S68" t="s">
        <v>1808</v>
      </c>
      <c r="T68" t="s">
        <v>1809</v>
      </c>
    </row>
    <row r="69" spans="19:20">
      <c r="S69" t="s">
        <v>1810</v>
      </c>
      <c r="T69" t="s">
        <v>1811</v>
      </c>
    </row>
    <row r="70" spans="19:20">
      <c r="S70" t="s">
        <v>1118</v>
      </c>
      <c r="T70" t="s">
        <v>1812</v>
      </c>
    </row>
    <row r="71" spans="19:20">
      <c r="S71" t="s">
        <v>1813</v>
      </c>
      <c r="T71" s="131" t="s">
        <v>1814</v>
      </c>
    </row>
    <row r="72" spans="19:20">
      <c r="S72" t="s">
        <v>1815</v>
      </c>
      <c r="T72" s="131" t="s">
        <v>1816</v>
      </c>
    </row>
    <row r="73" spans="19:20">
      <c r="S73" t="s">
        <v>1797</v>
      </c>
      <c r="T73" s="131" t="s">
        <v>1817</v>
      </c>
    </row>
    <row r="74" spans="19:20">
      <c r="T74" s="131" t="s">
        <v>1818</v>
      </c>
    </row>
    <row r="75" spans="19:20">
      <c r="T75" s="131" t="s">
        <v>1819</v>
      </c>
    </row>
    <row r="76" spans="19:20">
      <c r="T76" s="131" t="s">
        <v>1820</v>
      </c>
    </row>
    <row r="77" spans="19:20">
      <c r="T77" t="s">
        <v>1821</v>
      </c>
    </row>
    <row r="78" spans="19:20">
      <c r="T78" t="s">
        <v>1822</v>
      </c>
    </row>
    <row r="79" spans="19:20">
      <c r="T79" t="s">
        <v>1823</v>
      </c>
    </row>
    <row r="81" spans="19:21">
      <c r="S81" s="97" t="s">
        <v>1824</v>
      </c>
      <c r="T81" s="97" t="s">
        <v>1825</v>
      </c>
    </row>
    <row r="82" spans="19:21">
      <c r="S82" t="s">
        <v>1826</v>
      </c>
      <c r="T82" t="s">
        <v>1827</v>
      </c>
    </row>
    <row r="83" spans="19:21">
      <c r="S83" t="s">
        <v>1828</v>
      </c>
      <c r="T83" t="s">
        <v>1829</v>
      </c>
    </row>
    <row r="84" spans="19:21">
      <c r="S84" t="s">
        <v>1068</v>
      </c>
      <c r="T84" t="s">
        <v>1068</v>
      </c>
    </row>
    <row r="85" spans="19:21">
      <c r="S85" t="s">
        <v>1830</v>
      </c>
      <c r="T85" t="s">
        <v>1831</v>
      </c>
    </row>
    <row r="86" spans="19:21">
      <c r="S86" t="s">
        <v>1832</v>
      </c>
      <c r="T86" t="s">
        <v>1833</v>
      </c>
      <c r="U86" s="153" t="s">
        <v>1834</v>
      </c>
    </row>
    <row r="87" spans="19:21">
      <c r="S87" t="s">
        <v>1808</v>
      </c>
      <c r="T87" t="s">
        <v>1808</v>
      </c>
    </row>
    <row r="88" spans="19:21">
      <c r="S88" t="s">
        <v>1835</v>
      </c>
      <c r="T88" t="s">
        <v>1836</v>
      </c>
    </row>
    <row r="89" spans="19:21">
      <c r="S89" t="s">
        <v>1837</v>
      </c>
      <c r="T89" t="s">
        <v>1838</v>
      </c>
    </row>
    <row r="90" spans="19:21">
      <c r="S90" t="s">
        <v>1839</v>
      </c>
      <c r="T90" s="131" t="s">
        <v>1840</v>
      </c>
    </row>
    <row r="91" spans="19:21">
      <c r="S91" t="s">
        <v>1841</v>
      </c>
      <c r="T91" s="131" t="s">
        <v>1842</v>
      </c>
    </row>
    <row r="92" spans="19:21">
      <c r="S92" t="s">
        <v>1808</v>
      </c>
      <c r="T92" s="131" t="s">
        <v>1843</v>
      </c>
    </row>
    <row r="93" spans="19:21">
      <c r="S93" t="s">
        <v>1835</v>
      </c>
      <c r="T93" s="131" t="s">
        <v>1844</v>
      </c>
    </row>
    <row r="94" spans="19:21">
      <c r="S94" t="s">
        <v>1837</v>
      </c>
      <c r="T94" s="131" t="s">
        <v>1845</v>
      </c>
    </row>
    <row r="95" spans="19:21">
      <c r="S95" t="s">
        <v>1839</v>
      </c>
      <c r="T95" s="131" t="s">
        <v>1846</v>
      </c>
    </row>
    <row r="96" spans="19:21">
      <c r="S96" t="s">
        <v>1841</v>
      </c>
      <c r="T96" s="131" t="s">
        <v>1847</v>
      </c>
    </row>
    <row r="97" spans="20:20">
      <c r="T97" t="s">
        <v>1848</v>
      </c>
    </row>
    <row r="98" spans="20:20">
      <c r="T98" t="s">
        <v>1849</v>
      </c>
    </row>
    <row r="99" spans="20:20">
      <c r="T99" t="s">
        <v>1850</v>
      </c>
    </row>
  </sheetData>
  <pageMargins left="0.7" right="0.7" top="0.75" bottom="0.75" header="0.3" footer="0.3"/>
  <pageSetup paperSize="9" orientation="portrait" r:id="rId1"/>
  <customProperties>
    <customPr name="IbpWorksheetKeyString_GUID" r:id="rId2"/>
  </customPropertie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tabColor theme="4"/>
  </sheetPr>
  <dimension ref="A1:I181"/>
  <sheetViews>
    <sheetView workbookViewId="0">
      <selection activeCell="I3" sqref="I3"/>
    </sheetView>
  </sheetViews>
  <sheetFormatPr defaultColWidth="8.83203125" defaultRowHeight="14"/>
  <cols>
    <col min="2" max="2" width="88.5" customWidth="1"/>
    <col min="3" max="3" width="23.6640625" customWidth="1"/>
    <col min="6" max="6" width="9" style="2"/>
    <col min="7" max="7" width="9.1640625" customWidth="1"/>
    <col min="9" max="9" width="13.33203125" customWidth="1"/>
  </cols>
  <sheetData>
    <row r="1" spans="1:9">
      <c r="A1" s="436"/>
      <c r="B1" s="436"/>
    </row>
    <row r="2" spans="1:9" ht="14.5">
      <c r="B2" s="52"/>
      <c r="C2" s="53"/>
    </row>
    <row r="3" spans="1:9" ht="70">
      <c r="B3" s="54"/>
      <c r="C3" s="54"/>
      <c r="I3" s="231" t="s">
        <v>1774</v>
      </c>
    </row>
    <row r="4" spans="1:9">
      <c r="B4" s="54"/>
      <c r="C4" s="54"/>
    </row>
    <row r="5" spans="1:9">
      <c r="B5" s="54"/>
      <c r="C5" s="54"/>
    </row>
    <row r="6" spans="1:9">
      <c r="B6" s="54"/>
      <c r="C6" s="54"/>
    </row>
    <row r="7" spans="1:9">
      <c r="B7" s="54"/>
      <c r="C7" s="54"/>
    </row>
    <row r="8" spans="1:9">
      <c r="B8" s="54"/>
      <c r="C8" s="54"/>
    </row>
    <row r="9" spans="1:9">
      <c r="B9" s="54"/>
      <c r="C9" s="54"/>
    </row>
    <row r="10" spans="1:9">
      <c r="B10" s="54"/>
      <c r="C10" s="54"/>
    </row>
    <row r="11" spans="1:9">
      <c r="B11" s="54"/>
      <c r="C11" s="54"/>
    </row>
    <row r="12" spans="1:9">
      <c r="B12" s="54"/>
      <c r="C12" s="54"/>
    </row>
    <row r="13" spans="1:9">
      <c r="B13" s="54"/>
      <c r="C13" s="54"/>
    </row>
    <row r="14" spans="1:9">
      <c r="B14" s="54"/>
      <c r="C14" s="54"/>
    </row>
    <row r="15" spans="1:9">
      <c r="B15" s="54"/>
      <c r="C15" s="54"/>
    </row>
    <row r="16" spans="1:9">
      <c r="B16" s="54"/>
      <c r="C16" s="54"/>
    </row>
    <row r="17" spans="2:3">
      <c r="B17" s="54"/>
      <c r="C17" s="54"/>
    </row>
    <row r="18" spans="2:3">
      <c r="B18" s="54"/>
      <c r="C18" s="54"/>
    </row>
    <row r="19" spans="2:3">
      <c r="B19" s="54"/>
      <c r="C19" s="54"/>
    </row>
    <row r="20" spans="2:3">
      <c r="B20" s="54"/>
      <c r="C20" s="54"/>
    </row>
    <row r="21" spans="2:3">
      <c r="B21" s="54"/>
      <c r="C21" s="54"/>
    </row>
    <row r="22" spans="2:3">
      <c r="B22" s="54"/>
      <c r="C22" s="54"/>
    </row>
    <row r="23" spans="2:3">
      <c r="B23" s="54"/>
      <c r="C23" s="54"/>
    </row>
    <row r="24" spans="2:3">
      <c r="B24" s="54"/>
      <c r="C24" s="54"/>
    </row>
    <row r="25" spans="2:3">
      <c r="B25" s="54"/>
      <c r="C25" s="54"/>
    </row>
    <row r="26" spans="2:3">
      <c r="B26" s="54"/>
      <c r="C26" s="54"/>
    </row>
    <row r="27" spans="2:3">
      <c r="B27" s="54"/>
      <c r="C27" s="54"/>
    </row>
    <row r="28" spans="2:3">
      <c r="B28" s="54"/>
      <c r="C28" s="54"/>
    </row>
    <row r="29" spans="2:3">
      <c r="B29" s="54"/>
      <c r="C29" s="54"/>
    </row>
    <row r="30" spans="2:3">
      <c r="B30" s="54"/>
      <c r="C30" s="54"/>
    </row>
    <row r="31" spans="2:3">
      <c r="B31" s="54"/>
      <c r="C31" s="54"/>
    </row>
    <row r="32" spans="2:3">
      <c r="B32" s="54"/>
      <c r="C32" s="54"/>
    </row>
    <row r="33" spans="2:3">
      <c r="B33" s="54"/>
      <c r="C33" s="54"/>
    </row>
    <row r="34" spans="2:3">
      <c r="B34" s="54"/>
      <c r="C34" s="54"/>
    </row>
    <row r="35" spans="2:3">
      <c r="B35" s="54"/>
      <c r="C35" s="54"/>
    </row>
    <row r="36" spans="2:3">
      <c r="B36" s="54"/>
      <c r="C36" s="54"/>
    </row>
    <row r="37" spans="2:3">
      <c r="B37" s="54"/>
      <c r="C37" s="54"/>
    </row>
    <row r="38" spans="2:3">
      <c r="B38" s="54"/>
      <c r="C38" s="54"/>
    </row>
    <row r="39" spans="2:3">
      <c r="B39" s="54"/>
      <c r="C39" s="54"/>
    </row>
    <row r="40" spans="2:3">
      <c r="B40" s="54"/>
      <c r="C40" s="54"/>
    </row>
    <row r="41" spans="2:3">
      <c r="B41" s="54"/>
      <c r="C41" s="54"/>
    </row>
    <row r="42" spans="2:3">
      <c r="B42" s="54"/>
      <c r="C42" s="54"/>
    </row>
    <row r="43" spans="2:3">
      <c r="B43" s="54"/>
      <c r="C43" s="54"/>
    </row>
    <row r="44" spans="2:3">
      <c r="B44" s="54"/>
      <c r="C44" s="54"/>
    </row>
    <row r="45" spans="2:3">
      <c r="B45" s="54"/>
      <c r="C45" s="54"/>
    </row>
    <row r="46" spans="2:3">
      <c r="B46" s="54"/>
      <c r="C46" s="54"/>
    </row>
    <row r="47" spans="2:3">
      <c r="B47" s="54"/>
      <c r="C47" s="54"/>
    </row>
    <row r="48" spans="2:3">
      <c r="B48" s="54"/>
      <c r="C48" s="54"/>
    </row>
    <row r="49" spans="1:5">
      <c r="B49" s="54"/>
      <c r="C49" s="54"/>
    </row>
    <row r="50" spans="1:5">
      <c r="B50" s="54"/>
      <c r="C50" s="54"/>
    </row>
    <row r="51" spans="1:5" ht="14.5">
      <c r="B51" s="55"/>
    </row>
    <row r="52" spans="1:5">
      <c r="A52" s="436"/>
      <c r="B52" s="436"/>
    </row>
    <row r="53" spans="1:5" ht="14.5">
      <c r="B53" s="52"/>
      <c r="C53" s="53"/>
      <c r="D53" s="53"/>
      <c r="E53" s="53"/>
    </row>
    <row r="54" spans="1:5" ht="14.5">
      <c r="B54" s="54"/>
      <c r="C54" s="54"/>
      <c r="D54" s="53"/>
      <c r="E54" s="53"/>
    </row>
    <row r="55" spans="1:5" ht="14.5">
      <c r="B55" s="54"/>
      <c r="C55" s="54"/>
      <c r="D55" s="53"/>
      <c r="E55" s="53"/>
    </row>
    <row r="56" spans="1:5" ht="14.5">
      <c r="B56" s="54"/>
      <c r="C56" s="54"/>
      <c r="D56" s="53"/>
      <c r="E56" s="53"/>
    </row>
    <row r="57" spans="1:5" ht="14.5">
      <c r="B57" s="54"/>
      <c r="C57" s="54"/>
      <c r="D57" s="53"/>
      <c r="E57" s="53"/>
    </row>
    <row r="58" spans="1:5" ht="14.5">
      <c r="B58" s="54"/>
      <c r="C58" s="54"/>
      <c r="D58" s="53"/>
      <c r="E58" s="53"/>
    </row>
    <row r="59" spans="1:5" ht="14.5">
      <c r="B59" s="54"/>
      <c r="C59" s="54"/>
      <c r="D59" s="53"/>
      <c r="E59" s="53"/>
    </row>
    <row r="60" spans="1:5" ht="14.5">
      <c r="B60" s="54"/>
      <c r="C60" s="54"/>
      <c r="D60" s="53"/>
      <c r="E60" s="53"/>
    </row>
    <row r="61" spans="1:5" ht="14.5">
      <c r="B61" s="54"/>
      <c r="C61" s="54"/>
      <c r="D61" s="53"/>
      <c r="E61" s="53"/>
    </row>
    <row r="62" spans="1:5" ht="14.5">
      <c r="B62" s="54"/>
      <c r="C62" s="54"/>
      <c r="D62" s="53"/>
      <c r="E62" s="53"/>
    </row>
    <row r="63" spans="1:5" ht="14.5">
      <c r="B63" s="54"/>
      <c r="C63" s="54"/>
      <c r="D63" s="53"/>
      <c r="E63" s="53"/>
    </row>
    <row r="64" spans="1:5" ht="14.5">
      <c r="B64" s="54"/>
      <c r="C64" s="54"/>
      <c r="D64" s="53"/>
      <c r="E64" s="53"/>
    </row>
    <row r="65" spans="2:5" ht="14.5">
      <c r="B65" s="54"/>
      <c r="C65" s="54"/>
      <c r="D65" s="53"/>
      <c r="E65" s="53"/>
    </row>
    <row r="66" spans="2:5" ht="14.5">
      <c r="B66" s="54"/>
      <c r="C66" s="54"/>
      <c r="D66" s="53"/>
      <c r="E66" s="53"/>
    </row>
    <row r="67" spans="2:5" ht="14.5">
      <c r="B67" s="54"/>
      <c r="C67" s="54"/>
      <c r="D67" s="53"/>
      <c r="E67" s="53"/>
    </row>
    <row r="68" spans="2:5" ht="14.5">
      <c r="B68" s="54"/>
      <c r="C68" s="54"/>
      <c r="D68" s="53"/>
      <c r="E68" s="53"/>
    </row>
    <row r="69" spans="2:5" ht="14.5">
      <c r="B69" s="54"/>
      <c r="C69" s="54"/>
      <c r="D69" s="53"/>
      <c r="E69" s="53"/>
    </row>
    <row r="70" spans="2:5" ht="14.5">
      <c r="B70" s="54"/>
      <c r="C70" s="54"/>
      <c r="D70" s="53"/>
      <c r="E70" s="53"/>
    </row>
    <row r="71" spans="2:5" ht="14.5">
      <c r="B71" s="54"/>
      <c r="C71" s="54"/>
      <c r="D71" s="53"/>
      <c r="E71" s="53"/>
    </row>
    <row r="72" spans="2:5" ht="14.5">
      <c r="B72" s="54"/>
      <c r="C72" s="54"/>
      <c r="D72" s="53"/>
      <c r="E72" s="53"/>
    </row>
    <row r="73" spans="2:5" ht="14.5">
      <c r="B73" s="54"/>
      <c r="C73" s="54"/>
      <c r="D73" s="53"/>
      <c r="E73" s="53"/>
    </row>
    <row r="74" spans="2:5" ht="14.5">
      <c r="B74" s="54"/>
      <c r="C74" s="54"/>
      <c r="D74" s="53"/>
      <c r="E74" s="53"/>
    </row>
    <row r="75" spans="2:5" ht="14.5">
      <c r="B75" s="54"/>
      <c r="C75" s="54"/>
      <c r="D75" s="53"/>
      <c r="E75" s="53"/>
    </row>
    <row r="76" spans="2:5" ht="14.5">
      <c r="B76" s="54"/>
      <c r="C76" s="54"/>
      <c r="D76" s="53"/>
      <c r="E76" s="53"/>
    </row>
    <row r="77" spans="2:5" ht="14.5">
      <c r="B77" s="54"/>
      <c r="C77" s="54"/>
      <c r="D77" s="53"/>
      <c r="E77" s="53"/>
    </row>
    <row r="78" spans="2:5" ht="14.5">
      <c r="B78" s="54"/>
      <c r="C78" s="54"/>
      <c r="D78" s="53"/>
      <c r="E78" s="53"/>
    </row>
    <row r="79" spans="2:5" ht="14.5">
      <c r="B79" s="54"/>
      <c r="C79" s="54"/>
      <c r="D79" s="53"/>
      <c r="E79" s="53"/>
    </row>
    <row r="80" spans="2:5" ht="14.5">
      <c r="B80" s="54"/>
      <c r="C80" s="54"/>
      <c r="D80" s="53"/>
      <c r="E80" s="53"/>
    </row>
    <row r="81" spans="2:5" ht="14.5">
      <c r="B81" s="54"/>
      <c r="C81" s="54"/>
      <c r="D81" s="53"/>
      <c r="E81" s="53"/>
    </row>
    <row r="82" spans="2:5" ht="14.5">
      <c r="B82" s="54"/>
      <c r="C82" s="54"/>
      <c r="D82" s="53"/>
      <c r="E82" s="53"/>
    </row>
    <row r="83" spans="2:5" ht="14.5">
      <c r="B83" s="54"/>
      <c r="C83" s="54"/>
      <c r="D83" s="53"/>
      <c r="E83" s="53"/>
    </row>
    <row r="84" spans="2:5" ht="14.5">
      <c r="B84" s="54"/>
      <c r="C84" s="54"/>
      <c r="D84" s="53"/>
      <c r="E84" s="53"/>
    </row>
    <row r="85" spans="2:5" ht="14.5">
      <c r="B85" s="54"/>
      <c r="C85" s="54"/>
      <c r="D85" s="53"/>
      <c r="E85" s="53"/>
    </row>
    <row r="86" spans="2:5" ht="14.5">
      <c r="B86" s="54"/>
      <c r="C86" s="54"/>
      <c r="D86" s="53"/>
      <c r="E86" s="53"/>
    </row>
    <row r="87" spans="2:5" ht="14.5">
      <c r="B87" s="54"/>
      <c r="C87" s="54"/>
      <c r="D87" s="53"/>
      <c r="E87" s="53"/>
    </row>
    <row r="88" spans="2:5" ht="14.5">
      <c r="B88" s="54"/>
      <c r="C88" s="54"/>
      <c r="D88" s="53"/>
      <c r="E88" s="53"/>
    </row>
    <row r="89" spans="2:5" ht="14.5">
      <c r="B89" s="54"/>
      <c r="C89" s="54"/>
      <c r="D89" s="53"/>
      <c r="E89" s="53"/>
    </row>
    <row r="90" spans="2:5" ht="14.5">
      <c r="B90" s="54"/>
      <c r="C90" s="54"/>
      <c r="D90" s="53"/>
      <c r="E90" s="53"/>
    </row>
    <row r="91" spans="2:5" ht="14.5">
      <c r="B91" s="54"/>
      <c r="C91" s="54"/>
      <c r="D91" s="53"/>
      <c r="E91" s="53"/>
    </row>
    <row r="92" spans="2:5" ht="14.5">
      <c r="B92" s="54"/>
      <c r="C92" s="54"/>
      <c r="D92" s="53"/>
      <c r="E92" s="53"/>
    </row>
    <row r="93" spans="2:5">
      <c r="B93" s="54"/>
      <c r="C93" s="54"/>
      <c r="D93" s="54"/>
      <c r="E93" s="54" t="s">
        <v>572</v>
      </c>
    </row>
    <row r="94" spans="2:5">
      <c r="B94" s="54"/>
      <c r="C94" s="54"/>
      <c r="D94" s="54"/>
      <c r="E94" s="54" t="s">
        <v>572</v>
      </c>
    </row>
    <row r="95" spans="2:5" ht="14.5">
      <c r="B95" s="54"/>
      <c r="C95" s="54"/>
      <c r="D95" s="53"/>
      <c r="E95" s="53"/>
    </row>
    <row r="96" spans="2:5" ht="14.5">
      <c r="B96" s="54"/>
      <c r="C96" s="54"/>
      <c r="D96" s="53"/>
      <c r="E96" s="53"/>
    </row>
    <row r="97" spans="2:3" ht="14.5">
      <c r="B97" s="52"/>
      <c r="C97" s="53"/>
    </row>
    <row r="98" spans="2:3">
      <c r="B98" s="54"/>
      <c r="C98" s="54"/>
    </row>
    <row r="99" spans="2:3">
      <c r="B99" s="54"/>
      <c r="C99" s="54"/>
    </row>
    <row r="100" spans="2:3">
      <c r="B100" s="54"/>
      <c r="C100" s="54"/>
    </row>
    <row r="101" spans="2:3">
      <c r="B101" s="54"/>
      <c r="C101" s="54"/>
    </row>
    <row r="102" spans="2:3">
      <c r="B102" s="54"/>
      <c r="C102" s="54"/>
    </row>
    <row r="103" spans="2:3">
      <c r="B103" s="54"/>
      <c r="C103" s="54"/>
    </row>
    <row r="104" spans="2:3">
      <c r="B104" s="54"/>
      <c r="C104" s="54"/>
    </row>
    <row r="105" spans="2:3">
      <c r="B105" s="54"/>
      <c r="C105" s="54"/>
    </row>
    <row r="106" spans="2:3">
      <c r="B106" s="54"/>
      <c r="C106" s="54"/>
    </row>
    <row r="107" spans="2:3">
      <c r="B107" s="54"/>
      <c r="C107" s="54"/>
    </row>
    <row r="108" spans="2:3">
      <c r="B108" s="54"/>
      <c r="C108" s="54"/>
    </row>
    <row r="109" spans="2:3" ht="14.5">
      <c r="B109" s="52"/>
      <c r="C109" s="53"/>
    </row>
    <row r="110" spans="2:3">
      <c r="B110" s="54"/>
      <c r="C110" s="54"/>
    </row>
    <row r="111" spans="2:3">
      <c r="B111" s="54"/>
      <c r="C111" s="54"/>
    </row>
    <row r="112" spans="2:3">
      <c r="B112" s="54"/>
      <c r="C112" s="54"/>
    </row>
    <row r="113" spans="2:3">
      <c r="B113" s="54"/>
      <c r="C113" s="54"/>
    </row>
    <row r="114" spans="2:3">
      <c r="B114" s="54"/>
      <c r="C114" s="54"/>
    </row>
    <row r="115" spans="2:3">
      <c r="B115" s="54"/>
      <c r="C115" s="54"/>
    </row>
    <row r="116" spans="2:3">
      <c r="B116" s="54"/>
      <c r="C116" s="54"/>
    </row>
    <row r="117" spans="2:3">
      <c r="B117" s="54"/>
      <c r="C117" s="54"/>
    </row>
    <row r="118" spans="2:3">
      <c r="B118" s="54"/>
      <c r="C118" s="54"/>
    </row>
    <row r="119" spans="2:3">
      <c r="B119" s="54"/>
      <c r="C119" s="54"/>
    </row>
    <row r="120" spans="2:3">
      <c r="B120" s="54"/>
      <c r="C120" s="54"/>
    </row>
    <row r="121" spans="2:3">
      <c r="B121" s="54"/>
      <c r="C121" s="54"/>
    </row>
    <row r="122" spans="2:3">
      <c r="B122" s="54"/>
      <c r="C122" s="54"/>
    </row>
    <row r="123" spans="2:3">
      <c r="B123" s="437"/>
      <c r="C123" s="54"/>
    </row>
    <row r="124" spans="2:3">
      <c r="B124" s="437"/>
      <c r="C124" s="54"/>
    </row>
    <row r="125" spans="2:3">
      <c r="B125" s="54"/>
      <c r="C125" s="54"/>
    </row>
    <row r="126" spans="2:3">
      <c r="B126" s="54"/>
      <c r="C126" s="54"/>
    </row>
    <row r="127" spans="2:3">
      <c r="B127" s="54"/>
      <c r="C127" s="54"/>
    </row>
    <row r="128" spans="2:3" ht="14.5">
      <c r="B128" s="52"/>
      <c r="C128" s="53"/>
    </row>
    <row r="129" spans="2:3">
      <c r="B129" s="54"/>
      <c r="C129" s="54"/>
    </row>
    <row r="130" spans="2:3">
      <c r="B130" s="54"/>
      <c r="C130" s="54"/>
    </row>
    <row r="131" spans="2:3">
      <c r="B131" s="54"/>
      <c r="C131" s="54"/>
    </row>
    <row r="132" spans="2:3">
      <c r="B132" s="54"/>
      <c r="C132" s="54"/>
    </row>
    <row r="133" spans="2:3">
      <c r="B133" s="54"/>
      <c r="C133" s="54"/>
    </row>
    <row r="134" spans="2:3">
      <c r="B134" s="54"/>
      <c r="C134" s="54"/>
    </row>
    <row r="135" spans="2:3" ht="14.5">
      <c r="B135" s="52"/>
      <c r="C135" s="53"/>
    </row>
    <row r="136" spans="2:3">
      <c r="B136" s="54"/>
      <c r="C136" s="54"/>
    </row>
    <row r="137" spans="2:3" ht="14.5">
      <c r="B137" s="52"/>
      <c r="C137" s="53"/>
    </row>
    <row r="138" spans="2:3">
      <c r="B138" s="54"/>
      <c r="C138" s="54"/>
    </row>
    <row r="139" spans="2:3">
      <c r="B139" s="54"/>
      <c r="C139" s="54"/>
    </row>
    <row r="140" spans="2:3">
      <c r="B140" s="54"/>
      <c r="C140" s="54"/>
    </row>
    <row r="141" spans="2:3">
      <c r="B141" s="54"/>
      <c r="C141" s="54"/>
    </row>
    <row r="142" spans="2:3">
      <c r="B142" s="54"/>
      <c r="C142" s="54"/>
    </row>
    <row r="143" spans="2:3">
      <c r="B143" s="54"/>
      <c r="C143" s="54"/>
    </row>
    <row r="144" spans="2:3">
      <c r="B144" s="54"/>
      <c r="C144" s="54"/>
    </row>
    <row r="145" spans="2:3">
      <c r="B145" s="54"/>
      <c r="C145" s="54"/>
    </row>
    <row r="146" spans="2:3" ht="14.5">
      <c r="B146" s="52"/>
      <c r="C146" s="53"/>
    </row>
    <row r="147" spans="2:3">
      <c r="B147" s="54"/>
      <c r="C147" s="54"/>
    </row>
    <row r="148" spans="2:3">
      <c r="B148" s="54"/>
      <c r="C148" s="54"/>
    </row>
    <row r="149" spans="2:3">
      <c r="B149" s="54"/>
      <c r="C149" s="54"/>
    </row>
    <row r="150" spans="2:3">
      <c r="B150" s="54"/>
      <c r="C150" s="54"/>
    </row>
    <row r="151" spans="2:3">
      <c r="B151" s="54"/>
      <c r="C151" s="54"/>
    </row>
    <row r="152" spans="2:3">
      <c r="B152" s="54"/>
      <c r="C152" s="54"/>
    </row>
    <row r="153" spans="2:3">
      <c r="B153" s="54"/>
      <c r="C153" s="54"/>
    </row>
    <row r="154" spans="2:3">
      <c r="B154" s="54"/>
      <c r="C154" s="54"/>
    </row>
    <row r="155" spans="2:3">
      <c r="B155" s="54"/>
      <c r="C155" s="54"/>
    </row>
    <row r="156" spans="2:3">
      <c r="B156" s="54"/>
      <c r="C156" s="54"/>
    </row>
    <row r="157" spans="2:3">
      <c r="B157" s="54"/>
      <c r="C157" s="54"/>
    </row>
    <row r="158" spans="2:3">
      <c r="B158" s="54"/>
      <c r="C158" s="54"/>
    </row>
    <row r="159" spans="2:3">
      <c r="B159" s="54"/>
      <c r="C159" s="54"/>
    </row>
    <row r="160" spans="2:3">
      <c r="B160" s="54"/>
      <c r="C160" s="54"/>
    </row>
    <row r="161" spans="1:3">
      <c r="B161" s="54"/>
      <c r="C161" s="54"/>
    </row>
    <row r="162" spans="1:3">
      <c r="B162" s="54"/>
      <c r="C162" s="54"/>
    </row>
    <row r="163" spans="1:3" ht="14.5">
      <c r="B163" s="52"/>
      <c r="C163" s="53"/>
    </row>
    <row r="164" spans="1:3">
      <c r="B164" s="54"/>
      <c r="C164" s="54"/>
    </row>
    <row r="165" spans="1:3">
      <c r="B165" s="54"/>
      <c r="C165" s="54"/>
    </row>
    <row r="166" spans="1:3">
      <c r="B166" s="54"/>
      <c r="C166" s="54"/>
    </row>
    <row r="167" spans="1:3">
      <c r="B167" s="54"/>
      <c r="C167" s="54"/>
    </row>
    <row r="168" spans="1:3">
      <c r="B168" s="54"/>
      <c r="C168" s="54"/>
    </row>
    <row r="169" spans="1:3" ht="14.5">
      <c r="B169" s="54"/>
      <c r="C169" s="53"/>
    </row>
    <row r="170" spans="1:3">
      <c r="B170" s="54"/>
      <c r="C170" s="54"/>
    </row>
    <row r="172" spans="1:3">
      <c r="A172" s="436"/>
      <c r="B172" s="436"/>
    </row>
    <row r="173" spans="1:3">
      <c r="B173" s="54"/>
    </row>
    <row r="174" spans="1:3">
      <c r="B174" s="54"/>
    </row>
    <row r="175" spans="1:3">
      <c r="B175" s="54"/>
    </row>
    <row r="176" spans="1:3">
      <c r="B176" s="54"/>
    </row>
    <row r="177" spans="2:2">
      <c r="B177" s="54"/>
    </row>
    <row r="178" spans="2:2">
      <c r="B178" s="54"/>
    </row>
    <row r="179" spans="2:2">
      <c r="B179" s="54"/>
    </row>
    <row r="180" spans="2:2">
      <c r="B180" s="54"/>
    </row>
    <row r="181" spans="2:2">
      <c r="B181" s="54"/>
    </row>
  </sheetData>
  <mergeCells count="4">
    <mergeCell ref="A52:B52"/>
    <mergeCell ref="B123:B124"/>
    <mergeCell ref="A1:B1"/>
    <mergeCell ref="A172:B172"/>
  </mergeCells>
  <pageMargins left="0.7" right="0.7" top="0.75" bottom="0.75" header="0.3" footer="0.3"/>
  <pageSetup orientation="portrait" r:id="rId1"/>
  <customProperties>
    <customPr name="IbpWorksheetKeyString_GUID" r:id="rId2"/>
  </customProperties>
  <drawing r:id="rId3"/>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tabColor theme="0"/>
  </sheetPr>
  <dimension ref="A1:AY60"/>
  <sheetViews>
    <sheetView workbookViewId="0">
      <selection activeCell="A2" sqref="A2"/>
    </sheetView>
  </sheetViews>
  <sheetFormatPr defaultColWidth="9" defaultRowHeight="14.5"/>
  <cols>
    <col min="1" max="1" width="117.83203125" style="212" customWidth="1"/>
    <col min="2" max="2" width="10.5" style="212" bestFit="1" customWidth="1"/>
    <col min="3" max="3" width="9.6640625" style="212" bestFit="1" customWidth="1"/>
    <col min="4" max="4" width="8.33203125" style="212" bestFit="1" customWidth="1"/>
    <col min="5" max="5" width="9.1640625" style="212" bestFit="1" customWidth="1"/>
    <col min="6" max="6" width="7" style="212" bestFit="1" customWidth="1"/>
    <col min="7" max="7" width="8.5" style="212" bestFit="1" customWidth="1"/>
    <col min="8" max="8" width="42.5" style="212" customWidth="1"/>
    <col min="9" max="9" width="6.83203125" style="212" bestFit="1" customWidth="1"/>
    <col min="10" max="10" width="7.1640625" style="212" bestFit="1" customWidth="1"/>
    <col min="11" max="11" width="10.1640625" style="212" bestFit="1" customWidth="1"/>
    <col min="12" max="12" width="10.5" style="212" bestFit="1" customWidth="1"/>
    <col min="13" max="13" width="14.5" style="212" bestFit="1" customWidth="1"/>
    <col min="14" max="14" width="10" style="212" bestFit="1" customWidth="1"/>
    <col min="15" max="15" width="9.83203125" style="212" bestFit="1" customWidth="1"/>
    <col min="16" max="16" width="8.33203125" style="212" bestFit="1" customWidth="1"/>
    <col min="17" max="17" width="9" style="212" bestFit="1" customWidth="1"/>
    <col min="18" max="19" width="7" style="212" bestFit="1" customWidth="1"/>
    <col min="20" max="20" width="8.5" style="212" bestFit="1" customWidth="1"/>
    <col min="21" max="21" width="9" style="212"/>
    <col min="22" max="22" width="15.5" style="212" bestFit="1" customWidth="1"/>
    <col min="23" max="23" width="11" style="212" bestFit="1" customWidth="1"/>
    <col min="24" max="24" width="9.1640625" style="212" bestFit="1" customWidth="1"/>
    <col min="25" max="25" width="10.5" style="212" bestFit="1" customWidth="1"/>
    <col min="26" max="26" width="6.6640625" style="212" bestFit="1" customWidth="1"/>
    <col min="27" max="27" width="8.33203125" style="212" bestFit="1" customWidth="1"/>
    <col min="28" max="28" width="6.1640625" style="212" bestFit="1" customWidth="1"/>
    <col min="29" max="29" width="19.5" style="212" customWidth="1"/>
    <col min="30" max="30" width="16.5" style="212" bestFit="1" customWidth="1"/>
    <col min="31" max="31" width="12.5" style="212" bestFit="1" customWidth="1"/>
    <col min="32" max="32" width="9.5" style="212" bestFit="1" customWidth="1"/>
    <col min="33" max="33" width="8.5" style="212" bestFit="1" customWidth="1"/>
    <col min="34" max="34" width="21.5" style="212" customWidth="1"/>
    <col min="35" max="35" width="8.5" style="212" bestFit="1" customWidth="1"/>
    <col min="36" max="36" width="12.5" style="212" bestFit="1" customWidth="1"/>
    <col min="37" max="37" width="8.83203125" style="212" bestFit="1" customWidth="1"/>
    <col min="38" max="38" width="13" style="212" bestFit="1" customWidth="1"/>
    <col min="39" max="39" width="6.5" style="212" bestFit="1" customWidth="1"/>
    <col min="40" max="40" width="11.5" style="212" bestFit="1" customWidth="1"/>
    <col min="41" max="41" width="8.1640625" style="212" bestFit="1" customWidth="1"/>
    <col min="42" max="42" width="11.6640625" style="212" bestFit="1" customWidth="1"/>
    <col min="43" max="43" width="9.33203125" style="212" bestFit="1" customWidth="1"/>
    <col min="44" max="44" width="9.5" style="212" bestFit="1" customWidth="1"/>
    <col min="45" max="45" width="12.5" style="212" bestFit="1" customWidth="1"/>
    <col min="46" max="46" width="10.5" style="212" bestFit="1" customWidth="1"/>
    <col min="47" max="47" width="9.1640625" style="212" bestFit="1" customWidth="1"/>
    <col min="48" max="48" width="9" style="212" bestFit="1" customWidth="1"/>
    <col min="49" max="49" width="13.5" style="212" bestFit="1" customWidth="1"/>
    <col min="50" max="50" width="11" style="212" bestFit="1" customWidth="1"/>
    <col min="51" max="51" width="12.1640625" style="212" bestFit="1" customWidth="1"/>
    <col min="52" max="16384" width="9" style="212"/>
  </cols>
  <sheetData>
    <row r="1" spans="1:51">
      <c r="A1" s="212" t="s">
        <v>2814</v>
      </c>
      <c r="B1" s="212" t="s">
        <v>1498</v>
      </c>
      <c r="C1" s="212" t="s">
        <v>1499</v>
      </c>
      <c r="D1" s="212" t="s">
        <v>1500</v>
      </c>
      <c r="E1" s="212" t="s">
        <v>1501</v>
      </c>
      <c r="F1" s="212" t="s">
        <v>1502</v>
      </c>
      <c r="G1" s="212" t="s">
        <v>1503</v>
      </c>
      <c r="H1" s="212" t="s">
        <v>1504</v>
      </c>
      <c r="I1" s="212" t="s">
        <v>1505</v>
      </c>
      <c r="J1" s="212" t="s">
        <v>1506</v>
      </c>
      <c r="K1" s="212" t="s">
        <v>1507</v>
      </c>
      <c r="L1" s="212" t="s">
        <v>1508</v>
      </c>
      <c r="M1" s="212" t="s">
        <v>1509</v>
      </c>
      <c r="N1" s="212" t="s">
        <v>1510</v>
      </c>
      <c r="O1" s="212" t="s">
        <v>1511</v>
      </c>
      <c r="P1" s="212" t="s">
        <v>1512</v>
      </c>
      <c r="Q1" s="212" t="s">
        <v>1513</v>
      </c>
      <c r="R1" s="212" t="s">
        <v>1514</v>
      </c>
      <c r="S1" s="212" t="s">
        <v>1515</v>
      </c>
      <c r="T1" s="212" t="s">
        <v>1516</v>
      </c>
      <c r="U1" s="212" t="s">
        <v>1517</v>
      </c>
      <c r="V1" s="212" t="s">
        <v>1518</v>
      </c>
      <c r="W1" s="212" t="s">
        <v>1519</v>
      </c>
      <c r="X1" s="212" t="s">
        <v>1520</v>
      </c>
      <c r="Y1" s="212" t="s">
        <v>1521</v>
      </c>
      <c r="Z1" s="212" t="s">
        <v>1522</v>
      </c>
      <c r="AA1" s="212" t="s">
        <v>1523</v>
      </c>
      <c r="AB1" s="212" t="s">
        <v>1524</v>
      </c>
      <c r="AC1" s="212" t="s">
        <v>1525</v>
      </c>
      <c r="AD1" s="212" t="s">
        <v>1526</v>
      </c>
      <c r="AE1" s="212" t="s">
        <v>1527</v>
      </c>
      <c r="AF1" s="212" t="s">
        <v>1528</v>
      </c>
      <c r="AG1" s="212" t="s">
        <v>1529</v>
      </c>
      <c r="AH1" s="212" t="s">
        <v>1530</v>
      </c>
      <c r="AI1" s="212" t="s">
        <v>1531</v>
      </c>
      <c r="AJ1" s="212" t="s">
        <v>1532</v>
      </c>
      <c r="AK1" s="212" t="s">
        <v>1533</v>
      </c>
      <c r="AL1" s="212" t="s">
        <v>1534</v>
      </c>
      <c r="AM1" s="212" t="s">
        <v>1535</v>
      </c>
      <c r="AN1" s="212" t="s">
        <v>1536</v>
      </c>
      <c r="AO1" s="212" t="s">
        <v>1537</v>
      </c>
      <c r="AP1" s="212" t="s">
        <v>1538</v>
      </c>
      <c r="AQ1" s="212" t="s">
        <v>1539</v>
      </c>
      <c r="AR1" s="212" t="s">
        <v>1540</v>
      </c>
      <c r="AS1" s="212" t="s">
        <v>1541</v>
      </c>
      <c r="AT1" s="212" t="s">
        <v>1542</v>
      </c>
      <c r="AU1" s="212" t="s">
        <v>1543</v>
      </c>
      <c r="AV1" s="212" t="s">
        <v>1544</v>
      </c>
      <c r="AW1" s="212" t="s">
        <v>1545</v>
      </c>
      <c r="AX1" s="212" t="s">
        <v>1546</v>
      </c>
      <c r="AY1" s="212" t="s">
        <v>1547</v>
      </c>
    </row>
    <row r="2" spans="1:51">
      <c r="A2" s="212" t="s">
        <v>1548</v>
      </c>
      <c r="B2" s="212" t="s">
        <v>15</v>
      </c>
      <c r="C2" s="212" t="s">
        <v>15</v>
      </c>
      <c r="D2" s="212" t="s">
        <v>15</v>
      </c>
      <c r="E2" s="212" t="s">
        <v>15</v>
      </c>
      <c r="F2" s="212" t="s">
        <v>15</v>
      </c>
      <c r="G2" s="212" t="s">
        <v>15</v>
      </c>
      <c r="H2" s="212" t="s">
        <v>15</v>
      </c>
      <c r="I2" s="212" t="s">
        <v>15</v>
      </c>
      <c r="J2" s="212" t="s">
        <v>15</v>
      </c>
      <c r="K2" s="212" t="s">
        <v>15</v>
      </c>
      <c r="L2" s="212" t="s">
        <v>15</v>
      </c>
      <c r="M2" s="212" t="s">
        <v>15</v>
      </c>
      <c r="N2" s="212" t="s">
        <v>15</v>
      </c>
      <c r="O2" s="212" t="s">
        <v>15</v>
      </c>
      <c r="P2" s="212" t="s">
        <v>15</v>
      </c>
      <c r="Q2" s="212" t="s">
        <v>15</v>
      </c>
      <c r="R2" s="212" t="s">
        <v>15</v>
      </c>
      <c r="S2" s="212" t="s">
        <v>15</v>
      </c>
      <c r="T2" s="212" t="s">
        <v>15</v>
      </c>
      <c r="U2" s="212" t="s">
        <v>15</v>
      </c>
      <c r="V2" s="212" t="s">
        <v>15</v>
      </c>
      <c r="W2" s="212" t="s">
        <v>15</v>
      </c>
      <c r="X2" s="212" t="s">
        <v>15</v>
      </c>
      <c r="Y2" s="212" t="s">
        <v>15</v>
      </c>
      <c r="Z2" s="212" t="s">
        <v>15</v>
      </c>
      <c r="AA2" s="212" t="s">
        <v>15</v>
      </c>
      <c r="AB2" s="212" t="s">
        <v>15</v>
      </c>
      <c r="AC2" s="212" t="s">
        <v>15</v>
      </c>
      <c r="AD2" s="212" t="s">
        <v>15</v>
      </c>
      <c r="AE2" s="212" t="s">
        <v>15</v>
      </c>
      <c r="AF2" s="212" t="s">
        <v>15</v>
      </c>
      <c r="AG2" s="212" t="s">
        <v>15</v>
      </c>
      <c r="AH2" s="212" t="s">
        <v>15</v>
      </c>
      <c r="AI2" s="212" t="s">
        <v>15</v>
      </c>
      <c r="AJ2" s="212" t="s">
        <v>15</v>
      </c>
      <c r="AK2" s="212" t="s">
        <v>15</v>
      </c>
      <c r="AL2" s="212" t="s">
        <v>15</v>
      </c>
      <c r="AM2" s="212" t="s">
        <v>15</v>
      </c>
      <c r="AN2" s="212" t="s">
        <v>15</v>
      </c>
      <c r="AO2" s="212" t="s">
        <v>15</v>
      </c>
      <c r="AP2" s="212" t="s">
        <v>15</v>
      </c>
      <c r="AQ2" s="212" t="s">
        <v>15</v>
      </c>
      <c r="AR2" s="212" t="s">
        <v>15</v>
      </c>
      <c r="AS2" s="212" t="s">
        <v>15</v>
      </c>
      <c r="AT2" s="212" t="s">
        <v>15</v>
      </c>
      <c r="AU2" s="212" t="s">
        <v>15</v>
      </c>
      <c r="AV2" s="212" t="s">
        <v>15</v>
      </c>
      <c r="AW2" s="212" t="s">
        <v>15</v>
      </c>
      <c r="AX2" s="212" t="s">
        <v>15</v>
      </c>
      <c r="AY2" s="212" t="s">
        <v>15</v>
      </c>
    </row>
    <row r="3" spans="1:51">
      <c r="A3" s="212" t="s">
        <v>1549</v>
      </c>
      <c r="B3" s="212" t="s">
        <v>16</v>
      </c>
      <c r="C3" s="212" t="s">
        <v>16</v>
      </c>
      <c r="D3" s="212" t="s">
        <v>16</v>
      </c>
      <c r="E3" s="212" t="s">
        <v>16</v>
      </c>
      <c r="F3" s="212" t="s">
        <v>16</v>
      </c>
      <c r="G3" s="212" t="s">
        <v>16</v>
      </c>
      <c r="H3" s="212" t="s">
        <v>16</v>
      </c>
      <c r="I3" s="212" t="s">
        <v>16</v>
      </c>
      <c r="J3" s="212" t="s">
        <v>16</v>
      </c>
      <c r="K3" s="212" t="s">
        <v>16</v>
      </c>
      <c r="L3" s="212" t="s">
        <v>16</v>
      </c>
      <c r="M3" s="212" t="s">
        <v>16</v>
      </c>
      <c r="N3" s="212" t="s">
        <v>16</v>
      </c>
      <c r="O3" s="212" t="s">
        <v>16</v>
      </c>
      <c r="P3" s="212" t="s">
        <v>16</v>
      </c>
      <c r="Q3" s="212" t="s">
        <v>16</v>
      </c>
      <c r="R3" s="212" t="s">
        <v>16</v>
      </c>
      <c r="S3" s="212" t="s">
        <v>16</v>
      </c>
      <c r="T3" s="212" t="s">
        <v>16</v>
      </c>
      <c r="U3" s="212" t="s">
        <v>16</v>
      </c>
      <c r="V3" s="212" t="s">
        <v>16</v>
      </c>
      <c r="W3" s="212" t="s">
        <v>16</v>
      </c>
      <c r="X3" s="212" t="s">
        <v>16</v>
      </c>
      <c r="Y3" s="212" t="s">
        <v>16</v>
      </c>
      <c r="Z3" s="212" t="s">
        <v>16</v>
      </c>
      <c r="AA3" s="212" t="s">
        <v>16</v>
      </c>
      <c r="AB3" s="212" t="s">
        <v>15</v>
      </c>
      <c r="AC3" s="212" t="s">
        <v>16</v>
      </c>
      <c r="AD3" s="212" t="s">
        <v>16</v>
      </c>
      <c r="AE3" s="212" t="s">
        <v>16</v>
      </c>
      <c r="AF3" s="212" t="s">
        <v>16</v>
      </c>
      <c r="AG3" s="212" t="s">
        <v>16</v>
      </c>
      <c r="AH3" s="212" t="s">
        <v>16</v>
      </c>
      <c r="AI3" s="212" t="s">
        <v>16</v>
      </c>
      <c r="AJ3" s="212" t="s">
        <v>16</v>
      </c>
      <c r="AK3" s="212" t="s">
        <v>16</v>
      </c>
      <c r="AL3" s="212" t="s">
        <v>16</v>
      </c>
      <c r="AM3" s="212" t="s">
        <v>16</v>
      </c>
      <c r="AN3" s="212" t="s">
        <v>16</v>
      </c>
      <c r="AO3" s="212" t="s">
        <v>16</v>
      </c>
      <c r="AP3" s="212" t="s">
        <v>16</v>
      </c>
      <c r="AQ3" s="212" t="s">
        <v>16</v>
      </c>
      <c r="AR3" s="212" t="s">
        <v>16</v>
      </c>
      <c r="AS3" s="212" t="s">
        <v>16</v>
      </c>
      <c r="AT3" s="212" t="s">
        <v>16</v>
      </c>
      <c r="AU3" s="212" t="s">
        <v>16</v>
      </c>
      <c r="AV3" s="212" t="s">
        <v>16</v>
      </c>
      <c r="AW3" s="212" t="s">
        <v>16</v>
      </c>
      <c r="AX3" s="212" t="s">
        <v>16</v>
      </c>
      <c r="AY3" s="212" t="s">
        <v>16</v>
      </c>
    </row>
    <row r="4" spans="1:51">
      <c r="A4" s="212" t="s">
        <v>1550</v>
      </c>
      <c r="B4" s="212" t="s">
        <v>15</v>
      </c>
      <c r="C4" s="212" t="s">
        <v>15</v>
      </c>
      <c r="D4" s="212" t="s">
        <v>15</v>
      </c>
      <c r="E4" s="212" t="s">
        <v>15</v>
      </c>
      <c r="F4" s="212" t="s">
        <v>16</v>
      </c>
      <c r="G4" s="212" t="s">
        <v>15</v>
      </c>
      <c r="H4" s="212" t="s">
        <v>15</v>
      </c>
      <c r="I4" s="212" t="s">
        <v>15</v>
      </c>
      <c r="J4" s="212" t="s">
        <v>15</v>
      </c>
      <c r="K4" s="212" t="s">
        <v>15</v>
      </c>
      <c r="L4" s="212" t="s">
        <v>15</v>
      </c>
      <c r="M4" s="212" t="s">
        <v>15</v>
      </c>
      <c r="N4" s="212" t="s">
        <v>15</v>
      </c>
      <c r="O4" s="212" t="s">
        <v>15</v>
      </c>
      <c r="P4" s="212" t="s">
        <v>15</v>
      </c>
      <c r="Q4" s="212" t="s">
        <v>15</v>
      </c>
      <c r="R4" s="212" t="s">
        <v>15</v>
      </c>
      <c r="S4" s="212" t="s">
        <v>15</v>
      </c>
      <c r="T4" s="212" t="s">
        <v>15</v>
      </c>
      <c r="U4" s="212" t="s">
        <v>15</v>
      </c>
      <c r="V4" s="212" t="s">
        <v>15</v>
      </c>
      <c r="W4" s="212" t="s">
        <v>15</v>
      </c>
      <c r="X4" s="212" t="s">
        <v>15</v>
      </c>
      <c r="Y4" s="212" t="s">
        <v>15</v>
      </c>
      <c r="Z4" s="212" t="s">
        <v>15</v>
      </c>
      <c r="AA4" s="212" t="s">
        <v>15</v>
      </c>
      <c r="AB4" s="212" t="s">
        <v>15</v>
      </c>
      <c r="AC4" s="212" t="s">
        <v>15</v>
      </c>
      <c r="AD4" s="212" t="s">
        <v>15</v>
      </c>
      <c r="AE4" s="212" t="s">
        <v>15</v>
      </c>
      <c r="AF4" s="212" t="s">
        <v>15</v>
      </c>
      <c r="AG4" s="212" t="s">
        <v>15</v>
      </c>
      <c r="AH4" s="212" t="s">
        <v>15</v>
      </c>
      <c r="AI4" s="212" t="s">
        <v>15</v>
      </c>
      <c r="AJ4" s="212" t="s">
        <v>15</v>
      </c>
      <c r="AK4" s="212" t="s">
        <v>15</v>
      </c>
      <c r="AL4" s="212" t="s">
        <v>15</v>
      </c>
      <c r="AM4" s="212" t="s">
        <v>15</v>
      </c>
      <c r="AN4" s="212" t="s">
        <v>15</v>
      </c>
      <c r="AO4" s="212" t="s">
        <v>15</v>
      </c>
      <c r="AP4" s="212" t="s">
        <v>15</v>
      </c>
      <c r="AQ4" s="212" t="s">
        <v>15</v>
      </c>
      <c r="AR4" s="212" t="s">
        <v>15</v>
      </c>
      <c r="AS4" s="212" t="s">
        <v>15</v>
      </c>
      <c r="AT4" s="212" t="s">
        <v>15</v>
      </c>
      <c r="AU4" s="212" t="s">
        <v>15</v>
      </c>
      <c r="AV4" s="212" t="s">
        <v>15</v>
      </c>
      <c r="AW4" s="212" t="s">
        <v>15</v>
      </c>
      <c r="AX4" s="212" t="s">
        <v>15</v>
      </c>
      <c r="AY4" s="212" t="s">
        <v>15</v>
      </c>
    </row>
    <row r="5" spans="1:51">
      <c r="A5" s="212" t="s">
        <v>1551</v>
      </c>
      <c r="B5" s="212" t="s">
        <v>15</v>
      </c>
      <c r="C5" s="212" t="s">
        <v>15</v>
      </c>
      <c r="D5" s="212" t="s">
        <v>15</v>
      </c>
      <c r="E5" s="212" t="s">
        <v>15</v>
      </c>
      <c r="F5" s="212" t="s">
        <v>16</v>
      </c>
      <c r="G5" s="212" t="s">
        <v>15</v>
      </c>
      <c r="H5" s="212" t="s">
        <v>15</v>
      </c>
      <c r="I5" s="212" t="s">
        <v>15</v>
      </c>
      <c r="J5" s="212" t="s">
        <v>15</v>
      </c>
      <c r="K5" s="212" t="s">
        <v>15</v>
      </c>
      <c r="L5" s="212" t="s">
        <v>15</v>
      </c>
      <c r="M5" s="212" t="s">
        <v>15</v>
      </c>
      <c r="N5" s="212" t="s">
        <v>15</v>
      </c>
      <c r="O5" s="212" t="s">
        <v>15</v>
      </c>
      <c r="P5" s="212" t="s">
        <v>15</v>
      </c>
      <c r="Q5" s="212" t="s">
        <v>15</v>
      </c>
      <c r="R5" s="212" t="s">
        <v>15</v>
      </c>
      <c r="S5" s="212" t="s">
        <v>15</v>
      </c>
      <c r="T5" s="212" t="s">
        <v>15</v>
      </c>
      <c r="U5" s="212" t="s">
        <v>15</v>
      </c>
      <c r="V5" s="212" t="s">
        <v>15</v>
      </c>
      <c r="W5" s="212" t="s">
        <v>15</v>
      </c>
      <c r="X5" s="212" t="s">
        <v>15</v>
      </c>
      <c r="Y5" s="212" t="s">
        <v>15</v>
      </c>
      <c r="Z5" s="212" t="s">
        <v>15</v>
      </c>
      <c r="AA5" s="212" t="s">
        <v>15</v>
      </c>
      <c r="AB5" s="212" t="s">
        <v>15</v>
      </c>
      <c r="AC5" s="212" t="s">
        <v>16</v>
      </c>
      <c r="AD5" s="212" t="s">
        <v>15</v>
      </c>
      <c r="AE5" s="212" t="s">
        <v>15</v>
      </c>
      <c r="AF5" s="212" t="s">
        <v>15</v>
      </c>
      <c r="AG5" s="212" t="s">
        <v>15</v>
      </c>
      <c r="AH5" s="212" t="s">
        <v>15</v>
      </c>
      <c r="AI5" s="212" t="s">
        <v>15</v>
      </c>
      <c r="AJ5" s="212" t="s">
        <v>15</v>
      </c>
      <c r="AK5" s="212" t="s">
        <v>15</v>
      </c>
      <c r="AL5" s="212" t="s">
        <v>15</v>
      </c>
      <c r="AM5" s="212" t="s">
        <v>15</v>
      </c>
      <c r="AN5" s="212" t="s">
        <v>15</v>
      </c>
      <c r="AO5" s="212" t="s">
        <v>15</v>
      </c>
      <c r="AP5" s="212" t="s">
        <v>15</v>
      </c>
      <c r="AQ5" s="212" t="s">
        <v>15</v>
      </c>
      <c r="AR5" s="212" t="s">
        <v>15</v>
      </c>
      <c r="AS5" s="212" t="s">
        <v>15</v>
      </c>
      <c r="AT5" s="212" t="s">
        <v>15</v>
      </c>
      <c r="AU5" s="212" t="s">
        <v>15</v>
      </c>
      <c r="AV5" s="212" t="s">
        <v>15</v>
      </c>
      <c r="AW5" s="212" t="s">
        <v>15</v>
      </c>
      <c r="AX5" s="212" t="s">
        <v>15</v>
      </c>
      <c r="AY5" s="212" t="s">
        <v>15</v>
      </c>
    </row>
    <row r="6" spans="1:51">
      <c r="A6" s="212" t="s">
        <v>1552</v>
      </c>
      <c r="B6" s="212" t="s">
        <v>15</v>
      </c>
      <c r="C6" s="212" t="s">
        <v>16</v>
      </c>
      <c r="D6" s="212" t="s">
        <v>16</v>
      </c>
      <c r="E6" s="212" t="s">
        <v>16</v>
      </c>
      <c r="F6" s="212" t="s">
        <v>15</v>
      </c>
      <c r="G6" s="212" t="s">
        <v>16</v>
      </c>
      <c r="H6" s="212" t="s">
        <v>16</v>
      </c>
      <c r="I6" s="212" t="s">
        <v>16</v>
      </c>
      <c r="J6" s="212" t="s">
        <v>15</v>
      </c>
      <c r="K6" s="212" t="s">
        <v>16</v>
      </c>
      <c r="L6" s="212" t="s">
        <v>15</v>
      </c>
      <c r="M6" s="212" t="s">
        <v>16</v>
      </c>
      <c r="N6" s="212" t="s">
        <v>16</v>
      </c>
      <c r="O6" s="212" t="s">
        <v>16</v>
      </c>
      <c r="P6" s="212" t="s">
        <v>16</v>
      </c>
      <c r="Q6" s="212" t="s">
        <v>15</v>
      </c>
      <c r="R6" s="212" t="s">
        <v>16</v>
      </c>
      <c r="S6" s="212" t="s">
        <v>16</v>
      </c>
      <c r="T6" s="212" t="s">
        <v>16</v>
      </c>
      <c r="U6" s="212" t="s">
        <v>16</v>
      </c>
      <c r="V6" s="212" t="s">
        <v>16</v>
      </c>
      <c r="W6" s="212" t="s">
        <v>15</v>
      </c>
      <c r="X6" s="212" t="s">
        <v>16</v>
      </c>
      <c r="Y6" s="212" t="s">
        <v>16</v>
      </c>
      <c r="Z6" s="212" t="s">
        <v>16</v>
      </c>
      <c r="AA6" s="212" t="s">
        <v>16</v>
      </c>
      <c r="AB6" s="212" t="s">
        <v>16</v>
      </c>
      <c r="AC6" s="212" t="s">
        <v>15</v>
      </c>
      <c r="AD6" s="212" t="s">
        <v>16</v>
      </c>
      <c r="AE6" s="212" t="s">
        <v>16</v>
      </c>
      <c r="AF6" s="212" t="s">
        <v>16</v>
      </c>
      <c r="AG6" s="212" t="s">
        <v>16</v>
      </c>
      <c r="AH6" s="212" t="s">
        <v>16</v>
      </c>
      <c r="AI6" s="212" t="s">
        <v>16</v>
      </c>
      <c r="AJ6" s="212" t="s">
        <v>16</v>
      </c>
      <c r="AK6" s="212" t="s">
        <v>16</v>
      </c>
      <c r="AL6" s="212" t="s">
        <v>16</v>
      </c>
      <c r="AM6" s="212" t="s">
        <v>15</v>
      </c>
      <c r="AN6" s="212" t="s">
        <v>16</v>
      </c>
      <c r="AO6" s="212" t="s">
        <v>16</v>
      </c>
      <c r="AP6" s="212" t="s">
        <v>15</v>
      </c>
      <c r="AQ6" s="212" t="s">
        <v>15</v>
      </c>
      <c r="AR6" s="212" t="s">
        <v>16</v>
      </c>
      <c r="AS6" s="212" t="s">
        <v>16</v>
      </c>
      <c r="AT6" s="212" t="s">
        <v>16</v>
      </c>
      <c r="AU6" s="212" t="s">
        <v>16</v>
      </c>
      <c r="AV6" s="212" t="s">
        <v>16</v>
      </c>
      <c r="AW6" s="212" t="s">
        <v>15</v>
      </c>
      <c r="AX6" s="212" t="s">
        <v>15</v>
      </c>
      <c r="AY6" s="212" t="s">
        <v>16</v>
      </c>
    </row>
    <row r="7" spans="1:51">
      <c r="A7" s="212" t="s">
        <v>1553</v>
      </c>
      <c r="B7" s="212" t="s">
        <v>15</v>
      </c>
      <c r="C7" s="212" t="s">
        <v>15</v>
      </c>
      <c r="D7" s="212" t="s">
        <v>15</v>
      </c>
      <c r="E7" s="212" t="s">
        <v>15</v>
      </c>
      <c r="F7" s="212" t="s">
        <v>15</v>
      </c>
      <c r="G7" s="212" t="s">
        <v>15</v>
      </c>
      <c r="H7" s="212" t="s">
        <v>15</v>
      </c>
      <c r="I7" s="212" t="s">
        <v>15</v>
      </c>
      <c r="J7" s="212" t="s">
        <v>15</v>
      </c>
      <c r="K7" s="212" t="s">
        <v>15</v>
      </c>
      <c r="L7" s="212" t="s">
        <v>15</v>
      </c>
      <c r="M7" s="212" t="s">
        <v>15</v>
      </c>
      <c r="N7" s="212" t="s">
        <v>15</v>
      </c>
      <c r="O7" s="212" t="s">
        <v>15</v>
      </c>
      <c r="P7" s="212" t="s">
        <v>15</v>
      </c>
      <c r="Q7" s="212" t="s">
        <v>15</v>
      </c>
      <c r="R7" s="212" t="s">
        <v>15</v>
      </c>
      <c r="S7" s="212" t="s">
        <v>15</v>
      </c>
      <c r="T7" s="212" t="s">
        <v>15</v>
      </c>
      <c r="U7" s="212" t="s">
        <v>15</v>
      </c>
      <c r="V7" s="212" t="s">
        <v>15</v>
      </c>
      <c r="W7" s="212" t="s">
        <v>15</v>
      </c>
      <c r="X7" s="212" t="s">
        <v>15</v>
      </c>
      <c r="Y7" s="212" t="s">
        <v>15</v>
      </c>
      <c r="Z7" s="212" t="s">
        <v>15</v>
      </c>
      <c r="AA7" s="212" t="s">
        <v>15</v>
      </c>
      <c r="AB7" s="212" t="s">
        <v>15</v>
      </c>
      <c r="AC7" s="212" t="s">
        <v>15</v>
      </c>
      <c r="AD7" s="212" t="s">
        <v>15</v>
      </c>
      <c r="AE7" s="212" t="s">
        <v>15</v>
      </c>
      <c r="AF7" s="212" t="s">
        <v>15</v>
      </c>
      <c r="AG7" s="212" t="s">
        <v>15</v>
      </c>
      <c r="AH7" s="212" t="s">
        <v>15</v>
      </c>
      <c r="AI7" s="212" t="s">
        <v>15</v>
      </c>
      <c r="AJ7" s="212" t="s">
        <v>15</v>
      </c>
      <c r="AK7" s="212" t="s">
        <v>15</v>
      </c>
      <c r="AL7" s="212" t="s">
        <v>15</v>
      </c>
      <c r="AM7" s="212" t="s">
        <v>15</v>
      </c>
      <c r="AN7" s="212" t="s">
        <v>15</v>
      </c>
      <c r="AO7" s="212" t="s">
        <v>15</v>
      </c>
      <c r="AP7" s="212" t="s">
        <v>15</v>
      </c>
      <c r="AQ7" s="212" t="s">
        <v>15</v>
      </c>
      <c r="AR7" s="212" t="s">
        <v>15</v>
      </c>
      <c r="AS7" s="212" t="s">
        <v>15</v>
      </c>
      <c r="AT7" s="212" t="s">
        <v>15</v>
      </c>
      <c r="AU7" s="212" t="s">
        <v>15</v>
      </c>
      <c r="AV7" s="212" t="s">
        <v>15</v>
      </c>
      <c r="AW7" s="212" t="s">
        <v>15</v>
      </c>
      <c r="AX7" s="212" t="s">
        <v>15</v>
      </c>
      <c r="AY7" s="212" t="s">
        <v>15</v>
      </c>
    </row>
    <row r="8" spans="1:51">
      <c r="A8" s="212" t="s">
        <v>1554</v>
      </c>
      <c r="B8" s="212" t="s">
        <v>15</v>
      </c>
      <c r="C8" s="212" t="s">
        <v>15</v>
      </c>
      <c r="D8" s="212" t="s">
        <v>15</v>
      </c>
      <c r="E8" s="212" t="s">
        <v>15</v>
      </c>
      <c r="F8" s="212" t="s">
        <v>15</v>
      </c>
      <c r="G8" s="212" t="s">
        <v>15</v>
      </c>
      <c r="H8" s="212" t="s">
        <v>15</v>
      </c>
      <c r="I8" s="212" t="s">
        <v>15</v>
      </c>
      <c r="J8" s="212" t="s">
        <v>15</v>
      </c>
      <c r="K8" s="212" t="s">
        <v>15</v>
      </c>
      <c r="L8" s="212" t="s">
        <v>15</v>
      </c>
      <c r="M8" s="212" t="s">
        <v>15</v>
      </c>
      <c r="N8" s="212" t="s">
        <v>15</v>
      </c>
      <c r="O8" s="212" t="s">
        <v>15</v>
      </c>
      <c r="P8" s="212" t="s">
        <v>15</v>
      </c>
      <c r="Q8" s="212" t="s">
        <v>15</v>
      </c>
      <c r="R8" s="212" t="s">
        <v>15</v>
      </c>
      <c r="S8" s="212" t="s">
        <v>15</v>
      </c>
      <c r="T8" s="212" t="s">
        <v>15</v>
      </c>
      <c r="U8" s="212" t="s">
        <v>15</v>
      </c>
      <c r="V8" s="212" t="s">
        <v>15</v>
      </c>
      <c r="W8" s="212" t="s">
        <v>15</v>
      </c>
      <c r="X8" s="212" t="s">
        <v>15</v>
      </c>
      <c r="Y8" s="212" t="s">
        <v>15</v>
      </c>
      <c r="Z8" s="212" t="s">
        <v>15</v>
      </c>
      <c r="AA8" s="212" t="s">
        <v>15</v>
      </c>
      <c r="AB8" s="212" t="s">
        <v>15</v>
      </c>
      <c r="AC8" s="212" t="s">
        <v>15</v>
      </c>
      <c r="AD8" s="212" t="s">
        <v>15</v>
      </c>
      <c r="AE8" s="212" t="s">
        <v>15</v>
      </c>
      <c r="AF8" s="212" t="s">
        <v>15</v>
      </c>
      <c r="AG8" s="212" t="s">
        <v>15</v>
      </c>
      <c r="AH8" s="212" t="s">
        <v>15</v>
      </c>
      <c r="AI8" s="212" t="s">
        <v>15</v>
      </c>
      <c r="AJ8" s="212" t="s">
        <v>15</v>
      </c>
      <c r="AK8" s="212" t="s">
        <v>15</v>
      </c>
      <c r="AL8" s="212" t="s">
        <v>15</v>
      </c>
      <c r="AM8" s="212" t="s">
        <v>15</v>
      </c>
      <c r="AN8" s="212" t="s">
        <v>15</v>
      </c>
      <c r="AO8" s="212" t="s">
        <v>15</v>
      </c>
      <c r="AP8" s="212" t="s">
        <v>15</v>
      </c>
      <c r="AQ8" s="212" t="s">
        <v>15</v>
      </c>
      <c r="AR8" s="212" t="s">
        <v>15</v>
      </c>
      <c r="AS8" s="212" t="s">
        <v>15</v>
      </c>
      <c r="AT8" s="212" t="s">
        <v>16</v>
      </c>
      <c r="AU8" s="212" t="s">
        <v>15</v>
      </c>
      <c r="AV8" s="212" t="s">
        <v>15</v>
      </c>
      <c r="AW8" s="212" t="s">
        <v>15</v>
      </c>
      <c r="AX8" s="212" t="s">
        <v>15</v>
      </c>
      <c r="AY8" s="212" t="s">
        <v>15</v>
      </c>
    </row>
    <row r="9" spans="1:51">
      <c r="A9" s="212" t="s">
        <v>1555</v>
      </c>
      <c r="B9" s="212" t="s">
        <v>15</v>
      </c>
      <c r="C9" s="212" t="s">
        <v>15</v>
      </c>
      <c r="D9" s="212" t="s">
        <v>15</v>
      </c>
      <c r="E9" s="212" t="s">
        <v>15</v>
      </c>
      <c r="F9" s="212" t="s">
        <v>15</v>
      </c>
      <c r="G9" s="212" t="s">
        <v>15</v>
      </c>
      <c r="H9" s="212" t="s">
        <v>15</v>
      </c>
      <c r="I9" s="212" t="s">
        <v>15</v>
      </c>
      <c r="J9" s="212" t="s">
        <v>15</v>
      </c>
      <c r="K9" s="212" t="s">
        <v>15</v>
      </c>
      <c r="L9" s="212" t="s">
        <v>15</v>
      </c>
      <c r="M9" s="212" t="s">
        <v>15</v>
      </c>
      <c r="N9" s="212" t="s">
        <v>15</v>
      </c>
      <c r="O9" s="212" t="s">
        <v>15</v>
      </c>
      <c r="P9" s="212" t="s">
        <v>15</v>
      </c>
      <c r="Q9" s="212" t="s">
        <v>15</v>
      </c>
      <c r="R9" s="212" t="s">
        <v>15</v>
      </c>
      <c r="S9" s="212" t="s">
        <v>15</v>
      </c>
      <c r="T9" s="212" t="s">
        <v>15</v>
      </c>
      <c r="U9" s="212" t="s">
        <v>15</v>
      </c>
      <c r="V9" s="212" t="s">
        <v>15</v>
      </c>
      <c r="W9" s="212" t="s">
        <v>15</v>
      </c>
      <c r="X9" s="212" t="s">
        <v>15</v>
      </c>
      <c r="Y9" s="212" t="s">
        <v>15</v>
      </c>
      <c r="Z9" s="212" t="s">
        <v>15</v>
      </c>
      <c r="AA9" s="212" t="s">
        <v>15</v>
      </c>
      <c r="AB9" s="212" t="s">
        <v>15</v>
      </c>
      <c r="AC9" s="212" t="s">
        <v>15</v>
      </c>
      <c r="AD9" s="212" t="s">
        <v>15</v>
      </c>
      <c r="AE9" s="212" t="s">
        <v>15</v>
      </c>
      <c r="AF9" s="212" t="s">
        <v>15</v>
      </c>
      <c r="AG9" s="212" t="s">
        <v>15</v>
      </c>
      <c r="AH9" s="212" t="s">
        <v>15</v>
      </c>
      <c r="AI9" s="212" t="s">
        <v>15</v>
      </c>
      <c r="AJ9" s="212" t="s">
        <v>15</v>
      </c>
      <c r="AK9" s="212" t="s">
        <v>15</v>
      </c>
      <c r="AL9" s="212" t="s">
        <v>15</v>
      </c>
      <c r="AM9" s="212" t="s">
        <v>15</v>
      </c>
      <c r="AN9" s="212" t="s">
        <v>15</v>
      </c>
      <c r="AO9" s="212" t="s">
        <v>15</v>
      </c>
      <c r="AP9" s="212" t="s">
        <v>15</v>
      </c>
      <c r="AQ9" s="212" t="s">
        <v>15</v>
      </c>
      <c r="AR9" s="212" t="s">
        <v>15</v>
      </c>
      <c r="AS9" s="212" t="s">
        <v>15</v>
      </c>
      <c r="AT9" s="212" t="s">
        <v>15</v>
      </c>
      <c r="AU9" s="212" t="s">
        <v>15</v>
      </c>
      <c r="AV9" s="212" t="s">
        <v>15</v>
      </c>
      <c r="AW9" s="212" t="s">
        <v>15</v>
      </c>
      <c r="AX9" s="212" t="s">
        <v>15</v>
      </c>
      <c r="AY9" s="212" t="s">
        <v>15</v>
      </c>
    </row>
    <row r="10" spans="1:51">
      <c r="A10" s="212" t="s">
        <v>1556</v>
      </c>
      <c r="B10" s="212" t="s">
        <v>15</v>
      </c>
      <c r="C10" s="212" t="s">
        <v>15</v>
      </c>
      <c r="D10" s="212" t="s">
        <v>15</v>
      </c>
      <c r="E10" s="212" t="s">
        <v>15</v>
      </c>
      <c r="F10" s="212" t="s">
        <v>15</v>
      </c>
      <c r="G10" s="212" t="s">
        <v>15</v>
      </c>
      <c r="H10" s="212" t="s">
        <v>15</v>
      </c>
      <c r="I10" s="212" t="s">
        <v>15</v>
      </c>
      <c r="J10" s="212" t="s">
        <v>15</v>
      </c>
      <c r="K10" s="212" t="s">
        <v>15</v>
      </c>
      <c r="L10" s="212" t="s">
        <v>15</v>
      </c>
      <c r="M10" s="212" t="s">
        <v>15</v>
      </c>
      <c r="N10" s="212" t="s">
        <v>15</v>
      </c>
      <c r="O10" s="212" t="s">
        <v>15</v>
      </c>
      <c r="P10" s="212" t="s">
        <v>15</v>
      </c>
      <c r="Q10" s="212" t="s">
        <v>15</v>
      </c>
      <c r="R10" s="212" t="s">
        <v>15</v>
      </c>
      <c r="S10" s="212" t="s">
        <v>15</v>
      </c>
      <c r="T10" s="212" t="s">
        <v>15</v>
      </c>
      <c r="U10" s="212" t="s">
        <v>15</v>
      </c>
      <c r="V10" s="212" t="s">
        <v>15</v>
      </c>
      <c r="W10" s="212" t="s">
        <v>15</v>
      </c>
      <c r="X10" s="212" t="s">
        <v>15</v>
      </c>
      <c r="Y10" s="212" t="s">
        <v>15</v>
      </c>
      <c r="Z10" s="212" t="s">
        <v>15</v>
      </c>
      <c r="AA10" s="212" t="s">
        <v>15</v>
      </c>
      <c r="AB10" s="212" t="s">
        <v>15</v>
      </c>
      <c r="AC10" s="212" t="s">
        <v>15</v>
      </c>
      <c r="AD10" s="212" t="s">
        <v>15</v>
      </c>
      <c r="AE10" s="212" t="s">
        <v>15</v>
      </c>
      <c r="AF10" s="212" t="s">
        <v>15</v>
      </c>
      <c r="AG10" s="212" t="s">
        <v>15</v>
      </c>
      <c r="AH10" s="212" t="s">
        <v>15</v>
      </c>
      <c r="AI10" s="212" t="s">
        <v>15</v>
      </c>
      <c r="AJ10" s="212" t="s">
        <v>15</v>
      </c>
      <c r="AK10" s="212" t="s">
        <v>15</v>
      </c>
      <c r="AL10" s="212" t="s">
        <v>15</v>
      </c>
      <c r="AM10" s="212" t="s">
        <v>15</v>
      </c>
      <c r="AN10" s="212" t="s">
        <v>15</v>
      </c>
      <c r="AO10" s="212" t="s">
        <v>15</v>
      </c>
      <c r="AP10" s="212" t="s">
        <v>15</v>
      </c>
      <c r="AQ10" s="212" t="s">
        <v>15</v>
      </c>
      <c r="AR10" s="212" t="s">
        <v>15</v>
      </c>
      <c r="AS10" s="212" t="s">
        <v>15</v>
      </c>
      <c r="AT10" s="212" t="s">
        <v>15</v>
      </c>
      <c r="AU10" s="212" t="s">
        <v>15</v>
      </c>
      <c r="AV10" s="212" t="s">
        <v>15</v>
      </c>
      <c r="AW10" s="212" t="s">
        <v>15</v>
      </c>
      <c r="AX10" s="212" t="s">
        <v>15</v>
      </c>
      <c r="AY10" s="212" t="s">
        <v>15</v>
      </c>
    </row>
    <row r="11" spans="1:51">
      <c r="A11" s="212" t="s">
        <v>1458</v>
      </c>
      <c r="B11" s="212" t="s">
        <v>16</v>
      </c>
      <c r="C11" s="212" t="s">
        <v>16</v>
      </c>
      <c r="D11" s="212" t="s">
        <v>16</v>
      </c>
      <c r="E11" s="212" t="s">
        <v>16</v>
      </c>
      <c r="F11" s="212" t="s">
        <v>16</v>
      </c>
      <c r="G11" s="212" t="s">
        <v>16</v>
      </c>
      <c r="H11" s="212" t="s">
        <v>16</v>
      </c>
      <c r="I11" s="212" t="s">
        <v>16</v>
      </c>
      <c r="J11" s="212" t="s">
        <v>16</v>
      </c>
      <c r="K11" s="212" t="s">
        <v>16</v>
      </c>
      <c r="L11" s="212" t="s">
        <v>16</v>
      </c>
      <c r="M11" s="212" t="s">
        <v>16</v>
      </c>
      <c r="N11" s="212" t="s">
        <v>16</v>
      </c>
      <c r="O11" s="212" t="s">
        <v>16</v>
      </c>
      <c r="P11" s="212" t="s">
        <v>16</v>
      </c>
      <c r="Q11" s="212" t="s">
        <v>16</v>
      </c>
      <c r="R11" s="212" t="s">
        <v>16</v>
      </c>
      <c r="S11" s="212" t="s">
        <v>16</v>
      </c>
      <c r="T11" s="212" t="s">
        <v>16</v>
      </c>
      <c r="U11" s="212" t="s">
        <v>16</v>
      </c>
      <c r="V11" s="212" t="s">
        <v>16</v>
      </c>
      <c r="W11" s="212" t="s">
        <v>16</v>
      </c>
      <c r="X11" s="212" t="s">
        <v>16</v>
      </c>
      <c r="Y11" s="212" t="s">
        <v>16</v>
      </c>
      <c r="Z11" s="212" t="s">
        <v>16</v>
      </c>
      <c r="AA11" s="212" t="s">
        <v>16</v>
      </c>
      <c r="AB11" s="212" t="s">
        <v>16</v>
      </c>
      <c r="AC11" s="212" t="s">
        <v>16</v>
      </c>
      <c r="AD11" s="212" t="s">
        <v>16</v>
      </c>
      <c r="AE11" s="212" t="s">
        <v>16</v>
      </c>
      <c r="AF11" s="212" t="s">
        <v>16</v>
      </c>
      <c r="AG11" s="212" t="s">
        <v>16</v>
      </c>
      <c r="AH11" s="212" t="s">
        <v>16</v>
      </c>
      <c r="AI11" s="212" t="s">
        <v>16</v>
      </c>
      <c r="AJ11" s="212" t="s">
        <v>16</v>
      </c>
      <c r="AK11" s="212" t="s">
        <v>16</v>
      </c>
      <c r="AL11" s="212" t="s">
        <v>16</v>
      </c>
      <c r="AM11" s="212" t="s">
        <v>16</v>
      </c>
      <c r="AN11" s="212" t="s">
        <v>16</v>
      </c>
      <c r="AO11" s="212" t="s">
        <v>16</v>
      </c>
      <c r="AP11" s="212" t="s">
        <v>16</v>
      </c>
      <c r="AQ11" s="212" t="s">
        <v>16</v>
      </c>
      <c r="AR11" s="212" t="s">
        <v>16</v>
      </c>
      <c r="AS11" s="212" t="s">
        <v>16</v>
      </c>
      <c r="AT11" s="212" t="s">
        <v>15</v>
      </c>
      <c r="AU11" s="212" t="s">
        <v>16</v>
      </c>
      <c r="AV11" s="212" t="s">
        <v>16</v>
      </c>
      <c r="AW11" s="212" t="s">
        <v>16</v>
      </c>
      <c r="AX11" s="212" t="s">
        <v>16</v>
      </c>
      <c r="AY11" s="212" t="s">
        <v>16</v>
      </c>
    </row>
    <row r="12" spans="1:51">
      <c r="A12" s="212" t="s">
        <v>1557</v>
      </c>
      <c r="B12" s="212" t="s">
        <v>16</v>
      </c>
      <c r="C12" s="212" t="s">
        <v>16</v>
      </c>
      <c r="D12" s="212" t="s">
        <v>16</v>
      </c>
      <c r="E12" s="212" t="s">
        <v>16</v>
      </c>
      <c r="F12" s="212" t="s">
        <v>16</v>
      </c>
      <c r="G12" s="212" t="s">
        <v>16</v>
      </c>
      <c r="H12" s="212" t="s">
        <v>16</v>
      </c>
      <c r="I12" s="212" t="s">
        <v>16</v>
      </c>
      <c r="J12" s="212" t="s">
        <v>16</v>
      </c>
      <c r="K12" s="212" t="s">
        <v>16</v>
      </c>
      <c r="L12" s="212" t="s">
        <v>16</v>
      </c>
      <c r="M12" s="212" t="s">
        <v>16</v>
      </c>
      <c r="N12" s="212" t="s">
        <v>16</v>
      </c>
      <c r="O12" s="212" t="s">
        <v>16</v>
      </c>
      <c r="P12" s="212" t="s">
        <v>16</v>
      </c>
      <c r="Q12" s="212" t="s">
        <v>16</v>
      </c>
      <c r="R12" s="212" t="s">
        <v>16</v>
      </c>
      <c r="S12" s="212" t="s">
        <v>16</v>
      </c>
      <c r="T12" s="212" t="s">
        <v>16</v>
      </c>
      <c r="U12" s="212" t="s">
        <v>16</v>
      </c>
      <c r="V12" s="212" t="s">
        <v>16</v>
      </c>
      <c r="W12" s="212" t="s">
        <v>16</v>
      </c>
      <c r="X12" s="212" t="s">
        <v>16</v>
      </c>
      <c r="Y12" s="212" t="s">
        <v>16</v>
      </c>
      <c r="Z12" s="212" t="s">
        <v>16</v>
      </c>
      <c r="AA12" s="212" t="s">
        <v>16</v>
      </c>
      <c r="AB12" s="212" t="s">
        <v>16</v>
      </c>
      <c r="AC12" s="212" t="s">
        <v>16</v>
      </c>
      <c r="AD12" s="212" t="s">
        <v>16</v>
      </c>
      <c r="AE12" s="212" t="s">
        <v>16</v>
      </c>
      <c r="AF12" s="212" t="s">
        <v>16</v>
      </c>
      <c r="AG12" s="212" t="s">
        <v>16</v>
      </c>
      <c r="AH12" s="212" t="s">
        <v>16</v>
      </c>
      <c r="AI12" s="212" t="s">
        <v>16</v>
      </c>
      <c r="AJ12" s="212" t="s">
        <v>16</v>
      </c>
      <c r="AK12" s="212" t="s">
        <v>16</v>
      </c>
      <c r="AL12" s="212" t="s">
        <v>16</v>
      </c>
      <c r="AM12" s="212" t="s">
        <v>16</v>
      </c>
      <c r="AN12" s="212" t="s">
        <v>16</v>
      </c>
      <c r="AO12" s="212" t="s">
        <v>16</v>
      </c>
      <c r="AP12" s="212" t="s">
        <v>16</v>
      </c>
      <c r="AQ12" s="212" t="s">
        <v>16</v>
      </c>
      <c r="AR12" s="212" t="s">
        <v>16</v>
      </c>
      <c r="AS12" s="212" t="s">
        <v>16</v>
      </c>
      <c r="AT12" s="212" t="s">
        <v>16</v>
      </c>
      <c r="AU12" s="212" t="s">
        <v>16</v>
      </c>
      <c r="AV12" s="212" t="s">
        <v>16</v>
      </c>
      <c r="AW12" s="212" t="s">
        <v>16</v>
      </c>
      <c r="AX12" s="212" t="s">
        <v>16</v>
      </c>
      <c r="AY12" s="212" t="s">
        <v>16</v>
      </c>
    </row>
    <row r="13" spans="1:51">
      <c r="A13" s="212" t="s">
        <v>1558</v>
      </c>
      <c r="B13" s="212" t="s">
        <v>16</v>
      </c>
      <c r="C13" s="212" t="s">
        <v>16</v>
      </c>
      <c r="D13" s="212" t="s">
        <v>16</v>
      </c>
      <c r="E13" s="212" t="s">
        <v>16</v>
      </c>
      <c r="F13" s="212" t="s">
        <v>16</v>
      </c>
      <c r="G13" s="212" t="s">
        <v>16</v>
      </c>
      <c r="H13" s="212" t="s">
        <v>16</v>
      </c>
      <c r="I13" s="212" t="s">
        <v>16</v>
      </c>
      <c r="J13" s="212" t="s">
        <v>16</v>
      </c>
      <c r="K13" s="212" t="s">
        <v>16</v>
      </c>
      <c r="L13" s="212" t="s">
        <v>16</v>
      </c>
      <c r="M13" s="212" t="s">
        <v>16</v>
      </c>
      <c r="N13" s="212" t="s">
        <v>16</v>
      </c>
      <c r="O13" s="212" t="s">
        <v>16</v>
      </c>
      <c r="P13" s="212" t="s">
        <v>16</v>
      </c>
      <c r="Q13" s="212" t="s">
        <v>16</v>
      </c>
      <c r="R13" s="212" t="s">
        <v>16</v>
      </c>
      <c r="S13" s="212" t="s">
        <v>16</v>
      </c>
      <c r="T13" s="212" t="s">
        <v>16</v>
      </c>
      <c r="U13" s="212" t="s">
        <v>16</v>
      </c>
      <c r="V13" s="212" t="s">
        <v>16</v>
      </c>
      <c r="W13" s="212" t="s">
        <v>16</v>
      </c>
      <c r="X13" s="212" t="s">
        <v>16</v>
      </c>
      <c r="Y13" s="212" t="s">
        <v>16</v>
      </c>
      <c r="Z13" s="212" t="s">
        <v>16</v>
      </c>
      <c r="AA13" s="212" t="s">
        <v>16</v>
      </c>
      <c r="AB13" s="212" t="s">
        <v>16</v>
      </c>
      <c r="AC13" s="212" t="s">
        <v>16</v>
      </c>
      <c r="AD13" s="212" t="s">
        <v>16</v>
      </c>
      <c r="AE13" s="212" t="s">
        <v>16</v>
      </c>
      <c r="AF13" s="212" t="s">
        <v>16</v>
      </c>
      <c r="AG13" s="212" t="s">
        <v>16</v>
      </c>
      <c r="AH13" s="212" t="s">
        <v>16</v>
      </c>
      <c r="AI13" s="212" t="s">
        <v>16</v>
      </c>
      <c r="AJ13" s="212" t="s">
        <v>16</v>
      </c>
      <c r="AK13" s="212" t="s">
        <v>16</v>
      </c>
      <c r="AL13" s="212" t="s">
        <v>16</v>
      </c>
      <c r="AM13" s="212" t="s">
        <v>16</v>
      </c>
      <c r="AN13" s="212" t="s">
        <v>16</v>
      </c>
      <c r="AO13" s="212" t="s">
        <v>16</v>
      </c>
      <c r="AP13" s="212" t="s">
        <v>16</v>
      </c>
      <c r="AQ13" s="212" t="s">
        <v>16</v>
      </c>
      <c r="AR13" s="212" t="s">
        <v>16</v>
      </c>
      <c r="AS13" s="212" t="s">
        <v>16</v>
      </c>
      <c r="AT13" s="212" t="s">
        <v>16</v>
      </c>
      <c r="AU13" s="212" t="s">
        <v>16</v>
      </c>
      <c r="AV13" s="212" t="s">
        <v>16</v>
      </c>
      <c r="AW13" s="212" t="s">
        <v>16</v>
      </c>
      <c r="AX13" s="212" t="s">
        <v>16</v>
      </c>
      <c r="AY13" s="212" t="s">
        <v>16</v>
      </c>
    </row>
    <row r="14" spans="1:51" s="213" customFormat="1" ht="101.5">
      <c r="A14" s="213" t="s">
        <v>1559</v>
      </c>
      <c r="B14" s="213" t="s">
        <v>1626</v>
      </c>
      <c r="C14" s="213" t="s">
        <v>1626</v>
      </c>
      <c r="D14" s="213" t="s">
        <v>1626</v>
      </c>
      <c r="E14" s="213" t="s">
        <v>1626</v>
      </c>
      <c r="F14" s="213" t="s">
        <v>1626</v>
      </c>
      <c r="G14" s="213" t="s">
        <v>1626</v>
      </c>
      <c r="H14" s="214" t="s">
        <v>1560</v>
      </c>
      <c r="I14" s="213" t="s">
        <v>1626</v>
      </c>
      <c r="J14" s="213" t="s">
        <v>1626</v>
      </c>
      <c r="K14" s="213" t="s">
        <v>1626</v>
      </c>
      <c r="L14" s="213" t="s">
        <v>1626</v>
      </c>
      <c r="M14" s="213" t="s">
        <v>1626</v>
      </c>
      <c r="N14" s="213" t="s">
        <v>1626</v>
      </c>
      <c r="O14" s="213" t="s">
        <v>1626</v>
      </c>
      <c r="P14" s="213" t="s">
        <v>1626</v>
      </c>
      <c r="Q14" s="213" t="s">
        <v>1626</v>
      </c>
      <c r="R14" s="213" t="s">
        <v>1626</v>
      </c>
      <c r="S14" s="213" t="s">
        <v>1626</v>
      </c>
      <c r="T14" s="213" t="s">
        <v>1626</v>
      </c>
      <c r="U14" s="213" t="s">
        <v>1626</v>
      </c>
      <c r="V14" s="213" t="s">
        <v>1626</v>
      </c>
      <c r="W14" s="213" t="s">
        <v>1626</v>
      </c>
      <c r="X14" s="213" t="s">
        <v>1626</v>
      </c>
      <c r="Y14" s="213" t="s">
        <v>1626</v>
      </c>
      <c r="Z14" s="213" t="s">
        <v>1626</v>
      </c>
      <c r="AA14" s="213" t="s">
        <v>1626</v>
      </c>
      <c r="AB14" s="213" t="s">
        <v>1626</v>
      </c>
      <c r="AC14" s="214" t="s">
        <v>1561</v>
      </c>
      <c r="AD14" s="213" t="s">
        <v>1626</v>
      </c>
      <c r="AE14" s="213" t="s">
        <v>1626</v>
      </c>
      <c r="AF14" s="213" t="s">
        <v>1626</v>
      </c>
      <c r="AG14" s="213" t="s">
        <v>1626</v>
      </c>
      <c r="AH14" s="214" t="s">
        <v>1562</v>
      </c>
      <c r="AI14" s="213" t="s">
        <v>1626</v>
      </c>
      <c r="AJ14" s="213" t="s">
        <v>1626</v>
      </c>
      <c r="AK14" s="213" t="s">
        <v>1626</v>
      </c>
      <c r="AL14" s="213" t="s">
        <v>1626</v>
      </c>
      <c r="AM14" s="213" t="s">
        <v>1626</v>
      </c>
      <c r="AN14" s="213" t="s">
        <v>1626</v>
      </c>
      <c r="AO14" s="213" t="s">
        <v>1626</v>
      </c>
      <c r="AP14" s="213" t="s">
        <v>1626</v>
      </c>
      <c r="AQ14" s="213" t="s">
        <v>1626</v>
      </c>
      <c r="AR14" s="213" t="s">
        <v>1626</v>
      </c>
      <c r="AS14" s="213" t="s">
        <v>1626</v>
      </c>
      <c r="AT14" s="213" t="s">
        <v>1626</v>
      </c>
      <c r="AU14" s="213" t="s">
        <v>1626</v>
      </c>
      <c r="AV14" s="213" t="s">
        <v>1626</v>
      </c>
      <c r="AW14" s="213" t="s">
        <v>1626</v>
      </c>
      <c r="AX14" s="213" t="s">
        <v>1626</v>
      </c>
      <c r="AY14" s="213" t="s">
        <v>1626</v>
      </c>
    </row>
    <row r="15" spans="1:51">
      <c r="A15" s="212" t="s">
        <v>1563</v>
      </c>
      <c r="B15" s="212" t="s">
        <v>15</v>
      </c>
      <c r="C15" s="212" t="s">
        <v>15</v>
      </c>
      <c r="D15" s="212" t="s">
        <v>15</v>
      </c>
      <c r="E15" s="212" t="s">
        <v>15</v>
      </c>
      <c r="F15" s="212" t="s">
        <v>15</v>
      </c>
      <c r="G15" s="212" t="s">
        <v>15</v>
      </c>
      <c r="H15" s="212" t="s">
        <v>15</v>
      </c>
      <c r="I15" s="212" t="s">
        <v>15</v>
      </c>
      <c r="J15" s="212" t="s">
        <v>15</v>
      </c>
      <c r="K15" s="212" t="s">
        <v>15</v>
      </c>
      <c r="L15" s="212" t="s">
        <v>15</v>
      </c>
      <c r="M15" s="212" t="s">
        <v>15</v>
      </c>
      <c r="N15" s="212" t="s">
        <v>15</v>
      </c>
      <c r="O15" s="212" t="s">
        <v>15</v>
      </c>
      <c r="P15" s="212" t="s">
        <v>15</v>
      </c>
      <c r="Q15" s="212" t="s">
        <v>15</v>
      </c>
      <c r="R15" s="212" t="s">
        <v>15</v>
      </c>
      <c r="S15" s="212" t="s">
        <v>15</v>
      </c>
      <c r="T15" s="212" t="s">
        <v>15</v>
      </c>
      <c r="U15" s="212" t="s">
        <v>15</v>
      </c>
      <c r="V15" s="212" t="s">
        <v>15</v>
      </c>
      <c r="W15" s="212" t="s">
        <v>15</v>
      </c>
      <c r="X15" s="212" t="s">
        <v>15</v>
      </c>
      <c r="Y15" s="212" t="s">
        <v>15</v>
      </c>
      <c r="Z15" s="212" t="s">
        <v>15</v>
      </c>
      <c r="AA15" s="212" t="s">
        <v>15</v>
      </c>
      <c r="AB15" s="212" t="s">
        <v>15</v>
      </c>
      <c r="AC15" s="212" t="s">
        <v>15</v>
      </c>
      <c r="AD15" s="212" t="s">
        <v>15</v>
      </c>
      <c r="AE15" s="212" t="s">
        <v>15</v>
      </c>
      <c r="AF15" s="212" t="s">
        <v>15</v>
      </c>
      <c r="AG15" s="212" t="s">
        <v>15</v>
      </c>
      <c r="AH15" s="212" t="s">
        <v>15</v>
      </c>
      <c r="AI15" s="212" t="s">
        <v>15</v>
      </c>
      <c r="AJ15" s="212" t="s">
        <v>15</v>
      </c>
      <c r="AK15" s="212" t="s">
        <v>15</v>
      </c>
      <c r="AL15" s="212" t="s">
        <v>15</v>
      </c>
      <c r="AM15" s="212" t="s">
        <v>15</v>
      </c>
      <c r="AN15" s="212" t="s">
        <v>15</v>
      </c>
      <c r="AO15" s="212" t="s">
        <v>15</v>
      </c>
      <c r="AP15" s="212" t="s">
        <v>15</v>
      </c>
      <c r="AQ15" s="212" t="s">
        <v>15</v>
      </c>
      <c r="AR15" s="212" t="s">
        <v>15</v>
      </c>
      <c r="AS15" s="212" t="s">
        <v>15</v>
      </c>
      <c r="AT15" s="212" t="s">
        <v>15</v>
      </c>
      <c r="AU15" s="212" t="s">
        <v>15</v>
      </c>
      <c r="AV15" s="212" t="s">
        <v>15</v>
      </c>
      <c r="AW15" s="212" t="s">
        <v>15</v>
      </c>
      <c r="AX15" s="212" t="s">
        <v>15</v>
      </c>
      <c r="AY15" s="212" t="s">
        <v>15</v>
      </c>
    </row>
    <row r="16" spans="1:51">
      <c r="A16" s="212" t="s">
        <v>1564</v>
      </c>
      <c r="B16" s="212" t="s">
        <v>16</v>
      </c>
      <c r="C16" s="212" t="s">
        <v>15</v>
      </c>
      <c r="D16" s="212" t="s">
        <v>16</v>
      </c>
      <c r="E16" s="212" t="s">
        <v>16</v>
      </c>
      <c r="F16" s="212" t="s">
        <v>16</v>
      </c>
      <c r="G16" s="212" t="s">
        <v>15</v>
      </c>
      <c r="H16" s="212" t="s">
        <v>16</v>
      </c>
      <c r="I16" s="212" t="s">
        <v>16</v>
      </c>
      <c r="J16" s="212" t="s">
        <v>16</v>
      </c>
      <c r="K16" s="212" t="s">
        <v>16</v>
      </c>
      <c r="L16" s="212" t="s">
        <v>16</v>
      </c>
      <c r="M16" s="212" t="s">
        <v>16</v>
      </c>
      <c r="N16" s="212" t="s">
        <v>16</v>
      </c>
      <c r="O16" s="212" t="s">
        <v>16</v>
      </c>
      <c r="P16" s="212" t="s">
        <v>16</v>
      </c>
      <c r="Q16" s="212" t="s">
        <v>16</v>
      </c>
      <c r="R16" s="212" t="s">
        <v>16</v>
      </c>
      <c r="S16" s="212" t="s">
        <v>16</v>
      </c>
      <c r="T16" s="212" t="s">
        <v>16</v>
      </c>
      <c r="U16" s="212" t="s">
        <v>16</v>
      </c>
      <c r="V16" s="212" t="s">
        <v>16</v>
      </c>
      <c r="W16" s="212" t="s">
        <v>15</v>
      </c>
      <c r="X16" s="212" t="s">
        <v>16</v>
      </c>
      <c r="Y16" s="212" t="s">
        <v>16</v>
      </c>
      <c r="Z16" s="212" t="s">
        <v>15</v>
      </c>
      <c r="AA16" s="212" t="s">
        <v>16</v>
      </c>
      <c r="AB16" s="212" t="s">
        <v>16</v>
      </c>
      <c r="AC16" s="212" t="s">
        <v>16</v>
      </c>
      <c r="AD16" s="212" t="s">
        <v>16</v>
      </c>
      <c r="AE16" s="212" t="s">
        <v>16</v>
      </c>
      <c r="AF16" s="212" t="s">
        <v>16</v>
      </c>
      <c r="AG16" s="212" t="s">
        <v>16</v>
      </c>
      <c r="AH16" s="212" t="s">
        <v>16</v>
      </c>
      <c r="AI16" s="212" t="s">
        <v>16</v>
      </c>
      <c r="AJ16" s="212" t="s">
        <v>16</v>
      </c>
      <c r="AK16" s="212" t="s">
        <v>16</v>
      </c>
      <c r="AL16" s="212" t="s">
        <v>15</v>
      </c>
      <c r="AM16" s="212" t="s">
        <v>16</v>
      </c>
      <c r="AN16" s="212" t="s">
        <v>16</v>
      </c>
      <c r="AO16" s="212" t="s">
        <v>16</v>
      </c>
      <c r="AP16" s="212" t="s">
        <v>16</v>
      </c>
      <c r="AQ16" s="212" t="s">
        <v>16</v>
      </c>
      <c r="AR16" s="212" t="s">
        <v>16</v>
      </c>
      <c r="AS16" s="212" t="s">
        <v>16</v>
      </c>
      <c r="AT16" s="212" t="s">
        <v>16</v>
      </c>
      <c r="AU16" s="212" t="s">
        <v>16</v>
      </c>
      <c r="AV16" s="212" t="s">
        <v>16</v>
      </c>
      <c r="AW16" s="212" t="s">
        <v>16</v>
      </c>
      <c r="AX16" s="212" t="s">
        <v>16</v>
      </c>
      <c r="AY16" s="212" t="s">
        <v>16</v>
      </c>
    </row>
    <row r="17" spans="1:51">
      <c r="A17" s="212" t="s">
        <v>1565</v>
      </c>
      <c r="B17" s="212" t="s">
        <v>15</v>
      </c>
      <c r="C17" s="212" t="s">
        <v>15</v>
      </c>
      <c r="D17" s="212" t="s">
        <v>15</v>
      </c>
      <c r="E17" s="212" t="s">
        <v>15</v>
      </c>
      <c r="F17" s="212" t="s">
        <v>15</v>
      </c>
      <c r="G17" s="212" t="s">
        <v>15</v>
      </c>
      <c r="H17" s="212" t="s">
        <v>15</v>
      </c>
      <c r="I17" s="212" t="s">
        <v>15</v>
      </c>
      <c r="J17" s="212" t="s">
        <v>15</v>
      </c>
      <c r="K17" s="212" t="s">
        <v>15</v>
      </c>
      <c r="L17" s="212" t="s">
        <v>15</v>
      </c>
      <c r="M17" s="212" t="s">
        <v>15</v>
      </c>
      <c r="N17" s="212" t="s">
        <v>15</v>
      </c>
      <c r="O17" s="212" t="s">
        <v>15</v>
      </c>
      <c r="P17" s="212" t="s">
        <v>15</v>
      </c>
      <c r="Q17" s="212" t="s">
        <v>15</v>
      </c>
      <c r="R17" s="212" t="s">
        <v>15</v>
      </c>
      <c r="S17" s="212" t="s">
        <v>15</v>
      </c>
      <c r="T17" s="212" t="s">
        <v>15</v>
      </c>
      <c r="U17" s="212" t="s">
        <v>15</v>
      </c>
      <c r="V17" s="212" t="s">
        <v>15</v>
      </c>
      <c r="W17" s="212" t="s">
        <v>15</v>
      </c>
      <c r="X17" s="212" t="s">
        <v>15</v>
      </c>
      <c r="Y17" s="212" t="s">
        <v>15</v>
      </c>
      <c r="Z17" s="212" t="s">
        <v>15</v>
      </c>
      <c r="AA17" s="212" t="s">
        <v>15</v>
      </c>
      <c r="AB17" s="212" t="s">
        <v>15</v>
      </c>
      <c r="AC17" s="212" t="s">
        <v>15</v>
      </c>
      <c r="AD17" s="212" t="s">
        <v>15</v>
      </c>
      <c r="AE17" s="212" t="s">
        <v>15</v>
      </c>
      <c r="AF17" s="212" t="s">
        <v>15</v>
      </c>
      <c r="AG17" s="212" t="s">
        <v>15</v>
      </c>
      <c r="AH17" s="212" t="s">
        <v>15</v>
      </c>
      <c r="AI17" s="212" t="s">
        <v>15</v>
      </c>
      <c r="AJ17" s="212" t="s">
        <v>15</v>
      </c>
      <c r="AK17" s="212" t="s">
        <v>15</v>
      </c>
      <c r="AL17" s="212" t="s">
        <v>15</v>
      </c>
      <c r="AM17" s="212" t="s">
        <v>15</v>
      </c>
      <c r="AN17" s="212" t="s">
        <v>15</v>
      </c>
      <c r="AO17" s="212" t="s">
        <v>15</v>
      </c>
      <c r="AP17" s="212" t="s">
        <v>15</v>
      </c>
      <c r="AQ17" s="212" t="s">
        <v>15</v>
      </c>
      <c r="AR17" s="212" t="s">
        <v>15</v>
      </c>
      <c r="AS17" s="212" t="s">
        <v>15</v>
      </c>
      <c r="AT17" s="212" t="s">
        <v>15</v>
      </c>
      <c r="AU17" s="212" t="s">
        <v>15</v>
      </c>
      <c r="AV17" s="212" t="s">
        <v>15</v>
      </c>
      <c r="AW17" s="212" t="s">
        <v>15</v>
      </c>
      <c r="AX17" s="212" t="s">
        <v>15</v>
      </c>
      <c r="AY17" s="212" t="s">
        <v>15</v>
      </c>
    </row>
    <row r="18" spans="1:51">
      <c r="A18" s="212" t="s">
        <v>1566</v>
      </c>
      <c r="B18" s="212" t="s">
        <v>15</v>
      </c>
      <c r="C18" s="212" t="s">
        <v>15</v>
      </c>
      <c r="D18" s="212" t="s">
        <v>15</v>
      </c>
      <c r="E18" s="212" t="s">
        <v>15</v>
      </c>
      <c r="F18" s="212" t="s">
        <v>15</v>
      </c>
      <c r="G18" s="212" t="s">
        <v>15</v>
      </c>
      <c r="H18" s="212" t="s">
        <v>15</v>
      </c>
      <c r="I18" s="212" t="s">
        <v>15</v>
      </c>
      <c r="J18" s="212" t="s">
        <v>15</v>
      </c>
      <c r="K18" s="212" t="s">
        <v>15</v>
      </c>
      <c r="L18" s="212" t="s">
        <v>15</v>
      </c>
      <c r="M18" s="212" t="s">
        <v>15</v>
      </c>
      <c r="N18" s="212" t="s">
        <v>15</v>
      </c>
      <c r="O18" s="212" t="s">
        <v>15</v>
      </c>
      <c r="P18" s="212" t="s">
        <v>15</v>
      </c>
      <c r="Q18" s="212" t="s">
        <v>15</v>
      </c>
      <c r="R18" s="212" t="s">
        <v>15</v>
      </c>
      <c r="S18" s="212" t="s">
        <v>15</v>
      </c>
      <c r="T18" s="212" t="s">
        <v>15</v>
      </c>
      <c r="U18" s="212" t="s">
        <v>15</v>
      </c>
      <c r="V18" s="212" t="s">
        <v>15</v>
      </c>
      <c r="W18" s="212" t="s">
        <v>16</v>
      </c>
      <c r="X18" s="212" t="s">
        <v>15</v>
      </c>
      <c r="Y18" s="212" t="s">
        <v>15</v>
      </c>
      <c r="Z18" s="212" t="s">
        <v>15</v>
      </c>
      <c r="AA18" s="212" t="s">
        <v>15</v>
      </c>
      <c r="AB18" s="212" t="s">
        <v>15</v>
      </c>
      <c r="AC18" s="212" t="s">
        <v>15</v>
      </c>
      <c r="AD18" s="212" t="s">
        <v>15</v>
      </c>
      <c r="AE18" s="212" t="s">
        <v>15</v>
      </c>
      <c r="AF18" s="212" t="s">
        <v>15</v>
      </c>
      <c r="AG18" s="212" t="s">
        <v>15</v>
      </c>
      <c r="AH18" s="212" t="s">
        <v>15</v>
      </c>
      <c r="AI18" s="212" t="s">
        <v>15</v>
      </c>
      <c r="AJ18" s="212" t="s">
        <v>15</v>
      </c>
      <c r="AK18" s="212" t="s">
        <v>15</v>
      </c>
      <c r="AL18" s="212" t="s">
        <v>15</v>
      </c>
      <c r="AM18" s="212" t="s">
        <v>15</v>
      </c>
      <c r="AN18" s="212" t="s">
        <v>15</v>
      </c>
      <c r="AO18" s="212" t="s">
        <v>15</v>
      </c>
      <c r="AP18" s="212" t="s">
        <v>15</v>
      </c>
      <c r="AQ18" s="212" t="s">
        <v>15</v>
      </c>
      <c r="AR18" s="212" t="s">
        <v>15</v>
      </c>
      <c r="AS18" s="212" t="s">
        <v>15</v>
      </c>
      <c r="AT18" s="212" t="s">
        <v>15</v>
      </c>
      <c r="AU18" s="212" t="s">
        <v>15</v>
      </c>
      <c r="AV18" s="212" t="s">
        <v>15</v>
      </c>
      <c r="AW18" s="212" t="s">
        <v>15</v>
      </c>
      <c r="AX18" s="212" t="s">
        <v>15</v>
      </c>
      <c r="AY18" s="212" t="s">
        <v>15</v>
      </c>
    </row>
    <row r="19" spans="1:51">
      <c r="A19" s="212" t="s">
        <v>1567</v>
      </c>
      <c r="B19" s="212" t="s">
        <v>15</v>
      </c>
      <c r="C19" s="212" t="s">
        <v>15</v>
      </c>
      <c r="D19" s="212" t="s">
        <v>15</v>
      </c>
      <c r="E19" s="212" t="s">
        <v>15</v>
      </c>
      <c r="F19" s="212" t="s">
        <v>15</v>
      </c>
      <c r="G19" s="212" t="s">
        <v>15</v>
      </c>
      <c r="H19" s="212" t="s">
        <v>16</v>
      </c>
      <c r="I19" s="212" t="s">
        <v>15</v>
      </c>
      <c r="J19" s="212" t="s">
        <v>15</v>
      </c>
      <c r="K19" s="212" t="s">
        <v>15</v>
      </c>
      <c r="L19" s="212" t="s">
        <v>15</v>
      </c>
      <c r="M19" s="212" t="s">
        <v>15</v>
      </c>
      <c r="N19" s="212" t="s">
        <v>15</v>
      </c>
      <c r="O19" s="212" t="s">
        <v>15</v>
      </c>
      <c r="P19" s="212" t="s">
        <v>16</v>
      </c>
      <c r="Q19" s="212" t="s">
        <v>15</v>
      </c>
      <c r="R19" s="212" t="s">
        <v>16</v>
      </c>
      <c r="S19" s="212" t="s">
        <v>15</v>
      </c>
      <c r="T19" s="212" t="s">
        <v>15</v>
      </c>
      <c r="U19" s="212" t="s">
        <v>16</v>
      </c>
      <c r="V19" s="212" t="s">
        <v>16</v>
      </c>
      <c r="W19" s="212" t="s">
        <v>15</v>
      </c>
      <c r="X19" s="212" t="s">
        <v>15</v>
      </c>
      <c r="Y19" s="212" t="s">
        <v>15</v>
      </c>
      <c r="Z19" s="212" t="s">
        <v>15</v>
      </c>
      <c r="AA19" s="212" t="s">
        <v>16</v>
      </c>
      <c r="AB19" s="212" t="s">
        <v>15</v>
      </c>
      <c r="AC19" s="212" t="s">
        <v>15</v>
      </c>
      <c r="AD19" s="212" t="s">
        <v>15</v>
      </c>
      <c r="AE19" s="212" t="s">
        <v>15</v>
      </c>
      <c r="AF19" s="212" t="s">
        <v>16</v>
      </c>
      <c r="AG19" s="212" t="s">
        <v>15</v>
      </c>
      <c r="AH19" s="212" t="s">
        <v>15</v>
      </c>
      <c r="AI19" s="212" t="s">
        <v>16</v>
      </c>
      <c r="AJ19" s="212" t="s">
        <v>15</v>
      </c>
      <c r="AK19" s="212" t="s">
        <v>15</v>
      </c>
      <c r="AL19" s="212" t="s">
        <v>15</v>
      </c>
      <c r="AM19" s="212" t="s">
        <v>15</v>
      </c>
      <c r="AN19" s="212" t="s">
        <v>15</v>
      </c>
      <c r="AO19" s="212" t="s">
        <v>15</v>
      </c>
      <c r="AP19" s="212" t="s">
        <v>15</v>
      </c>
      <c r="AQ19" s="212" t="s">
        <v>15</v>
      </c>
      <c r="AR19" s="212" t="s">
        <v>16</v>
      </c>
      <c r="AS19" s="212" t="s">
        <v>16</v>
      </c>
      <c r="AT19" s="212" t="s">
        <v>16</v>
      </c>
      <c r="AU19" s="212" t="s">
        <v>15</v>
      </c>
      <c r="AV19" s="212" t="s">
        <v>15</v>
      </c>
      <c r="AW19" s="212" t="s">
        <v>15</v>
      </c>
      <c r="AX19" s="212" t="s">
        <v>15</v>
      </c>
      <c r="AY19" s="212" t="s">
        <v>16</v>
      </c>
    </row>
    <row r="20" spans="1:51">
      <c r="A20" s="212" t="s">
        <v>1568</v>
      </c>
      <c r="B20" s="212" t="s">
        <v>16</v>
      </c>
      <c r="C20" s="212" t="s">
        <v>16</v>
      </c>
      <c r="D20" s="212" t="s">
        <v>16</v>
      </c>
      <c r="E20" s="212" t="s">
        <v>16</v>
      </c>
      <c r="F20" s="212" t="s">
        <v>16</v>
      </c>
      <c r="G20" s="212" t="s">
        <v>15</v>
      </c>
      <c r="H20" s="212" t="s">
        <v>16</v>
      </c>
      <c r="I20" s="212" t="s">
        <v>16</v>
      </c>
      <c r="J20" s="212" t="s">
        <v>16</v>
      </c>
      <c r="K20" s="212" t="s">
        <v>16</v>
      </c>
      <c r="L20" s="212" t="s">
        <v>16</v>
      </c>
      <c r="M20" s="212" t="s">
        <v>16</v>
      </c>
      <c r="N20" s="212" t="s">
        <v>16</v>
      </c>
      <c r="O20" s="212" t="s">
        <v>16</v>
      </c>
      <c r="P20" s="212" t="s">
        <v>16</v>
      </c>
      <c r="Q20" s="212" t="s">
        <v>16</v>
      </c>
      <c r="R20" s="212" t="s">
        <v>16</v>
      </c>
      <c r="S20" s="212" t="s">
        <v>16</v>
      </c>
      <c r="T20" s="212" t="s">
        <v>16</v>
      </c>
      <c r="U20" s="212" t="s">
        <v>16</v>
      </c>
      <c r="V20" s="212" t="s">
        <v>16</v>
      </c>
      <c r="W20" s="212" t="s">
        <v>16</v>
      </c>
      <c r="X20" s="212" t="s">
        <v>16</v>
      </c>
      <c r="Y20" s="212" t="s">
        <v>16</v>
      </c>
      <c r="Z20" s="212" t="s">
        <v>16</v>
      </c>
      <c r="AA20" s="212" t="s">
        <v>16</v>
      </c>
      <c r="AB20" s="212" t="s">
        <v>16</v>
      </c>
      <c r="AC20" s="212" t="s">
        <v>16</v>
      </c>
      <c r="AD20" s="212" t="s">
        <v>16</v>
      </c>
      <c r="AE20" s="212" t="s">
        <v>16</v>
      </c>
      <c r="AF20" s="212" t="s">
        <v>16</v>
      </c>
      <c r="AG20" s="212" t="s">
        <v>16</v>
      </c>
      <c r="AH20" s="212" t="s">
        <v>16</v>
      </c>
      <c r="AI20" s="212" t="s">
        <v>16</v>
      </c>
      <c r="AJ20" s="212" t="s">
        <v>16</v>
      </c>
      <c r="AK20" s="212" t="s">
        <v>16</v>
      </c>
      <c r="AL20" s="212" t="s">
        <v>16</v>
      </c>
      <c r="AM20" s="212" t="s">
        <v>16</v>
      </c>
      <c r="AN20" s="212" t="s">
        <v>16</v>
      </c>
      <c r="AO20" s="212" t="s">
        <v>16</v>
      </c>
      <c r="AP20" s="212" t="s">
        <v>16</v>
      </c>
      <c r="AQ20" s="212" t="s">
        <v>16</v>
      </c>
      <c r="AR20" s="212" t="s">
        <v>16</v>
      </c>
      <c r="AS20" s="212" t="s">
        <v>16</v>
      </c>
      <c r="AT20" s="212" t="s">
        <v>16</v>
      </c>
      <c r="AU20" s="212" t="s">
        <v>16</v>
      </c>
      <c r="AV20" s="212" t="s">
        <v>16</v>
      </c>
      <c r="AW20" s="212" t="s">
        <v>16</v>
      </c>
      <c r="AX20" s="212" t="s">
        <v>16</v>
      </c>
      <c r="AY20" s="212" t="s">
        <v>16</v>
      </c>
    </row>
    <row r="21" spans="1:51">
      <c r="A21" s="212" t="s">
        <v>1569</v>
      </c>
      <c r="B21" s="212" t="s">
        <v>16</v>
      </c>
      <c r="C21" s="212" t="s">
        <v>16</v>
      </c>
      <c r="D21" s="212" t="s">
        <v>16</v>
      </c>
      <c r="E21" s="212" t="s">
        <v>16</v>
      </c>
      <c r="F21" s="212" t="s">
        <v>16</v>
      </c>
      <c r="G21" s="212" t="s">
        <v>16</v>
      </c>
      <c r="H21" s="212" t="s">
        <v>16</v>
      </c>
      <c r="I21" s="212" t="s">
        <v>16</v>
      </c>
      <c r="J21" s="212" t="s">
        <v>16</v>
      </c>
      <c r="K21" s="212" t="s">
        <v>16</v>
      </c>
      <c r="L21" s="212" t="s">
        <v>16</v>
      </c>
      <c r="M21" s="212" t="s">
        <v>16</v>
      </c>
      <c r="N21" s="212" t="s">
        <v>16</v>
      </c>
      <c r="O21" s="212" t="s">
        <v>16</v>
      </c>
      <c r="P21" s="212" t="s">
        <v>16</v>
      </c>
      <c r="Q21" s="212" t="s">
        <v>16</v>
      </c>
      <c r="R21" s="212" t="s">
        <v>16</v>
      </c>
      <c r="S21" s="212" t="s">
        <v>16</v>
      </c>
      <c r="T21" s="212" t="s">
        <v>16</v>
      </c>
      <c r="U21" s="212" t="s">
        <v>16</v>
      </c>
      <c r="V21" s="212" t="s">
        <v>16</v>
      </c>
      <c r="W21" s="212" t="s">
        <v>16</v>
      </c>
      <c r="X21" s="212" t="s">
        <v>16</v>
      </c>
      <c r="Y21" s="212" t="s">
        <v>16</v>
      </c>
      <c r="Z21" s="212" t="s">
        <v>16</v>
      </c>
      <c r="AA21" s="212" t="s">
        <v>16</v>
      </c>
      <c r="AB21" s="212" t="s">
        <v>16</v>
      </c>
      <c r="AC21" s="212" t="s">
        <v>16</v>
      </c>
      <c r="AD21" s="212" t="s">
        <v>16</v>
      </c>
      <c r="AE21" s="212" t="s">
        <v>16</v>
      </c>
      <c r="AF21" s="212" t="s">
        <v>16</v>
      </c>
      <c r="AG21" s="212" t="s">
        <v>16</v>
      </c>
      <c r="AH21" s="212" t="s">
        <v>16</v>
      </c>
      <c r="AI21" s="212" t="s">
        <v>16</v>
      </c>
      <c r="AJ21" s="212" t="s">
        <v>16</v>
      </c>
      <c r="AK21" s="212" t="s">
        <v>16</v>
      </c>
      <c r="AL21" s="212" t="s">
        <v>16</v>
      </c>
      <c r="AM21" s="212" t="s">
        <v>16</v>
      </c>
      <c r="AN21" s="212" t="s">
        <v>16</v>
      </c>
      <c r="AO21" s="212" t="s">
        <v>16</v>
      </c>
      <c r="AP21" s="212" t="s">
        <v>16</v>
      </c>
      <c r="AQ21" s="212" t="s">
        <v>16</v>
      </c>
      <c r="AR21" s="212" t="s">
        <v>16</v>
      </c>
      <c r="AS21" s="212" t="s">
        <v>16</v>
      </c>
      <c r="AT21" s="212" t="s">
        <v>15</v>
      </c>
      <c r="AU21" s="212" t="s">
        <v>16</v>
      </c>
      <c r="AV21" s="212" t="s">
        <v>16</v>
      </c>
      <c r="AW21" s="212" t="s">
        <v>16</v>
      </c>
      <c r="AX21" s="212" t="s">
        <v>16</v>
      </c>
      <c r="AY21" s="212" t="s">
        <v>16</v>
      </c>
    </row>
    <row r="22" spans="1:51">
      <c r="A22" s="212" t="s">
        <v>1570</v>
      </c>
      <c r="B22" s="212" t="s">
        <v>15</v>
      </c>
      <c r="C22" s="212" t="s">
        <v>15</v>
      </c>
      <c r="D22" s="212" t="s">
        <v>15</v>
      </c>
      <c r="E22" s="212" t="s">
        <v>15</v>
      </c>
      <c r="F22" s="212" t="s">
        <v>15</v>
      </c>
      <c r="G22" s="212" t="s">
        <v>15</v>
      </c>
      <c r="H22" s="212" t="s">
        <v>15</v>
      </c>
      <c r="I22" s="212" t="s">
        <v>15</v>
      </c>
      <c r="J22" s="212" t="s">
        <v>15</v>
      </c>
      <c r="K22" s="212" t="s">
        <v>15</v>
      </c>
      <c r="L22" s="212" t="s">
        <v>15</v>
      </c>
      <c r="M22" s="212" t="s">
        <v>15</v>
      </c>
      <c r="N22" s="212" t="s">
        <v>15</v>
      </c>
      <c r="O22" s="212" t="s">
        <v>15</v>
      </c>
      <c r="P22" s="212" t="s">
        <v>15</v>
      </c>
      <c r="Q22" s="212" t="s">
        <v>15</v>
      </c>
      <c r="R22" s="212" t="s">
        <v>15</v>
      </c>
      <c r="S22" s="212" t="s">
        <v>15</v>
      </c>
      <c r="T22" s="212" t="s">
        <v>15</v>
      </c>
      <c r="U22" s="212" t="s">
        <v>15</v>
      </c>
      <c r="V22" s="212" t="s">
        <v>15</v>
      </c>
      <c r="W22" s="212" t="s">
        <v>15</v>
      </c>
      <c r="X22" s="212" t="s">
        <v>15</v>
      </c>
      <c r="Y22" s="212" t="s">
        <v>15</v>
      </c>
      <c r="Z22" s="212" t="s">
        <v>15</v>
      </c>
      <c r="AA22" s="212" t="s">
        <v>15</v>
      </c>
      <c r="AB22" s="212" t="s">
        <v>15</v>
      </c>
      <c r="AC22" s="212" t="s">
        <v>15</v>
      </c>
      <c r="AD22" s="212" t="s">
        <v>15</v>
      </c>
      <c r="AE22" s="212" t="s">
        <v>15</v>
      </c>
      <c r="AF22" s="212" t="s">
        <v>15</v>
      </c>
      <c r="AG22" s="212" t="s">
        <v>15</v>
      </c>
      <c r="AH22" s="212" t="s">
        <v>15</v>
      </c>
      <c r="AI22" s="212" t="s">
        <v>15</v>
      </c>
      <c r="AJ22" s="212" t="s">
        <v>15</v>
      </c>
      <c r="AK22" s="212" t="s">
        <v>15</v>
      </c>
      <c r="AL22" s="212" t="s">
        <v>15</v>
      </c>
      <c r="AM22" s="212" t="s">
        <v>15</v>
      </c>
      <c r="AN22" s="212" t="s">
        <v>15</v>
      </c>
      <c r="AO22" s="212" t="s">
        <v>15</v>
      </c>
      <c r="AP22" s="212" t="s">
        <v>15</v>
      </c>
      <c r="AQ22" s="212" t="s">
        <v>15</v>
      </c>
      <c r="AR22" s="212" t="s">
        <v>15</v>
      </c>
      <c r="AS22" s="212" t="s">
        <v>15</v>
      </c>
      <c r="AT22" s="212" t="s">
        <v>15</v>
      </c>
      <c r="AU22" s="212" t="s">
        <v>15</v>
      </c>
      <c r="AV22" s="212" t="s">
        <v>15</v>
      </c>
      <c r="AW22" s="212" t="s">
        <v>15</v>
      </c>
      <c r="AX22" s="212" t="s">
        <v>15</v>
      </c>
      <c r="AY22" s="212" t="s">
        <v>15</v>
      </c>
    </row>
    <row r="23" spans="1:51">
      <c r="A23" s="212" t="s">
        <v>1571</v>
      </c>
      <c r="B23" s="212" t="s">
        <v>15</v>
      </c>
      <c r="C23" s="212" t="s">
        <v>15</v>
      </c>
      <c r="D23" s="212" t="s">
        <v>15</v>
      </c>
      <c r="E23" s="212" t="s">
        <v>15</v>
      </c>
      <c r="F23" s="212" t="s">
        <v>15</v>
      </c>
      <c r="G23" s="212" t="s">
        <v>15</v>
      </c>
      <c r="H23" s="212" t="s">
        <v>15</v>
      </c>
      <c r="I23" s="212" t="s">
        <v>15</v>
      </c>
      <c r="J23" s="212" t="s">
        <v>15</v>
      </c>
      <c r="K23" s="212" t="s">
        <v>15</v>
      </c>
      <c r="L23" s="212" t="s">
        <v>15</v>
      </c>
      <c r="M23" s="212" t="s">
        <v>15</v>
      </c>
      <c r="N23" s="212" t="s">
        <v>15</v>
      </c>
      <c r="O23" s="212" t="s">
        <v>15</v>
      </c>
      <c r="P23" s="212" t="s">
        <v>15</v>
      </c>
      <c r="Q23" s="212" t="s">
        <v>15</v>
      </c>
      <c r="R23" s="212" t="s">
        <v>15</v>
      </c>
      <c r="S23" s="212" t="s">
        <v>15</v>
      </c>
      <c r="T23" s="212" t="s">
        <v>15</v>
      </c>
      <c r="U23" s="212" t="s">
        <v>15</v>
      </c>
      <c r="V23" s="212" t="s">
        <v>15</v>
      </c>
      <c r="W23" s="212" t="s">
        <v>15</v>
      </c>
      <c r="X23" s="212" t="s">
        <v>15</v>
      </c>
      <c r="Y23" s="212" t="s">
        <v>15</v>
      </c>
      <c r="Z23" s="212" t="s">
        <v>15</v>
      </c>
      <c r="AA23" s="212" t="s">
        <v>15</v>
      </c>
      <c r="AB23" s="212" t="s">
        <v>15</v>
      </c>
      <c r="AC23" s="212" t="s">
        <v>15</v>
      </c>
      <c r="AD23" s="212" t="s">
        <v>15</v>
      </c>
      <c r="AE23" s="212" t="s">
        <v>15</v>
      </c>
      <c r="AF23" s="212" t="s">
        <v>15</v>
      </c>
      <c r="AG23" s="212" t="s">
        <v>15</v>
      </c>
      <c r="AH23" s="212" t="s">
        <v>15</v>
      </c>
      <c r="AI23" s="212" t="s">
        <v>15</v>
      </c>
      <c r="AJ23" s="212" t="s">
        <v>15</v>
      </c>
      <c r="AK23" s="212" t="s">
        <v>15</v>
      </c>
      <c r="AL23" s="212" t="s">
        <v>15</v>
      </c>
      <c r="AM23" s="212" t="s">
        <v>15</v>
      </c>
      <c r="AN23" s="212" t="s">
        <v>15</v>
      </c>
      <c r="AO23" s="212" t="s">
        <v>15</v>
      </c>
      <c r="AP23" s="212" t="s">
        <v>15</v>
      </c>
      <c r="AQ23" s="212" t="s">
        <v>15</v>
      </c>
      <c r="AR23" s="212" t="s">
        <v>15</v>
      </c>
      <c r="AS23" s="212" t="s">
        <v>15</v>
      </c>
      <c r="AT23" s="212" t="s">
        <v>15</v>
      </c>
      <c r="AU23" s="212" t="s">
        <v>15</v>
      </c>
      <c r="AV23" s="212" t="s">
        <v>15</v>
      </c>
      <c r="AW23" s="212" t="s">
        <v>15</v>
      </c>
      <c r="AX23" s="212" t="s">
        <v>15</v>
      </c>
      <c r="AY23" s="212" t="s">
        <v>15</v>
      </c>
    </row>
    <row r="24" spans="1:51">
      <c r="A24" s="212" t="s">
        <v>1572</v>
      </c>
      <c r="B24" s="212" t="s">
        <v>15</v>
      </c>
      <c r="C24" s="212" t="s">
        <v>15</v>
      </c>
      <c r="D24" s="212" t="s">
        <v>15</v>
      </c>
      <c r="E24" s="212" t="s">
        <v>15</v>
      </c>
      <c r="F24" s="212" t="s">
        <v>15</v>
      </c>
      <c r="G24" s="212" t="s">
        <v>15</v>
      </c>
      <c r="H24" s="212" t="s">
        <v>15</v>
      </c>
      <c r="I24" s="212" t="s">
        <v>15</v>
      </c>
      <c r="J24" s="212" t="s">
        <v>15</v>
      </c>
      <c r="K24" s="212" t="s">
        <v>15</v>
      </c>
      <c r="L24" s="212" t="s">
        <v>15</v>
      </c>
      <c r="M24" s="212" t="s">
        <v>15</v>
      </c>
      <c r="N24" s="212" t="s">
        <v>15</v>
      </c>
      <c r="O24" s="212" t="s">
        <v>15</v>
      </c>
      <c r="P24" s="212" t="s">
        <v>15</v>
      </c>
      <c r="Q24" s="212" t="s">
        <v>15</v>
      </c>
      <c r="R24" s="212" t="s">
        <v>15</v>
      </c>
      <c r="S24" s="212" t="s">
        <v>15</v>
      </c>
      <c r="T24" s="212" t="s">
        <v>15</v>
      </c>
      <c r="U24" s="212" t="s">
        <v>15</v>
      </c>
      <c r="V24" s="212" t="s">
        <v>15</v>
      </c>
      <c r="W24" s="212" t="s">
        <v>15</v>
      </c>
      <c r="X24" s="212" t="s">
        <v>15</v>
      </c>
      <c r="Y24" s="212" t="s">
        <v>15</v>
      </c>
      <c r="Z24" s="212" t="s">
        <v>15</v>
      </c>
      <c r="AA24" s="212" t="s">
        <v>15</v>
      </c>
      <c r="AB24" s="212" t="s">
        <v>15</v>
      </c>
      <c r="AC24" s="212" t="s">
        <v>15</v>
      </c>
      <c r="AD24" s="212" t="s">
        <v>15</v>
      </c>
      <c r="AE24" s="212" t="s">
        <v>15</v>
      </c>
      <c r="AF24" s="212" t="s">
        <v>15</v>
      </c>
      <c r="AG24" s="212" t="s">
        <v>15</v>
      </c>
      <c r="AH24" s="212" t="s">
        <v>15</v>
      </c>
      <c r="AI24" s="212" t="s">
        <v>15</v>
      </c>
      <c r="AJ24" s="212" t="s">
        <v>15</v>
      </c>
      <c r="AK24" s="212" t="s">
        <v>15</v>
      </c>
      <c r="AL24" s="212" t="s">
        <v>15</v>
      </c>
      <c r="AM24" s="212" t="s">
        <v>15</v>
      </c>
      <c r="AN24" s="212" t="s">
        <v>15</v>
      </c>
      <c r="AO24" s="212" t="s">
        <v>15</v>
      </c>
      <c r="AP24" s="212" t="s">
        <v>15</v>
      </c>
      <c r="AQ24" s="212" t="s">
        <v>15</v>
      </c>
      <c r="AR24" s="212" t="s">
        <v>15</v>
      </c>
      <c r="AS24" s="212" t="s">
        <v>15</v>
      </c>
      <c r="AT24" s="212" t="s">
        <v>15</v>
      </c>
      <c r="AU24" s="212" t="s">
        <v>15</v>
      </c>
      <c r="AV24" s="212" t="s">
        <v>15</v>
      </c>
      <c r="AW24" s="212" t="s">
        <v>15</v>
      </c>
      <c r="AX24" s="212" t="s">
        <v>15</v>
      </c>
      <c r="AY24" s="212" t="s">
        <v>15</v>
      </c>
    </row>
    <row r="25" spans="1:51">
      <c r="A25" s="212" t="s">
        <v>1573</v>
      </c>
      <c r="B25" s="212" t="s">
        <v>15</v>
      </c>
      <c r="C25" s="212" t="s">
        <v>15</v>
      </c>
      <c r="D25" s="212" t="s">
        <v>15</v>
      </c>
      <c r="E25" s="212" t="s">
        <v>15</v>
      </c>
      <c r="F25" s="212" t="s">
        <v>15</v>
      </c>
      <c r="G25" s="212" t="s">
        <v>15</v>
      </c>
      <c r="H25" s="212" t="s">
        <v>15</v>
      </c>
      <c r="I25" s="212" t="s">
        <v>15</v>
      </c>
      <c r="J25" s="212" t="s">
        <v>15</v>
      </c>
      <c r="K25" s="212" t="s">
        <v>15</v>
      </c>
      <c r="L25" s="212" t="s">
        <v>15</v>
      </c>
      <c r="M25" s="212" t="s">
        <v>15</v>
      </c>
      <c r="N25" s="212" t="s">
        <v>15</v>
      </c>
      <c r="O25" s="212" t="s">
        <v>15</v>
      </c>
      <c r="P25" s="212" t="s">
        <v>15</v>
      </c>
      <c r="Q25" s="212" t="s">
        <v>15</v>
      </c>
      <c r="R25" s="212" t="s">
        <v>15</v>
      </c>
      <c r="S25" s="212" t="s">
        <v>15</v>
      </c>
      <c r="T25" s="212" t="s">
        <v>15</v>
      </c>
      <c r="U25" s="212" t="s">
        <v>15</v>
      </c>
      <c r="V25" s="212" t="s">
        <v>15</v>
      </c>
      <c r="W25" s="212" t="s">
        <v>15</v>
      </c>
      <c r="X25" s="212" t="s">
        <v>15</v>
      </c>
      <c r="Y25" s="212" t="s">
        <v>15</v>
      </c>
      <c r="Z25" s="212" t="s">
        <v>15</v>
      </c>
      <c r="AA25" s="212" t="s">
        <v>15</v>
      </c>
      <c r="AB25" s="212" t="s">
        <v>15</v>
      </c>
      <c r="AC25" s="212" t="s">
        <v>15</v>
      </c>
      <c r="AD25" s="212" t="s">
        <v>15</v>
      </c>
      <c r="AE25" s="212" t="s">
        <v>15</v>
      </c>
      <c r="AF25" s="212" t="s">
        <v>15</v>
      </c>
      <c r="AG25" s="212" t="s">
        <v>15</v>
      </c>
      <c r="AH25" s="212" t="s">
        <v>15</v>
      </c>
      <c r="AI25" s="212" t="s">
        <v>15</v>
      </c>
      <c r="AJ25" s="212" t="s">
        <v>15</v>
      </c>
      <c r="AK25" s="212" t="s">
        <v>15</v>
      </c>
      <c r="AL25" s="212" t="s">
        <v>15</v>
      </c>
      <c r="AM25" s="212" t="s">
        <v>15</v>
      </c>
      <c r="AN25" s="212" t="s">
        <v>15</v>
      </c>
      <c r="AO25" s="212" t="s">
        <v>15</v>
      </c>
      <c r="AP25" s="212" t="s">
        <v>15</v>
      </c>
      <c r="AQ25" s="212" t="s">
        <v>15</v>
      </c>
      <c r="AR25" s="212" t="s">
        <v>15</v>
      </c>
      <c r="AS25" s="212" t="s">
        <v>15</v>
      </c>
      <c r="AT25" s="212" t="s">
        <v>15</v>
      </c>
      <c r="AU25" s="212" t="s">
        <v>15</v>
      </c>
      <c r="AV25" s="212" t="s">
        <v>15</v>
      </c>
      <c r="AW25" s="212" t="s">
        <v>15</v>
      </c>
      <c r="AX25" s="212" t="s">
        <v>15</v>
      </c>
      <c r="AY25" s="212" t="s">
        <v>15</v>
      </c>
    </row>
    <row r="26" spans="1:51">
      <c r="A26" s="212" t="s">
        <v>1574</v>
      </c>
      <c r="B26" s="212" t="s">
        <v>16</v>
      </c>
      <c r="C26" s="212" t="s">
        <v>16</v>
      </c>
      <c r="D26" s="212" t="s">
        <v>16</v>
      </c>
      <c r="E26" s="212" t="s">
        <v>16</v>
      </c>
      <c r="F26" s="212" t="s">
        <v>16</v>
      </c>
      <c r="G26" s="212" t="s">
        <v>16</v>
      </c>
      <c r="H26" s="212" t="s">
        <v>16</v>
      </c>
      <c r="I26" s="212" t="s">
        <v>16</v>
      </c>
      <c r="J26" s="212" t="s">
        <v>16</v>
      </c>
      <c r="K26" s="212" t="s">
        <v>16</v>
      </c>
      <c r="L26" s="212" t="s">
        <v>16</v>
      </c>
      <c r="M26" s="212" t="s">
        <v>16</v>
      </c>
      <c r="N26" s="212" t="s">
        <v>16</v>
      </c>
      <c r="O26" s="212" t="s">
        <v>16</v>
      </c>
      <c r="P26" s="212" t="s">
        <v>16</v>
      </c>
      <c r="Q26" s="212" t="s">
        <v>16</v>
      </c>
      <c r="R26" s="212" t="s">
        <v>16</v>
      </c>
      <c r="S26" s="212" t="s">
        <v>16</v>
      </c>
      <c r="T26" s="212" t="s">
        <v>16</v>
      </c>
      <c r="U26" s="212" t="s">
        <v>16</v>
      </c>
      <c r="V26" s="212" t="s">
        <v>16</v>
      </c>
      <c r="W26" s="212" t="s">
        <v>16</v>
      </c>
      <c r="X26" s="212" t="s">
        <v>15</v>
      </c>
      <c r="Y26" s="212" t="s">
        <v>16</v>
      </c>
      <c r="Z26" s="212" t="s">
        <v>16</v>
      </c>
      <c r="AA26" s="212" t="s">
        <v>16</v>
      </c>
      <c r="AB26" s="212" t="s">
        <v>16</v>
      </c>
      <c r="AC26" s="212" t="s">
        <v>16</v>
      </c>
      <c r="AD26" s="212" t="s">
        <v>16</v>
      </c>
      <c r="AE26" s="212" t="s">
        <v>16</v>
      </c>
      <c r="AF26" s="212" t="s">
        <v>16</v>
      </c>
      <c r="AG26" s="212" t="s">
        <v>16</v>
      </c>
      <c r="AH26" s="212" t="s">
        <v>16</v>
      </c>
      <c r="AI26" s="212" t="s">
        <v>16</v>
      </c>
      <c r="AJ26" s="212" t="s">
        <v>16</v>
      </c>
      <c r="AK26" s="212" t="s">
        <v>16</v>
      </c>
      <c r="AL26" s="212" t="s">
        <v>16</v>
      </c>
      <c r="AM26" s="212" t="s">
        <v>16</v>
      </c>
      <c r="AN26" s="212" t="s">
        <v>16</v>
      </c>
      <c r="AO26" s="212" t="s">
        <v>16</v>
      </c>
      <c r="AP26" s="212" t="s">
        <v>16</v>
      </c>
      <c r="AQ26" s="212" t="s">
        <v>16</v>
      </c>
      <c r="AR26" s="212" t="s">
        <v>16</v>
      </c>
      <c r="AS26" s="212" t="s">
        <v>16</v>
      </c>
      <c r="AT26" s="212" t="s">
        <v>16</v>
      </c>
      <c r="AU26" s="212" t="s">
        <v>16</v>
      </c>
      <c r="AV26" s="212" t="s">
        <v>16</v>
      </c>
      <c r="AW26" s="212" t="s">
        <v>16</v>
      </c>
      <c r="AX26" s="212" t="s">
        <v>16</v>
      </c>
      <c r="AY26" s="212" t="s">
        <v>16</v>
      </c>
    </row>
    <row r="27" spans="1:51">
      <c r="A27" s="212" t="s">
        <v>1575</v>
      </c>
      <c r="B27" s="212" t="s">
        <v>16</v>
      </c>
      <c r="C27" s="212" t="s">
        <v>16</v>
      </c>
      <c r="D27" s="212" t="s">
        <v>16</v>
      </c>
      <c r="E27" s="212" t="s">
        <v>16</v>
      </c>
      <c r="F27" s="212" t="s">
        <v>16</v>
      </c>
      <c r="G27" s="212" t="s">
        <v>16</v>
      </c>
      <c r="H27" s="212" t="s">
        <v>16</v>
      </c>
      <c r="I27" s="212" t="s">
        <v>16</v>
      </c>
      <c r="J27" s="212" t="s">
        <v>16</v>
      </c>
      <c r="K27" s="212" t="s">
        <v>16</v>
      </c>
      <c r="L27" s="212" t="s">
        <v>16</v>
      </c>
      <c r="M27" s="212" t="s">
        <v>16</v>
      </c>
      <c r="N27" s="212" t="s">
        <v>16</v>
      </c>
      <c r="O27" s="212" t="s">
        <v>16</v>
      </c>
      <c r="P27" s="212" t="s">
        <v>16</v>
      </c>
      <c r="Q27" s="212" t="s">
        <v>16</v>
      </c>
      <c r="R27" s="212" t="s">
        <v>16</v>
      </c>
      <c r="S27" s="212" t="s">
        <v>16</v>
      </c>
      <c r="T27" s="212" t="s">
        <v>16</v>
      </c>
      <c r="U27" s="212" t="s">
        <v>16</v>
      </c>
      <c r="V27" s="212" t="s">
        <v>16</v>
      </c>
      <c r="W27" s="212" t="s">
        <v>16</v>
      </c>
      <c r="X27" s="212" t="s">
        <v>16</v>
      </c>
      <c r="Y27" s="212" t="s">
        <v>16</v>
      </c>
      <c r="Z27" s="212" t="s">
        <v>16</v>
      </c>
      <c r="AA27" s="212" t="s">
        <v>16</v>
      </c>
      <c r="AB27" s="212" t="s">
        <v>16</v>
      </c>
      <c r="AC27" s="212" t="s">
        <v>16</v>
      </c>
      <c r="AD27" s="212" t="s">
        <v>16</v>
      </c>
      <c r="AE27" s="212" t="s">
        <v>16</v>
      </c>
      <c r="AF27" s="212" t="s">
        <v>16</v>
      </c>
      <c r="AG27" s="212" t="s">
        <v>16</v>
      </c>
      <c r="AH27" s="212" t="s">
        <v>16</v>
      </c>
      <c r="AI27" s="212" t="s">
        <v>16</v>
      </c>
      <c r="AJ27" s="212" t="s">
        <v>16</v>
      </c>
      <c r="AK27" s="212" t="s">
        <v>16</v>
      </c>
      <c r="AL27" s="212" t="s">
        <v>16</v>
      </c>
      <c r="AM27" s="212" t="s">
        <v>16</v>
      </c>
      <c r="AN27" s="212" t="s">
        <v>16</v>
      </c>
      <c r="AO27" s="212" t="s">
        <v>16</v>
      </c>
      <c r="AP27" s="212" t="s">
        <v>16</v>
      </c>
      <c r="AQ27" s="212" t="s">
        <v>16</v>
      </c>
      <c r="AR27" s="212" t="s">
        <v>16</v>
      </c>
      <c r="AS27" s="212" t="s">
        <v>16</v>
      </c>
      <c r="AT27" s="212" t="s">
        <v>16</v>
      </c>
      <c r="AU27" s="212" t="s">
        <v>16</v>
      </c>
      <c r="AV27" s="212" t="s">
        <v>16</v>
      </c>
      <c r="AW27" s="212" t="s">
        <v>16</v>
      </c>
      <c r="AX27" s="212" t="s">
        <v>16</v>
      </c>
      <c r="AY27" s="212" t="s">
        <v>16</v>
      </c>
    </row>
    <row r="28" spans="1:51">
      <c r="A28" s="212" t="s">
        <v>1576</v>
      </c>
      <c r="B28" s="212" t="s">
        <v>16</v>
      </c>
      <c r="C28" s="212" t="s">
        <v>16</v>
      </c>
      <c r="D28" s="212" t="s">
        <v>16</v>
      </c>
      <c r="E28" s="212" t="s">
        <v>16</v>
      </c>
      <c r="F28" s="212" t="s">
        <v>16</v>
      </c>
      <c r="G28" s="212" t="s">
        <v>16</v>
      </c>
      <c r="H28" s="212" t="s">
        <v>16</v>
      </c>
      <c r="I28" s="212" t="s">
        <v>16</v>
      </c>
      <c r="J28" s="212" t="s">
        <v>16</v>
      </c>
      <c r="K28" s="212" t="s">
        <v>16</v>
      </c>
      <c r="L28" s="212" t="s">
        <v>16</v>
      </c>
      <c r="M28" s="212" t="s">
        <v>16</v>
      </c>
      <c r="N28" s="212" t="s">
        <v>16</v>
      </c>
      <c r="O28" s="212" t="s">
        <v>16</v>
      </c>
      <c r="P28" s="212" t="s">
        <v>16</v>
      </c>
      <c r="Q28" s="212" t="s">
        <v>16</v>
      </c>
      <c r="R28" s="212" t="s">
        <v>16</v>
      </c>
      <c r="S28" s="212" t="s">
        <v>16</v>
      </c>
      <c r="T28" s="212" t="s">
        <v>16</v>
      </c>
      <c r="U28" s="212" t="s">
        <v>16</v>
      </c>
      <c r="V28" s="212" t="s">
        <v>16</v>
      </c>
      <c r="W28" s="212" t="s">
        <v>16</v>
      </c>
      <c r="X28" s="212" t="s">
        <v>16</v>
      </c>
      <c r="Y28" s="212" t="s">
        <v>16</v>
      </c>
      <c r="Z28" s="212" t="s">
        <v>16</v>
      </c>
      <c r="AA28" s="212" t="s">
        <v>16</v>
      </c>
      <c r="AB28" s="212" t="s">
        <v>16</v>
      </c>
      <c r="AC28" s="212" t="s">
        <v>16</v>
      </c>
      <c r="AD28" s="212" t="s">
        <v>16</v>
      </c>
      <c r="AE28" s="212" t="s">
        <v>16</v>
      </c>
      <c r="AF28" s="212" t="s">
        <v>16</v>
      </c>
      <c r="AG28" s="212" t="s">
        <v>16</v>
      </c>
      <c r="AH28" s="212" t="s">
        <v>16</v>
      </c>
      <c r="AI28" s="212" t="s">
        <v>16</v>
      </c>
      <c r="AJ28" s="212" t="s">
        <v>16</v>
      </c>
      <c r="AK28" s="212" t="s">
        <v>16</v>
      </c>
      <c r="AL28" s="212" t="s">
        <v>16</v>
      </c>
      <c r="AM28" s="212" t="s">
        <v>16</v>
      </c>
      <c r="AN28" s="212" t="s">
        <v>16</v>
      </c>
      <c r="AO28" s="212" t="s">
        <v>16</v>
      </c>
      <c r="AP28" s="212" t="s">
        <v>16</v>
      </c>
      <c r="AQ28" s="212" t="s">
        <v>16</v>
      </c>
      <c r="AR28" s="212" t="s">
        <v>16</v>
      </c>
      <c r="AS28" s="212" t="s">
        <v>16</v>
      </c>
      <c r="AT28" s="212" t="s">
        <v>16</v>
      </c>
      <c r="AU28" s="212" t="s">
        <v>16</v>
      </c>
      <c r="AV28" s="212" t="s">
        <v>16</v>
      </c>
      <c r="AW28" s="212" t="s">
        <v>16</v>
      </c>
      <c r="AX28" s="212" t="s">
        <v>16</v>
      </c>
      <c r="AY28" s="212" t="s">
        <v>16</v>
      </c>
    </row>
    <row r="29" spans="1:51">
      <c r="A29" s="212" t="s">
        <v>1577</v>
      </c>
      <c r="B29" s="212" t="s">
        <v>16</v>
      </c>
      <c r="C29" s="212" t="s">
        <v>16</v>
      </c>
      <c r="D29" s="212" t="s">
        <v>16</v>
      </c>
      <c r="E29" s="212" t="s">
        <v>16</v>
      </c>
      <c r="F29" s="212" t="s">
        <v>16</v>
      </c>
      <c r="G29" s="212" t="s">
        <v>16</v>
      </c>
      <c r="H29" s="212" t="s">
        <v>16</v>
      </c>
      <c r="I29" s="212" t="s">
        <v>16</v>
      </c>
      <c r="J29" s="212" t="s">
        <v>16</v>
      </c>
      <c r="K29" s="212" t="s">
        <v>16</v>
      </c>
      <c r="L29" s="212" t="s">
        <v>16</v>
      </c>
      <c r="M29" s="212" t="s">
        <v>16</v>
      </c>
      <c r="N29" s="212" t="s">
        <v>16</v>
      </c>
      <c r="O29" s="212" t="s">
        <v>16</v>
      </c>
      <c r="P29" s="212" t="s">
        <v>16</v>
      </c>
      <c r="Q29" s="212" t="s">
        <v>16</v>
      </c>
      <c r="R29" s="212" t="s">
        <v>16</v>
      </c>
      <c r="S29" s="212" t="s">
        <v>16</v>
      </c>
      <c r="T29" s="212" t="s">
        <v>16</v>
      </c>
      <c r="U29" s="212" t="s">
        <v>16</v>
      </c>
      <c r="V29" s="212" t="s">
        <v>16</v>
      </c>
      <c r="W29" s="212" t="s">
        <v>16</v>
      </c>
      <c r="X29" s="212" t="s">
        <v>15</v>
      </c>
      <c r="Y29" s="212" t="s">
        <v>16</v>
      </c>
      <c r="Z29" s="212" t="s">
        <v>16</v>
      </c>
      <c r="AA29" s="212" t="s">
        <v>16</v>
      </c>
      <c r="AB29" s="212" t="s">
        <v>16</v>
      </c>
      <c r="AC29" s="212" t="s">
        <v>16</v>
      </c>
      <c r="AD29" s="212" t="s">
        <v>16</v>
      </c>
      <c r="AE29" s="212" t="s">
        <v>16</v>
      </c>
      <c r="AF29" s="212" t="s">
        <v>16</v>
      </c>
      <c r="AG29" s="212" t="s">
        <v>16</v>
      </c>
      <c r="AH29" s="212" t="s">
        <v>16</v>
      </c>
      <c r="AI29" s="212" t="s">
        <v>16</v>
      </c>
      <c r="AJ29" s="212" t="s">
        <v>16</v>
      </c>
      <c r="AK29" s="212" t="s">
        <v>16</v>
      </c>
      <c r="AL29" s="212" t="s">
        <v>16</v>
      </c>
      <c r="AM29" s="212" t="s">
        <v>16</v>
      </c>
      <c r="AN29" s="212" t="s">
        <v>16</v>
      </c>
      <c r="AO29" s="212" t="s">
        <v>16</v>
      </c>
      <c r="AP29" s="212" t="s">
        <v>16</v>
      </c>
      <c r="AQ29" s="212" t="s">
        <v>16</v>
      </c>
      <c r="AR29" s="212" t="s">
        <v>16</v>
      </c>
      <c r="AS29" s="212" t="s">
        <v>16</v>
      </c>
      <c r="AT29" s="212" t="s">
        <v>16</v>
      </c>
      <c r="AU29" s="212" t="s">
        <v>16</v>
      </c>
      <c r="AV29" s="212" t="s">
        <v>16</v>
      </c>
      <c r="AW29" s="212" t="s">
        <v>16</v>
      </c>
      <c r="AX29" s="212" t="s">
        <v>16</v>
      </c>
      <c r="AY29" s="212" t="s">
        <v>16</v>
      </c>
    </row>
    <row r="30" spans="1:51">
      <c r="A30" s="212" t="s">
        <v>1578</v>
      </c>
      <c r="B30" s="212" t="s">
        <v>16</v>
      </c>
      <c r="C30" s="212" t="s">
        <v>16</v>
      </c>
      <c r="D30" s="212" t="s">
        <v>16</v>
      </c>
      <c r="E30" s="212" t="s">
        <v>16</v>
      </c>
      <c r="F30" s="212" t="s">
        <v>16</v>
      </c>
      <c r="G30" s="212" t="s">
        <v>16</v>
      </c>
      <c r="H30" s="212" t="s">
        <v>16</v>
      </c>
      <c r="I30" s="212" t="s">
        <v>16</v>
      </c>
      <c r="J30" s="212" t="s">
        <v>16</v>
      </c>
      <c r="K30" s="212" t="s">
        <v>16</v>
      </c>
      <c r="L30" s="212" t="s">
        <v>16</v>
      </c>
      <c r="M30" s="212" t="s">
        <v>16</v>
      </c>
      <c r="N30" s="212" t="s">
        <v>16</v>
      </c>
      <c r="O30" s="212" t="s">
        <v>16</v>
      </c>
      <c r="P30" s="212" t="s">
        <v>16</v>
      </c>
      <c r="Q30" s="212" t="s">
        <v>16</v>
      </c>
      <c r="R30" s="212" t="s">
        <v>16</v>
      </c>
      <c r="S30" s="212" t="s">
        <v>16</v>
      </c>
      <c r="T30" s="212" t="s">
        <v>16</v>
      </c>
      <c r="U30" s="212" t="s">
        <v>16</v>
      </c>
      <c r="V30" s="212" t="s">
        <v>16</v>
      </c>
      <c r="W30" s="212" t="s">
        <v>16</v>
      </c>
      <c r="X30" s="212" t="s">
        <v>16</v>
      </c>
      <c r="Y30" s="212" t="s">
        <v>16</v>
      </c>
      <c r="Z30" s="212" t="s">
        <v>16</v>
      </c>
      <c r="AA30" s="212" t="s">
        <v>16</v>
      </c>
      <c r="AB30" s="212" t="s">
        <v>16</v>
      </c>
      <c r="AC30" s="212" t="s">
        <v>16</v>
      </c>
      <c r="AD30" s="212" t="s">
        <v>16</v>
      </c>
      <c r="AE30" s="212" t="s">
        <v>16</v>
      </c>
      <c r="AF30" s="212" t="s">
        <v>16</v>
      </c>
      <c r="AG30" s="212" t="s">
        <v>16</v>
      </c>
      <c r="AH30" s="212" t="s">
        <v>16</v>
      </c>
      <c r="AI30" s="212" t="s">
        <v>16</v>
      </c>
      <c r="AJ30" s="212" t="s">
        <v>16</v>
      </c>
      <c r="AK30" s="212" t="s">
        <v>16</v>
      </c>
      <c r="AL30" s="212" t="s">
        <v>16</v>
      </c>
      <c r="AM30" s="212" t="s">
        <v>16</v>
      </c>
      <c r="AN30" s="212" t="s">
        <v>16</v>
      </c>
      <c r="AO30" s="212" t="s">
        <v>16</v>
      </c>
      <c r="AP30" s="212" t="s">
        <v>16</v>
      </c>
      <c r="AQ30" s="212" t="s">
        <v>16</v>
      </c>
      <c r="AR30" s="212" t="s">
        <v>16</v>
      </c>
      <c r="AS30" s="212" t="s">
        <v>16</v>
      </c>
      <c r="AT30" s="212" t="s">
        <v>16</v>
      </c>
      <c r="AU30" s="212" t="s">
        <v>16</v>
      </c>
      <c r="AV30" s="212" t="s">
        <v>16</v>
      </c>
      <c r="AW30" s="212" t="s">
        <v>16</v>
      </c>
      <c r="AX30" s="212" t="s">
        <v>16</v>
      </c>
      <c r="AY30" s="212" t="s">
        <v>15</v>
      </c>
    </row>
    <row r="31" spans="1:51">
      <c r="A31" s="212" t="s">
        <v>1579</v>
      </c>
      <c r="B31" s="212" t="s">
        <v>16</v>
      </c>
      <c r="C31" s="212" t="s">
        <v>16</v>
      </c>
      <c r="D31" s="212" t="s">
        <v>16</v>
      </c>
      <c r="E31" s="212" t="s">
        <v>16</v>
      </c>
      <c r="F31" s="212" t="s">
        <v>16</v>
      </c>
      <c r="G31" s="212" t="s">
        <v>16</v>
      </c>
      <c r="H31" s="212" t="s">
        <v>16</v>
      </c>
      <c r="I31" s="212" t="s">
        <v>16</v>
      </c>
      <c r="J31" s="212" t="s">
        <v>16</v>
      </c>
      <c r="K31" s="212" t="s">
        <v>16</v>
      </c>
      <c r="L31" s="212" t="s">
        <v>16</v>
      </c>
      <c r="M31" s="212" t="s">
        <v>16</v>
      </c>
      <c r="N31" s="212" t="s">
        <v>16</v>
      </c>
      <c r="O31" s="212" t="s">
        <v>16</v>
      </c>
      <c r="P31" s="212" t="s">
        <v>16</v>
      </c>
      <c r="Q31" s="212" t="s">
        <v>16</v>
      </c>
      <c r="R31" s="212" t="s">
        <v>16</v>
      </c>
      <c r="S31" s="212" t="s">
        <v>16</v>
      </c>
      <c r="T31" s="212" t="s">
        <v>16</v>
      </c>
      <c r="U31" s="212" t="s">
        <v>16</v>
      </c>
      <c r="V31" s="212" t="s">
        <v>16</v>
      </c>
      <c r="W31" s="212" t="s">
        <v>16</v>
      </c>
      <c r="X31" s="212" t="s">
        <v>16</v>
      </c>
      <c r="Y31" s="212" t="s">
        <v>16</v>
      </c>
      <c r="Z31" s="212" t="s">
        <v>16</v>
      </c>
      <c r="AA31" s="212" t="s">
        <v>16</v>
      </c>
      <c r="AB31" s="212" t="s">
        <v>16</v>
      </c>
      <c r="AC31" s="212" t="s">
        <v>16</v>
      </c>
      <c r="AD31" s="212" t="s">
        <v>16</v>
      </c>
      <c r="AE31" s="212" t="s">
        <v>16</v>
      </c>
      <c r="AF31" s="212" t="s">
        <v>16</v>
      </c>
      <c r="AG31" s="212" t="s">
        <v>16</v>
      </c>
      <c r="AH31" s="212" t="s">
        <v>16</v>
      </c>
      <c r="AI31" s="212" t="s">
        <v>16</v>
      </c>
      <c r="AJ31" s="212" t="s">
        <v>16</v>
      </c>
      <c r="AK31" s="212" t="s">
        <v>16</v>
      </c>
      <c r="AL31" s="212" t="s">
        <v>16</v>
      </c>
      <c r="AM31" s="212" t="s">
        <v>16</v>
      </c>
      <c r="AN31" s="212" t="s">
        <v>16</v>
      </c>
      <c r="AO31" s="212" t="s">
        <v>16</v>
      </c>
      <c r="AP31" s="212" t="s">
        <v>16</v>
      </c>
      <c r="AQ31" s="212" t="s">
        <v>16</v>
      </c>
      <c r="AR31" s="212" t="s">
        <v>16</v>
      </c>
      <c r="AS31" s="212" t="s">
        <v>16</v>
      </c>
      <c r="AT31" s="212" t="s">
        <v>16</v>
      </c>
      <c r="AU31" s="212" t="s">
        <v>16</v>
      </c>
      <c r="AV31" s="212" t="s">
        <v>16</v>
      </c>
      <c r="AW31" s="212" t="s">
        <v>16</v>
      </c>
      <c r="AX31" s="212" t="s">
        <v>16</v>
      </c>
      <c r="AY31" s="212" t="s">
        <v>15</v>
      </c>
    </row>
    <row r="32" spans="1:51">
      <c r="A32" s="212" t="s">
        <v>1580</v>
      </c>
      <c r="B32" s="212" t="s">
        <v>16</v>
      </c>
      <c r="C32" s="212" t="s">
        <v>16</v>
      </c>
      <c r="D32" s="212" t="s">
        <v>16</v>
      </c>
      <c r="E32" s="212" t="s">
        <v>16</v>
      </c>
      <c r="F32" s="212" t="s">
        <v>16</v>
      </c>
      <c r="G32" s="212" t="s">
        <v>16</v>
      </c>
      <c r="H32" s="212" t="s">
        <v>16</v>
      </c>
      <c r="I32" s="212" t="s">
        <v>16</v>
      </c>
      <c r="J32" s="212" t="s">
        <v>16</v>
      </c>
      <c r="K32" s="212" t="s">
        <v>16</v>
      </c>
      <c r="L32" s="212" t="s">
        <v>16</v>
      </c>
      <c r="M32" s="212" t="s">
        <v>16</v>
      </c>
      <c r="N32" s="212" t="s">
        <v>16</v>
      </c>
      <c r="O32" s="212" t="s">
        <v>16</v>
      </c>
      <c r="P32" s="212" t="s">
        <v>16</v>
      </c>
      <c r="Q32" s="212" t="s">
        <v>16</v>
      </c>
      <c r="R32" s="212" t="s">
        <v>16</v>
      </c>
      <c r="S32" s="212" t="s">
        <v>16</v>
      </c>
      <c r="T32" s="212" t="s">
        <v>16</v>
      </c>
      <c r="U32" s="212" t="s">
        <v>16</v>
      </c>
      <c r="V32" s="212" t="s">
        <v>16</v>
      </c>
      <c r="W32" s="212" t="s">
        <v>16</v>
      </c>
      <c r="X32" s="212" t="s">
        <v>16</v>
      </c>
      <c r="Y32" s="212" t="s">
        <v>16</v>
      </c>
      <c r="Z32" s="212" t="s">
        <v>16</v>
      </c>
      <c r="AA32" s="212" t="s">
        <v>16</v>
      </c>
      <c r="AB32" s="212" t="s">
        <v>16</v>
      </c>
      <c r="AC32" s="212" t="s">
        <v>16</v>
      </c>
      <c r="AD32" s="212" t="s">
        <v>16</v>
      </c>
      <c r="AE32" s="212" t="s">
        <v>16</v>
      </c>
      <c r="AF32" s="212" t="s">
        <v>16</v>
      </c>
      <c r="AG32" s="212" t="s">
        <v>16</v>
      </c>
      <c r="AH32" s="212" t="s">
        <v>16</v>
      </c>
      <c r="AI32" s="212" t="s">
        <v>16</v>
      </c>
      <c r="AJ32" s="212" t="s">
        <v>16</v>
      </c>
      <c r="AK32" s="212" t="s">
        <v>16</v>
      </c>
      <c r="AL32" s="212" t="s">
        <v>16</v>
      </c>
      <c r="AM32" s="212" t="s">
        <v>16</v>
      </c>
      <c r="AN32" s="212" t="s">
        <v>16</v>
      </c>
      <c r="AO32" s="212" t="s">
        <v>16</v>
      </c>
      <c r="AP32" s="212" t="s">
        <v>16</v>
      </c>
      <c r="AQ32" s="212" t="s">
        <v>16</v>
      </c>
      <c r="AR32" s="212" t="s">
        <v>16</v>
      </c>
      <c r="AS32" s="212" t="s">
        <v>16</v>
      </c>
      <c r="AT32" s="212" t="s">
        <v>16</v>
      </c>
      <c r="AU32" s="212" t="s">
        <v>16</v>
      </c>
      <c r="AV32" s="212" t="s">
        <v>16</v>
      </c>
      <c r="AW32" s="212" t="s">
        <v>16</v>
      </c>
      <c r="AX32" s="212" t="s">
        <v>16</v>
      </c>
      <c r="AY32" s="212" t="s">
        <v>15</v>
      </c>
    </row>
    <row r="33" spans="1:51">
      <c r="A33" s="212" t="s">
        <v>1581</v>
      </c>
      <c r="B33" s="212" t="s">
        <v>15</v>
      </c>
      <c r="C33" s="212" t="s">
        <v>15</v>
      </c>
      <c r="D33" s="212" t="s">
        <v>15</v>
      </c>
      <c r="E33" s="212" t="s">
        <v>15</v>
      </c>
      <c r="F33" s="212" t="s">
        <v>15</v>
      </c>
      <c r="G33" s="212" t="s">
        <v>15</v>
      </c>
      <c r="H33" s="212" t="s">
        <v>15</v>
      </c>
      <c r="I33" s="212" t="s">
        <v>15</v>
      </c>
      <c r="J33" s="212" t="s">
        <v>15</v>
      </c>
      <c r="K33" s="212" t="s">
        <v>15</v>
      </c>
      <c r="L33" s="212" t="s">
        <v>15</v>
      </c>
      <c r="M33" s="212" t="s">
        <v>15</v>
      </c>
      <c r="N33" s="212" t="s">
        <v>15</v>
      </c>
      <c r="O33" s="212" t="s">
        <v>15</v>
      </c>
      <c r="P33" s="212" t="s">
        <v>15</v>
      </c>
      <c r="Q33" s="212" t="s">
        <v>15</v>
      </c>
      <c r="R33" s="212" t="s">
        <v>15</v>
      </c>
      <c r="S33" s="212" t="s">
        <v>15</v>
      </c>
      <c r="T33" s="212" t="s">
        <v>15</v>
      </c>
      <c r="U33" s="212" t="s">
        <v>15</v>
      </c>
      <c r="V33" s="212" t="s">
        <v>15</v>
      </c>
      <c r="W33" s="212" t="s">
        <v>15</v>
      </c>
      <c r="X33" s="212" t="s">
        <v>15</v>
      </c>
      <c r="Y33" s="212" t="s">
        <v>15</v>
      </c>
      <c r="Z33" s="212" t="s">
        <v>15</v>
      </c>
      <c r="AA33" s="212" t="s">
        <v>15</v>
      </c>
      <c r="AB33" s="212" t="s">
        <v>15</v>
      </c>
      <c r="AC33" s="212" t="s">
        <v>15</v>
      </c>
      <c r="AD33" s="212" t="s">
        <v>15</v>
      </c>
      <c r="AE33" s="212" t="s">
        <v>15</v>
      </c>
      <c r="AF33" s="212" t="s">
        <v>15</v>
      </c>
      <c r="AG33" s="212" t="s">
        <v>15</v>
      </c>
      <c r="AH33" s="212" t="s">
        <v>15</v>
      </c>
      <c r="AI33" s="212" t="s">
        <v>15</v>
      </c>
      <c r="AJ33" s="212" t="s">
        <v>15</v>
      </c>
      <c r="AK33" s="212" t="s">
        <v>15</v>
      </c>
      <c r="AL33" s="212" t="s">
        <v>15</v>
      </c>
      <c r="AM33" s="212" t="s">
        <v>15</v>
      </c>
      <c r="AN33" s="212" t="s">
        <v>15</v>
      </c>
      <c r="AO33" s="212" t="s">
        <v>15</v>
      </c>
      <c r="AP33" s="212" t="s">
        <v>15</v>
      </c>
      <c r="AQ33" s="212" t="s">
        <v>15</v>
      </c>
      <c r="AR33" s="212" t="s">
        <v>15</v>
      </c>
      <c r="AS33" s="212" t="s">
        <v>15</v>
      </c>
      <c r="AT33" s="212" t="s">
        <v>16</v>
      </c>
      <c r="AU33" s="212" t="s">
        <v>15</v>
      </c>
      <c r="AV33" s="212" t="s">
        <v>15</v>
      </c>
      <c r="AW33" s="212" t="s">
        <v>15</v>
      </c>
      <c r="AX33" s="212" t="s">
        <v>15</v>
      </c>
      <c r="AY33" s="212" t="s">
        <v>15</v>
      </c>
    </row>
    <row r="34" spans="1:51">
      <c r="A34" s="212" t="s">
        <v>1582</v>
      </c>
      <c r="B34" s="212" t="s">
        <v>15</v>
      </c>
      <c r="C34" s="212" t="s">
        <v>15</v>
      </c>
      <c r="D34" s="212" t="s">
        <v>15</v>
      </c>
      <c r="E34" s="212" t="s">
        <v>15</v>
      </c>
      <c r="F34" s="212" t="s">
        <v>15</v>
      </c>
      <c r="G34" s="212" t="s">
        <v>15</v>
      </c>
      <c r="H34" s="212" t="s">
        <v>15</v>
      </c>
      <c r="I34" s="212" t="s">
        <v>15</v>
      </c>
      <c r="J34" s="212" t="s">
        <v>15</v>
      </c>
      <c r="K34" s="212" t="s">
        <v>15</v>
      </c>
      <c r="L34" s="212" t="s">
        <v>15</v>
      </c>
      <c r="M34" s="212" t="s">
        <v>15</v>
      </c>
      <c r="N34" s="212" t="s">
        <v>15</v>
      </c>
      <c r="O34" s="212" t="s">
        <v>15</v>
      </c>
      <c r="P34" s="212" t="s">
        <v>15</v>
      </c>
      <c r="Q34" s="212" t="s">
        <v>15</v>
      </c>
      <c r="R34" s="212" t="s">
        <v>15</v>
      </c>
      <c r="S34" s="212" t="s">
        <v>15</v>
      </c>
      <c r="T34" s="212" t="s">
        <v>15</v>
      </c>
      <c r="U34" s="212" t="s">
        <v>15</v>
      </c>
      <c r="V34" s="212" t="s">
        <v>15</v>
      </c>
      <c r="W34" s="212" t="s">
        <v>15</v>
      </c>
      <c r="X34" s="212" t="s">
        <v>15</v>
      </c>
      <c r="Y34" s="212" t="s">
        <v>15</v>
      </c>
      <c r="Z34" s="212" t="s">
        <v>15</v>
      </c>
      <c r="AA34" s="212" t="s">
        <v>15</v>
      </c>
      <c r="AB34" s="212" t="s">
        <v>15</v>
      </c>
      <c r="AC34" s="212" t="s">
        <v>15</v>
      </c>
      <c r="AD34" s="212" t="s">
        <v>15</v>
      </c>
      <c r="AE34" s="212" t="s">
        <v>15</v>
      </c>
      <c r="AF34" s="212" t="s">
        <v>15</v>
      </c>
      <c r="AG34" s="212" t="s">
        <v>15</v>
      </c>
      <c r="AH34" s="212" t="s">
        <v>15</v>
      </c>
      <c r="AI34" s="212" t="s">
        <v>15</v>
      </c>
      <c r="AJ34" s="212" t="s">
        <v>15</v>
      </c>
      <c r="AK34" s="212" t="s">
        <v>15</v>
      </c>
      <c r="AL34" s="212" t="s">
        <v>15</v>
      </c>
      <c r="AM34" s="212" t="s">
        <v>15</v>
      </c>
      <c r="AN34" s="212" t="s">
        <v>15</v>
      </c>
      <c r="AO34" s="212" t="s">
        <v>15</v>
      </c>
      <c r="AP34" s="212" t="s">
        <v>15</v>
      </c>
      <c r="AQ34" s="212" t="s">
        <v>15</v>
      </c>
      <c r="AR34" s="212" t="s">
        <v>15</v>
      </c>
      <c r="AS34" s="212" t="s">
        <v>15</v>
      </c>
      <c r="AT34" s="212" t="s">
        <v>16</v>
      </c>
      <c r="AU34" s="212" t="s">
        <v>15</v>
      </c>
      <c r="AV34" s="212" t="s">
        <v>15</v>
      </c>
      <c r="AW34" s="212" t="s">
        <v>15</v>
      </c>
      <c r="AX34" s="212" t="s">
        <v>15</v>
      </c>
      <c r="AY34" s="212" t="s">
        <v>15</v>
      </c>
    </row>
    <row r="35" spans="1:51">
      <c r="A35" s="212" t="s">
        <v>1583</v>
      </c>
      <c r="B35" s="212" t="s">
        <v>15</v>
      </c>
      <c r="C35" s="212" t="s">
        <v>15</v>
      </c>
      <c r="D35" s="212" t="s">
        <v>15</v>
      </c>
      <c r="E35" s="212" t="s">
        <v>15</v>
      </c>
      <c r="F35" s="212" t="s">
        <v>15</v>
      </c>
      <c r="G35" s="212" t="s">
        <v>15</v>
      </c>
      <c r="H35" s="212" t="s">
        <v>15</v>
      </c>
      <c r="I35" s="212" t="s">
        <v>15</v>
      </c>
      <c r="J35" s="212" t="s">
        <v>15</v>
      </c>
      <c r="K35" s="212" t="s">
        <v>15</v>
      </c>
      <c r="L35" s="212" t="s">
        <v>15</v>
      </c>
      <c r="M35" s="212" t="s">
        <v>15</v>
      </c>
      <c r="N35" s="212" t="s">
        <v>15</v>
      </c>
      <c r="O35" s="212" t="s">
        <v>15</v>
      </c>
      <c r="P35" s="212" t="s">
        <v>15</v>
      </c>
      <c r="Q35" s="212" t="s">
        <v>15</v>
      </c>
      <c r="R35" s="212" t="s">
        <v>15</v>
      </c>
      <c r="S35" s="212" t="s">
        <v>15</v>
      </c>
      <c r="T35" s="212" t="s">
        <v>15</v>
      </c>
      <c r="U35" s="212" t="s">
        <v>15</v>
      </c>
      <c r="V35" s="212" t="s">
        <v>15</v>
      </c>
      <c r="W35" s="212" t="s">
        <v>16</v>
      </c>
      <c r="X35" s="212" t="s">
        <v>15</v>
      </c>
      <c r="Y35" s="212" t="s">
        <v>15</v>
      </c>
      <c r="Z35" s="212" t="s">
        <v>15</v>
      </c>
      <c r="AA35" s="212" t="s">
        <v>15</v>
      </c>
      <c r="AB35" s="212" t="s">
        <v>15</v>
      </c>
      <c r="AC35" s="212" t="s">
        <v>15</v>
      </c>
      <c r="AD35" s="212" t="s">
        <v>15</v>
      </c>
      <c r="AE35" s="212" t="s">
        <v>15</v>
      </c>
      <c r="AF35" s="212" t="s">
        <v>15</v>
      </c>
      <c r="AG35" s="212" t="s">
        <v>15</v>
      </c>
      <c r="AH35" s="212" t="s">
        <v>16</v>
      </c>
      <c r="AI35" s="212" t="s">
        <v>15</v>
      </c>
      <c r="AJ35" s="212" t="s">
        <v>15</v>
      </c>
      <c r="AK35" s="212" t="s">
        <v>15</v>
      </c>
      <c r="AL35" s="212" t="s">
        <v>15</v>
      </c>
      <c r="AM35" s="212" t="s">
        <v>15</v>
      </c>
      <c r="AN35" s="212" t="s">
        <v>15</v>
      </c>
      <c r="AO35" s="212" t="s">
        <v>15</v>
      </c>
      <c r="AP35" s="212" t="s">
        <v>15</v>
      </c>
      <c r="AQ35" s="212" t="s">
        <v>15</v>
      </c>
      <c r="AR35" s="212" t="s">
        <v>15</v>
      </c>
      <c r="AS35" s="212" t="s">
        <v>15</v>
      </c>
      <c r="AT35" s="212" t="s">
        <v>16</v>
      </c>
      <c r="AU35" s="212" t="s">
        <v>15</v>
      </c>
      <c r="AV35" s="212" t="s">
        <v>15</v>
      </c>
      <c r="AW35" s="212" t="s">
        <v>16</v>
      </c>
      <c r="AX35" s="212" t="s">
        <v>15</v>
      </c>
      <c r="AY35" s="212" t="s">
        <v>15</v>
      </c>
    </row>
    <row r="36" spans="1:51">
      <c r="A36" s="212" t="s">
        <v>1584</v>
      </c>
      <c r="B36" s="212" t="s">
        <v>15</v>
      </c>
      <c r="C36" s="212" t="s">
        <v>16</v>
      </c>
      <c r="D36" s="212" t="s">
        <v>15</v>
      </c>
      <c r="E36" s="212" t="s">
        <v>15</v>
      </c>
      <c r="F36" s="212" t="s">
        <v>15</v>
      </c>
      <c r="G36" s="212" t="s">
        <v>16</v>
      </c>
      <c r="H36" s="212" t="s">
        <v>15</v>
      </c>
      <c r="I36" s="212" t="s">
        <v>15</v>
      </c>
      <c r="J36" s="212" t="s">
        <v>15</v>
      </c>
      <c r="K36" s="212" t="s">
        <v>15</v>
      </c>
      <c r="L36" s="212" t="s">
        <v>15</v>
      </c>
      <c r="M36" s="212" t="s">
        <v>15</v>
      </c>
      <c r="N36" s="212" t="s">
        <v>15</v>
      </c>
      <c r="O36" s="212" t="s">
        <v>15</v>
      </c>
      <c r="P36" s="212" t="s">
        <v>15</v>
      </c>
      <c r="Q36" s="212" t="s">
        <v>15</v>
      </c>
      <c r="R36" s="212" t="s">
        <v>15</v>
      </c>
      <c r="S36" s="212" t="s">
        <v>15</v>
      </c>
      <c r="T36" s="212" t="s">
        <v>15</v>
      </c>
      <c r="U36" s="212" t="s">
        <v>15</v>
      </c>
      <c r="V36" s="212" t="s">
        <v>15</v>
      </c>
      <c r="W36" s="212" t="s">
        <v>16</v>
      </c>
      <c r="X36" s="212" t="s">
        <v>15</v>
      </c>
      <c r="Y36" s="212" t="s">
        <v>15</v>
      </c>
      <c r="Z36" s="212" t="s">
        <v>15</v>
      </c>
      <c r="AA36" s="212" t="s">
        <v>15</v>
      </c>
      <c r="AB36" s="212" t="s">
        <v>15</v>
      </c>
      <c r="AC36" s="212" t="s">
        <v>16</v>
      </c>
      <c r="AD36" s="212" t="s">
        <v>15</v>
      </c>
      <c r="AE36" s="212" t="s">
        <v>15</v>
      </c>
      <c r="AF36" s="212" t="s">
        <v>15</v>
      </c>
      <c r="AG36" s="212" t="s">
        <v>15</v>
      </c>
      <c r="AH36" s="212" t="s">
        <v>16</v>
      </c>
      <c r="AI36" s="212" t="s">
        <v>15</v>
      </c>
      <c r="AJ36" s="212" t="s">
        <v>15</v>
      </c>
      <c r="AK36" s="212" t="s">
        <v>15</v>
      </c>
      <c r="AL36" s="212" t="s">
        <v>16</v>
      </c>
      <c r="AM36" s="212" t="s">
        <v>15</v>
      </c>
      <c r="AN36" s="212" t="s">
        <v>15</v>
      </c>
      <c r="AO36" s="212" t="s">
        <v>15</v>
      </c>
      <c r="AP36" s="212" t="s">
        <v>15</v>
      </c>
      <c r="AQ36" s="212" t="s">
        <v>15</v>
      </c>
      <c r="AR36" s="212" t="s">
        <v>15</v>
      </c>
      <c r="AS36" s="212" t="s">
        <v>15</v>
      </c>
      <c r="AT36" s="212" t="s">
        <v>15</v>
      </c>
      <c r="AU36" s="212" t="s">
        <v>15</v>
      </c>
      <c r="AV36" s="212" t="s">
        <v>15</v>
      </c>
      <c r="AW36" s="212" t="s">
        <v>16</v>
      </c>
      <c r="AX36" s="212" t="s">
        <v>15</v>
      </c>
      <c r="AY36" s="212" t="s">
        <v>15</v>
      </c>
    </row>
    <row r="37" spans="1:51">
      <c r="A37" s="212" t="s">
        <v>1585</v>
      </c>
      <c r="B37" s="212" t="s">
        <v>16</v>
      </c>
      <c r="C37" s="212" t="s">
        <v>16</v>
      </c>
      <c r="D37" s="212" t="s">
        <v>16</v>
      </c>
      <c r="E37" s="212" t="s">
        <v>16</v>
      </c>
      <c r="F37" s="212" t="s">
        <v>16</v>
      </c>
      <c r="G37" s="212" t="s">
        <v>16</v>
      </c>
      <c r="H37" s="212" t="s">
        <v>16</v>
      </c>
      <c r="I37" s="212" t="s">
        <v>16</v>
      </c>
      <c r="J37" s="212" t="s">
        <v>16</v>
      </c>
      <c r="K37" s="212" t="s">
        <v>16</v>
      </c>
      <c r="L37" s="212" t="s">
        <v>16</v>
      </c>
      <c r="M37" s="212" t="s">
        <v>16</v>
      </c>
      <c r="N37" s="212" t="s">
        <v>16</v>
      </c>
      <c r="O37" s="212" t="s">
        <v>16</v>
      </c>
      <c r="P37" s="212" t="s">
        <v>16</v>
      </c>
      <c r="Q37" s="212" t="s">
        <v>16</v>
      </c>
      <c r="R37" s="212" t="s">
        <v>16</v>
      </c>
      <c r="S37" s="212" t="s">
        <v>16</v>
      </c>
      <c r="T37" s="212" t="s">
        <v>16</v>
      </c>
      <c r="U37" s="212" t="s">
        <v>16</v>
      </c>
      <c r="V37" s="212" t="s">
        <v>16</v>
      </c>
      <c r="W37" s="212" t="s">
        <v>16</v>
      </c>
      <c r="X37" s="212" t="s">
        <v>16</v>
      </c>
      <c r="Y37" s="212" t="s">
        <v>16</v>
      </c>
      <c r="Z37" s="212" t="s">
        <v>16</v>
      </c>
      <c r="AA37" s="212" t="s">
        <v>16</v>
      </c>
      <c r="AB37" s="212" t="s">
        <v>16</v>
      </c>
      <c r="AC37" s="212" t="s">
        <v>16</v>
      </c>
      <c r="AD37" s="212" t="s">
        <v>16</v>
      </c>
      <c r="AE37" s="212" t="s">
        <v>16</v>
      </c>
      <c r="AF37" s="212" t="s">
        <v>16</v>
      </c>
      <c r="AG37" s="212" t="s">
        <v>16</v>
      </c>
      <c r="AH37" s="212" t="s">
        <v>16</v>
      </c>
      <c r="AI37" s="212" t="s">
        <v>16</v>
      </c>
      <c r="AJ37" s="212" t="s">
        <v>16</v>
      </c>
      <c r="AK37" s="212" t="s">
        <v>16</v>
      </c>
      <c r="AL37" s="212" t="s">
        <v>16</v>
      </c>
      <c r="AM37" s="212" t="s">
        <v>16</v>
      </c>
      <c r="AN37" s="212" t="s">
        <v>16</v>
      </c>
      <c r="AO37" s="212" t="s">
        <v>16</v>
      </c>
      <c r="AP37" s="212" t="s">
        <v>16</v>
      </c>
      <c r="AQ37" s="212" t="s">
        <v>16</v>
      </c>
      <c r="AR37" s="212" t="s">
        <v>16</v>
      </c>
      <c r="AS37" s="212" t="s">
        <v>16</v>
      </c>
      <c r="AT37" s="212" t="s">
        <v>16</v>
      </c>
      <c r="AU37" s="212" t="s">
        <v>16</v>
      </c>
      <c r="AV37" s="212" t="s">
        <v>16</v>
      </c>
      <c r="AW37" s="212" t="s">
        <v>16</v>
      </c>
      <c r="AX37" s="212" t="s">
        <v>16</v>
      </c>
      <c r="AY37" s="212" t="s">
        <v>16</v>
      </c>
    </row>
    <row r="38" spans="1:51">
      <c r="A38" s="212" t="s">
        <v>1586</v>
      </c>
      <c r="B38" s="212" t="s">
        <v>16</v>
      </c>
      <c r="C38" s="212" t="s">
        <v>16</v>
      </c>
      <c r="D38" s="212" t="s">
        <v>16</v>
      </c>
      <c r="E38" s="212" t="s">
        <v>16</v>
      </c>
      <c r="F38" s="212" t="s">
        <v>16</v>
      </c>
      <c r="G38" s="212" t="s">
        <v>16</v>
      </c>
      <c r="H38" s="212" t="s">
        <v>16</v>
      </c>
      <c r="I38" s="212" t="s">
        <v>16</v>
      </c>
      <c r="J38" s="212" t="s">
        <v>16</v>
      </c>
      <c r="K38" s="212" t="s">
        <v>16</v>
      </c>
      <c r="L38" s="212" t="s">
        <v>16</v>
      </c>
      <c r="M38" s="212" t="s">
        <v>16</v>
      </c>
      <c r="N38" s="212" t="s">
        <v>16</v>
      </c>
      <c r="O38" s="212" t="s">
        <v>16</v>
      </c>
      <c r="P38" s="212" t="s">
        <v>16</v>
      </c>
      <c r="Q38" s="212" t="s">
        <v>16</v>
      </c>
      <c r="R38" s="212" t="s">
        <v>16</v>
      </c>
      <c r="S38" s="212" t="s">
        <v>16</v>
      </c>
      <c r="T38" s="212" t="s">
        <v>16</v>
      </c>
      <c r="U38" s="212" t="s">
        <v>15</v>
      </c>
      <c r="V38" s="212" t="s">
        <v>15</v>
      </c>
      <c r="W38" s="212" t="s">
        <v>16</v>
      </c>
      <c r="X38" s="212" t="s">
        <v>16</v>
      </c>
      <c r="Y38" s="212" t="s">
        <v>16</v>
      </c>
      <c r="Z38" s="212" t="s">
        <v>16</v>
      </c>
      <c r="AA38" s="212" t="s">
        <v>16</v>
      </c>
      <c r="AB38" s="212" t="s">
        <v>16</v>
      </c>
      <c r="AC38" s="212" t="s">
        <v>16</v>
      </c>
      <c r="AD38" s="212" t="s">
        <v>16</v>
      </c>
      <c r="AE38" s="212" t="s">
        <v>16</v>
      </c>
      <c r="AF38" s="212" t="s">
        <v>16</v>
      </c>
      <c r="AG38" s="212" t="s">
        <v>16</v>
      </c>
      <c r="AH38" s="212" t="s">
        <v>16</v>
      </c>
      <c r="AI38" s="212" t="s">
        <v>16</v>
      </c>
      <c r="AJ38" s="212" t="s">
        <v>16</v>
      </c>
      <c r="AK38" s="212" t="s">
        <v>16</v>
      </c>
      <c r="AL38" s="212" t="s">
        <v>15</v>
      </c>
      <c r="AM38" s="212" t="s">
        <v>16</v>
      </c>
      <c r="AN38" s="212" t="s">
        <v>16</v>
      </c>
      <c r="AO38" s="212" t="s">
        <v>16</v>
      </c>
      <c r="AP38" s="212" t="s">
        <v>16</v>
      </c>
      <c r="AQ38" s="212" t="s">
        <v>16</v>
      </c>
      <c r="AR38" s="212" t="s">
        <v>16</v>
      </c>
      <c r="AS38" s="212" t="s">
        <v>16</v>
      </c>
      <c r="AT38" s="212" t="s">
        <v>16</v>
      </c>
      <c r="AU38" s="212" t="s">
        <v>16</v>
      </c>
      <c r="AV38" s="212" t="s">
        <v>16</v>
      </c>
      <c r="AW38" s="212" t="s">
        <v>16</v>
      </c>
      <c r="AX38" s="212" t="s">
        <v>16</v>
      </c>
      <c r="AY38" s="212" t="s">
        <v>16</v>
      </c>
    </row>
    <row r="39" spans="1:51">
      <c r="A39" s="212" t="s">
        <v>1587</v>
      </c>
      <c r="B39" s="212" t="s">
        <v>15</v>
      </c>
      <c r="C39" s="212" t="s">
        <v>16</v>
      </c>
      <c r="D39" s="212" t="s">
        <v>15</v>
      </c>
      <c r="E39" s="212" t="s">
        <v>15</v>
      </c>
      <c r="F39" s="212" t="s">
        <v>15</v>
      </c>
      <c r="G39" s="212" t="s">
        <v>15</v>
      </c>
      <c r="H39" s="212" t="s">
        <v>15</v>
      </c>
      <c r="I39" s="212" t="s">
        <v>15</v>
      </c>
      <c r="J39" s="212" t="s">
        <v>15</v>
      </c>
      <c r="K39" s="212" t="s">
        <v>15</v>
      </c>
      <c r="L39" s="212" t="s">
        <v>15</v>
      </c>
      <c r="M39" s="212" t="s">
        <v>15</v>
      </c>
      <c r="N39" s="212" t="s">
        <v>15</v>
      </c>
      <c r="O39" s="212" t="s">
        <v>15</v>
      </c>
      <c r="P39" s="212" t="s">
        <v>15</v>
      </c>
      <c r="Q39" s="212" t="s">
        <v>15</v>
      </c>
      <c r="R39" s="212" t="s">
        <v>15</v>
      </c>
      <c r="S39" s="212" t="s">
        <v>15</v>
      </c>
      <c r="T39" s="212" t="s">
        <v>15</v>
      </c>
      <c r="U39" s="212" t="s">
        <v>15</v>
      </c>
      <c r="V39" s="212" t="s">
        <v>15</v>
      </c>
      <c r="W39" s="212" t="s">
        <v>15</v>
      </c>
      <c r="X39" s="212" t="s">
        <v>15</v>
      </c>
      <c r="Y39" s="212" t="s">
        <v>15</v>
      </c>
      <c r="Z39" s="212" t="s">
        <v>15</v>
      </c>
      <c r="AA39" s="212" t="s">
        <v>15</v>
      </c>
      <c r="AB39" s="212" t="s">
        <v>15</v>
      </c>
      <c r="AC39" s="212" t="s">
        <v>15</v>
      </c>
      <c r="AD39" s="212" t="s">
        <v>15</v>
      </c>
      <c r="AE39" s="212" t="s">
        <v>15</v>
      </c>
      <c r="AF39" s="212" t="s">
        <v>15</v>
      </c>
      <c r="AG39" s="212" t="s">
        <v>15</v>
      </c>
      <c r="AH39" s="212" t="s">
        <v>15</v>
      </c>
      <c r="AI39" s="212" t="s">
        <v>15</v>
      </c>
      <c r="AJ39" s="212" t="s">
        <v>15</v>
      </c>
      <c r="AK39" s="212" t="s">
        <v>15</v>
      </c>
      <c r="AL39" s="212" t="s">
        <v>15</v>
      </c>
      <c r="AM39" s="212" t="s">
        <v>15</v>
      </c>
      <c r="AN39" s="212" t="s">
        <v>15</v>
      </c>
      <c r="AO39" s="212" t="s">
        <v>15</v>
      </c>
      <c r="AP39" s="212" t="s">
        <v>15</v>
      </c>
      <c r="AQ39" s="212" t="s">
        <v>15</v>
      </c>
      <c r="AR39" s="212" t="s">
        <v>15</v>
      </c>
      <c r="AS39" s="212" t="s">
        <v>15</v>
      </c>
      <c r="AT39" s="212" t="s">
        <v>15</v>
      </c>
      <c r="AU39" s="212" t="s">
        <v>15</v>
      </c>
      <c r="AV39" s="212" t="s">
        <v>15</v>
      </c>
      <c r="AW39" s="212" t="s">
        <v>15</v>
      </c>
      <c r="AX39" s="212" t="s">
        <v>15</v>
      </c>
      <c r="AY39" s="212" t="s">
        <v>15</v>
      </c>
    </row>
    <row r="40" spans="1:51">
      <c r="A40" s="212" t="s">
        <v>1588</v>
      </c>
      <c r="B40" s="212" t="s">
        <v>15</v>
      </c>
      <c r="C40" s="212" t="s">
        <v>15</v>
      </c>
      <c r="D40" s="212" t="s">
        <v>15</v>
      </c>
      <c r="E40" s="212" t="s">
        <v>15</v>
      </c>
      <c r="F40" s="212" t="s">
        <v>15</v>
      </c>
      <c r="G40" s="212" t="s">
        <v>15</v>
      </c>
      <c r="H40" s="212" t="s">
        <v>15</v>
      </c>
      <c r="I40" s="212" t="s">
        <v>15</v>
      </c>
      <c r="J40" s="212" t="s">
        <v>15</v>
      </c>
      <c r="K40" s="212" t="s">
        <v>15</v>
      </c>
      <c r="L40" s="212" t="s">
        <v>15</v>
      </c>
      <c r="M40" s="212" t="s">
        <v>15</v>
      </c>
      <c r="N40" s="212" t="s">
        <v>15</v>
      </c>
      <c r="O40" s="212" t="s">
        <v>15</v>
      </c>
      <c r="P40" s="212" t="s">
        <v>15</v>
      </c>
      <c r="Q40" s="212" t="s">
        <v>15</v>
      </c>
      <c r="R40" s="212" t="s">
        <v>15</v>
      </c>
      <c r="S40" s="212" t="s">
        <v>15</v>
      </c>
      <c r="T40" s="212" t="s">
        <v>15</v>
      </c>
      <c r="U40" s="212" t="s">
        <v>15</v>
      </c>
      <c r="V40" s="212" t="s">
        <v>15</v>
      </c>
      <c r="W40" s="212" t="s">
        <v>15</v>
      </c>
      <c r="X40" s="212" t="s">
        <v>15</v>
      </c>
      <c r="Y40" s="212" t="s">
        <v>15</v>
      </c>
      <c r="Z40" s="212" t="s">
        <v>15</v>
      </c>
      <c r="AA40" s="212" t="s">
        <v>15</v>
      </c>
      <c r="AB40" s="212" t="s">
        <v>15</v>
      </c>
      <c r="AC40" s="212" t="s">
        <v>15</v>
      </c>
      <c r="AD40" s="212" t="s">
        <v>15</v>
      </c>
      <c r="AE40" s="212" t="s">
        <v>15</v>
      </c>
      <c r="AF40" s="212" t="s">
        <v>15</v>
      </c>
      <c r="AG40" s="212" t="s">
        <v>15</v>
      </c>
      <c r="AH40" s="212" t="s">
        <v>15</v>
      </c>
      <c r="AI40" s="212" t="s">
        <v>15</v>
      </c>
      <c r="AJ40" s="212" t="s">
        <v>15</v>
      </c>
      <c r="AK40" s="212" t="s">
        <v>15</v>
      </c>
      <c r="AL40" s="212" t="s">
        <v>15</v>
      </c>
      <c r="AM40" s="212" t="s">
        <v>15</v>
      </c>
      <c r="AN40" s="212" t="s">
        <v>15</v>
      </c>
      <c r="AO40" s="212" t="s">
        <v>15</v>
      </c>
      <c r="AP40" s="212" t="s">
        <v>15</v>
      </c>
      <c r="AQ40" s="212" t="s">
        <v>15</v>
      </c>
      <c r="AR40" s="212" t="s">
        <v>15</v>
      </c>
      <c r="AS40" s="212" t="s">
        <v>15</v>
      </c>
      <c r="AT40" s="212" t="s">
        <v>15</v>
      </c>
      <c r="AU40" s="212" t="s">
        <v>15</v>
      </c>
      <c r="AV40" s="212" t="s">
        <v>15</v>
      </c>
      <c r="AW40" s="212" t="s">
        <v>15</v>
      </c>
      <c r="AX40" s="212" t="s">
        <v>15</v>
      </c>
      <c r="AY40" s="212" t="s">
        <v>15</v>
      </c>
    </row>
    <row r="41" spans="1:51">
      <c r="A41" s="212" t="s">
        <v>1589</v>
      </c>
      <c r="B41" s="212" t="s">
        <v>16</v>
      </c>
      <c r="C41" s="212" t="s">
        <v>16</v>
      </c>
      <c r="D41" s="212" t="s">
        <v>16</v>
      </c>
      <c r="E41" s="212" t="s">
        <v>16</v>
      </c>
      <c r="F41" s="212" t="s">
        <v>16</v>
      </c>
      <c r="G41" s="212" t="s">
        <v>16</v>
      </c>
      <c r="H41" s="212" t="s">
        <v>16</v>
      </c>
      <c r="I41" s="212" t="s">
        <v>16</v>
      </c>
      <c r="J41" s="212" t="s">
        <v>16</v>
      </c>
      <c r="K41" s="212" t="s">
        <v>16</v>
      </c>
      <c r="L41" s="212" t="s">
        <v>16</v>
      </c>
      <c r="M41" s="212" t="s">
        <v>16</v>
      </c>
      <c r="N41" s="212" t="s">
        <v>16</v>
      </c>
      <c r="O41" s="212" t="s">
        <v>16</v>
      </c>
      <c r="P41" s="212" t="s">
        <v>16</v>
      </c>
      <c r="Q41" s="212" t="s">
        <v>16</v>
      </c>
      <c r="R41" s="212" t="s">
        <v>16</v>
      </c>
      <c r="S41" s="212" t="s">
        <v>16</v>
      </c>
      <c r="T41" s="212" t="s">
        <v>16</v>
      </c>
      <c r="U41" s="212" t="s">
        <v>16</v>
      </c>
      <c r="V41" s="212" t="s">
        <v>16</v>
      </c>
      <c r="W41" s="212" t="s">
        <v>16</v>
      </c>
      <c r="X41" s="212" t="s">
        <v>16</v>
      </c>
      <c r="Y41" s="212" t="s">
        <v>16</v>
      </c>
      <c r="Z41" s="212" t="s">
        <v>16</v>
      </c>
      <c r="AA41" s="212" t="s">
        <v>16</v>
      </c>
      <c r="AB41" s="212" t="s">
        <v>16</v>
      </c>
      <c r="AC41" s="212" t="s">
        <v>16</v>
      </c>
      <c r="AD41" s="212" t="s">
        <v>16</v>
      </c>
      <c r="AE41" s="212" t="s">
        <v>16</v>
      </c>
      <c r="AF41" s="212" t="s">
        <v>16</v>
      </c>
      <c r="AG41" s="212" t="s">
        <v>16</v>
      </c>
      <c r="AH41" s="212" t="s">
        <v>16</v>
      </c>
      <c r="AI41" s="212" t="s">
        <v>16</v>
      </c>
      <c r="AJ41" s="212" t="s">
        <v>16</v>
      </c>
      <c r="AK41" s="212" t="s">
        <v>16</v>
      </c>
      <c r="AL41" s="212" t="s">
        <v>16</v>
      </c>
      <c r="AM41" s="212" t="s">
        <v>16</v>
      </c>
      <c r="AN41" s="212" t="s">
        <v>16</v>
      </c>
      <c r="AO41" s="212" t="s">
        <v>16</v>
      </c>
      <c r="AP41" s="212" t="s">
        <v>16</v>
      </c>
      <c r="AQ41" s="212" t="s">
        <v>16</v>
      </c>
      <c r="AR41" s="212" t="s">
        <v>16</v>
      </c>
      <c r="AS41" s="212" t="s">
        <v>16</v>
      </c>
      <c r="AT41" s="212" t="s">
        <v>16</v>
      </c>
      <c r="AU41" s="212" t="s">
        <v>16</v>
      </c>
      <c r="AV41" s="212" t="s">
        <v>16</v>
      </c>
      <c r="AW41" s="212" t="s">
        <v>16</v>
      </c>
      <c r="AX41" s="212" t="s">
        <v>16</v>
      </c>
      <c r="AY41" s="212" t="s">
        <v>16</v>
      </c>
    </row>
    <row r="42" spans="1:51">
      <c r="A42" s="212" t="s">
        <v>1590</v>
      </c>
      <c r="B42" s="212" t="s">
        <v>15</v>
      </c>
      <c r="C42" s="212" t="s">
        <v>16</v>
      </c>
      <c r="D42" s="212" t="s">
        <v>15</v>
      </c>
      <c r="E42" s="212" t="s">
        <v>15</v>
      </c>
      <c r="F42" s="212" t="s">
        <v>15</v>
      </c>
      <c r="G42" s="212" t="s">
        <v>16</v>
      </c>
      <c r="H42" s="212" t="s">
        <v>15</v>
      </c>
      <c r="I42" s="212" t="s">
        <v>15</v>
      </c>
      <c r="J42" s="212" t="s">
        <v>15</v>
      </c>
      <c r="K42" s="212" t="s">
        <v>15</v>
      </c>
      <c r="L42" s="212" t="s">
        <v>15</v>
      </c>
      <c r="M42" s="212" t="s">
        <v>15</v>
      </c>
      <c r="N42" s="212" t="s">
        <v>15</v>
      </c>
      <c r="O42" s="212" t="s">
        <v>15</v>
      </c>
      <c r="P42" s="212" t="s">
        <v>15</v>
      </c>
      <c r="Q42" s="212" t="s">
        <v>15</v>
      </c>
      <c r="R42" s="212" t="s">
        <v>15</v>
      </c>
      <c r="S42" s="212" t="s">
        <v>15</v>
      </c>
      <c r="T42" s="212" t="s">
        <v>15</v>
      </c>
      <c r="U42" s="212" t="s">
        <v>15</v>
      </c>
      <c r="V42" s="212" t="s">
        <v>15</v>
      </c>
      <c r="W42" s="212" t="s">
        <v>16</v>
      </c>
      <c r="X42" s="212" t="s">
        <v>15</v>
      </c>
      <c r="Y42" s="212" t="s">
        <v>15</v>
      </c>
      <c r="Z42" s="212" t="s">
        <v>16</v>
      </c>
      <c r="AA42" s="212" t="s">
        <v>15</v>
      </c>
      <c r="AB42" s="212" t="s">
        <v>15</v>
      </c>
      <c r="AC42" s="212" t="s">
        <v>15</v>
      </c>
      <c r="AD42" s="212" t="s">
        <v>15</v>
      </c>
      <c r="AE42" s="212" t="s">
        <v>15</v>
      </c>
      <c r="AF42" s="212" t="s">
        <v>15</v>
      </c>
      <c r="AG42" s="212" t="s">
        <v>15</v>
      </c>
      <c r="AH42" s="212" t="s">
        <v>16</v>
      </c>
      <c r="AI42" s="212" t="s">
        <v>15</v>
      </c>
      <c r="AJ42" s="212" t="s">
        <v>15</v>
      </c>
      <c r="AK42" s="212" t="s">
        <v>15</v>
      </c>
      <c r="AL42" s="212" t="s">
        <v>16</v>
      </c>
      <c r="AM42" s="212" t="s">
        <v>15</v>
      </c>
      <c r="AN42" s="212" t="s">
        <v>15</v>
      </c>
      <c r="AO42" s="212" t="s">
        <v>15</v>
      </c>
      <c r="AP42" s="212" t="s">
        <v>16</v>
      </c>
      <c r="AQ42" s="212" t="s">
        <v>15</v>
      </c>
      <c r="AR42" s="212" t="s">
        <v>15</v>
      </c>
      <c r="AS42" s="212" t="s">
        <v>15</v>
      </c>
      <c r="AT42" s="212" t="s">
        <v>16</v>
      </c>
      <c r="AU42" s="212" t="s">
        <v>15</v>
      </c>
      <c r="AV42" s="212" t="s">
        <v>15</v>
      </c>
      <c r="AW42" s="212" t="s">
        <v>16</v>
      </c>
      <c r="AX42" s="212" t="s">
        <v>15</v>
      </c>
      <c r="AY42" s="212" t="s">
        <v>15</v>
      </c>
    </row>
    <row r="43" spans="1:51">
      <c r="A43" s="212" t="s">
        <v>1591</v>
      </c>
      <c r="B43" s="212" t="s">
        <v>16</v>
      </c>
      <c r="C43" s="212" t="s">
        <v>15</v>
      </c>
      <c r="D43" s="212" t="s">
        <v>16</v>
      </c>
      <c r="E43" s="212" t="s">
        <v>16</v>
      </c>
      <c r="F43" s="212" t="s">
        <v>16</v>
      </c>
      <c r="G43" s="212" t="s">
        <v>15</v>
      </c>
      <c r="H43" s="212" t="s">
        <v>16</v>
      </c>
      <c r="I43" s="212" t="s">
        <v>16</v>
      </c>
      <c r="J43" s="212" t="s">
        <v>16</v>
      </c>
      <c r="K43" s="212" t="s">
        <v>16</v>
      </c>
      <c r="L43" s="212" t="s">
        <v>16</v>
      </c>
      <c r="M43" s="212" t="s">
        <v>16</v>
      </c>
      <c r="N43" s="212" t="s">
        <v>16</v>
      </c>
      <c r="O43" s="212" t="s">
        <v>16</v>
      </c>
      <c r="P43" s="212" t="s">
        <v>16</v>
      </c>
      <c r="Q43" s="212" t="s">
        <v>16</v>
      </c>
      <c r="R43" s="212" t="s">
        <v>16</v>
      </c>
      <c r="S43" s="212" t="s">
        <v>16</v>
      </c>
      <c r="T43" s="212" t="s">
        <v>16</v>
      </c>
      <c r="U43" s="212" t="s">
        <v>16</v>
      </c>
      <c r="V43" s="212" t="s">
        <v>16</v>
      </c>
      <c r="W43" s="212" t="s">
        <v>16</v>
      </c>
      <c r="X43" s="212" t="s">
        <v>16</v>
      </c>
      <c r="Y43" s="212" t="s">
        <v>16</v>
      </c>
      <c r="Z43" s="212" t="s">
        <v>15</v>
      </c>
      <c r="AA43" s="212" t="s">
        <v>16</v>
      </c>
      <c r="AB43" s="212" t="s">
        <v>16</v>
      </c>
      <c r="AC43" s="212" t="s">
        <v>16</v>
      </c>
      <c r="AD43" s="212" t="s">
        <v>16</v>
      </c>
      <c r="AE43" s="212" t="s">
        <v>16</v>
      </c>
      <c r="AF43" s="212" t="s">
        <v>16</v>
      </c>
      <c r="AG43" s="212" t="s">
        <v>16</v>
      </c>
      <c r="AH43" s="212" t="s">
        <v>16</v>
      </c>
      <c r="AI43" s="212" t="s">
        <v>16</v>
      </c>
      <c r="AJ43" s="212" t="s">
        <v>16</v>
      </c>
      <c r="AK43" s="212" t="s">
        <v>16</v>
      </c>
      <c r="AL43" s="212" t="s">
        <v>15</v>
      </c>
      <c r="AM43" s="212" t="s">
        <v>16</v>
      </c>
      <c r="AN43" s="212" t="s">
        <v>16</v>
      </c>
      <c r="AO43" s="212" t="s">
        <v>16</v>
      </c>
      <c r="AP43" s="212" t="s">
        <v>16</v>
      </c>
      <c r="AQ43" s="212" t="s">
        <v>16</v>
      </c>
      <c r="AR43" s="212" t="s">
        <v>16</v>
      </c>
      <c r="AS43" s="212" t="s">
        <v>16</v>
      </c>
      <c r="AT43" s="212" t="s">
        <v>15</v>
      </c>
      <c r="AU43" s="212" t="s">
        <v>16</v>
      </c>
      <c r="AV43" s="212" t="s">
        <v>16</v>
      </c>
      <c r="AW43" s="212" t="s">
        <v>16</v>
      </c>
      <c r="AX43" s="212" t="s">
        <v>16</v>
      </c>
      <c r="AY43" s="212" t="s">
        <v>16</v>
      </c>
    </row>
    <row r="44" spans="1:51">
      <c r="A44" s="212" t="s">
        <v>1592</v>
      </c>
      <c r="B44" s="212" t="s">
        <v>16</v>
      </c>
      <c r="C44" s="212" t="s">
        <v>16</v>
      </c>
      <c r="D44" s="212" t="s">
        <v>16</v>
      </c>
      <c r="E44" s="212" t="s">
        <v>16</v>
      </c>
      <c r="F44" s="212" t="s">
        <v>16</v>
      </c>
      <c r="G44" s="212" t="s">
        <v>16</v>
      </c>
      <c r="H44" s="212" t="s">
        <v>16</v>
      </c>
      <c r="I44" s="212" t="s">
        <v>16</v>
      </c>
      <c r="J44" s="212" t="s">
        <v>16</v>
      </c>
      <c r="K44" s="212" t="s">
        <v>16</v>
      </c>
      <c r="L44" s="212" t="s">
        <v>16</v>
      </c>
      <c r="M44" s="212" t="s">
        <v>16</v>
      </c>
      <c r="N44" s="212" t="s">
        <v>16</v>
      </c>
      <c r="O44" s="212" t="s">
        <v>16</v>
      </c>
      <c r="P44" s="212" t="s">
        <v>16</v>
      </c>
      <c r="Q44" s="212" t="s">
        <v>16</v>
      </c>
      <c r="R44" s="212" t="s">
        <v>16</v>
      </c>
      <c r="S44" s="212" t="s">
        <v>16</v>
      </c>
      <c r="T44" s="212" t="s">
        <v>16</v>
      </c>
      <c r="U44" s="212" t="s">
        <v>16</v>
      </c>
      <c r="V44" s="212" t="s">
        <v>16</v>
      </c>
      <c r="W44" s="212" t="s">
        <v>16</v>
      </c>
      <c r="X44" s="212" t="s">
        <v>16</v>
      </c>
      <c r="Y44" s="212" t="s">
        <v>16</v>
      </c>
      <c r="Z44" s="212" t="s">
        <v>16</v>
      </c>
      <c r="AA44" s="212" t="s">
        <v>16</v>
      </c>
      <c r="AB44" s="212" t="s">
        <v>16</v>
      </c>
      <c r="AC44" s="212" t="s">
        <v>16</v>
      </c>
      <c r="AD44" s="212" t="s">
        <v>16</v>
      </c>
      <c r="AE44" s="212" t="s">
        <v>16</v>
      </c>
      <c r="AF44" s="212" t="s">
        <v>16</v>
      </c>
      <c r="AG44" s="212" t="s">
        <v>16</v>
      </c>
      <c r="AH44" s="212" t="s">
        <v>16</v>
      </c>
      <c r="AI44" s="212" t="s">
        <v>16</v>
      </c>
      <c r="AJ44" s="212" t="s">
        <v>16</v>
      </c>
      <c r="AK44" s="212" t="s">
        <v>16</v>
      </c>
      <c r="AL44" s="212" t="s">
        <v>16</v>
      </c>
      <c r="AM44" s="212" t="s">
        <v>16</v>
      </c>
      <c r="AN44" s="212" t="s">
        <v>16</v>
      </c>
      <c r="AO44" s="212" t="s">
        <v>16</v>
      </c>
      <c r="AP44" s="212" t="s">
        <v>16</v>
      </c>
      <c r="AQ44" s="212" t="s">
        <v>16</v>
      </c>
      <c r="AR44" s="212" t="s">
        <v>16</v>
      </c>
      <c r="AS44" s="212" t="s">
        <v>16</v>
      </c>
      <c r="AT44" s="212" t="s">
        <v>16</v>
      </c>
      <c r="AU44" s="212" t="s">
        <v>16</v>
      </c>
      <c r="AV44" s="212" t="s">
        <v>16</v>
      </c>
      <c r="AW44" s="212" t="s">
        <v>16</v>
      </c>
      <c r="AX44" s="212" t="s">
        <v>16</v>
      </c>
      <c r="AY44" s="212" t="s">
        <v>16</v>
      </c>
    </row>
    <row r="45" spans="1:51">
      <c r="A45" s="212" t="s">
        <v>1593</v>
      </c>
      <c r="B45" s="212" t="s">
        <v>15</v>
      </c>
      <c r="C45" s="212" t="s">
        <v>15</v>
      </c>
      <c r="D45" s="212" t="s">
        <v>15</v>
      </c>
      <c r="E45" s="212" t="s">
        <v>15</v>
      </c>
      <c r="F45" s="212" t="s">
        <v>15</v>
      </c>
      <c r="G45" s="212" t="s">
        <v>15</v>
      </c>
      <c r="H45" s="212" t="s">
        <v>15</v>
      </c>
      <c r="I45" s="212" t="s">
        <v>15</v>
      </c>
      <c r="J45" s="212" t="s">
        <v>15</v>
      </c>
      <c r="K45" s="212" t="s">
        <v>15</v>
      </c>
      <c r="L45" s="212" t="s">
        <v>15</v>
      </c>
      <c r="M45" s="212" t="s">
        <v>15</v>
      </c>
      <c r="N45" s="212" t="s">
        <v>15</v>
      </c>
      <c r="O45" s="212" t="s">
        <v>15</v>
      </c>
      <c r="P45" s="212" t="s">
        <v>15</v>
      </c>
      <c r="Q45" s="212" t="s">
        <v>15</v>
      </c>
      <c r="R45" s="212" t="s">
        <v>15</v>
      </c>
      <c r="S45" s="212" t="s">
        <v>15</v>
      </c>
      <c r="T45" s="212" t="s">
        <v>15</v>
      </c>
      <c r="U45" s="212" t="s">
        <v>15</v>
      </c>
      <c r="V45" s="212" t="s">
        <v>15</v>
      </c>
      <c r="W45" s="212" t="s">
        <v>15</v>
      </c>
      <c r="X45" s="212" t="s">
        <v>15</v>
      </c>
      <c r="Y45" s="212" t="s">
        <v>15</v>
      </c>
      <c r="Z45" s="212" t="s">
        <v>15</v>
      </c>
      <c r="AA45" s="212" t="s">
        <v>15</v>
      </c>
      <c r="AB45" s="212" t="s">
        <v>15</v>
      </c>
      <c r="AC45" s="212" t="s">
        <v>15</v>
      </c>
      <c r="AD45" s="212" t="s">
        <v>15</v>
      </c>
      <c r="AE45" s="212" t="s">
        <v>15</v>
      </c>
      <c r="AF45" s="212" t="s">
        <v>15</v>
      </c>
      <c r="AG45" s="212" t="s">
        <v>15</v>
      </c>
      <c r="AH45" s="212" t="s">
        <v>15</v>
      </c>
      <c r="AI45" s="212" t="s">
        <v>15</v>
      </c>
      <c r="AJ45" s="212" t="s">
        <v>15</v>
      </c>
      <c r="AK45" s="212" t="s">
        <v>15</v>
      </c>
      <c r="AL45" s="212" t="s">
        <v>15</v>
      </c>
      <c r="AM45" s="212" t="s">
        <v>15</v>
      </c>
      <c r="AN45" s="212" t="s">
        <v>15</v>
      </c>
      <c r="AO45" s="212" t="s">
        <v>15</v>
      </c>
      <c r="AP45" s="212" t="s">
        <v>15</v>
      </c>
      <c r="AQ45" s="212" t="s">
        <v>15</v>
      </c>
      <c r="AR45" s="212" t="s">
        <v>15</v>
      </c>
      <c r="AS45" s="212" t="s">
        <v>15</v>
      </c>
      <c r="AT45" s="212" t="s">
        <v>15</v>
      </c>
      <c r="AU45" s="212" t="s">
        <v>15</v>
      </c>
      <c r="AV45" s="212" t="s">
        <v>15</v>
      </c>
      <c r="AW45" s="212" t="s">
        <v>15</v>
      </c>
      <c r="AX45" s="212" t="s">
        <v>15</v>
      </c>
      <c r="AY45" s="212" t="s">
        <v>15</v>
      </c>
    </row>
    <row r="46" spans="1:51">
      <c r="A46" s="212" t="s">
        <v>1594</v>
      </c>
      <c r="B46" s="212" t="s">
        <v>15</v>
      </c>
      <c r="C46" s="212" t="s">
        <v>16</v>
      </c>
      <c r="D46" s="212" t="s">
        <v>15</v>
      </c>
      <c r="E46" s="212" t="s">
        <v>15</v>
      </c>
      <c r="F46" s="212" t="s">
        <v>15</v>
      </c>
      <c r="G46" s="212" t="s">
        <v>16</v>
      </c>
      <c r="H46" s="212" t="s">
        <v>15</v>
      </c>
      <c r="I46" s="212" t="s">
        <v>15</v>
      </c>
      <c r="J46" s="212" t="s">
        <v>15</v>
      </c>
      <c r="K46" s="212" t="s">
        <v>15</v>
      </c>
      <c r="L46" s="212" t="s">
        <v>15</v>
      </c>
      <c r="M46" s="212" t="s">
        <v>15</v>
      </c>
      <c r="N46" s="212" t="s">
        <v>15</v>
      </c>
      <c r="O46" s="212" t="s">
        <v>15</v>
      </c>
      <c r="P46" s="212" t="s">
        <v>15</v>
      </c>
      <c r="Q46" s="212" t="s">
        <v>15</v>
      </c>
      <c r="R46" s="212" t="s">
        <v>15</v>
      </c>
      <c r="S46" s="212" t="s">
        <v>15</v>
      </c>
      <c r="T46" s="212" t="s">
        <v>15</v>
      </c>
      <c r="U46" s="212" t="s">
        <v>15</v>
      </c>
      <c r="V46" s="212" t="s">
        <v>15</v>
      </c>
      <c r="W46" s="212" t="s">
        <v>16</v>
      </c>
      <c r="X46" s="212" t="s">
        <v>15</v>
      </c>
      <c r="Y46" s="212" t="s">
        <v>15</v>
      </c>
      <c r="Z46" s="212" t="s">
        <v>16</v>
      </c>
      <c r="AA46" s="212" t="s">
        <v>15</v>
      </c>
      <c r="AB46" s="212" t="s">
        <v>15</v>
      </c>
      <c r="AC46" s="212" t="s">
        <v>15</v>
      </c>
      <c r="AD46" s="212" t="s">
        <v>15</v>
      </c>
      <c r="AE46" s="212" t="s">
        <v>15</v>
      </c>
      <c r="AF46" s="212" t="s">
        <v>15</v>
      </c>
      <c r="AG46" s="212" t="s">
        <v>15</v>
      </c>
      <c r="AH46" s="212" t="s">
        <v>15</v>
      </c>
      <c r="AI46" s="212" t="s">
        <v>15</v>
      </c>
      <c r="AJ46" s="212" t="s">
        <v>15</v>
      </c>
      <c r="AK46" s="212" t="s">
        <v>15</v>
      </c>
      <c r="AL46" s="212" t="s">
        <v>16</v>
      </c>
      <c r="AM46" s="212" t="s">
        <v>15</v>
      </c>
      <c r="AN46" s="212" t="s">
        <v>15</v>
      </c>
      <c r="AO46" s="212" t="s">
        <v>15</v>
      </c>
      <c r="AP46" s="212" t="s">
        <v>16</v>
      </c>
      <c r="AQ46" s="212" t="s">
        <v>15</v>
      </c>
      <c r="AR46" s="212" t="s">
        <v>15</v>
      </c>
      <c r="AS46" s="212" t="s">
        <v>15</v>
      </c>
      <c r="AT46" s="212" t="s">
        <v>16</v>
      </c>
      <c r="AU46" s="212" t="s">
        <v>15</v>
      </c>
      <c r="AV46" s="212" t="s">
        <v>15</v>
      </c>
      <c r="AW46" s="212" t="s">
        <v>16</v>
      </c>
      <c r="AX46" s="212" t="s">
        <v>15</v>
      </c>
      <c r="AY46" s="212" t="s">
        <v>16</v>
      </c>
    </row>
    <row r="47" spans="1:51">
      <c r="A47" s="212" t="s">
        <v>1595</v>
      </c>
      <c r="B47" s="212" t="s">
        <v>16</v>
      </c>
      <c r="C47" s="212" t="s">
        <v>16</v>
      </c>
      <c r="D47" s="212" t="s">
        <v>15</v>
      </c>
      <c r="E47" s="212" t="s">
        <v>15</v>
      </c>
      <c r="F47" s="212" t="s">
        <v>15</v>
      </c>
      <c r="G47" s="212" t="s">
        <v>16</v>
      </c>
      <c r="H47" s="212" t="s">
        <v>15</v>
      </c>
      <c r="I47" s="212" t="s">
        <v>15</v>
      </c>
      <c r="J47" s="212" t="s">
        <v>15</v>
      </c>
      <c r="K47" s="212" t="s">
        <v>15</v>
      </c>
      <c r="L47" s="212" t="s">
        <v>15</v>
      </c>
      <c r="M47" s="212" t="s">
        <v>15</v>
      </c>
      <c r="N47" s="212" t="s">
        <v>15</v>
      </c>
      <c r="O47" s="212" t="s">
        <v>15</v>
      </c>
      <c r="P47" s="212" t="s">
        <v>15</v>
      </c>
      <c r="Q47" s="212" t="s">
        <v>15</v>
      </c>
      <c r="R47" s="212" t="s">
        <v>15</v>
      </c>
      <c r="S47" s="212" t="s">
        <v>15</v>
      </c>
      <c r="T47" s="212" t="s">
        <v>15</v>
      </c>
      <c r="U47" s="212" t="s">
        <v>15</v>
      </c>
      <c r="V47" s="212" t="s">
        <v>15</v>
      </c>
      <c r="W47" s="212" t="s">
        <v>16</v>
      </c>
      <c r="X47" s="212" t="s">
        <v>15</v>
      </c>
      <c r="Y47" s="212" t="s">
        <v>15</v>
      </c>
      <c r="Z47" s="212" t="s">
        <v>16</v>
      </c>
      <c r="AA47" s="212" t="s">
        <v>15</v>
      </c>
      <c r="AB47" s="212" t="s">
        <v>15</v>
      </c>
      <c r="AC47" s="212" t="s">
        <v>15</v>
      </c>
      <c r="AD47" s="212" t="s">
        <v>15</v>
      </c>
      <c r="AE47" s="212" t="s">
        <v>15</v>
      </c>
      <c r="AF47" s="212" t="s">
        <v>15</v>
      </c>
      <c r="AG47" s="212" t="s">
        <v>15</v>
      </c>
      <c r="AH47" s="212" t="s">
        <v>16</v>
      </c>
      <c r="AI47" s="212" t="s">
        <v>15</v>
      </c>
      <c r="AJ47" s="212" t="s">
        <v>15</v>
      </c>
      <c r="AK47" s="212" t="s">
        <v>15</v>
      </c>
      <c r="AL47" s="212" t="s">
        <v>16</v>
      </c>
      <c r="AM47" s="212" t="s">
        <v>15</v>
      </c>
      <c r="AN47" s="212" t="s">
        <v>15</v>
      </c>
      <c r="AO47" s="212" t="s">
        <v>15</v>
      </c>
      <c r="AP47" s="212" t="s">
        <v>16</v>
      </c>
      <c r="AQ47" s="212" t="s">
        <v>15</v>
      </c>
      <c r="AR47" s="212" t="s">
        <v>15</v>
      </c>
      <c r="AS47" s="212" t="s">
        <v>15</v>
      </c>
      <c r="AT47" s="212" t="s">
        <v>16</v>
      </c>
      <c r="AU47" s="212" t="s">
        <v>15</v>
      </c>
      <c r="AV47" s="212" t="s">
        <v>15</v>
      </c>
      <c r="AW47" s="212" t="s">
        <v>16</v>
      </c>
      <c r="AX47" s="212" t="s">
        <v>15</v>
      </c>
      <c r="AY47" s="212" t="s">
        <v>16</v>
      </c>
    </row>
    <row r="48" spans="1:51">
      <c r="A48" s="212" t="s">
        <v>1596</v>
      </c>
      <c r="B48" s="212" t="s">
        <v>16</v>
      </c>
      <c r="C48" s="212" t="s">
        <v>16</v>
      </c>
      <c r="D48" s="212" t="s">
        <v>15</v>
      </c>
      <c r="E48" s="212" t="s">
        <v>15</v>
      </c>
      <c r="F48" s="212" t="s">
        <v>16</v>
      </c>
      <c r="G48" s="212" t="s">
        <v>16</v>
      </c>
      <c r="H48" s="212" t="s">
        <v>16</v>
      </c>
      <c r="I48" s="212" t="s">
        <v>16</v>
      </c>
      <c r="J48" s="212" t="s">
        <v>16</v>
      </c>
      <c r="K48" s="212" t="s">
        <v>16</v>
      </c>
      <c r="L48" s="212" t="s">
        <v>16</v>
      </c>
      <c r="M48" s="212" t="s">
        <v>15</v>
      </c>
      <c r="N48" s="212" t="s">
        <v>15</v>
      </c>
      <c r="O48" s="212" t="s">
        <v>15</v>
      </c>
      <c r="P48" s="212" t="s">
        <v>16</v>
      </c>
      <c r="Q48" s="212" t="s">
        <v>16</v>
      </c>
      <c r="R48" s="212" t="s">
        <v>16</v>
      </c>
      <c r="S48" s="212" t="s">
        <v>15</v>
      </c>
      <c r="T48" s="212" t="s">
        <v>15</v>
      </c>
      <c r="U48" s="212" t="s">
        <v>15</v>
      </c>
      <c r="V48" s="212" t="s">
        <v>15</v>
      </c>
      <c r="W48" s="212" t="s">
        <v>16</v>
      </c>
      <c r="X48" s="212" t="s">
        <v>15</v>
      </c>
      <c r="Y48" s="212" t="s">
        <v>16</v>
      </c>
      <c r="Z48" s="212" t="s">
        <v>16</v>
      </c>
      <c r="AA48" s="212" t="s">
        <v>15</v>
      </c>
      <c r="AB48" s="212" t="s">
        <v>15</v>
      </c>
      <c r="AC48" s="212" t="s">
        <v>16</v>
      </c>
      <c r="AD48" s="212" t="s">
        <v>16</v>
      </c>
      <c r="AE48" s="212" t="s">
        <v>15</v>
      </c>
      <c r="AF48" s="212" t="s">
        <v>16</v>
      </c>
      <c r="AG48" s="212" t="s">
        <v>16</v>
      </c>
      <c r="AH48" s="212" t="s">
        <v>16</v>
      </c>
      <c r="AI48" s="212" t="s">
        <v>16</v>
      </c>
      <c r="AJ48" s="212" t="s">
        <v>15</v>
      </c>
      <c r="AK48" s="212" t="s">
        <v>16</v>
      </c>
      <c r="AL48" s="212" t="s">
        <v>16</v>
      </c>
      <c r="AM48" s="212" t="s">
        <v>16</v>
      </c>
      <c r="AN48" s="212" t="s">
        <v>16</v>
      </c>
      <c r="AO48" s="212" t="s">
        <v>15</v>
      </c>
      <c r="AP48" s="212" t="s">
        <v>16</v>
      </c>
      <c r="AQ48" s="212" t="s">
        <v>15</v>
      </c>
      <c r="AR48" s="212" t="s">
        <v>15</v>
      </c>
      <c r="AS48" s="212" t="s">
        <v>16</v>
      </c>
      <c r="AT48" s="212" t="s">
        <v>16</v>
      </c>
      <c r="AU48" s="212" t="s">
        <v>15</v>
      </c>
      <c r="AV48" s="212" t="s">
        <v>15</v>
      </c>
      <c r="AW48" s="212" t="s">
        <v>16</v>
      </c>
      <c r="AX48" s="212" t="s">
        <v>15</v>
      </c>
      <c r="AY48" s="212" t="s">
        <v>16</v>
      </c>
    </row>
    <row r="49" spans="1:51">
      <c r="A49" s="212" t="s">
        <v>1597</v>
      </c>
      <c r="B49" s="212" t="s">
        <v>15</v>
      </c>
      <c r="C49" s="212" t="s">
        <v>15</v>
      </c>
      <c r="D49" s="212" t="s">
        <v>15</v>
      </c>
      <c r="E49" s="212" t="s">
        <v>15</v>
      </c>
      <c r="F49" s="212" t="s">
        <v>15</v>
      </c>
      <c r="G49" s="212" t="s">
        <v>15</v>
      </c>
      <c r="H49" s="212" t="s">
        <v>15</v>
      </c>
      <c r="I49" s="212" t="s">
        <v>15</v>
      </c>
      <c r="J49" s="212" t="s">
        <v>15</v>
      </c>
      <c r="K49" s="212" t="s">
        <v>15</v>
      </c>
      <c r="L49" s="212" t="s">
        <v>15</v>
      </c>
      <c r="M49" s="212" t="s">
        <v>15</v>
      </c>
      <c r="N49" s="212" t="s">
        <v>15</v>
      </c>
      <c r="O49" s="212" t="s">
        <v>15</v>
      </c>
      <c r="P49" s="212" t="s">
        <v>15</v>
      </c>
      <c r="Q49" s="212" t="s">
        <v>15</v>
      </c>
      <c r="R49" s="212" t="s">
        <v>15</v>
      </c>
      <c r="S49" s="212" t="s">
        <v>15</v>
      </c>
      <c r="T49" s="212" t="s">
        <v>15</v>
      </c>
      <c r="U49" s="212" t="s">
        <v>15</v>
      </c>
      <c r="V49" s="212" t="s">
        <v>15</v>
      </c>
      <c r="W49" s="212" t="s">
        <v>15</v>
      </c>
      <c r="X49" s="212" t="s">
        <v>15</v>
      </c>
      <c r="Y49" s="212" t="s">
        <v>15</v>
      </c>
      <c r="Z49" s="212" t="s">
        <v>15</v>
      </c>
      <c r="AA49" s="212" t="s">
        <v>15</v>
      </c>
      <c r="AB49" s="212" t="s">
        <v>15</v>
      </c>
      <c r="AC49" s="212" t="s">
        <v>15</v>
      </c>
      <c r="AD49" s="212" t="s">
        <v>15</v>
      </c>
      <c r="AE49" s="212" t="s">
        <v>15</v>
      </c>
      <c r="AF49" s="212" t="s">
        <v>15</v>
      </c>
      <c r="AG49" s="212" t="s">
        <v>15</v>
      </c>
      <c r="AH49" s="212" t="s">
        <v>15</v>
      </c>
      <c r="AI49" s="212" t="s">
        <v>15</v>
      </c>
      <c r="AJ49" s="212" t="s">
        <v>15</v>
      </c>
      <c r="AK49" s="212" t="s">
        <v>15</v>
      </c>
      <c r="AL49" s="212" t="s">
        <v>15</v>
      </c>
      <c r="AM49" s="212" t="s">
        <v>15</v>
      </c>
      <c r="AN49" s="212" t="s">
        <v>15</v>
      </c>
      <c r="AO49" s="212" t="s">
        <v>15</v>
      </c>
      <c r="AP49" s="212" t="s">
        <v>15</v>
      </c>
      <c r="AQ49" s="212" t="s">
        <v>15</v>
      </c>
      <c r="AR49" s="212" t="s">
        <v>15</v>
      </c>
      <c r="AS49" s="212" t="s">
        <v>15</v>
      </c>
      <c r="AT49" s="212" t="s">
        <v>15</v>
      </c>
      <c r="AU49" s="212" t="s">
        <v>15</v>
      </c>
      <c r="AV49" s="212" t="s">
        <v>15</v>
      </c>
      <c r="AW49" s="212" t="s">
        <v>15</v>
      </c>
      <c r="AX49" s="212" t="s">
        <v>15</v>
      </c>
      <c r="AY49" s="212" t="s">
        <v>15</v>
      </c>
    </row>
    <row r="50" spans="1:51">
      <c r="A50" s="212" t="s">
        <v>1598</v>
      </c>
      <c r="B50" s="212" t="s">
        <v>16</v>
      </c>
      <c r="C50" s="212" t="s">
        <v>16</v>
      </c>
      <c r="D50" s="212" t="s">
        <v>16</v>
      </c>
      <c r="E50" s="212" t="s">
        <v>16</v>
      </c>
      <c r="F50" s="212" t="s">
        <v>16</v>
      </c>
      <c r="G50" s="212" t="s">
        <v>16</v>
      </c>
      <c r="H50" s="212" t="s">
        <v>16</v>
      </c>
      <c r="I50" s="212" t="s">
        <v>16</v>
      </c>
      <c r="J50" s="212" t="s">
        <v>16</v>
      </c>
      <c r="K50" s="212" t="s">
        <v>16</v>
      </c>
      <c r="L50" s="212" t="s">
        <v>16</v>
      </c>
      <c r="M50" s="212" t="s">
        <v>16</v>
      </c>
      <c r="N50" s="212" t="s">
        <v>16</v>
      </c>
      <c r="O50" s="212" t="s">
        <v>16</v>
      </c>
      <c r="P50" s="212" t="s">
        <v>16</v>
      </c>
      <c r="Q50" s="212" t="s">
        <v>16</v>
      </c>
      <c r="R50" s="212" t="s">
        <v>16</v>
      </c>
      <c r="S50" s="212" t="s">
        <v>16</v>
      </c>
      <c r="T50" s="212" t="s">
        <v>16</v>
      </c>
      <c r="U50" s="212" t="s">
        <v>15</v>
      </c>
      <c r="V50" s="212" t="s">
        <v>16</v>
      </c>
      <c r="W50" s="212" t="s">
        <v>16</v>
      </c>
      <c r="X50" s="212" t="s">
        <v>16</v>
      </c>
      <c r="Y50" s="212" t="s">
        <v>16</v>
      </c>
      <c r="Z50" s="212" t="s">
        <v>16</v>
      </c>
      <c r="AA50" s="212" t="s">
        <v>16</v>
      </c>
      <c r="AB50" s="212" t="s">
        <v>16</v>
      </c>
      <c r="AC50" s="212" t="s">
        <v>16</v>
      </c>
      <c r="AD50" s="212" t="s">
        <v>16</v>
      </c>
      <c r="AE50" s="212" t="s">
        <v>16</v>
      </c>
      <c r="AF50" s="212" t="s">
        <v>16</v>
      </c>
      <c r="AG50" s="212" t="s">
        <v>16</v>
      </c>
      <c r="AH50" s="212" t="s">
        <v>16</v>
      </c>
      <c r="AI50" s="212" t="s">
        <v>16</v>
      </c>
      <c r="AJ50" s="212" t="s">
        <v>16</v>
      </c>
      <c r="AK50" s="212" t="s">
        <v>16</v>
      </c>
      <c r="AL50" s="212" t="s">
        <v>16</v>
      </c>
      <c r="AM50" s="212" t="s">
        <v>16</v>
      </c>
      <c r="AN50" s="212" t="s">
        <v>16</v>
      </c>
      <c r="AO50" s="212" t="s">
        <v>16</v>
      </c>
      <c r="AP50" s="212" t="s">
        <v>16</v>
      </c>
      <c r="AQ50" s="212" t="s">
        <v>16</v>
      </c>
      <c r="AR50" s="212" t="s">
        <v>16</v>
      </c>
      <c r="AS50" s="212" t="s">
        <v>16</v>
      </c>
      <c r="AT50" s="212" t="s">
        <v>16</v>
      </c>
      <c r="AU50" s="212" t="s">
        <v>16</v>
      </c>
      <c r="AV50" s="212" t="s">
        <v>16</v>
      </c>
      <c r="AW50" s="212" t="s">
        <v>16</v>
      </c>
      <c r="AX50" s="212" t="s">
        <v>16</v>
      </c>
      <c r="AY50" s="212" t="s">
        <v>16</v>
      </c>
    </row>
    <row r="51" spans="1:51">
      <c r="A51" s="212" t="s">
        <v>1599</v>
      </c>
      <c r="B51" s="212" t="s">
        <v>16</v>
      </c>
      <c r="C51" s="212" t="s">
        <v>16</v>
      </c>
      <c r="D51" s="212" t="s">
        <v>16</v>
      </c>
      <c r="E51" s="212" t="s">
        <v>16</v>
      </c>
      <c r="F51" s="212" t="s">
        <v>16</v>
      </c>
      <c r="G51" s="212" t="s">
        <v>16</v>
      </c>
      <c r="H51" s="212" t="s">
        <v>16</v>
      </c>
      <c r="I51" s="212" t="s">
        <v>16</v>
      </c>
      <c r="J51" s="212" t="s">
        <v>16</v>
      </c>
      <c r="K51" s="212" t="s">
        <v>16</v>
      </c>
      <c r="L51" s="212" t="s">
        <v>16</v>
      </c>
      <c r="M51" s="212" t="s">
        <v>16</v>
      </c>
      <c r="N51" s="212" t="s">
        <v>16</v>
      </c>
      <c r="O51" s="212" t="s">
        <v>16</v>
      </c>
      <c r="P51" s="212" t="s">
        <v>16</v>
      </c>
      <c r="Q51" s="212" t="s">
        <v>16</v>
      </c>
      <c r="R51" s="212" t="s">
        <v>16</v>
      </c>
      <c r="S51" s="212" t="s">
        <v>16</v>
      </c>
      <c r="T51" s="212" t="s">
        <v>16</v>
      </c>
      <c r="U51" s="212" t="s">
        <v>16</v>
      </c>
      <c r="V51" s="212" t="s">
        <v>16</v>
      </c>
      <c r="W51" s="212" t="s">
        <v>16</v>
      </c>
      <c r="X51" s="212" t="s">
        <v>16</v>
      </c>
      <c r="Y51" s="212" t="s">
        <v>16</v>
      </c>
      <c r="Z51" s="212" t="s">
        <v>16</v>
      </c>
      <c r="AA51" s="212" t="s">
        <v>16</v>
      </c>
      <c r="AB51" s="212" t="s">
        <v>16</v>
      </c>
      <c r="AC51" s="212" t="s">
        <v>16</v>
      </c>
      <c r="AD51" s="212" t="s">
        <v>16</v>
      </c>
      <c r="AE51" s="212" t="s">
        <v>16</v>
      </c>
      <c r="AF51" s="212" t="s">
        <v>16</v>
      </c>
      <c r="AG51" s="212" t="s">
        <v>16</v>
      </c>
      <c r="AH51" s="212" t="s">
        <v>16</v>
      </c>
      <c r="AI51" s="212" t="s">
        <v>16</v>
      </c>
      <c r="AJ51" s="212" t="s">
        <v>16</v>
      </c>
      <c r="AK51" s="212" t="s">
        <v>16</v>
      </c>
      <c r="AL51" s="212" t="s">
        <v>16</v>
      </c>
      <c r="AM51" s="212" t="s">
        <v>16</v>
      </c>
      <c r="AN51" s="212" t="s">
        <v>16</v>
      </c>
      <c r="AO51" s="212" t="s">
        <v>16</v>
      </c>
      <c r="AP51" s="212" t="s">
        <v>16</v>
      </c>
      <c r="AQ51" s="212" t="s">
        <v>16</v>
      </c>
      <c r="AR51" s="212" t="s">
        <v>16</v>
      </c>
      <c r="AS51" s="212" t="s">
        <v>16</v>
      </c>
      <c r="AT51" s="212" t="s">
        <v>16</v>
      </c>
      <c r="AU51" s="212" t="s">
        <v>16</v>
      </c>
      <c r="AV51" s="212" t="s">
        <v>16</v>
      </c>
      <c r="AW51" s="212" t="s">
        <v>16</v>
      </c>
      <c r="AX51" s="212" t="s">
        <v>16</v>
      </c>
      <c r="AY51" s="212" t="s">
        <v>16</v>
      </c>
    </row>
    <row r="52" spans="1:51">
      <c r="A52" s="212" t="s">
        <v>1600</v>
      </c>
      <c r="B52" s="212" t="s">
        <v>15</v>
      </c>
      <c r="C52" s="212" t="s">
        <v>15</v>
      </c>
      <c r="D52" s="212" t="s">
        <v>15</v>
      </c>
      <c r="E52" s="212" t="s">
        <v>15</v>
      </c>
      <c r="F52" s="212" t="s">
        <v>15</v>
      </c>
      <c r="G52" s="212" t="s">
        <v>15</v>
      </c>
      <c r="H52" s="212" t="s">
        <v>15</v>
      </c>
      <c r="I52" s="212" t="s">
        <v>15</v>
      </c>
      <c r="J52" s="212" t="s">
        <v>15</v>
      </c>
      <c r="K52" s="212" t="s">
        <v>15</v>
      </c>
      <c r="L52" s="212" t="s">
        <v>15</v>
      </c>
      <c r="M52" s="212" t="s">
        <v>15</v>
      </c>
      <c r="N52" s="212" t="s">
        <v>15</v>
      </c>
      <c r="O52" s="212" t="s">
        <v>15</v>
      </c>
      <c r="P52" s="212" t="s">
        <v>15</v>
      </c>
      <c r="Q52" s="212" t="s">
        <v>15</v>
      </c>
      <c r="R52" s="212" t="s">
        <v>15</v>
      </c>
      <c r="S52" s="212" t="s">
        <v>15</v>
      </c>
      <c r="T52" s="212" t="s">
        <v>15</v>
      </c>
      <c r="U52" s="212" t="s">
        <v>15</v>
      </c>
      <c r="V52" s="212" t="s">
        <v>15</v>
      </c>
      <c r="W52" s="212" t="s">
        <v>15</v>
      </c>
      <c r="X52" s="212" t="s">
        <v>15</v>
      </c>
      <c r="Y52" s="212" t="s">
        <v>15</v>
      </c>
      <c r="Z52" s="212" t="s">
        <v>15</v>
      </c>
      <c r="AA52" s="212" t="s">
        <v>15</v>
      </c>
      <c r="AB52" s="212" t="s">
        <v>15</v>
      </c>
      <c r="AC52" s="212" t="s">
        <v>15</v>
      </c>
      <c r="AD52" s="212" t="s">
        <v>15</v>
      </c>
      <c r="AE52" s="212" t="s">
        <v>15</v>
      </c>
      <c r="AF52" s="212" t="s">
        <v>15</v>
      </c>
      <c r="AG52" s="212" t="s">
        <v>15</v>
      </c>
      <c r="AH52" s="212" t="s">
        <v>15</v>
      </c>
      <c r="AI52" s="212" t="s">
        <v>15</v>
      </c>
      <c r="AJ52" s="212" t="s">
        <v>15</v>
      </c>
      <c r="AK52" s="212" t="s">
        <v>15</v>
      </c>
      <c r="AL52" s="212" t="s">
        <v>15</v>
      </c>
      <c r="AM52" s="212" t="s">
        <v>15</v>
      </c>
      <c r="AN52" s="212" t="s">
        <v>15</v>
      </c>
      <c r="AO52" s="212" t="s">
        <v>15</v>
      </c>
      <c r="AP52" s="212" t="s">
        <v>15</v>
      </c>
      <c r="AQ52" s="212" t="s">
        <v>15</v>
      </c>
      <c r="AR52" s="212" t="s">
        <v>15</v>
      </c>
      <c r="AS52" s="212" t="s">
        <v>15</v>
      </c>
      <c r="AT52" s="212" t="s">
        <v>15</v>
      </c>
      <c r="AU52" s="212" t="s">
        <v>15</v>
      </c>
      <c r="AV52" s="212" t="s">
        <v>15</v>
      </c>
      <c r="AW52" s="212" t="s">
        <v>15</v>
      </c>
      <c r="AX52" s="212" t="s">
        <v>15</v>
      </c>
      <c r="AY52" s="212" t="s">
        <v>15</v>
      </c>
    </row>
    <row r="53" spans="1:51">
      <c r="A53" s="212" t="s">
        <v>1601</v>
      </c>
      <c r="B53" s="212" t="s">
        <v>15</v>
      </c>
      <c r="C53" s="212" t="s">
        <v>15</v>
      </c>
      <c r="D53" s="212" t="s">
        <v>15</v>
      </c>
      <c r="E53" s="212" t="s">
        <v>15</v>
      </c>
      <c r="F53" s="212" t="s">
        <v>15</v>
      </c>
      <c r="G53" s="212" t="s">
        <v>15</v>
      </c>
      <c r="H53" s="212" t="s">
        <v>15</v>
      </c>
      <c r="I53" s="212" t="s">
        <v>15</v>
      </c>
      <c r="J53" s="212" t="s">
        <v>15</v>
      </c>
      <c r="K53" s="212" t="s">
        <v>15</v>
      </c>
      <c r="L53" s="212" t="s">
        <v>15</v>
      </c>
      <c r="M53" s="212" t="s">
        <v>15</v>
      </c>
      <c r="N53" s="212" t="s">
        <v>15</v>
      </c>
      <c r="O53" s="212" t="s">
        <v>15</v>
      </c>
      <c r="P53" s="212" t="s">
        <v>15</v>
      </c>
      <c r="Q53" s="212" t="s">
        <v>15</v>
      </c>
      <c r="R53" s="212" t="s">
        <v>15</v>
      </c>
      <c r="S53" s="212" t="s">
        <v>15</v>
      </c>
      <c r="T53" s="212" t="s">
        <v>15</v>
      </c>
      <c r="U53" s="212" t="s">
        <v>15</v>
      </c>
      <c r="V53" s="212" t="s">
        <v>15</v>
      </c>
      <c r="W53" s="212" t="s">
        <v>15</v>
      </c>
      <c r="X53" s="212" t="s">
        <v>15</v>
      </c>
      <c r="Y53" s="212" t="s">
        <v>15</v>
      </c>
      <c r="Z53" s="212" t="s">
        <v>15</v>
      </c>
      <c r="AA53" s="212" t="s">
        <v>15</v>
      </c>
      <c r="AB53" s="212" t="s">
        <v>15</v>
      </c>
      <c r="AC53" s="212" t="s">
        <v>15</v>
      </c>
      <c r="AD53" s="212" t="s">
        <v>15</v>
      </c>
      <c r="AE53" s="212" t="s">
        <v>15</v>
      </c>
      <c r="AF53" s="212" t="s">
        <v>15</v>
      </c>
      <c r="AG53" s="212" t="s">
        <v>15</v>
      </c>
      <c r="AH53" s="212" t="s">
        <v>15</v>
      </c>
      <c r="AI53" s="212" t="s">
        <v>15</v>
      </c>
      <c r="AJ53" s="212" t="s">
        <v>15</v>
      </c>
      <c r="AK53" s="212" t="s">
        <v>15</v>
      </c>
      <c r="AL53" s="212" t="s">
        <v>15</v>
      </c>
      <c r="AM53" s="212" t="s">
        <v>15</v>
      </c>
      <c r="AN53" s="212" t="s">
        <v>15</v>
      </c>
      <c r="AO53" s="212" t="s">
        <v>15</v>
      </c>
      <c r="AP53" s="212" t="s">
        <v>15</v>
      </c>
      <c r="AQ53" s="212" t="s">
        <v>15</v>
      </c>
      <c r="AR53" s="212" t="s">
        <v>15</v>
      </c>
      <c r="AS53" s="212" t="s">
        <v>15</v>
      </c>
      <c r="AT53" s="212" t="s">
        <v>15</v>
      </c>
      <c r="AU53" s="212" t="s">
        <v>15</v>
      </c>
      <c r="AV53" s="212" t="s">
        <v>15</v>
      </c>
      <c r="AW53" s="212" t="s">
        <v>15</v>
      </c>
      <c r="AX53" s="212" t="s">
        <v>15</v>
      </c>
      <c r="AY53" s="212" t="s">
        <v>15</v>
      </c>
    </row>
    <row r="54" spans="1:51">
      <c r="A54" s="212" t="s">
        <v>1602</v>
      </c>
      <c r="B54" s="212" t="s">
        <v>16</v>
      </c>
      <c r="C54" s="212" t="s">
        <v>16</v>
      </c>
      <c r="D54" s="212" t="s">
        <v>16</v>
      </c>
      <c r="E54" s="212" t="s">
        <v>16</v>
      </c>
      <c r="F54" s="212" t="s">
        <v>16</v>
      </c>
      <c r="G54" s="212" t="s">
        <v>16</v>
      </c>
      <c r="H54" s="212" t="s">
        <v>16</v>
      </c>
      <c r="I54" s="212" t="s">
        <v>16</v>
      </c>
      <c r="J54" s="212" t="s">
        <v>16</v>
      </c>
      <c r="K54" s="212" t="s">
        <v>16</v>
      </c>
      <c r="L54" s="212" t="s">
        <v>16</v>
      </c>
      <c r="M54" s="212" t="s">
        <v>16</v>
      </c>
      <c r="N54" s="212" t="s">
        <v>16</v>
      </c>
      <c r="O54" s="212" t="s">
        <v>16</v>
      </c>
      <c r="P54" s="212" t="s">
        <v>16</v>
      </c>
      <c r="Q54" s="212" t="s">
        <v>16</v>
      </c>
      <c r="R54" s="212" t="s">
        <v>16</v>
      </c>
      <c r="S54" s="212" t="s">
        <v>16</v>
      </c>
      <c r="T54" s="212" t="s">
        <v>16</v>
      </c>
      <c r="U54" s="212" t="s">
        <v>16</v>
      </c>
      <c r="V54" s="212" t="s">
        <v>16</v>
      </c>
      <c r="W54" s="212" t="s">
        <v>16</v>
      </c>
      <c r="X54" s="212" t="s">
        <v>16</v>
      </c>
      <c r="Y54" s="212" t="s">
        <v>16</v>
      </c>
      <c r="Z54" s="212" t="s">
        <v>16</v>
      </c>
      <c r="AA54" s="212" t="s">
        <v>16</v>
      </c>
      <c r="AB54" s="212" t="s">
        <v>16</v>
      </c>
      <c r="AC54" s="212" t="s">
        <v>16</v>
      </c>
      <c r="AD54" s="212" t="s">
        <v>16</v>
      </c>
      <c r="AE54" s="212" t="s">
        <v>16</v>
      </c>
      <c r="AF54" s="212" t="s">
        <v>16</v>
      </c>
      <c r="AG54" s="212" t="s">
        <v>16</v>
      </c>
      <c r="AH54" s="212" t="s">
        <v>16</v>
      </c>
      <c r="AI54" s="212" t="s">
        <v>16</v>
      </c>
      <c r="AJ54" s="212" t="s">
        <v>16</v>
      </c>
      <c r="AK54" s="212" t="s">
        <v>16</v>
      </c>
      <c r="AL54" s="212" t="s">
        <v>16</v>
      </c>
      <c r="AM54" s="212" t="s">
        <v>16</v>
      </c>
      <c r="AN54" s="212" t="s">
        <v>16</v>
      </c>
      <c r="AO54" s="212" t="s">
        <v>16</v>
      </c>
      <c r="AP54" s="212" t="s">
        <v>16</v>
      </c>
      <c r="AQ54" s="212" t="s">
        <v>16</v>
      </c>
      <c r="AR54" s="212" t="s">
        <v>16</v>
      </c>
      <c r="AS54" s="212" t="s">
        <v>16</v>
      </c>
      <c r="AT54" s="212" t="s">
        <v>16</v>
      </c>
      <c r="AU54" s="212" t="s">
        <v>16</v>
      </c>
      <c r="AV54" s="212" t="s">
        <v>16</v>
      </c>
      <c r="AW54" s="212" t="s">
        <v>16</v>
      </c>
      <c r="AX54" s="212" t="s">
        <v>16</v>
      </c>
      <c r="AY54" s="212" t="s">
        <v>16</v>
      </c>
    </row>
    <row r="55" spans="1:51">
      <c r="A55" s="212" t="s">
        <v>1603</v>
      </c>
      <c r="B55" s="212" t="s">
        <v>16</v>
      </c>
      <c r="C55" s="212" t="s">
        <v>16</v>
      </c>
      <c r="D55" s="212" t="s">
        <v>16</v>
      </c>
      <c r="E55" s="212" t="s">
        <v>16</v>
      </c>
      <c r="F55" s="212" t="s">
        <v>16</v>
      </c>
      <c r="G55" s="212" t="s">
        <v>16</v>
      </c>
      <c r="H55" s="212" t="s">
        <v>16</v>
      </c>
      <c r="I55" s="212" t="s">
        <v>16</v>
      </c>
      <c r="J55" s="212" t="s">
        <v>16</v>
      </c>
      <c r="K55" s="212" t="s">
        <v>16</v>
      </c>
      <c r="L55" s="212" t="s">
        <v>16</v>
      </c>
      <c r="M55" s="212" t="s">
        <v>16</v>
      </c>
      <c r="N55" s="212" t="s">
        <v>16</v>
      </c>
      <c r="O55" s="212" t="s">
        <v>16</v>
      </c>
      <c r="P55" s="212" t="s">
        <v>16</v>
      </c>
      <c r="Q55" s="212" t="s">
        <v>16</v>
      </c>
      <c r="R55" s="212" t="s">
        <v>16</v>
      </c>
      <c r="S55" s="212" t="s">
        <v>16</v>
      </c>
      <c r="T55" s="212" t="s">
        <v>16</v>
      </c>
      <c r="U55" s="212" t="s">
        <v>16</v>
      </c>
      <c r="V55" s="212" t="s">
        <v>16</v>
      </c>
      <c r="W55" s="212" t="s">
        <v>16</v>
      </c>
      <c r="X55" s="212" t="s">
        <v>16</v>
      </c>
      <c r="Y55" s="212" t="s">
        <v>16</v>
      </c>
      <c r="Z55" s="212" t="s">
        <v>16</v>
      </c>
      <c r="AA55" s="212" t="s">
        <v>16</v>
      </c>
      <c r="AB55" s="212" t="s">
        <v>16</v>
      </c>
      <c r="AC55" s="212" t="s">
        <v>16</v>
      </c>
      <c r="AD55" s="212" t="s">
        <v>16</v>
      </c>
      <c r="AE55" s="212" t="s">
        <v>16</v>
      </c>
      <c r="AF55" s="212" t="s">
        <v>16</v>
      </c>
      <c r="AG55" s="212" t="s">
        <v>16</v>
      </c>
      <c r="AH55" s="212" t="s">
        <v>16</v>
      </c>
      <c r="AI55" s="212" t="s">
        <v>16</v>
      </c>
      <c r="AJ55" s="212" t="s">
        <v>16</v>
      </c>
      <c r="AK55" s="212" t="s">
        <v>16</v>
      </c>
      <c r="AL55" s="212" t="s">
        <v>16</v>
      </c>
      <c r="AM55" s="212" t="s">
        <v>16</v>
      </c>
      <c r="AN55" s="212" t="s">
        <v>16</v>
      </c>
      <c r="AO55" s="212" t="s">
        <v>16</v>
      </c>
      <c r="AP55" s="212" t="s">
        <v>16</v>
      </c>
      <c r="AQ55" s="212" t="s">
        <v>16</v>
      </c>
      <c r="AR55" s="212" t="s">
        <v>16</v>
      </c>
      <c r="AS55" s="212" t="s">
        <v>16</v>
      </c>
      <c r="AT55" s="212" t="s">
        <v>16</v>
      </c>
      <c r="AU55" s="212" t="s">
        <v>16</v>
      </c>
      <c r="AV55" s="212" t="s">
        <v>16</v>
      </c>
      <c r="AW55" s="212" t="s">
        <v>16</v>
      </c>
      <c r="AX55" s="212" t="s">
        <v>16</v>
      </c>
      <c r="AY55" s="212" t="s">
        <v>16</v>
      </c>
    </row>
    <row r="56" spans="1:51">
      <c r="A56" s="212" t="s">
        <v>1604</v>
      </c>
      <c r="B56" s="212" t="s">
        <v>16</v>
      </c>
      <c r="C56" s="212" t="s">
        <v>16</v>
      </c>
      <c r="D56" s="212" t="s">
        <v>16</v>
      </c>
      <c r="E56" s="212" t="s">
        <v>16</v>
      </c>
      <c r="F56" s="212" t="s">
        <v>16</v>
      </c>
      <c r="G56" s="212" t="s">
        <v>16</v>
      </c>
      <c r="H56" s="212" t="s">
        <v>16</v>
      </c>
      <c r="I56" s="212" t="s">
        <v>16</v>
      </c>
      <c r="J56" s="212" t="s">
        <v>16</v>
      </c>
      <c r="K56" s="212" t="s">
        <v>16</v>
      </c>
      <c r="L56" s="212" t="s">
        <v>16</v>
      </c>
      <c r="M56" s="212" t="s">
        <v>16</v>
      </c>
      <c r="N56" s="212" t="s">
        <v>16</v>
      </c>
      <c r="O56" s="212" t="s">
        <v>16</v>
      </c>
      <c r="P56" s="212" t="s">
        <v>16</v>
      </c>
      <c r="Q56" s="212" t="s">
        <v>16</v>
      </c>
      <c r="R56" s="212" t="s">
        <v>16</v>
      </c>
      <c r="S56" s="212" t="s">
        <v>16</v>
      </c>
      <c r="T56" s="212" t="s">
        <v>16</v>
      </c>
      <c r="U56" s="212" t="s">
        <v>16</v>
      </c>
      <c r="V56" s="212" t="s">
        <v>16</v>
      </c>
      <c r="W56" s="212" t="s">
        <v>16</v>
      </c>
      <c r="X56" s="212" t="s">
        <v>16</v>
      </c>
      <c r="Y56" s="212" t="s">
        <v>16</v>
      </c>
      <c r="Z56" s="212" t="s">
        <v>16</v>
      </c>
      <c r="AA56" s="212" t="s">
        <v>16</v>
      </c>
      <c r="AB56" s="212" t="s">
        <v>16</v>
      </c>
      <c r="AC56" s="212" t="s">
        <v>16</v>
      </c>
      <c r="AD56" s="212" t="s">
        <v>16</v>
      </c>
      <c r="AE56" s="212" t="s">
        <v>16</v>
      </c>
      <c r="AF56" s="212" t="s">
        <v>16</v>
      </c>
      <c r="AG56" s="212" t="s">
        <v>16</v>
      </c>
      <c r="AH56" s="212" t="s">
        <v>16</v>
      </c>
      <c r="AI56" s="212" t="s">
        <v>16</v>
      </c>
      <c r="AJ56" s="212" t="s">
        <v>16</v>
      </c>
      <c r="AK56" s="212" t="s">
        <v>16</v>
      </c>
      <c r="AL56" s="212" t="s">
        <v>16</v>
      </c>
      <c r="AM56" s="212" t="s">
        <v>16</v>
      </c>
      <c r="AN56" s="212" t="s">
        <v>16</v>
      </c>
      <c r="AO56" s="212" t="s">
        <v>16</v>
      </c>
      <c r="AP56" s="212" t="s">
        <v>16</v>
      </c>
      <c r="AQ56" s="212" t="s">
        <v>16</v>
      </c>
      <c r="AR56" s="212" t="s">
        <v>16</v>
      </c>
      <c r="AS56" s="212" t="s">
        <v>16</v>
      </c>
      <c r="AT56" s="212" t="s">
        <v>16</v>
      </c>
      <c r="AU56" s="212" t="s">
        <v>16</v>
      </c>
      <c r="AV56" s="212" t="s">
        <v>16</v>
      </c>
      <c r="AW56" s="212" t="s">
        <v>16</v>
      </c>
      <c r="AX56" s="212" t="s">
        <v>16</v>
      </c>
      <c r="AY56" s="212" t="s">
        <v>16</v>
      </c>
    </row>
    <row r="57" spans="1:51">
      <c r="A57" s="212" t="s">
        <v>1605</v>
      </c>
      <c r="B57" s="212" t="s">
        <v>16</v>
      </c>
      <c r="C57" s="212" t="s">
        <v>16</v>
      </c>
      <c r="D57" s="212" t="s">
        <v>16</v>
      </c>
      <c r="E57" s="212" t="s">
        <v>16</v>
      </c>
      <c r="F57" s="212" t="s">
        <v>16</v>
      </c>
      <c r="G57" s="212" t="s">
        <v>16</v>
      </c>
      <c r="H57" s="212" t="s">
        <v>16</v>
      </c>
      <c r="I57" s="212" t="s">
        <v>16</v>
      </c>
      <c r="J57" s="212" t="s">
        <v>16</v>
      </c>
      <c r="K57" s="212" t="s">
        <v>16</v>
      </c>
      <c r="L57" s="212" t="s">
        <v>16</v>
      </c>
      <c r="M57" s="212" t="s">
        <v>16</v>
      </c>
      <c r="N57" s="212" t="s">
        <v>16</v>
      </c>
      <c r="O57" s="212" t="s">
        <v>16</v>
      </c>
      <c r="P57" s="212" t="s">
        <v>16</v>
      </c>
      <c r="Q57" s="212" t="s">
        <v>16</v>
      </c>
      <c r="R57" s="212" t="s">
        <v>16</v>
      </c>
      <c r="S57" s="212" t="s">
        <v>16</v>
      </c>
      <c r="T57" s="212" t="s">
        <v>16</v>
      </c>
      <c r="U57" s="212" t="s">
        <v>16</v>
      </c>
      <c r="V57" s="212" t="s">
        <v>16</v>
      </c>
      <c r="W57" s="212" t="s">
        <v>16</v>
      </c>
      <c r="X57" s="212" t="s">
        <v>16</v>
      </c>
      <c r="Y57" s="212" t="s">
        <v>16</v>
      </c>
      <c r="Z57" s="212" t="s">
        <v>16</v>
      </c>
      <c r="AA57" s="212" t="s">
        <v>16</v>
      </c>
      <c r="AB57" s="212" t="s">
        <v>16</v>
      </c>
      <c r="AC57" s="212" t="s">
        <v>16</v>
      </c>
      <c r="AD57" s="212" t="s">
        <v>16</v>
      </c>
      <c r="AE57" s="212" t="s">
        <v>16</v>
      </c>
      <c r="AF57" s="212" t="s">
        <v>16</v>
      </c>
      <c r="AG57" s="212" t="s">
        <v>16</v>
      </c>
      <c r="AH57" s="212" t="s">
        <v>16</v>
      </c>
      <c r="AI57" s="212" t="s">
        <v>16</v>
      </c>
      <c r="AJ57" s="212" t="s">
        <v>16</v>
      </c>
      <c r="AK57" s="212" t="s">
        <v>16</v>
      </c>
      <c r="AL57" s="212" t="s">
        <v>16</v>
      </c>
      <c r="AM57" s="212" t="s">
        <v>16</v>
      </c>
      <c r="AN57" s="212" t="s">
        <v>16</v>
      </c>
      <c r="AO57" s="212" t="s">
        <v>16</v>
      </c>
      <c r="AP57" s="212" t="s">
        <v>16</v>
      </c>
      <c r="AQ57" s="212" t="s">
        <v>16</v>
      </c>
      <c r="AR57" s="212" t="s">
        <v>16</v>
      </c>
      <c r="AS57" s="212" t="s">
        <v>16</v>
      </c>
      <c r="AT57" s="212" t="s">
        <v>16</v>
      </c>
      <c r="AU57" s="212" t="s">
        <v>16</v>
      </c>
      <c r="AV57" s="212" t="s">
        <v>16</v>
      </c>
      <c r="AW57" s="212" t="s">
        <v>16</v>
      </c>
      <c r="AX57" s="212" t="s">
        <v>16</v>
      </c>
      <c r="AY57" s="212" t="s">
        <v>16</v>
      </c>
    </row>
    <row r="58" spans="1:51">
      <c r="A58" s="212" t="s">
        <v>1606</v>
      </c>
      <c r="B58" s="212" t="s">
        <v>16</v>
      </c>
      <c r="C58" s="212" t="s">
        <v>16</v>
      </c>
      <c r="D58" s="212" t="s">
        <v>16</v>
      </c>
      <c r="E58" s="212" t="s">
        <v>16</v>
      </c>
      <c r="F58" s="212" t="s">
        <v>16</v>
      </c>
      <c r="G58" s="212" t="s">
        <v>16</v>
      </c>
      <c r="H58" s="212" t="s">
        <v>16</v>
      </c>
      <c r="I58" s="212" t="s">
        <v>16</v>
      </c>
      <c r="J58" s="212" t="s">
        <v>16</v>
      </c>
      <c r="K58" s="212" t="s">
        <v>16</v>
      </c>
      <c r="L58" s="212" t="s">
        <v>16</v>
      </c>
      <c r="M58" s="212" t="s">
        <v>16</v>
      </c>
      <c r="N58" s="212" t="s">
        <v>16</v>
      </c>
      <c r="O58" s="212" t="s">
        <v>16</v>
      </c>
      <c r="P58" s="212" t="s">
        <v>16</v>
      </c>
      <c r="Q58" s="212" t="s">
        <v>16</v>
      </c>
      <c r="R58" s="212" t="s">
        <v>16</v>
      </c>
      <c r="S58" s="212" t="s">
        <v>16</v>
      </c>
      <c r="T58" s="212" t="s">
        <v>16</v>
      </c>
      <c r="U58" s="212" t="s">
        <v>16</v>
      </c>
      <c r="V58" s="212" t="s">
        <v>16</v>
      </c>
      <c r="W58" s="212" t="s">
        <v>16</v>
      </c>
      <c r="X58" s="212" t="s">
        <v>16</v>
      </c>
      <c r="Y58" s="212" t="s">
        <v>16</v>
      </c>
      <c r="Z58" s="212" t="s">
        <v>16</v>
      </c>
      <c r="AA58" s="212" t="s">
        <v>16</v>
      </c>
      <c r="AB58" s="212" t="s">
        <v>16</v>
      </c>
      <c r="AC58" s="212" t="s">
        <v>16</v>
      </c>
      <c r="AD58" s="212" t="s">
        <v>16</v>
      </c>
      <c r="AE58" s="212" t="s">
        <v>16</v>
      </c>
      <c r="AF58" s="212" t="s">
        <v>16</v>
      </c>
      <c r="AG58" s="212" t="s">
        <v>16</v>
      </c>
      <c r="AH58" s="212" t="s">
        <v>16</v>
      </c>
      <c r="AI58" s="212" t="s">
        <v>16</v>
      </c>
      <c r="AJ58" s="212" t="s">
        <v>16</v>
      </c>
      <c r="AK58" s="212" t="s">
        <v>16</v>
      </c>
      <c r="AL58" s="212" t="s">
        <v>16</v>
      </c>
      <c r="AM58" s="212" t="s">
        <v>16</v>
      </c>
      <c r="AN58" s="212" t="s">
        <v>16</v>
      </c>
      <c r="AO58" s="212" t="s">
        <v>16</v>
      </c>
      <c r="AP58" s="212" t="s">
        <v>16</v>
      </c>
      <c r="AQ58" s="212" t="s">
        <v>16</v>
      </c>
      <c r="AR58" s="212" t="s">
        <v>16</v>
      </c>
      <c r="AS58" s="212" t="s">
        <v>16</v>
      </c>
      <c r="AT58" s="212" t="s">
        <v>16</v>
      </c>
      <c r="AU58" s="212" t="s">
        <v>16</v>
      </c>
      <c r="AV58" s="212" t="s">
        <v>16</v>
      </c>
      <c r="AW58" s="212" t="s">
        <v>16</v>
      </c>
      <c r="AX58" s="212" t="s">
        <v>16</v>
      </c>
      <c r="AY58" s="212" t="s">
        <v>16</v>
      </c>
    </row>
    <row r="59" spans="1:51">
      <c r="A59" s="212" t="s">
        <v>1627</v>
      </c>
      <c r="B59" s="212" t="s">
        <v>16</v>
      </c>
      <c r="C59" s="212" t="s">
        <v>16</v>
      </c>
      <c r="D59" s="212" t="s">
        <v>16</v>
      </c>
      <c r="E59" s="212" t="s">
        <v>16</v>
      </c>
      <c r="F59" s="212" t="s">
        <v>16</v>
      </c>
      <c r="G59" s="212" t="s">
        <v>16</v>
      </c>
      <c r="H59" s="212" t="s">
        <v>16</v>
      </c>
      <c r="I59" s="212" t="s">
        <v>16</v>
      </c>
      <c r="J59" s="212" t="s">
        <v>16</v>
      </c>
      <c r="K59" s="212" t="s">
        <v>16</v>
      </c>
      <c r="L59" s="212" t="s">
        <v>16</v>
      </c>
      <c r="M59" s="212" t="s">
        <v>16</v>
      </c>
      <c r="N59" s="212" t="s">
        <v>16</v>
      </c>
      <c r="O59" s="212" t="s">
        <v>16</v>
      </c>
      <c r="P59" s="212" t="s">
        <v>16</v>
      </c>
      <c r="Q59" s="212" t="s">
        <v>16</v>
      </c>
      <c r="R59" s="212" t="s">
        <v>16</v>
      </c>
      <c r="S59" s="212" t="s">
        <v>16</v>
      </c>
      <c r="T59" s="212" t="s">
        <v>16</v>
      </c>
      <c r="U59" s="212" t="s">
        <v>16</v>
      </c>
      <c r="V59" s="212" t="s">
        <v>16</v>
      </c>
      <c r="W59" s="212" t="s">
        <v>16</v>
      </c>
      <c r="X59" s="212" t="s">
        <v>16</v>
      </c>
      <c r="Y59" s="212" t="s">
        <v>16</v>
      </c>
      <c r="Z59" s="212" t="s">
        <v>16</v>
      </c>
      <c r="AA59" s="212" t="s">
        <v>16</v>
      </c>
      <c r="AB59" s="212" t="s">
        <v>16</v>
      </c>
      <c r="AC59" s="212" t="s">
        <v>16</v>
      </c>
      <c r="AD59" s="212" t="s">
        <v>16</v>
      </c>
      <c r="AE59" s="212" t="s">
        <v>16</v>
      </c>
      <c r="AF59" s="212" t="s">
        <v>16</v>
      </c>
      <c r="AG59" s="212" t="s">
        <v>16</v>
      </c>
      <c r="AH59" s="212" t="s">
        <v>16</v>
      </c>
      <c r="AI59" s="212" t="s">
        <v>16</v>
      </c>
      <c r="AJ59" s="212" t="s">
        <v>16</v>
      </c>
      <c r="AK59" s="212" t="s">
        <v>16</v>
      </c>
      <c r="AL59" s="212" t="s">
        <v>16</v>
      </c>
      <c r="AM59" s="212" t="s">
        <v>16</v>
      </c>
      <c r="AN59" s="212" t="s">
        <v>16</v>
      </c>
      <c r="AO59" s="212" t="s">
        <v>16</v>
      </c>
      <c r="AP59" s="212" t="s">
        <v>16</v>
      </c>
      <c r="AQ59" s="212" t="s">
        <v>16</v>
      </c>
      <c r="AR59" s="212" t="s">
        <v>16</v>
      </c>
      <c r="AS59" s="212" t="s">
        <v>16</v>
      </c>
      <c r="AT59" s="212" t="s">
        <v>16</v>
      </c>
      <c r="AU59" s="212" t="s">
        <v>16</v>
      </c>
      <c r="AV59" s="212" t="s">
        <v>16</v>
      </c>
      <c r="AW59" s="212" t="s">
        <v>16</v>
      </c>
      <c r="AX59" s="212" t="s">
        <v>16</v>
      </c>
      <c r="AY59" s="212" t="s">
        <v>16</v>
      </c>
    </row>
    <row r="60" spans="1:51">
      <c r="A60" s="212" t="s">
        <v>1628</v>
      </c>
      <c r="B60" s="212" t="s">
        <v>16</v>
      </c>
      <c r="C60" s="212" t="s">
        <v>16</v>
      </c>
      <c r="D60" s="212" t="s">
        <v>16</v>
      </c>
      <c r="E60" s="212" t="s">
        <v>16</v>
      </c>
      <c r="F60" s="212" t="s">
        <v>16</v>
      </c>
      <c r="G60" s="212" t="s">
        <v>16</v>
      </c>
      <c r="H60" s="212" t="s">
        <v>16</v>
      </c>
      <c r="I60" s="212" t="s">
        <v>16</v>
      </c>
      <c r="J60" s="212" t="s">
        <v>16</v>
      </c>
      <c r="K60" s="212" t="s">
        <v>16</v>
      </c>
      <c r="L60" s="212" t="s">
        <v>16</v>
      </c>
      <c r="M60" s="212" t="s">
        <v>16</v>
      </c>
      <c r="N60" s="212" t="s">
        <v>16</v>
      </c>
      <c r="O60" s="212" t="s">
        <v>16</v>
      </c>
      <c r="P60" s="212" t="s">
        <v>16</v>
      </c>
      <c r="Q60" s="212" t="s">
        <v>16</v>
      </c>
      <c r="R60" s="212" t="s">
        <v>16</v>
      </c>
      <c r="S60" s="212" t="s">
        <v>16</v>
      </c>
      <c r="T60" s="212" t="s">
        <v>16</v>
      </c>
      <c r="U60" s="212" t="s">
        <v>16</v>
      </c>
      <c r="V60" s="212" t="s">
        <v>16</v>
      </c>
      <c r="W60" s="212" t="s">
        <v>16</v>
      </c>
      <c r="X60" s="212" t="s">
        <v>16</v>
      </c>
      <c r="Y60" s="212" t="s">
        <v>16</v>
      </c>
      <c r="Z60" s="212" t="s">
        <v>16</v>
      </c>
      <c r="AA60" s="212" t="s">
        <v>16</v>
      </c>
      <c r="AB60" s="212" t="s">
        <v>16</v>
      </c>
      <c r="AC60" s="212" t="s">
        <v>16</v>
      </c>
      <c r="AD60" s="212" t="s">
        <v>16</v>
      </c>
      <c r="AE60" s="212" t="s">
        <v>16</v>
      </c>
      <c r="AF60" s="212" t="s">
        <v>16</v>
      </c>
      <c r="AG60" s="212" t="s">
        <v>16</v>
      </c>
      <c r="AH60" s="212" t="s">
        <v>16</v>
      </c>
      <c r="AI60" s="212" t="s">
        <v>16</v>
      </c>
      <c r="AJ60" s="212" t="s">
        <v>16</v>
      </c>
      <c r="AK60" s="212" t="s">
        <v>16</v>
      </c>
      <c r="AL60" s="212" t="s">
        <v>16</v>
      </c>
      <c r="AM60" s="212" t="s">
        <v>16</v>
      </c>
      <c r="AN60" s="212" t="s">
        <v>16</v>
      </c>
      <c r="AO60" s="212" t="s">
        <v>16</v>
      </c>
      <c r="AP60" s="212" t="s">
        <v>16</v>
      </c>
      <c r="AQ60" s="212" t="s">
        <v>16</v>
      </c>
      <c r="AR60" s="212" t="s">
        <v>16</v>
      </c>
      <c r="AS60" s="212" t="s">
        <v>16</v>
      </c>
      <c r="AT60" s="212" t="s">
        <v>16</v>
      </c>
      <c r="AU60" s="212" t="s">
        <v>16</v>
      </c>
      <c r="AV60" s="212" t="s">
        <v>16</v>
      </c>
      <c r="AW60" s="212" t="s">
        <v>16</v>
      </c>
      <c r="AX60" s="212" t="s">
        <v>16</v>
      </c>
      <c r="AY60" s="212" t="s">
        <v>16</v>
      </c>
    </row>
  </sheetData>
  <pageMargins left="0.7" right="0.7" top="0.75" bottom="0.75" header="0.3" footer="0.3"/>
  <pageSetup orientation="portrait" horizontalDpi="0" verticalDpi="0" r:id="rId1"/>
  <customProperties>
    <customPr name="IbpWorksheetKeyString_GUID" r:id="rId2"/>
  </customProperties>
  <tableParts count="1">
    <tablePart r:id="rId3"/>
  </tablePart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tabColor theme="0"/>
  </sheetPr>
  <dimension ref="A1:AY60"/>
  <sheetViews>
    <sheetView workbookViewId="0">
      <selection activeCell="A2" sqref="A2"/>
    </sheetView>
  </sheetViews>
  <sheetFormatPr defaultColWidth="9" defaultRowHeight="14.5"/>
  <cols>
    <col min="1" max="1" width="117.1640625" style="212" customWidth="1"/>
    <col min="2" max="2" width="10.5" style="212" bestFit="1" customWidth="1"/>
    <col min="3" max="3" width="9.6640625" style="212" bestFit="1" customWidth="1"/>
    <col min="4" max="4" width="8.33203125" style="212" bestFit="1" customWidth="1"/>
    <col min="5" max="5" width="9.1640625" style="212" bestFit="1" customWidth="1"/>
    <col min="6" max="6" width="7" style="212" bestFit="1" customWidth="1"/>
    <col min="7" max="7" width="8.5" style="212" bestFit="1" customWidth="1"/>
    <col min="8" max="8" width="12" style="212" bestFit="1" customWidth="1"/>
    <col min="9" max="9" width="6.83203125" style="212" bestFit="1" customWidth="1"/>
    <col min="10" max="10" width="7.1640625" style="212" bestFit="1" customWidth="1"/>
    <col min="11" max="11" width="10.1640625" style="212" bestFit="1" customWidth="1"/>
    <col min="12" max="12" width="10.5" style="212" bestFit="1" customWidth="1"/>
    <col min="13" max="13" width="14.5" style="212" bestFit="1" customWidth="1"/>
    <col min="14" max="14" width="10" style="212" bestFit="1" customWidth="1"/>
    <col min="15" max="15" width="9.83203125" style="212" bestFit="1" customWidth="1"/>
    <col min="16" max="16" width="8.33203125" style="212" bestFit="1" customWidth="1"/>
    <col min="17" max="17" width="9" style="212" bestFit="1"/>
    <col min="18" max="19" width="7" style="212" bestFit="1" customWidth="1"/>
    <col min="20" max="20" width="8.5" style="212" bestFit="1" customWidth="1"/>
    <col min="21" max="21" width="9" style="212"/>
    <col min="22" max="22" width="15.5" style="212" bestFit="1" customWidth="1"/>
    <col min="23" max="23" width="11" style="212" bestFit="1" customWidth="1"/>
    <col min="24" max="24" width="9.1640625" style="212" bestFit="1" customWidth="1"/>
    <col min="25" max="25" width="10.5" style="212" bestFit="1" customWidth="1"/>
    <col min="26" max="26" width="6.6640625" style="212" bestFit="1" customWidth="1"/>
    <col min="27" max="27" width="8.33203125" style="212" bestFit="1" customWidth="1"/>
    <col min="28" max="28" width="6.1640625" style="212" bestFit="1" customWidth="1"/>
    <col min="29" max="29" width="7.1640625" style="212" bestFit="1" customWidth="1"/>
    <col min="30" max="30" width="16.5" style="212" bestFit="1" customWidth="1"/>
    <col min="31" max="31" width="12.5" style="212" bestFit="1" customWidth="1"/>
    <col min="32" max="32" width="9.5" style="212" bestFit="1" customWidth="1"/>
    <col min="33" max="33" width="8.5" style="212" bestFit="1" customWidth="1"/>
    <col min="34" max="34" width="9.6640625" style="212" bestFit="1" customWidth="1"/>
    <col min="35" max="35" width="8.5" style="212" bestFit="1" customWidth="1"/>
    <col min="36" max="36" width="12.5" style="212" bestFit="1" customWidth="1"/>
    <col min="37" max="37" width="8.83203125" style="212" bestFit="1" customWidth="1"/>
    <col min="38" max="38" width="13" style="212" bestFit="1" customWidth="1"/>
    <col min="39" max="39" width="6.5" style="212" bestFit="1" customWidth="1"/>
    <col min="40" max="40" width="11.5" style="212" bestFit="1" customWidth="1"/>
    <col min="41" max="41" width="8.1640625" style="212" bestFit="1" customWidth="1"/>
    <col min="42" max="42" width="11.6640625" style="212" bestFit="1" customWidth="1"/>
    <col min="43" max="43" width="9.33203125" style="212" bestFit="1" customWidth="1"/>
    <col min="44" max="44" width="9.5" style="212" bestFit="1" customWidth="1"/>
    <col min="45" max="45" width="12.5" style="212" bestFit="1" customWidth="1"/>
    <col min="46" max="46" width="10.5" style="212" bestFit="1" customWidth="1"/>
    <col min="47" max="47" width="9.1640625" style="212" bestFit="1" customWidth="1"/>
    <col min="48" max="48" width="9" style="212" bestFit="1" customWidth="1"/>
    <col min="49" max="49" width="13.5" style="212" bestFit="1" customWidth="1"/>
    <col min="50" max="50" width="11" style="212" bestFit="1" customWidth="1"/>
    <col min="51" max="51" width="12.1640625" style="212" bestFit="1" customWidth="1"/>
    <col min="52" max="16384" width="9" style="212"/>
  </cols>
  <sheetData>
    <row r="1" spans="1:51">
      <c r="A1" s="212" t="s">
        <v>2814</v>
      </c>
      <c r="B1" s="212" t="s">
        <v>1498</v>
      </c>
      <c r="C1" s="212" t="s">
        <v>1499</v>
      </c>
      <c r="D1" s="212" t="s">
        <v>1500</v>
      </c>
      <c r="E1" s="212" t="s">
        <v>1501</v>
      </c>
      <c r="F1" s="212" t="s">
        <v>1502</v>
      </c>
      <c r="G1" s="212" t="s">
        <v>1503</v>
      </c>
      <c r="H1" s="212" t="s">
        <v>1504</v>
      </c>
      <c r="I1" s="212" t="s">
        <v>1505</v>
      </c>
      <c r="J1" s="212" t="s">
        <v>1506</v>
      </c>
      <c r="K1" s="212" t="s">
        <v>1507</v>
      </c>
      <c r="L1" s="212" t="s">
        <v>1508</v>
      </c>
      <c r="M1" s="212" t="s">
        <v>1509</v>
      </c>
      <c r="N1" s="212" t="s">
        <v>1510</v>
      </c>
      <c r="O1" s="212" t="s">
        <v>1511</v>
      </c>
      <c r="P1" s="212" t="s">
        <v>1512</v>
      </c>
      <c r="Q1" s="212" t="s">
        <v>1513</v>
      </c>
      <c r="R1" s="212" t="s">
        <v>1514</v>
      </c>
      <c r="S1" s="212" t="s">
        <v>1515</v>
      </c>
      <c r="T1" s="212" t="s">
        <v>1516</v>
      </c>
      <c r="U1" s="212" t="s">
        <v>1517</v>
      </c>
      <c r="V1" s="212" t="s">
        <v>1518</v>
      </c>
      <c r="W1" s="212" t="s">
        <v>1519</v>
      </c>
      <c r="X1" s="212" t="s">
        <v>1520</v>
      </c>
      <c r="Y1" s="212" t="s">
        <v>1521</v>
      </c>
      <c r="Z1" s="212" t="s">
        <v>1522</v>
      </c>
      <c r="AA1" s="212" t="s">
        <v>1523</v>
      </c>
      <c r="AB1" s="212" t="s">
        <v>1524</v>
      </c>
      <c r="AC1" s="212" t="s">
        <v>1525</v>
      </c>
      <c r="AD1" s="212" t="s">
        <v>1526</v>
      </c>
      <c r="AE1" s="212" t="s">
        <v>1527</v>
      </c>
      <c r="AF1" s="212" t="s">
        <v>1528</v>
      </c>
      <c r="AG1" s="212" t="s">
        <v>1529</v>
      </c>
      <c r="AH1" s="212" t="s">
        <v>1530</v>
      </c>
      <c r="AI1" s="212" t="s">
        <v>1531</v>
      </c>
      <c r="AJ1" s="212" t="s">
        <v>1532</v>
      </c>
      <c r="AK1" s="212" t="s">
        <v>1533</v>
      </c>
      <c r="AL1" s="212" t="s">
        <v>1534</v>
      </c>
      <c r="AM1" s="212" t="s">
        <v>1535</v>
      </c>
      <c r="AN1" s="212" t="s">
        <v>1536</v>
      </c>
      <c r="AO1" s="212" t="s">
        <v>1537</v>
      </c>
      <c r="AP1" s="212" t="s">
        <v>1538</v>
      </c>
      <c r="AQ1" s="212" t="s">
        <v>1539</v>
      </c>
      <c r="AR1" s="212" t="s">
        <v>1540</v>
      </c>
      <c r="AS1" s="212" t="s">
        <v>1541</v>
      </c>
      <c r="AT1" s="212" t="s">
        <v>1542</v>
      </c>
      <c r="AU1" s="212" t="s">
        <v>1543</v>
      </c>
      <c r="AV1" s="212" t="s">
        <v>1544</v>
      </c>
      <c r="AW1" s="212" t="s">
        <v>1545</v>
      </c>
      <c r="AX1" s="212" t="s">
        <v>1546</v>
      </c>
      <c r="AY1" s="212" t="s">
        <v>1547</v>
      </c>
    </row>
    <row r="2" spans="1:51">
      <c r="A2" s="212" t="s">
        <v>1548</v>
      </c>
      <c r="B2" s="212" t="s">
        <v>15</v>
      </c>
      <c r="C2" s="212" t="s">
        <v>15</v>
      </c>
      <c r="D2" s="212" t="s">
        <v>15</v>
      </c>
      <c r="E2" s="212" t="s">
        <v>15</v>
      </c>
      <c r="F2" s="212" t="s">
        <v>15</v>
      </c>
      <c r="G2" s="212" t="s">
        <v>15</v>
      </c>
      <c r="H2" s="212" t="s">
        <v>15</v>
      </c>
      <c r="I2" s="212" t="s">
        <v>15</v>
      </c>
      <c r="J2" s="212" t="s">
        <v>15</v>
      </c>
      <c r="K2" s="212" t="s">
        <v>15</v>
      </c>
      <c r="L2" s="212" t="s">
        <v>15</v>
      </c>
      <c r="M2" s="212" t="s">
        <v>15</v>
      </c>
      <c r="N2" s="212" t="s">
        <v>15</v>
      </c>
      <c r="O2" s="212" t="s">
        <v>15</v>
      </c>
      <c r="P2" s="212" t="s">
        <v>15</v>
      </c>
      <c r="Q2" s="212" t="s">
        <v>15</v>
      </c>
      <c r="R2" s="212" t="s">
        <v>15</v>
      </c>
      <c r="S2" s="212" t="s">
        <v>15</v>
      </c>
      <c r="T2" s="212" t="s">
        <v>15</v>
      </c>
      <c r="U2" s="212" t="s">
        <v>15</v>
      </c>
      <c r="V2" s="212" t="s">
        <v>15</v>
      </c>
      <c r="W2" s="212" t="s">
        <v>15</v>
      </c>
      <c r="X2" s="212" t="s">
        <v>15</v>
      </c>
      <c r="Y2" s="212" t="s">
        <v>15</v>
      </c>
      <c r="Z2" s="212" t="s">
        <v>15</v>
      </c>
      <c r="AA2" s="212" t="s">
        <v>15</v>
      </c>
      <c r="AB2" s="212" t="s">
        <v>15</v>
      </c>
      <c r="AC2" s="212" t="s">
        <v>15</v>
      </c>
      <c r="AD2" s="212" t="s">
        <v>15</v>
      </c>
      <c r="AE2" s="212" t="s">
        <v>15</v>
      </c>
      <c r="AF2" s="212" t="s">
        <v>15</v>
      </c>
      <c r="AG2" s="212" t="s">
        <v>15</v>
      </c>
      <c r="AH2" s="212" t="s">
        <v>15</v>
      </c>
      <c r="AI2" s="212" t="s">
        <v>15</v>
      </c>
      <c r="AJ2" s="212" t="s">
        <v>15</v>
      </c>
      <c r="AK2" s="212" t="s">
        <v>15</v>
      </c>
      <c r="AL2" s="212" t="s">
        <v>15</v>
      </c>
      <c r="AM2" s="212" t="s">
        <v>15</v>
      </c>
      <c r="AN2" s="212" t="s">
        <v>15</v>
      </c>
      <c r="AO2" s="212" t="s">
        <v>15</v>
      </c>
      <c r="AP2" s="212" t="s">
        <v>15</v>
      </c>
      <c r="AQ2" s="212" t="s">
        <v>15</v>
      </c>
      <c r="AR2" s="212" t="s">
        <v>15</v>
      </c>
      <c r="AS2" s="212" t="s">
        <v>15</v>
      </c>
      <c r="AT2" s="212" t="s">
        <v>15</v>
      </c>
      <c r="AU2" s="212" t="s">
        <v>15</v>
      </c>
      <c r="AV2" s="212" t="s">
        <v>15</v>
      </c>
      <c r="AW2" s="212" t="s">
        <v>15</v>
      </c>
      <c r="AX2" s="212" t="s">
        <v>15</v>
      </c>
      <c r="AY2" s="212" t="s">
        <v>15</v>
      </c>
    </row>
    <row r="3" spans="1:51">
      <c r="A3" s="212" t="s">
        <v>1549</v>
      </c>
      <c r="B3" s="212" t="s">
        <v>16</v>
      </c>
      <c r="C3" s="212" t="s">
        <v>16</v>
      </c>
      <c r="D3" s="212" t="s">
        <v>16</v>
      </c>
      <c r="E3" s="212" t="s">
        <v>16</v>
      </c>
      <c r="F3" s="212" t="s">
        <v>16</v>
      </c>
      <c r="G3" s="212" t="s">
        <v>16</v>
      </c>
      <c r="H3" s="212" t="s">
        <v>16</v>
      </c>
      <c r="I3" s="212" t="s">
        <v>16</v>
      </c>
      <c r="J3" s="212" t="s">
        <v>16</v>
      </c>
      <c r="K3" s="212" t="s">
        <v>16</v>
      </c>
      <c r="L3" s="212" t="s">
        <v>16</v>
      </c>
      <c r="M3" s="212" t="s">
        <v>16</v>
      </c>
      <c r="N3" s="212" t="s">
        <v>16</v>
      </c>
      <c r="O3" s="212" t="s">
        <v>16</v>
      </c>
      <c r="P3" s="212" t="s">
        <v>16</v>
      </c>
      <c r="Q3" s="212" t="s">
        <v>16</v>
      </c>
      <c r="R3" s="212" t="s">
        <v>16</v>
      </c>
      <c r="S3" s="212" t="s">
        <v>16</v>
      </c>
      <c r="T3" s="212" t="s">
        <v>16</v>
      </c>
      <c r="U3" s="212" t="s">
        <v>16</v>
      </c>
      <c r="V3" s="212" t="s">
        <v>16</v>
      </c>
      <c r="W3" s="212" t="s">
        <v>16</v>
      </c>
      <c r="X3" s="212" t="s">
        <v>16</v>
      </c>
      <c r="Y3" s="212" t="s">
        <v>16</v>
      </c>
      <c r="Z3" s="212" t="s">
        <v>16</v>
      </c>
      <c r="AA3" s="212" t="s">
        <v>16</v>
      </c>
      <c r="AB3" s="212" t="s">
        <v>15</v>
      </c>
      <c r="AC3" s="212" t="s">
        <v>16</v>
      </c>
      <c r="AD3" s="212" t="s">
        <v>16</v>
      </c>
      <c r="AE3" s="212" t="s">
        <v>16</v>
      </c>
      <c r="AF3" s="212" t="s">
        <v>16</v>
      </c>
      <c r="AG3" s="212" t="s">
        <v>16</v>
      </c>
      <c r="AH3" s="212" t="s">
        <v>16</v>
      </c>
      <c r="AI3" s="212" t="s">
        <v>16</v>
      </c>
      <c r="AJ3" s="212" t="s">
        <v>16</v>
      </c>
      <c r="AK3" s="212" t="s">
        <v>16</v>
      </c>
      <c r="AL3" s="212" t="s">
        <v>16</v>
      </c>
      <c r="AM3" s="212" t="s">
        <v>16</v>
      </c>
      <c r="AN3" s="212" t="s">
        <v>16</v>
      </c>
      <c r="AO3" s="212" t="s">
        <v>16</v>
      </c>
      <c r="AP3" s="212" t="s">
        <v>16</v>
      </c>
      <c r="AQ3" s="212" t="s">
        <v>16</v>
      </c>
      <c r="AR3" s="212" t="s">
        <v>16</v>
      </c>
      <c r="AS3" s="212" t="s">
        <v>16</v>
      </c>
      <c r="AT3" s="212" t="s">
        <v>16</v>
      </c>
      <c r="AU3" s="212" t="s">
        <v>16</v>
      </c>
      <c r="AV3" s="212" t="s">
        <v>16</v>
      </c>
      <c r="AW3" s="212" t="s">
        <v>16</v>
      </c>
      <c r="AX3" s="212" t="s">
        <v>16</v>
      </c>
      <c r="AY3" s="212" t="s">
        <v>16</v>
      </c>
    </row>
    <row r="4" spans="1:51">
      <c r="A4" s="212" t="s">
        <v>1550</v>
      </c>
      <c r="B4" s="212" t="s">
        <v>15</v>
      </c>
      <c r="C4" s="212" t="s">
        <v>15</v>
      </c>
      <c r="D4" s="212" t="s">
        <v>15</v>
      </c>
      <c r="E4" s="212" t="s">
        <v>15</v>
      </c>
      <c r="F4" s="212" t="s">
        <v>16</v>
      </c>
      <c r="G4" s="212" t="s">
        <v>15</v>
      </c>
      <c r="H4" s="212" t="s">
        <v>15</v>
      </c>
      <c r="I4" s="212" t="s">
        <v>15</v>
      </c>
      <c r="J4" s="212" t="s">
        <v>15</v>
      </c>
      <c r="K4" s="212" t="s">
        <v>15</v>
      </c>
      <c r="L4" s="212" t="s">
        <v>15</v>
      </c>
      <c r="M4" s="212" t="s">
        <v>15</v>
      </c>
      <c r="N4" s="212" t="s">
        <v>15</v>
      </c>
      <c r="O4" s="212" t="s">
        <v>15</v>
      </c>
      <c r="P4" s="212" t="s">
        <v>15</v>
      </c>
      <c r="Q4" s="212" t="s">
        <v>15</v>
      </c>
      <c r="R4" s="212" t="s">
        <v>15</v>
      </c>
      <c r="S4" s="212" t="s">
        <v>15</v>
      </c>
      <c r="T4" s="212" t="s">
        <v>15</v>
      </c>
      <c r="U4" s="212" t="s">
        <v>15</v>
      </c>
      <c r="V4" s="212" t="s">
        <v>15</v>
      </c>
      <c r="W4" s="212" t="s">
        <v>15</v>
      </c>
      <c r="X4" s="212" t="s">
        <v>15</v>
      </c>
      <c r="Y4" s="212" t="s">
        <v>15</v>
      </c>
      <c r="Z4" s="212" t="s">
        <v>15</v>
      </c>
      <c r="AA4" s="212" t="s">
        <v>15</v>
      </c>
      <c r="AB4" s="212" t="s">
        <v>15</v>
      </c>
      <c r="AC4" s="212" t="s">
        <v>15</v>
      </c>
      <c r="AD4" s="212" t="s">
        <v>15</v>
      </c>
      <c r="AE4" s="212" t="s">
        <v>15</v>
      </c>
      <c r="AF4" s="212" t="s">
        <v>15</v>
      </c>
      <c r="AG4" s="212" t="s">
        <v>15</v>
      </c>
      <c r="AH4" s="212" t="s">
        <v>15</v>
      </c>
      <c r="AI4" s="212" t="s">
        <v>15</v>
      </c>
      <c r="AJ4" s="212" t="s">
        <v>15</v>
      </c>
      <c r="AK4" s="212" t="s">
        <v>15</v>
      </c>
      <c r="AL4" s="212" t="s">
        <v>15</v>
      </c>
      <c r="AM4" s="212" t="s">
        <v>15</v>
      </c>
      <c r="AN4" s="212" t="s">
        <v>15</v>
      </c>
      <c r="AO4" s="212" t="s">
        <v>15</v>
      </c>
      <c r="AP4" s="212" t="s">
        <v>15</v>
      </c>
      <c r="AQ4" s="212" t="s">
        <v>15</v>
      </c>
      <c r="AR4" s="212" t="s">
        <v>15</v>
      </c>
      <c r="AS4" s="212" t="s">
        <v>15</v>
      </c>
      <c r="AT4" s="212" t="s">
        <v>15</v>
      </c>
      <c r="AU4" s="212" t="s">
        <v>15</v>
      </c>
      <c r="AV4" s="212" t="s">
        <v>15</v>
      </c>
      <c r="AW4" s="212" t="s">
        <v>15</v>
      </c>
      <c r="AX4" s="212" t="s">
        <v>15</v>
      </c>
      <c r="AY4" s="212" t="s">
        <v>15</v>
      </c>
    </row>
    <row r="5" spans="1:51">
      <c r="A5" s="212" t="s">
        <v>1551</v>
      </c>
      <c r="B5" s="212" t="s">
        <v>15</v>
      </c>
      <c r="C5" s="212" t="s">
        <v>15</v>
      </c>
      <c r="D5" s="212" t="s">
        <v>15</v>
      </c>
      <c r="E5" s="212" t="s">
        <v>15</v>
      </c>
      <c r="F5" s="212" t="s">
        <v>16</v>
      </c>
      <c r="G5" s="212" t="s">
        <v>15</v>
      </c>
      <c r="H5" s="212" t="s">
        <v>15</v>
      </c>
      <c r="I5" s="212" t="s">
        <v>15</v>
      </c>
      <c r="J5" s="212" t="s">
        <v>15</v>
      </c>
      <c r="K5" s="212" t="s">
        <v>15</v>
      </c>
      <c r="L5" s="212" t="s">
        <v>15</v>
      </c>
      <c r="M5" s="212" t="s">
        <v>15</v>
      </c>
      <c r="N5" s="212" t="s">
        <v>15</v>
      </c>
      <c r="O5" s="212" t="s">
        <v>15</v>
      </c>
      <c r="P5" s="212" t="s">
        <v>15</v>
      </c>
      <c r="Q5" s="212" t="s">
        <v>15</v>
      </c>
      <c r="R5" s="212" t="s">
        <v>15</v>
      </c>
      <c r="S5" s="212" t="s">
        <v>15</v>
      </c>
      <c r="T5" s="212" t="s">
        <v>15</v>
      </c>
      <c r="U5" s="212" t="s">
        <v>15</v>
      </c>
      <c r="V5" s="212" t="s">
        <v>15</v>
      </c>
      <c r="W5" s="212" t="s">
        <v>15</v>
      </c>
      <c r="X5" s="212" t="s">
        <v>15</v>
      </c>
      <c r="Y5" s="212" t="s">
        <v>15</v>
      </c>
      <c r="Z5" s="212" t="s">
        <v>15</v>
      </c>
      <c r="AA5" s="212" t="s">
        <v>15</v>
      </c>
      <c r="AB5" s="212" t="s">
        <v>15</v>
      </c>
      <c r="AC5" s="212" t="s">
        <v>16</v>
      </c>
      <c r="AD5" s="212" t="s">
        <v>15</v>
      </c>
      <c r="AE5" s="212" t="s">
        <v>15</v>
      </c>
      <c r="AF5" s="212" t="s">
        <v>15</v>
      </c>
      <c r="AG5" s="212" t="s">
        <v>15</v>
      </c>
      <c r="AH5" s="212" t="s">
        <v>15</v>
      </c>
      <c r="AI5" s="212" t="s">
        <v>15</v>
      </c>
      <c r="AJ5" s="212" t="s">
        <v>15</v>
      </c>
      <c r="AK5" s="212" t="s">
        <v>15</v>
      </c>
      <c r="AL5" s="212" t="s">
        <v>15</v>
      </c>
      <c r="AM5" s="212" t="s">
        <v>15</v>
      </c>
      <c r="AN5" s="212" t="s">
        <v>15</v>
      </c>
      <c r="AO5" s="212" t="s">
        <v>15</v>
      </c>
      <c r="AP5" s="212" t="s">
        <v>15</v>
      </c>
      <c r="AQ5" s="212" t="s">
        <v>15</v>
      </c>
      <c r="AR5" s="212" t="s">
        <v>15</v>
      </c>
      <c r="AS5" s="212" t="s">
        <v>15</v>
      </c>
      <c r="AT5" s="212" t="s">
        <v>15</v>
      </c>
      <c r="AU5" s="212" t="s">
        <v>15</v>
      </c>
      <c r="AV5" s="212" t="s">
        <v>15</v>
      </c>
      <c r="AW5" s="212" t="s">
        <v>15</v>
      </c>
      <c r="AX5" s="212" t="s">
        <v>15</v>
      </c>
      <c r="AY5" s="212" t="s">
        <v>15</v>
      </c>
    </row>
    <row r="6" spans="1:51">
      <c r="A6" s="212" t="s">
        <v>1552</v>
      </c>
      <c r="B6" s="212" t="s">
        <v>15</v>
      </c>
      <c r="C6" s="212" t="s">
        <v>16</v>
      </c>
      <c r="D6" s="212" t="s">
        <v>16</v>
      </c>
      <c r="E6" s="212" t="s">
        <v>16</v>
      </c>
      <c r="F6" s="212" t="s">
        <v>15</v>
      </c>
      <c r="G6" s="212" t="s">
        <v>16</v>
      </c>
      <c r="H6" s="212" t="s">
        <v>16</v>
      </c>
      <c r="I6" s="212" t="s">
        <v>16</v>
      </c>
      <c r="J6" s="212" t="s">
        <v>15</v>
      </c>
      <c r="K6" s="212" t="s">
        <v>16</v>
      </c>
      <c r="L6" s="212" t="s">
        <v>15</v>
      </c>
      <c r="M6" s="212" t="s">
        <v>16</v>
      </c>
      <c r="N6" s="212" t="s">
        <v>16</v>
      </c>
      <c r="O6" s="212" t="s">
        <v>16</v>
      </c>
      <c r="P6" s="212" t="s">
        <v>16</v>
      </c>
      <c r="Q6" s="212" t="s">
        <v>15</v>
      </c>
      <c r="R6" s="212" t="s">
        <v>16</v>
      </c>
      <c r="S6" s="212" t="s">
        <v>16</v>
      </c>
      <c r="T6" s="212" t="s">
        <v>16</v>
      </c>
      <c r="U6" s="212" t="s">
        <v>16</v>
      </c>
      <c r="V6" s="212" t="s">
        <v>16</v>
      </c>
      <c r="W6" s="212" t="s">
        <v>15</v>
      </c>
      <c r="X6" s="212" t="s">
        <v>16</v>
      </c>
      <c r="Y6" s="212" t="s">
        <v>16</v>
      </c>
      <c r="Z6" s="212" t="s">
        <v>16</v>
      </c>
      <c r="AA6" s="212" t="s">
        <v>16</v>
      </c>
      <c r="AB6" s="212" t="s">
        <v>16</v>
      </c>
      <c r="AC6" s="212" t="s">
        <v>15</v>
      </c>
      <c r="AD6" s="212" t="s">
        <v>16</v>
      </c>
      <c r="AE6" s="212" t="s">
        <v>16</v>
      </c>
      <c r="AF6" s="212" t="s">
        <v>16</v>
      </c>
      <c r="AG6" s="212" t="s">
        <v>16</v>
      </c>
      <c r="AH6" s="212" t="s">
        <v>16</v>
      </c>
      <c r="AI6" s="212" t="s">
        <v>16</v>
      </c>
      <c r="AJ6" s="212" t="s">
        <v>16</v>
      </c>
      <c r="AK6" s="212" t="s">
        <v>16</v>
      </c>
      <c r="AL6" s="212" t="s">
        <v>16</v>
      </c>
      <c r="AM6" s="212" t="s">
        <v>15</v>
      </c>
      <c r="AN6" s="212" t="s">
        <v>16</v>
      </c>
      <c r="AO6" s="212" t="s">
        <v>16</v>
      </c>
      <c r="AP6" s="212" t="s">
        <v>15</v>
      </c>
      <c r="AQ6" s="212" t="s">
        <v>15</v>
      </c>
      <c r="AR6" s="212" t="s">
        <v>16</v>
      </c>
      <c r="AS6" s="212" t="s">
        <v>16</v>
      </c>
      <c r="AT6" s="212" t="s">
        <v>16</v>
      </c>
      <c r="AU6" s="212" t="s">
        <v>16</v>
      </c>
      <c r="AV6" s="212" t="s">
        <v>16</v>
      </c>
      <c r="AW6" s="212" t="s">
        <v>15</v>
      </c>
      <c r="AX6" s="212" t="s">
        <v>15</v>
      </c>
      <c r="AY6" s="212" t="s">
        <v>16</v>
      </c>
    </row>
    <row r="7" spans="1:51">
      <c r="A7" s="212" t="s">
        <v>1553</v>
      </c>
      <c r="B7" s="212" t="s">
        <v>15</v>
      </c>
      <c r="C7" s="212" t="s">
        <v>15</v>
      </c>
      <c r="D7" s="212" t="s">
        <v>15</v>
      </c>
      <c r="E7" s="212" t="s">
        <v>15</v>
      </c>
      <c r="F7" s="212" t="s">
        <v>15</v>
      </c>
      <c r="G7" s="212" t="s">
        <v>15</v>
      </c>
      <c r="H7" s="212" t="s">
        <v>15</v>
      </c>
      <c r="I7" s="212" t="s">
        <v>15</v>
      </c>
      <c r="J7" s="212" t="s">
        <v>15</v>
      </c>
      <c r="K7" s="212" t="s">
        <v>15</v>
      </c>
      <c r="L7" s="212" t="s">
        <v>15</v>
      </c>
      <c r="M7" s="212" t="s">
        <v>15</v>
      </c>
      <c r="N7" s="212" t="s">
        <v>15</v>
      </c>
      <c r="O7" s="212" t="s">
        <v>15</v>
      </c>
      <c r="P7" s="212" t="s">
        <v>15</v>
      </c>
      <c r="Q7" s="212" t="s">
        <v>15</v>
      </c>
      <c r="R7" s="212" t="s">
        <v>15</v>
      </c>
      <c r="S7" s="212" t="s">
        <v>15</v>
      </c>
      <c r="T7" s="212" t="s">
        <v>15</v>
      </c>
      <c r="U7" s="212" t="s">
        <v>15</v>
      </c>
      <c r="V7" s="212" t="s">
        <v>15</v>
      </c>
      <c r="W7" s="212" t="s">
        <v>15</v>
      </c>
      <c r="X7" s="212" t="s">
        <v>15</v>
      </c>
      <c r="Y7" s="212" t="s">
        <v>15</v>
      </c>
      <c r="Z7" s="212" t="s">
        <v>15</v>
      </c>
      <c r="AA7" s="212" t="s">
        <v>15</v>
      </c>
      <c r="AB7" s="212" t="s">
        <v>15</v>
      </c>
      <c r="AC7" s="212" t="s">
        <v>15</v>
      </c>
      <c r="AD7" s="212" t="s">
        <v>15</v>
      </c>
      <c r="AE7" s="212" t="s">
        <v>15</v>
      </c>
      <c r="AF7" s="212" t="s">
        <v>15</v>
      </c>
      <c r="AG7" s="212" t="s">
        <v>15</v>
      </c>
      <c r="AH7" s="212" t="s">
        <v>15</v>
      </c>
      <c r="AI7" s="212" t="s">
        <v>15</v>
      </c>
      <c r="AJ7" s="212" t="s">
        <v>15</v>
      </c>
      <c r="AK7" s="212" t="s">
        <v>15</v>
      </c>
      <c r="AL7" s="212" t="s">
        <v>15</v>
      </c>
      <c r="AM7" s="212" t="s">
        <v>15</v>
      </c>
      <c r="AN7" s="212" t="s">
        <v>15</v>
      </c>
      <c r="AO7" s="212" t="s">
        <v>15</v>
      </c>
      <c r="AP7" s="212" t="s">
        <v>15</v>
      </c>
      <c r="AQ7" s="212" t="s">
        <v>15</v>
      </c>
      <c r="AR7" s="212" t="s">
        <v>15</v>
      </c>
      <c r="AS7" s="212" t="s">
        <v>15</v>
      </c>
      <c r="AT7" s="212" t="s">
        <v>15</v>
      </c>
      <c r="AU7" s="212" t="s">
        <v>15</v>
      </c>
      <c r="AV7" s="212" t="s">
        <v>15</v>
      </c>
      <c r="AW7" s="212" t="s">
        <v>15</v>
      </c>
      <c r="AX7" s="212" t="s">
        <v>15</v>
      </c>
      <c r="AY7" s="212" t="s">
        <v>15</v>
      </c>
    </row>
    <row r="8" spans="1:51">
      <c r="A8" s="212" t="s">
        <v>1554</v>
      </c>
      <c r="B8" s="212" t="s">
        <v>15</v>
      </c>
      <c r="C8" s="212" t="s">
        <v>15</v>
      </c>
      <c r="D8" s="212" t="s">
        <v>15</v>
      </c>
      <c r="E8" s="212" t="s">
        <v>15</v>
      </c>
      <c r="F8" s="212" t="s">
        <v>16</v>
      </c>
      <c r="G8" s="212" t="s">
        <v>15</v>
      </c>
      <c r="H8" s="212" t="s">
        <v>15</v>
      </c>
      <c r="I8" s="212" t="s">
        <v>15</v>
      </c>
      <c r="J8" s="212" t="s">
        <v>15</v>
      </c>
      <c r="K8" s="212" t="s">
        <v>15</v>
      </c>
      <c r="L8" s="212" t="s">
        <v>15</v>
      </c>
      <c r="M8" s="212" t="s">
        <v>15</v>
      </c>
      <c r="N8" s="212" t="s">
        <v>15</v>
      </c>
      <c r="O8" s="212" t="s">
        <v>15</v>
      </c>
      <c r="P8" s="212" t="s">
        <v>15</v>
      </c>
      <c r="Q8" s="212" t="s">
        <v>15</v>
      </c>
      <c r="R8" s="212" t="s">
        <v>15</v>
      </c>
      <c r="S8" s="212" t="s">
        <v>15</v>
      </c>
      <c r="T8" s="212" t="s">
        <v>15</v>
      </c>
      <c r="U8" s="212" t="s">
        <v>15</v>
      </c>
      <c r="V8" s="212" t="s">
        <v>15</v>
      </c>
      <c r="W8" s="212" t="s">
        <v>15</v>
      </c>
      <c r="X8" s="212" t="s">
        <v>15</v>
      </c>
      <c r="Y8" s="212" t="s">
        <v>15</v>
      </c>
      <c r="Z8" s="212" t="s">
        <v>15</v>
      </c>
      <c r="AA8" s="212" t="s">
        <v>15</v>
      </c>
      <c r="AB8" s="212" t="s">
        <v>15</v>
      </c>
      <c r="AC8" s="212" t="s">
        <v>15</v>
      </c>
      <c r="AD8" s="212" t="s">
        <v>15</v>
      </c>
      <c r="AE8" s="212" t="s">
        <v>15</v>
      </c>
      <c r="AF8" s="212" t="s">
        <v>15</v>
      </c>
      <c r="AG8" s="212" t="s">
        <v>15</v>
      </c>
      <c r="AH8" s="212" t="s">
        <v>15</v>
      </c>
      <c r="AI8" s="212" t="s">
        <v>15</v>
      </c>
      <c r="AJ8" s="212" t="s">
        <v>15</v>
      </c>
      <c r="AK8" s="212" t="s">
        <v>15</v>
      </c>
      <c r="AL8" s="212" t="s">
        <v>15</v>
      </c>
      <c r="AM8" s="212" t="s">
        <v>15</v>
      </c>
      <c r="AN8" s="212" t="s">
        <v>15</v>
      </c>
      <c r="AO8" s="212" t="s">
        <v>15</v>
      </c>
      <c r="AP8" s="212" t="s">
        <v>15</v>
      </c>
      <c r="AQ8" s="212" t="s">
        <v>15</v>
      </c>
      <c r="AR8" s="212" t="s">
        <v>15</v>
      </c>
      <c r="AS8" s="212" t="s">
        <v>15</v>
      </c>
      <c r="AT8" s="212" t="s">
        <v>16</v>
      </c>
      <c r="AU8" s="212" t="s">
        <v>15</v>
      </c>
      <c r="AV8" s="212" t="s">
        <v>15</v>
      </c>
      <c r="AW8" s="212" t="s">
        <v>15</v>
      </c>
      <c r="AX8" s="212" t="s">
        <v>15</v>
      </c>
      <c r="AY8" s="212" t="s">
        <v>15</v>
      </c>
    </row>
    <row r="9" spans="1:51">
      <c r="A9" s="212" t="s">
        <v>1555</v>
      </c>
      <c r="B9" s="212" t="s">
        <v>15</v>
      </c>
      <c r="C9" s="212" t="s">
        <v>15</v>
      </c>
      <c r="D9" s="212" t="s">
        <v>15</v>
      </c>
      <c r="E9" s="212" t="s">
        <v>15</v>
      </c>
      <c r="F9" s="212" t="s">
        <v>15</v>
      </c>
      <c r="G9" s="212" t="s">
        <v>15</v>
      </c>
      <c r="H9" s="212" t="s">
        <v>15</v>
      </c>
      <c r="I9" s="212" t="s">
        <v>15</v>
      </c>
      <c r="J9" s="212" t="s">
        <v>15</v>
      </c>
      <c r="K9" s="212" t="s">
        <v>15</v>
      </c>
      <c r="L9" s="212" t="s">
        <v>15</v>
      </c>
      <c r="M9" s="212" t="s">
        <v>15</v>
      </c>
      <c r="N9" s="212" t="s">
        <v>15</v>
      </c>
      <c r="O9" s="212" t="s">
        <v>15</v>
      </c>
      <c r="P9" s="212" t="s">
        <v>15</v>
      </c>
      <c r="Q9" s="212" t="s">
        <v>15</v>
      </c>
      <c r="R9" s="212" t="s">
        <v>15</v>
      </c>
      <c r="S9" s="212" t="s">
        <v>15</v>
      </c>
      <c r="T9" s="212" t="s">
        <v>15</v>
      </c>
      <c r="U9" s="212" t="s">
        <v>15</v>
      </c>
      <c r="V9" s="212" t="s">
        <v>15</v>
      </c>
      <c r="W9" s="212" t="s">
        <v>15</v>
      </c>
      <c r="X9" s="212" t="s">
        <v>15</v>
      </c>
      <c r="Y9" s="212" t="s">
        <v>15</v>
      </c>
      <c r="Z9" s="212" t="s">
        <v>15</v>
      </c>
      <c r="AA9" s="212" t="s">
        <v>15</v>
      </c>
      <c r="AB9" s="212" t="s">
        <v>15</v>
      </c>
      <c r="AC9" s="212" t="s">
        <v>15</v>
      </c>
      <c r="AD9" s="212" t="s">
        <v>15</v>
      </c>
      <c r="AE9" s="212" t="s">
        <v>15</v>
      </c>
      <c r="AF9" s="212" t="s">
        <v>15</v>
      </c>
      <c r="AG9" s="212" t="s">
        <v>15</v>
      </c>
      <c r="AH9" s="212" t="s">
        <v>15</v>
      </c>
      <c r="AI9" s="212" t="s">
        <v>15</v>
      </c>
      <c r="AJ9" s="212" t="s">
        <v>15</v>
      </c>
      <c r="AK9" s="212" t="s">
        <v>15</v>
      </c>
      <c r="AL9" s="212" t="s">
        <v>15</v>
      </c>
      <c r="AM9" s="212" t="s">
        <v>15</v>
      </c>
      <c r="AN9" s="212" t="s">
        <v>15</v>
      </c>
      <c r="AO9" s="212" t="s">
        <v>15</v>
      </c>
      <c r="AP9" s="212" t="s">
        <v>15</v>
      </c>
      <c r="AQ9" s="212" t="s">
        <v>15</v>
      </c>
      <c r="AR9" s="212" t="s">
        <v>15</v>
      </c>
      <c r="AS9" s="212" t="s">
        <v>15</v>
      </c>
      <c r="AT9" s="212" t="s">
        <v>15</v>
      </c>
      <c r="AU9" s="212" t="s">
        <v>15</v>
      </c>
      <c r="AV9" s="212" t="s">
        <v>15</v>
      </c>
      <c r="AW9" s="212" t="s">
        <v>15</v>
      </c>
      <c r="AX9" s="212" t="s">
        <v>15</v>
      </c>
      <c r="AY9" s="212" t="s">
        <v>15</v>
      </c>
    </row>
    <row r="10" spans="1:51">
      <c r="A10" s="212" t="s">
        <v>1556</v>
      </c>
      <c r="B10" s="212" t="s">
        <v>15</v>
      </c>
      <c r="C10" s="212" t="s">
        <v>15</v>
      </c>
      <c r="D10" s="212" t="s">
        <v>15</v>
      </c>
      <c r="E10" s="212" t="s">
        <v>15</v>
      </c>
      <c r="F10" s="212" t="s">
        <v>15</v>
      </c>
      <c r="G10" s="212" t="s">
        <v>15</v>
      </c>
      <c r="H10" s="212" t="s">
        <v>15</v>
      </c>
      <c r="I10" s="212" t="s">
        <v>15</v>
      </c>
      <c r="J10" s="212" t="s">
        <v>15</v>
      </c>
      <c r="K10" s="212" t="s">
        <v>15</v>
      </c>
      <c r="L10" s="212" t="s">
        <v>15</v>
      </c>
      <c r="M10" s="212" t="s">
        <v>15</v>
      </c>
      <c r="N10" s="212" t="s">
        <v>15</v>
      </c>
      <c r="O10" s="212" t="s">
        <v>15</v>
      </c>
      <c r="P10" s="212" t="s">
        <v>15</v>
      </c>
      <c r="Q10" s="212" t="s">
        <v>15</v>
      </c>
      <c r="R10" s="212" t="s">
        <v>15</v>
      </c>
      <c r="S10" s="212" t="s">
        <v>15</v>
      </c>
      <c r="T10" s="212" t="s">
        <v>15</v>
      </c>
      <c r="U10" s="212" t="s">
        <v>15</v>
      </c>
      <c r="V10" s="212" t="s">
        <v>15</v>
      </c>
      <c r="W10" s="212" t="s">
        <v>15</v>
      </c>
      <c r="X10" s="212" t="s">
        <v>15</v>
      </c>
      <c r="Y10" s="212" t="s">
        <v>15</v>
      </c>
      <c r="Z10" s="212" t="s">
        <v>15</v>
      </c>
      <c r="AA10" s="212" t="s">
        <v>15</v>
      </c>
      <c r="AB10" s="212" t="s">
        <v>15</v>
      </c>
      <c r="AC10" s="212" t="s">
        <v>15</v>
      </c>
      <c r="AD10" s="212" t="s">
        <v>15</v>
      </c>
      <c r="AE10" s="212" t="s">
        <v>15</v>
      </c>
      <c r="AF10" s="212" t="s">
        <v>15</v>
      </c>
      <c r="AG10" s="212" t="s">
        <v>15</v>
      </c>
      <c r="AH10" s="212" t="s">
        <v>15</v>
      </c>
      <c r="AI10" s="212" t="s">
        <v>15</v>
      </c>
      <c r="AJ10" s="212" t="s">
        <v>15</v>
      </c>
      <c r="AK10" s="212" t="s">
        <v>15</v>
      </c>
      <c r="AL10" s="212" t="s">
        <v>15</v>
      </c>
      <c r="AM10" s="212" t="s">
        <v>15</v>
      </c>
      <c r="AN10" s="212" t="s">
        <v>15</v>
      </c>
      <c r="AO10" s="212" t="s">
        <v>15</v>
      </c>
      <c r="AP10" s="212" t="s">
        <v>15</v>
      </c>
      <c r="AQ10" s="212" t="s">
        <v>15</v>
      </c>
      <c r="AR10" s="212" t="s">
        <v>15</v>
      </c>
      <c r="AS10" s="212" t="s">
        <v>15</v>
      </c>
      <c r="AT10" s="212" t="s">
        <v>15</v>
      </c>
      <c r="AU10" s="212" t="s">
        <v>15</v>
      </c>
      <c r="AV10" s="212" t="s">
        <v>15</v>
      </c>
      <c r="AW10" s="212" t="s">
        <v>15</v>
      </c>
      <c r="AX10" s="212" t="s">
        <v>15</v>
      </c>
      <c r="AY10" s="212" t="s">
        <v>15</v>
      </c>
    </row>
    <row r="11" spans="1:51">
      <c r="A11" s="212" t="s">
        <v>1458</v>
      </c>
      <c r="B11" s="212" t="s">
        <v>16</v>
      </c>
      <c r="C11" s="212" t="s">
        <v>16</v>
      </c>
      <c r="D11" s="212" t="s">
        <v>16</v>
      </c>
      <c r="E11" s="212" t="s">
        <v>16</v>
      </c>
      <c r="F11" s="212" t="s">
        <v>16</v>
      </c>
      <c r="G11" s="212" t="s">
        <v>16</v>
      </c>
      <c r="H11" s="212" t="s">
        <v>16</v>
      </c>
      <c r="I11" s="212" t="s">
        <v>16</v>
      </c>
      <c r="J11" s="212" t="s">
        <v>16</v>
      </c>
      <c r="K11" s="212" t="s">
        <v>16</v>
      </c>
      <c r="L11" s="212" t="s">
        <v>16</v>
      </c>
      <c r="M11" s="212" t="s">
        <v>16</v>
      </c>
      <c r="N11" s="212" t="s">
        <v>16</v>
      </c>
      <c r="O11" s="212" t="s">
        <v>16</v>
      </c>
      <c r="P11" s="212" t="s">
        <v>16</v>
      </c>
      <c r="Q11" s="212" t="s">
        <v>16</v>
      </c>
      <c r="R11" s="212" t="s">
        <v>16</v>
      </c>
      <c r="S11" s="212" t="s">
        <v>16</v>
      </c>
      <c r="T11" s="212" t="s">
        <v>16</v>
      </c>
      <c r="U11" s="212" t="s">
        <v>16</v>
      </c>
      <c r="V11" s="212" t="s">
        <v>15</v>
      </c>
      <c r="W11" s="212" t="s">
        <v>16</v>
      </c>
      <c r="X11" s="212" t="s">
        <v>16</v>
      </c>
      <c r="Y11" s="212" t="s">
        <v>16</v>
      </c>
      <c r="Z11" s="212" t="s">
        <v>16</v>
      </c>
      <c r="AA11" s="212" t="s">
        <v>16</v>
      </c>
      <c r="AB11" s="212" t="s">
        <v>16</v>
      </c>
      <c r="AC11" s="212" t="s">
        <v>16</v>
      </c>
      <c r="AD11" s="212" t="s">
        <v>16</v>
      </c>
      <c r="AE11" s="212" t="s">
        <v>16</v>
      </c>
      <c r="AF11" s="212" t="s">
        <v>16</v>
      </c>
      <c r="AG11" s="212" t="s">
        <v>16</v>
      </c>
      <c r="AH11" s="212" t="s">
        <v>16</v>
      </c>
      <c r="AI11" s="212" t="s">
        <v>16</v>
      </c>
      <c r="AJ11" s="212" t="s">
        <v>16</v>
      </c>
      <c r="AK11" s="212" t="s">
        <v>16</v>
      </c>
      <c r="AL11" s="212" t="s">
        <v>16</v>
      </c>
      <c r="AM11" s="212" t="s">
        <v>16</v>
      </c>
      <c r="AN11" s="212" t="s">
        <v>16</v>
      </c>
      <c r="AO11" s="212" t="s">
        <v>16</v>
      </c>
      <c r="AP11" s="212" t="s">
        <v>16</v>
      </c>
      <c r="AQ11" s="212" t="s">
        <v>16</v>
      </c>
      <c r="AR11" s="212" t="s">
        <v>16</v>
      </c>
      <c r="AS11" s="212" t="s">
        <v>16</v>
      </c>
      <c r="AT11" s="212" t="s">
        <v>16</v>
      </c>
      <c r="AU11" s="212" t="s">
        <v>16</v>
      </c>
      <c r="AV11" s="212" t="s">
        <v>16</v>
      </c>
      <c r="AW11" s="212" t="s">
        <v>16</v>
      </c>
      <c r="AX11" s="212" t="s">
        <v>16</v>
      </c>
      <c r="AY11" s="212" t="s">
        <v>16</v>
      </c>
    </row>
    <row r="12" spans="1:51">
      <c r="A12" s="212" t="s">
        <v>1557</v>
      </c>
      <c r="B12" s="212" t="s">
        <v>16</v>
      </c>
      <c r="C12" s="212" t="s">
        <v>16</v>
      </c>
      <c r="D12" s="212" t="s">
        <v>16</v>
      </c>
      <c r="E12" s="212" t="s">
        <v>16</v>
      </c>
      <c r="F12" s="212" t="s">
        <v>16</v>
      </c>
      <c r="G12" s="212" t="s">
        <v>16</v>
      </c>
      <c r="H12" s="212" t="s">
        <v>16</v>
      </c>
      <c r="I12" s="212" t="s">
        <v>16</v>
      </c>
      <c r="J12" s="212" t="s">
        <v>16</v>
      </c>
      <c r="K12" s="212" t="s">
        <v>16</v>
      </c>
      <c r="L12" s="212" t="s">
        <v>16</v>
      </c>
      <c r="M12" s="212" t="s">
        <v>16</v>
      </c>
      <c r="N12" s="212" t="s">
        <v>16</v>
      </c>
      <c r="O12" s="212" t="s">
        <v>16</v>
      </c>
      <c r="P12" s="212" t="s">
        <v>16</v>
      </c>
      <c r="Q12" s="212" t="s">
        <v>16</v>
      </c>
      <c r="R12" s="212" t="s">
        <v>16</v>
      </c>
      <c r="S12" s="212" t="s">
        <v>16</v>
      </c>
      <c r="T12" s="212" t="s">
        <v>16</v>
      </c>
      <c r="U12" s="212" t="s">
        <v>16</v>
      </c>
      <c r="V12" s="212" t="s">
        <v>16</v>
      </c>
      <c r="W12" s="212" t="s">
        <v>16</v>
      </c>
      <c r="X12" s="212" t="s">
        <v>16</v>
      </c>
      <c r="Y12" s="212" t="s">
        <v>16</v>
      </c>
      <c r="Z12" s="212" t="s">
        <v>16</v>
      </c>
      <c r="AA12" s="212" t="s">
        <v>16</v>
      </c>
      <c r="AB12" s="212" t="s">
        <v>16</v>
      </c>
      <c r="AC12" s="212" t="s">
        <v>16</v>
      </c>
      <c r="AD12" s="212" t="s">
        <v>16</v>
      </c>
      <c r="AE12" s="212" t="s">
        <v>16</v>
      </c>
      <c r="AF12" s="212" t="s">
        <v>16</v>
      </c>
      <c r="AG12" s="212" t="s">
        <v>16</v>
      </c>
      <c r="AH12" s="212" t="s">
        <v>16</v>
      </c>
      <c r="AI12" s="212" t="s">
        <v>16</v>
      </c>
      <c r="AJ12" s="212" t="s">
        <v>16</v>
      </c>
      <c r="AK12" s="212" t="s">
        <v>16</v>
      </c>
      <c r="AL12" s="212" t="s">
        <v>16</v>
      </c>
      <c r="AM12" s="212" t="s">
        <v>16</v>
      </c>
      <c r="AN12" s="212" t="s">
        <v>16</v>
      </c>
      <c r="AO12" s="212" t="s">
        <v>16</v>
      </c>
      <c r="AP12" s="212" t="s">
        <v>16</v>
      </c>
      <c r="AQ12" s="212" t="s">
        <v>16</v>
      </c>
      <c r="AR12" s="212" t="s">
        <v>16</v>
      </c>
      <c r="AS12" s="212" t="s">
        <v>16</v>
      </c>
      <c r="AT12" s="212" t="s">
        <v>16</v>
      </c>
      <c r="AU12" s="212" t="s">
        <v>16</v>
      </c>
      <c r="AV12" s="212" t="s">
        <v>16</v>
      </c>
      <c r="AW12" s="212" t="s">
        <v>16</v>
      </c>
      <c r="AX12" s="212" t="s">
        <v>16</v>
      </c>
      <c r="AY12" s="212" t="s">
        <v>16</v>
      </c>
    </row>
    <row r="13" spans="1:51">
      <c r="A13" s="212" t="s">
        <v>1558</v>
      </c>
      <c r="B13" s="212" t="s">
        <v>16</v>
      </c>
      <c r="C13" s="212" t="s">
        <v>16</v>
      </c>
      <c r="D13" s="212" t="s">
        <v>16</v>
      </c>
      <c r="E13" s="212" t="s">
        <v>16</v>
      </c>
      <c r="F13" s="212" t="s">
        <v>16</v>
      </c>
      <c r="G13" s="212" t="s">
        <v>16</v>
      </c>
      <c r="H13" s="212" t="s">
        <v>16</v>
      </c>
      <c r="I13" s="212" t="s">
        <v>16</v>
      </c>
      <c r="J13" s="212" t="s">
        <v>16</v>
      </c>
      <c r="K13" s="212" t="s">
        <v>16</v>
      </c>
      <c r="L13" s="212" t="s">
        <v>16</v>
      </c>
      <c r="M13" s="212" t="s">
        <v>16</v>
      </c>
      <c r="N13" s="212" t="s">
        <v>16</v>
      </c>
      <c r="O13" s="212" t="s">
        <v>16</v>
      </c>
      <c r="P13" s="212" t="s">
        <v>16</v>
      </c>
      <c r="Q13" s="212" t="s">
        <v>16</v>
      </c>
      <c r="R13" s="212" t="s">
        <v>16</v>
      </c>
      <c r="S13" s="212" t="s">
        <v>16</v>
      </c>
      <c r="T13" s="212" t="s">
        <v>16</v>
      </c>
      <c r="U13" s="212" t="s">
        <v>16</v>
      </c>
      <c r="V13" s="212" t="s">
        <v>16</v>
      </c>
      <c r="W13" s="212" t="s">
        <v>16</v>
      </c>
      <c r="X13" s="212" t="s">
        <v>16</v>
      </c>
      <c r="Y13" s="212" t="s">
        <v>16</v>
      </c>
      <c r="Z13" s="212" t="s">
        <v>16</v>
      </c>
      <c r="AA13" s="212" t="s">
        <v>16</v>
      </c>
      <c r="AB13" s="212" t="s">
        <v>16</v>
      </c>
      <c r="AC13" s="212" t="s">
        <v>16</v>
      </c>
      <c r="AD13" s="212" t="s">
        <v>16</v>
      </c>
      <c r="AE13" s="212" t="s">
        <v>16</v>
      </c>
      <c r="AF13" s="212" t="s">
        <v>16</v>
      </c>
      <c r="AG13" s="212" t="s">
        <v>16</v>
      </c>
      <c r="AH13" s="212" t="s">
        <v>16</v>
      </c>
      <c r="AI13" s="212" t="s">
        <v>16</v>
      </c>
      <c r="AJ13" s="212" t="s">
        <v>16</v>
      </c>
      <c r="AK13" s="212" t="s">
        <v>16</v>
      </c>
      <c r="AL13" s="212" t="s">
        <v>16</v>
      </c>
      <c r="AM13" s="212" t="s">
        <v>16</v>
      </c>
      <c r="AN13" s="212" t="s">
        <v>16</v>
      </c>
      <c r="AO13" s="212" t="s">
        <v>16</v>
      </c>
      <c r="AP13" s="212" t="s">
        <v>16</v>
      </c>
      <c r="AQ13" s="212" t="s">
        <v>16</v>
      </c>
      <c r="AR13" s="212" t="s">
        <v>16</v>
      </c>
      <c r="AS13" s="212" t="s">
        <v>16</v>
      </c>
      <c r="AT13" s="212" t="s">
        <v>16</v>
      </c>
      <c r="AU13" s="212" t="s">
        <v>16</v>
      </c>
      <c r="AV13" s="212" t="s">
        <v>16</v>
      </c>
      <c r="AW13" s="212" t="s">
        <v>16</v>
      </c>
      <c r="AX13" s="212" t="s">
        <v>16</v>
      </c>
      <c r="AY13" s="212" t="s">
        <v>16</v>
      </c>
    </row>
    <row r="14" spans="1:51">
      <c r="A14" s="212" t="s">
        <v>1559</v>
      </c>
      <c r="B14" s="212" t="s">
        <v>1626</v>
      </c>
      <c r="C14" s="212" t="s">
        <v>1626</v>
      </c>
      <c r="D14" s="212" t="s">
        <v>1626</v>
      </c>
      <c r="E14" s="212" t="s">
        <v>1626</v>
      </c>
      <c r="F14" s="212" t="s">
        <v>1626</v>
      </c>
      <c r="G14" s="212" t="s">
        <v>1626</v>
      </c>
      <c r="H14" s="212" t="s">
        <v>1626</v>
      </c>
      <c r="I14" s="212" t="s">
        <v>1626</v>
      </c>
      <c r="J14" s="212" t="s">
        <v>1626</v>
      </c>
      <c r="K14" s="212" t="s">
        <v>1626</v>
      </c>
      <c r="L14" s="212" t="s">
        <v>1626</v>
      </c>
      <c r="M14" s="212" t="s">
        <v>1626</v>
      </c>
      <c r="N14" s="212" t="s">
        <v>1626</v>
      </c>
      <c r="O14" s="212" t="s">
        <v>1626</v>
      </c>
      <c r="P14" s="212" t="s">
        <v>1626</v>
      </c>
      <c r="Q14" s="212" t="s">
        <v>1626</v>
      </c>
      <c r="R14" s="212" t="s">
        <v>1626</v>
      </c>
      <c r="S14" s="212" t="s">
        <v>1626</v>
      </c>
      <c r="T14" s="212" t="s">
        <v>1626</v>
      </c>
      <c r="U14" s="212" t="s">
        <v>1626</v>
      </c>
      <c r="V14" s="212" t="s">
        <v>1626</v>
      </c>
      <c r="W14" s="212" t="s">
        <v>1626</v>
      </c>
      <c r="X14" s="212" t="s">
        <v>1626</v>
      </c>
      <c r="Y14" s="212" t="s">
        <v>1626</v>
      </c>
      <c r="Z14" s="212" t="s">
        <v>1626</v>
      </c>
      <c r="AA14" s="212" t="s">
        <v>1626</v>
      </c>
      <c r="AB14" s="212" t="s">
        <v>1626</v>
      </c>
      <c r="AC14" s="212" t="s">
        <v>1626</v>
      </c>
      <c r="AD14" s="212" t="s">
        <v>1626</v>
      </c>
      <c r="AE14" s="212" t="s">
        <v>1626</v>
      </c>
      <c r="AF14" s="212" t="s">
        <v>1626</v>
      </c>
      <c r="AG14" s="212" t="s">
        <v>1626</v>
      </c>
      <c r="AH14" s="212" t="s">
        <v>1626</v>
      </c>
      <c r="AI14" s="212" t="s">
        <v>1626</v>
      </c>
      <c r="AJ14" s="212" t="s">
        <v>1626</v>
      </c>
      <c r="AK14" s="212" t="s">
        <v>1626</v>
      </c>
      <c r="AL14" s="212" t="s">
        <v>1626</v>
      </c>
      <c r="AM14" s="212" t="s">
        <v>1626</v>
      </c>
      <c r="AN14" s="212" t="s">
        <v>1626</v>
      </c>
      <c r="AO14" s="212" t="s">
        <v>1626</v>
      </c>
      <c r="AP14" s="212" t="s">
        <v>1626</v>
      </c>
      <c r="AQ14" s="212" t="s">
        <v>1626</v>
      </c>
      <c r="AR14" s="212" t="s">
        <v>1626</v>
      </c>
      <c r="AS14" s="212" t="s">
        <v>1626</v>
      </c>
      <c r="AT14" s="212" t="s">
        <v>1626</v>
      </c>
      <c r="AU14" s="212" t="s">
        <v>1626</v>
      </c>
      <c r="AV14" s="212" t="s">
        <v>1626</v>
      </c>
      <c r="AW14" s="212" t="s">
        <v>1626</v>
      </c>
      <c r="AX14" s="212" t="s">
        <v>1626</v>
      </c>
      <c r="AY14" s="212" t="s">
        <v>1626</v>
      </c>
    </row>
    <row r="15" spans="1:51">
      <c r="A15" s="212" t="s">
        <v>1563</v>
      </c>
      <c r="B15" s="212" t="s">
        <v>15</v>
      </c>
      <c r="C15" s="212" t="s">
        <v>15</v>
      </c>
      <c r="D15" s="212" t="s">
        <v>15</v>
      </c>
      <c r="E15" s="212" t="s">
        <v>15</v>
      </c>
      <c r="F15" s="212" t="s">
        <v>15</v>
      </c>
      <c r="G15" s="212" t="s">
        <v>15</v>
      </c>
      <c r="H15" s="212" t="s">
        <v>15</v>
      </c>
      <c r="I15" s="212" t="s">
        <v>15</v>
      </c>
      <c r="J15" s="212" t="s">
        <v>15</v>
      </c>
      <c r="K15" s="212" t="s">
        <v>15</v>
      </c>
      <c r="L15" s="212" t="s">
        <v>15</v>
      </c>
      <c r="M15" s="212" t="s">
        <v>15</v>
      </c>
      <c r="N15" s="212" t="s">
        <v>15</v>
      </c>
      <c r="O15" s="212" t="s">
        <v>15</v>
      </c>
      <c r="P15" s="212" t="s">
        <v>15</v>
      </c>
      <c r="Q15" s="212" t="s">
        <v>15</v>
      </c>
      <c r="R15" s="212" t="s">
        <v>15</v>
      </c>
      <c r="S15" s="212" t="s">
        <v>15</v>
      </c>
      <c r="T15" s="212" t="s">
        <v>15</v>
      </c>
      <c r="U15" s="212" t="s">
        <v>15</v>
      </c>
      <c r="V15" s="212" t="s">
        <v>15</v>
      </c>
      <c r="W15" s="212" t="s">
        <v>15</v>
      </c>
      <c r="X15" s="212" t="s">
        <v>15</v>
      </c>
      <c r="Y15" s="212" t="s">
        <v>15</v>
      </c>
      <c r="Z15" s="212" t="s">
        <v>15</v>
      </c>
      <c r="AA15" s="212" t="s">
        <v>15</v>
      </c>
      <c r="AB15" s="212" t="s">
        <v>15</v>
      </c>
      <c r="AC15" s="212" t="s">
        <v>15</v>
      </c>
      <c r="AD15" s="212" t="s">
        <v>15</v>
      </c>
      <c r="AE15" s="212" t="s">
        <v>15</v>
      </c>
      <c r="AF15" s="212" t="s">
        <v>15</v>
      </c>
      <c r="AG15" s="212" t="s">
        <v>15</v>
      </c>
      <c r="AH15" s="212" t="s">
        <v>15</v>
      </c>
      <c r="AI15" s="212" t="s">
        <v>15</v>
      </c>
      <c r="AJ15" s="212" t="s">
        <v>15</v>
      </c>
      <c r="AK15" s="212" t="s">
        <v>15</v>
      </c>
      <c r="AL15" s="212" t="s">
        <v>15</v>
      </c>
      <c r="AM15" s="212" t="s">
        <v>15</v>
      </c>
      <c r="AN15" s="212" t="s">
        <v>15</v>
      </c>
      <c r="AO15" s="212" t="s">
        <v>15</v>
      </c>
      <c r="AP15" s="212" t="s">
        <v>15</v>
      </c>
      <c r="AQ15" s="212" t="s">
        <v>15</v>
      </c>
      <c r="AR15" s="212" t="s">
        <v>15</v>
      </c>
      <c r="AS15" s="212" t="s">
        <v>15</v>
      </c>
      <c r="AT15" s="212" t="s">
        <v>15</v>
      </c>
      <c r="AU15" s="212" t="s">
        <v>15</v>
      </c>
      <c r="AV15" s="212" t="s">
        <v>15</v>
      </c>
      <c r="AW15" s="212" t="s">
        <v>15</v>
      </c>
      <c r="AX15" s="212" t="s">
        <v>15</v>
      </c>
      <c r="AY15" s="212" t="s">
        <v>15</v>
      </c>
    </row>
    <row r="16" spans="1:51">
      <c r="A16" s="212" t="s">
        <v>1564</v>
      </c>
      <c r="B16" s="212" t="s">
        <v>16</v>
      </c>
      <c r="C16" s="212" t="s">
        <v>15</v>
      </c>
      <c r="D16" s="212" t="s">
        <v>16</v>
      </c>
      <c r="E16" s="212" t="s">
        <v>16</v>
      </c>
      <c r="F16" s="212" t="s">
        <v>16</v>
      </c>
      <c r="G16" s="212" t="s">
        <v>15</v>
      </c>
      <c r="H16" s="212" t="s">
        <v>16</v>
      </c>
      <c r="I16" s="212" t="s">
        <v>16</v>
      </c>
      <c r="J16" s="212" t="s">
        <v>16</v>
      </c>
      <c r="K16" s="212" t="s">
        <v>16</v>
      </c>
      <c r="L16" s="212" t="s">
        <v>16</v>
      </c>
      <c r="M16" s="212" t="s">
        <v>16</v>
      </c>
      <c r="N16" s="212" t="s">
        <v>16</v>
      </c>
      <c r="O16" s="212" t="s">
        <v>16</v>
      </c>
      <c r="P16" s="212" t="s">
        <v>16</v>
      </c>
      <c r="Q16" s="212" t="s">
        <v>16</v>
      </c>
      <c r="R16" s="212" t="s">
        <v>16</v>
      </c>
      <c r="S16" s="212" t="s">
        <v>16</v>
      </c>
      <c r="T16" s="212" t="s">
        <v>16</v>
      </c>
      <c r="U16" s="212" t="s">
        <v>16</v>
      </c>
      <c r="V16" s="212" t="s">
        <v>16</v>
      </c>
      <c r="W16" s="212" t="s">
        <v>15</v>
      </c>
      <c r="X16" s="212" t="s">
        <v>16</v>
      </c>
      <c r="Y16" s="212" t="s">
        <v>16</v>
      </c>
      <c r="Z16" s="212" t="s">
        <v>15</v>
      </c>
      <c r="AA16" s="212" t="s">
        <v>16</v>
      </c>
      <c r="AB16" s="212" t="s">
        <v>16</v>
      </c>
      <c r="AC16" s="212" t="s">
        <v>16</v>
      </c>
      <c r="AD16" s="212" t="s">
        <v>16</v>
      </c>
      <c r="AE16" s="212" t="s">
        <v>16</v>
      </c>
      <c r="AF16" s="212" t="s">
        <v>16</v>
      </c>
      <c r="AG16" s="212" t="s">
        <v>16</v>
      </c>
      <c r="AH16" s="212" t="s">
        <v>16</v>
      </c>
      <c r="AI16" s="212" t="s">
        <v>16</v>
      </c>
      <c r="AJ16" s="212" t="s">
        <v>16</v>
      </c>
      <c r="AK16" s="212" t="s">
        <v>16</v>
      </c>
      <c r="AL16" s="212" t="s">
        <v>15</v>
      </c>
      <c r="AM16" s="212" t="s">
        <v>16</v>
      </c>
      <c r="AN16" s="212" t="s">
        <v>16</v>
      </c>
      <c r="AO16" s="212" t="s">
        <v>16</v>
      </c>
      <c r="AP16" s="212" t="s">
        <v>16</v>
      </c>
      <c r="AQ16" s="212" t="s">
        <v>16</v>
      </c>
      <c r="AR16" s="212" t="s">
        <v>16</v>
      </c>
      <c r="AS16" s="212" t="s">
        <v>16</v>
      </c>
      <c r="AT16" s="212" t="s">
        <v>15</v>
      </c>
      <c r="AU16" s="212" t="s">
        <v>16</v>
      </c>
      <c r="AV16" s="212" t="s">
        <v>16</v>
      </c>
      <c r="AW16" s="212" t="s">
        <v>16</v>
      </c>
      <c r="AX16" s="212" t="s">
        <v>16</v>
      </c>
      <c r="AY16" s="212" t="s">
        <v>16</v>
      </c>
    </row>
    <row r="17" spans="1:51">
      <c r="A17" s="212" t="s">
        <v>1565</v>
      </c>
      <c r="B17" s="212" t="s">
        <v>15</v>
      </c>
      <c r="C17" s="212" t="s">
        <v>15</v>
      </c>
      <c r="D17" s="212" t="s">
        <v>15</v>
      </c>
      <c r="E17" s="212" t="s">
        <v>15</v>
      </c>
      <c r="F17" s="212" t="s">
        <v>15</v>
      </c>
      <c r="G17" s="212" t="s">
        <v>15</v>
      </c>
      <c r="H17" s="212" t="s">
        <v>15</v>
      </c>
      <c r="I17" s="212" t="s">
        <v>15</v>
      </c>
      <c r="J17" s="212" t="s">
        <v>15</v>
      </c>
      <c r="K17" s="212" t="s">
        <v>15</v>
      </c>
      <c r="L17" s="212" t="s">
        <v>15</v>
      </c>
      <c r="M17" s="212" t="s">
        <v>15</v>
      </c>
      <c r="N17" s="212" t="s">
        <v>15</v>
      </c>
      <c r="O17" s="212" t="s">
        <v>15</v>
      </c>
      <c r="P17" s="212" t="s">
        <v>15</v>
      </c>
      <c r="Q17" s="212" t="s">
        <v>15</v>
      </c>
      <c r="R17" s="212" t="s">
        <v>15</v>
      </c>
      <c r="S17" s="212" t="s">
        <v>15</v>
      </c>
      <c r="T17" s="212" t="s">
        <v>15</v>
      </c>
      <c r="U17" s="212" t="s">
        <v>15</v>
      </c>
      <c r="V17" s="212" t="s">
        <v>15</v>
      </c>
      <c r="W17" s="212" t="s">
        <v>15</v>
      </c>
      <c r="X17" s="212" t="s">
        <v>15</v>
      </c>
      <c r="Y17" s="212" t="s">
        <v>15</v>
      </c>
      <c r="Z17" s="212" t="s">
        <v>15</v>
      </c>
      <c r="AA17" s="212" t="s">
        <v>15</v>
      </c>
      <c r="AB17" s="212" t="s">
        <v>15</v>
      </c>
      <c r="AC17" s="212" t="s">
        <v>15</v>
      </c>
      <c r="AD17" s="212" t="s">
        <v>15</v>
      </c>
      <c r="AE17" s="212" t="s">
        <v>15</v>
      </c>
      <c r="AF17" s="212" t="s">
        <v>15</v>
      </c>
      <c r="AG17" s="212" t="s">
        <v>15</v>
      </c>
      <c r="AH17" s="212" t="s">
        <v>15</v>
      </c>
      <c r="AI17" s="212" t="s">
        <v>15</v>
      </c>
      <c r="AJ17" s="212" t="s">
        <v>15</v>
      </c>
      <c r="AK17" s="212" t="s">
        <v>15</v>
      </c>
      <c r="AL17" s="212" t="s">
        <v>15</v>
      </c>
      <c r="AM17" s="212" t="s">
        <v>15</v>
      </c>
      <c r="AN17" s="212" t="s">
        <v>15</v>
      </c>
      <c r="AO17" s="212" t="s">
        <v>15</v>
      </c>
      <c r="AP17" s="212" t="s">
        <v>15</v>
      </c>
      <c r="AQ17" s="212" t="s">
        <v>15</v>
      </c>
      <c r="AR17" s="212" t="s">
        <v>15</v>
      </c>
      <c r="AS17" s="212" t="s">
        <v>15</v>
      </c>
      <c r="AT17" s="212" t="s">
        <v>15</v>
      </c>
      <c r="AU17" s="212" t="s">
        <v>15</v>
      </c>
      <c r="AV17" s="212" t="s">
        <v>15</v>
      </c>
      <c r="AW17" s="212" t="s">
        <v>15</v>
      </c>
      <c r="AX17" s="212" t="s">
        <v>15</v>
      </c>
      <c r="AY17" s="212" t="s">
        <v>15</v>
      </c>
    </row>
    <row r="18" spans="1:51">
      <c r="A18" s="212" t="s">
        <v>1566</v>
      </c>
      <c r="B18" s="212" t="s">
        <v>15</v>
      </c>
      <c r="C18" s="212" t="s">
        <v>15</v>
      </c>
      <c r="D18" s="212" t="s">
        <v>15</v>
      </c>
      <c r="E18" s="212" t="s">
        <v>15</v>
      </c>
      <c r="F18" s="212" t="s">
        <v>15</v>
      </c>
      <c r="G18" s="212" t="s">
        <v>15</v>
      </c>
      <c r="H18" s="212" t="s">
        <v>15</v>
      </c>
      <c r="I18" s="212" t="s">
        <v>15</v>
      </c>
      <c r="J18" s="212" t="s">
        <v>15</v>
      </c>
      <c r="K18" s="212" t="s">
        <v>15</v>
      </c>
      <c r="L18" s="212" t="s">
        <v>15</v>
      </c>
      <c r="M18" s="212" t="s">
        <v>15</v>
      </c>
      <c r="N18" s="212" t="s">
        <v>15</v>
      </c>
      <c r="O18" s="212" t="s">
        <v>15</v>
      </c>
      <c r="P18" s="212" t="s">
        <v>15</v>
      </c>
      <c r="Q18" s="212" t="s">
        <v>15</v>
      </c>
      <c r="R18" s="212" t="s">
        <v>15</v>
      </c>
      <c r="S18" s="212" t="s">
        <v>15</v>
      </c>
      <c r="T18" s="212" t="s">
        <v>15</v>
      </c>
      <c r="U18" s="212" t="s">
        <v>15</v>
      </c>
      <c r="V18" s="212" t="s">
        <v>15</v>
      </c>
      <c r="W18" s="212" t="s">
        <v>16</v>
      </c>
      <c r="X18" s="212" t="s">
        <v>15</v>
      </c>
      <c r="Y18" s="212" t="s">
        <v>15</v>
      </c>
      <c r="Z18" s="212" t="s">
        <v>15</v>
      </c>
      <c r="AA18" s="212" t="s">
        <v>15</v>
      </c>
      <c r="AB18" s="212" t="s">
        <v>15</v>
      </c>
      <c r="AC18" s="212" t="s">
        <v>15</v>
      </c>
      <c r="AD18" s="212" t="s">
        <v>15</v>
      </c>
      <c r="AE18" s="212" t="s">
        <v>15</v>
      </c>
      <c r="AF18" s="212" t="s">
        <v>15</v>
      </c>
      <c r="AG18" s="212" t="s">
        <v>15</v>
      </c>
      <c r="AH18" s="212" t="s">
        <v>15</v>
      </c>
      <c r="AI18" s="212" t="s">
        <v>15</v>
      </c>
      <c r="AJ18" s="212" t="s">
        <v>15</v>
      </c>
      <c r="AK18" s="212" t="s">
        <v>15</v>
      </c>
      <c r="AL18" s="212" t="s">
        <v>15</v>
      </c>
      <c r="AM18" s="212" t="s">
        <v>15</v>
      </c>
      <c r="AN18" s="212" t="s">
        <v>15</v>
      </c>
      <c r="AO18" s="212" t="s">
        <v>15</v>
      </c>
      <c r="AP18" s="212" t="s">
        <v>15</v>
      </c>
      <c r="AQ18" s="212" t="s">
        <v>15</v>
      </c>
      <c r="AR18" s="212" t="s">
        <v>15</v>
      </c>
      <c r="AS18" s="212" t="s">
        <v>15</v>
      </c>
      <c r="AT18" s="212" t="s">
        <v>15</v>
      </c>
      <c r="AU18" s="212" t="s">
        <v>15</v>
      </c>
      <c r="AV18" s="212" t="s">
        <v>15</v>
      </c>
      <c r="AW18" s="212" t="s">
        <v>15</v>
      </c>
      <c r="AX18" s="212" t="s">
        <v>15</v>
      </c>
      <c r="AY18" s="212" t="s">
        <v>15</v>
      </c>
    </row>
    <row r="19" spans="1:51">
      <c r="A19" s="212" t="s">
        <v>1567</v>
      </c>
      <c r="B19" s="212" t="s">
        <v>15</v>
      </c>
      <c r="C19" s="212" t="s">
        <v>15</v>
      </c>
      <c r="D19" s="212" t="s">
        <v>15</v>
      </c>
      <c r="E19" s="212" t="s">
        <v>15</v>
      </c>
      <c r="F19" s="212" t="s">
        <v>15</v>
      </c>
      <c r="G19" s="212" t="s">
        <v>15</v>
      </c>
      <c r="H19" s="212" t="s">
        <v>15</v>
      </c>
      <c r="I19" s="212" t="s">
        <v>15</v>
      </c>
      <c r="J19" s="212" t="s">
        <v>15</v>
      </c>
      <c r="K19" s="212" t="s">
        <v>15</v>
      </c>
      <c r="L19" s="212" t="s">
        <v>15</v>
      </c>
      <c r="M19" s="212" t="s">
        <v>15</v>
      </c>
      <c r="N19" s="212" t="s">
        <v>15</v>
      </c>
      <c r="O19" s="212" t="s">
        <v>15</v>
      </c>
      <c r="P19" s="212" t="s">
        <v>16</v>
      </c>
      <c r="Q19" s="212" t="s">
        <v>15</v>
      </c>
      <c r="R19" s="212" t="s">
        <v>16</v>
      </c>
      <c r="S19" s="212" t="s">
        <v>15</v>
      </c>
      <c r="T19" s="212" t="s">
        <v>15</v>
      </c>
      <c r="U19" s="212" t="s">
        <v>16</v>
      </c>
      <c r="V19" s="212" t="s">
        <v>16</v>
      </c>
      <c r="W19" s="212" t="s">
        <v>15</v>
      </c>
      <c r="X19" s="212" t="s">
        <v>15</v>
      </c>
      <c r="Y19" s="212" t="s">
        <v>15</v>
      </c>
      <c r="Z19" s="212" t="s">
        <v>15</v>
      </c>
      <c r="AA19" s="212" t="s">
        <v>16</v>
      </c>
      <c r="AB19" s="212" t="s">
        <v>15</v>
      </c>
      <c r="AC19" s="212" t="s">
        <v>15</v>
      </c>
      <c r="AD19" s="212" t="s">
        <v>15</v>
      </c>
      <c r="AE19" s="212" t="s">
        <v>15</v>
      </c>
      <c r="AF19" s="212" t="s">
        <v>16</v>
      </c>
      <c r="AG19" s="212" t="s">
        <v>15</v>
      </c>
      <c r="AH19" s="212" t="s">
        <v>15</v>
      </c>
      <c r="AI19" s="212" t="s">
        <v>16</v>
      </c>
      <c r="AJ19" s="212" t="s">
        <v>15</v>
      </c>
      <c r="AK19" s="212" t="s">
        <v>15</v>
      </c>
      <c r="AL19" s="212" t="s">
        <v>15</v>
      </c>
      <c r="AM19" s="212" t="s">
        <v>15</v>
      </c>
      <c r="AN19" s="212" t="s">
        <v>15</v>
      </c>
      <c r="AO19" s="212" t="s">
        <v>15</v>
      </c>
      <c r="AP19" s="212" t="s">
        <v>15</v>
      </c>
      <c r="AQ19" s="212" t="s">
        <v>15</v>
      </c>
      <c r="AR19" s="212" t="s">
        <v>16</v>
      </c>
      <c r="AS19" s="212" t="s">
        <v>16</v>
      </c>
      <c r="AT19" s="212" t="s">
        <v>16</v>
      </c>
      <c r="AU19" s="212" t="s">
        <v>15</v>
      </c>
      <c r="AV19" s="212" t="s">
        <v>15</v>
      </c>
      <c r="AW19" s="212" t="s">
        <v>15</v>
      </c>
      <c r="AX19" s="212" t="s">
        <v>15</v>
      </c>
      <c r="AY19" s="212" t="s">
        <v>16</v>
      </c>
    </row>
    <row r="20" spans="1:51">
      <c r="A20" s="212" t="s">
        <v>1568</v>
      </c>
      <c r="B20" s="212" t="s">
        <v>16</v>
      </c>
      <c r="C20" s="212" t="s">
        <v>16</v>
      </c>
      <c r="D20" s="212" t="s">
        <v>16</v>
      </c>
      <c r="E20" s="212" t="s">
        <v>16</v>
      </c>
      <c r="F20" s="212" t="s">
        <v>16</v>
      </c>
      <c r="G20" s="212" t="s">
        <v>15</v>
      </c>
      <c r="H20" s="212" t="s">
        <v>16</v>
      </c>
      <c r="I20" s="212" t="s">
        <v>16</v>
      </c>
      <c r="J20" s="212" t="s">
        <v>16</v>
      </c>
      <c r="K20" s="212" t="s">
        <v>16</v>
      </c>
      <c r="L20" s="212" t="s">
        <v>16</v>
      </c>
      <c r="M20" s="212" t="s">
        <v>16</v>
      </c>
      <c r="N20" s="212" t="s">
        <v>16</v>
      </c>
      <c r="O20" s="212" t="s">
        <v>16</v>
      </c>
      <c r="P20" s="212" t="s">
        <v>16</v>
      </c>
      <c r="Q20" s="212" t="s">
        <v>16</v>
      </c>
      <c r="R20" s="212" t="s">
        <v>16</v>
      </c>
      <c r="S20" s="212" t="s">
        <v>16</v>
      </c>
      <c r="T20" s="212" t="s">
        <v>16</v>
      </c>
      <c r="U20" s="212" t="s">
        <v>16</v>
      </c>
      <c r="V20" s="212" t="s">
        <v>16</v>
      </c>
      <c r="W20" s="212" t="s">
        <v>16</v>
      </c>
      <c r="X20" s="212" t="s">
        <v>16</v>
      </c>
      <c r="Y20" s="212" t="s">
        <v>16</v>
      </c>
      <c r="Z20" s="212" t="s">
        <v>16</v>
      </c>
      <c r="AA20" s="212" t="s">
        <v>16</v>
      </c>
      <c r="AB20" s="212" t="s">
        <v>16</v>
      </c>
      <c r="AC20" s="212" t="s">
        <v>16</v>
      </c>
      <c r="AD20" s="212" t="s">
        <v>16</v>
      </c>
      <c r="AE20" s="212" t="s">
        <v>16</v>
      </c>
      <c r="AF20" s="212" t="s">
        <v>16</v>
      </c>
      <c r="AG20" s="212" t="s">
        <v>16</v>
      </c>
      <c r="AH20" s="212" t="s">
        <v>16</v>
      </c>
      <c r="AI20" s="212" t="s">
        <v>16</v>
      </c>
      <c r="AJ20" s="212" t="s">
        <v>16</v>
      </c>
      <c r="AK20" s="212" t="s">
        <v>16</v>
      </c>
      <c r="AL20" s="212" t="s">
        <v>16</v>
      </c>
      <c r="AM20" s="212" t="s">
        <v>16</v>
      </c>
      <c r="AN20" s="212" t="s">
        <v>16</v>
      </c>
      <c r="AO20" s="212" t="s">
        <v>16</v>
      </c>
      <c r="AP20" s="212" t="s">
        <v>16</v>
      </c>
      <c r="AQ20" s="212" t="s">
        <v>16</v>
      </c>
      <c r="AR20" s="212" t="s">
        <v>16</v>
      </c>
      <c r="AS20" s="212" t="s">
        <v>16</v>
      </c>
      <c r="AT20" s="212" t="s">
        <v>16</v>
      </c>
      <c r="AU20" s="212" t="s">
        <v>16</v>
      </c>
      <c r="AV20" s="212" t="s">
        <v>16</v>
      </c>
      <c r="AW20" s="212" t="s">
        <v>16</v>
      </c>
      <c r="AX20" s="212" t="s">
        <v>16</v>
      </c>
      <c r="AY20" s="212" t="s">
        <v>16</v>
      </c>
    </row>
    <row r="21" spans="1:51">
      <c r="A21" s="212" t="s">
        <v>1569</v>
      </c>
      <c r="B21" s="212" t="s">
        <v>16</v>
      </c>
      <c r="C21" s="212" t="s">
        <v>16</v>
      </c>
      <c r="D21" s="212" t="s">
        <v>16</v>
      </c>
      <c r="E21" s="212" t="s">
        <v>16</v>
      </c>
      <c r="F21" s="212" t="s">
        <v>16</v>
      </c>
      <c r="G21" s="212" t="s">
        <v>16</v>
      </c>
      <c r="H21" s="212" t="s">
        <v>16</v>
      </c>
      <c r="I21" s="212" t="s">
        <v>16</v>
      </c>
      <c r="J21" s="212" t="s">
        <v>16</v>
      </c>
      <c r="K21" s="212" t="s">
        <v>16</v>
      </c>
      <c r="L21" s="212" t="s">
        <v>16</v>
      </c>
      <c r="M21" s="212" t="s">
        <v>16</v>
      </c>
      <c r="N21" s="212" t="s">
        <v>16</v>
      </c>
      <c r="O21" s="212" t="s">
        <v>16</v>
      </c>
      <c r="P21" s="212" t="s">
        <v>16</v>
      </c>
      <c r="Q21" s="212" t="s">
        <v>16</v>
      </c>
      <c r="R21" s="212" t="s">
        <v>16</v>
      </c>
      <c r="S21" s="212" t="s">
        <v>16</v>
      </c>
      <c r="T21" s="212" t="s">
        <v>16</v>
      </c>
      <c r="U21" s="212" t="s">
        <v>16</v>
      </c>
      <c r="V21" s="212" t="s">
        <v>16</v>
      </c>
      <c r="W21" s="212" t="s">
        <v>16</v>
      </c>
      <c r="X21" s="212" t="s">
        <v>16</v>
      </c>
      <c r="Y21" s="212" t="s">
        <v>16</v>
      </c>
      <c r="Z21" s="212" t="s">
        <v>16</v>
      </c>
      <c r="AA21" s="212" t="s">
        <v>16</v>
      </c>
      <c r="AB21" s="212" t="s">
        <v>16</v>
      </c>
      <c r="AC21" s="212" t="s">
        <v>16</v>
      </c>
      <c r="AD21" s="212" t="s">
        <v>16</v>
      </c>
      <c r="AE21" s="212" t="s">
        <v>16</v>
      </c>
      <c r="AF21" s="212" t="s">
        <v>16</v>
      </c>
      <c r="AG21" s="212" t="s">
        <v>16</v>
      </c>
      <c r="AH21" s="212" t="s">
        <v>16</v>
      </c>
      <c r="AI21" s="212" t="s">
        <v>16</v>
      </c>
      <c r="AJ21" s="212" t="s">
        <v>16</v>
      </c>
      <c r="AK21" s="212" t="s">
        <v>16</v>
      </c>
      <c r="AL21" s="212" t="s">
        <v>16</v>
      </c>
      <c r="AM21" s="212" t="s">
        <v>16</v>
      </c>
      <c r="AN21" s="212" t="s">
        <v>16</v>
      </c>
      <c r="AO21" s="212" t="s">
        <v>16</v>
      </c>
      <c r="AP21" s="212" t="s">
        <v>16</v>
      </c>
      <c r="AQ21" s="212" t="s">
        <v>16</v>
      </c>
      <c r="AR21" s="212" t="s">
        <v>16</v>
      </c>
      <c r="AS21" s="212" t="s">
        <v>16</v>
      </c>
      <c r="AT21" s="212" t="s">
        <v>16</v>
      </c>
      <c r="AU21" s="212" t="s">
        <v>16</v>
      </c>
      <c r="AV21" s="212" t="s">
        <v>16</v>
      </c>
      <c r="AW21" s="212" t="s">
        <v>16</v>
      </c>
      <c r="AX21" s="212" t="s">
        <v>16</v>
      </c>
      <c r="AY21" s="212" t="s">
        <v>16</v>
      </c>
    </row>
    <row r="22" spans="1:51">
      <c r="A22" s="212" t="s">
        <v>1570</v>
      </c>
      <c r="B22" s="212" t="s">
        <v>15</v>
      </c>
      <c r="C22" s="212" t="s">
        <v>15</v>
      </c>
      <c r="D22" s="212" t="s">
        <v>15</v>
      </c>
      <c r="E22" s="212" t="s">
        <v>15</v>
      </c>
      <c r="F22" s="212" t="s">
        <v>15</v>
      </c>
      <c r="G22" s="212" t="s">
        <v>15</v>
      </c>
      <c r="H22" s="212" t="s">
        <v>15</v>
      </c>
      <c r="I22" s="212" t="s">
        <v>15</v>
      </c>
      <c r="J22" s="212" t="s">
        <v>15</v>
      </c>
      <c r="K22" s="212" t="s">
        <v>15</v>
      </c>
      <c r="L22" s="212" t="s">
        <v>15</v>
      </c>
      <c r="M22" s="212" t="s">
        <v>15</v>
      </c>
      <c r="N22" s="212" t="s">
        <v>15</v>
      </c>
      <c r="O22" s="212" t="s">
        <v>15</v>
      </c>
      <c r="P22" s="212" t="s">
        <v>15</v>
      </c>
      <c r="Q22" s="212" t="s">
        <v>15</v>
      </c>
      <c r="R22" s="212" t="s">
        <v>15</v>
      </c>
      <c r="S22" s="212" t="s">
        <v>15</v>
      </c>
      <c r="T22" s="212" t="s">
        <v>15</v>
      </c>
      <c r="U22" s="212" t="s">
        <v>15</v>
      </c>
      <c r="V22" s="212" t="s">
        <v>15</v>
      </c>
      <c r="W22" s="212" t="s">
        <v>15</v>
      </c>
      <c r="X22" s="212" t="s">
        <v>15</v>
      </c>
      <c r="Y22" s="212" t="s">
        <v>15</v>
      </c>
      <c r="Z22" s="212" t="s">
        <v>15</v>
      </c>
      <c r="AA22" s="212" t="s">
        <v>15</v>
      </c>
      <c r="AB22" s="212" t="s">
        <v>15</v>
      </c>
      <c r="AC22" s="212" t="s">
        <v>15</v>
      </c>
      <c r="AD22" s="212" t="s">
        <v>15</v>
      </c>
      <c r="AE22" s="212" t="s">
        <v>15</v>
      </c>
      <c r="AF22" s="212" t="s">
        <v>15</v>
      </c>
      <c r="AG22" s="212" t="s">
        <v>15</v>
      </c>
      <c r="AH22" s="212" t="s">
        <v>15</v>
      </c>
      <c r="AI22" s="212" t="s">
        <v>15</v>
      </c>
      <c r="AJ22" s="212" t="s">
        <v>15</v>
      </c>
      <c r="AK22" s="212" t="s">
        <v>15</v>
      </c>
      <c r="AL22" s="212" t="s">
        <v>15</v>
      </c>
      <c r="AM22" s="212" t="s">
        <v>15</v>
      </c>
      <c r="AN22" s="212" t="s">
        <v>15</v>
      </c>
      <c r="AO22" s="212" t="s">
        <v>15</v>
      </c>
      <c r="AP22" s="212" t="s">
        <v>15</v>
      </c>
      <c r="AQ22" s="212" t="s">
        <v>15</v>
      </c>
      <c r="AR22" s="212" t="s">
        <v>15</v>
      </c>
      <c r="AS22" s="212" t="s">
        <v>15</v>
      </c>
      <c r="AT22" s="212" t="s">
        <v>15</v>
      </c>
      <c r="AU22" s="212" t="s">
        <v>15</v>
      </c>
      <c r="AV22" s="212" t="s">
        <v>15</v>
      </c>
      <c r="AW22" s="212" t="s">
        <v>15</v>
      </c>
      <c r="AX22" s="212" t="s">
        <v>15</v>
      </c>
      <c r="AY22" s="212" t="s">
        <v>15</v>
      </c>
    </row>
    <row r="23" spans="1:51">
      <c r="A23" s="212" t="s">
        <v>1571</v>
      </c>
      <c r="B23" s="212" t="s">
        <v>15</v>
      </c>
      <c r="C23" s="212" t="s">
        <v>15</v>
      </c>
      <c r="D23" s="212" t="s">
        <v>15</v>
      </c>
      <c r="E23" s="212" t="s">
        <v>15</v>
      </c>
      <c r="F23" s="212" t="s">
        <v>15</v>
      </c>
      <c r="G23" s="212" t="s">
        <v>15</v>
      </c>
      <c r="H23" s="212" t="s">
        <v>15</v>
      </c>
      <c r="I23" s="212" t="s">
        <v>15</v>
      </c>
      <c r="J23" s="212" t="s">
        <v>15</v>
      </c>
      <c r="K23" s="212" t="s">
        <v>15</v>
      </c>
      <c r="L23" s="212" t="s">
        <v>15</v>
      </c>
      <c r="M23" s="212" t="s">
        <v>15</v>
      </c>
      <c r="N23" s="212" t="s">
        <v>15</v>
      </c>
      <c r="O23" s="212" t="s">
        <v>15</v>
      </c>
      <c r="P23" s="212" t="s">
        <v>15</v>
      </c>
      <c r="Q23" s="212" t="s">
        <v>15</v>
      </c>
      <c r="R23" s="212" t="s">
        <v>15</v>
      </c>
      <c r="S23" s="212" t="s">
        <v>15</v>
      </c>
      <c r="T23" s="212" t="s">
        <v>15</v>
      </c>
      <c r="U23" s="212" t="s">
        <v>15</v>
      </c>
      <c r="V23" s="212" t="s">
        <v>15</v>
      </c>
      <c r="W23" s="212" t="s">
        <v>15</v>
      </c>
      <c r="X23" s="212" t="s">
        <v>15</v>
      </c>
      <c r="Y23" s="212" t="s">
        <v>15</v>
      </c>
      <c r="Z23" s="212" t="s">
        <v>15</v>
      </c>
      <c r="AA23" s="212" t="s">
        <v>15</v>
      </c>
      <c r="AB23" s="212" t="s">
        <v>15</v>
      </c>
      <c r="AC23" s="212" t="s">
        <v>15</v>
      </c>
      <c r="AD23" s="212" t="s">
        <v>15</v>
      </c>
      <c r="AE23" s="212" t="s">
        <v>15</v>
      </c>
      <c r="AF23" s="212" t="s">
        <v>15</v>
      </c>
      <c r="AG23" s="212" t="s">
        <v>15</v>
      </c>
      <c r="AH23" s="212" t="s">
        <v>15</v>
      </c>
      <c r="AI23" s="212" t="s">
        <v>15</v>
      </c>
      <c r="AJ23" s="212" t="s">
        <v>15</v>
      </c>
      <c r="AK23" s="212" t="s">
        <v>15</v>
      </c>
      <c r="AL23" s="212" t="s">
        <v>15</v>
      </c>
      <c r="AM23" s="212" t="s">
        <v>15</v>
      </c>
      <c r="AN23" s="212" t="s">
        <v>15</v>
      </c>
      <c r="AO23" s="212" t="s">
        <v>15</v>
      </c>
      <c r="AP23" s="212" t="s">
        <v>15</v>
      </c>
      <c r="AQ23" s="212" t="s">
        <v>15</v>
      </c>
      <c r="AR23" s="212" t="s">
        <v>15</v>
      </c>
      <c r="AS23" s="212" t="s">
        <v>15</v>
      </c>
      <c r="AT23" s="212" t="s">
        <v>15</v>
      </c>
      <c r="AU23" s="212" t="s">
        <v>15</v>
      </c>
      <c r="AV23" s="212" t="s">
        <v>15</v>
      </c>
      <c r="AW23" s="212" t="s">
        <v>15</v>
      </c>
      <c r="AX23" s="212" t="s">
        <v>15</v>
      </c>
      <c r="AY23" s="212" t="s">
        <v>15</v>
      </c>
    </row>
    <row r="24" spans="1:51">
      <c r="A24" s="212" t="s">
        <v>1572</v>
      </c>
      <c r="B24" s="212" t="s">
        <v>15</v>
      </c>
      <c r="C24" s="212" t="s">
        <v>15</v>
      </c>
      <c r="D24" s="212" t="s">
        <v>15</v>
      </c>
      <c r="E24" s="212" t="s">
        <v>15</v>
      </c>
      <c r="F24" s="212" t="s">
        <v>15</v>
      </c>
      <c r="G24" s="212" t="s">
        <v>15</v>
      </c>
      <c r="H24" s="212" t="s">
        <v>15</v>
      </c>
      <c r="I24" s="212" t="s">
        <v>15</v>
      </c>
      <c r="J24" s="212" t="s">
        <v>15</v>
      </c>
      <c r="K24" s="212" t="s">
        <v>15</v>
      </c>
      <c r="L24" s="212" t="s">
        <v>15</v>
      </c>
      <c r="M24" s="212" t="s">
        <v>15</v>
      </c>
      <c r="N24" s="212" t="s">
        <v>15</v>
      </c>
      <c r="O24" s="212" t="s">
        <v>15</v>
      </c>
      <c r="P24" s="212" t="s">
        <v>15</v>
      </c>
      <c r="Q24" s="212" t="s">
        <v>15</v>
      </c>
      <c r="R24" s="212" t="s">
        <v>15</v>
      </c>
      <c r="S24" s="212" t="s">
        <v>15</v>
      </c>
      <c r="T24" s="212" t="s">
        <v>15</v>
      </c>
      <c r="U24" s="212" t="s">
        <v>15</v>
      </c>
      <c r="V24" s="212" t="s">
        <v>15</v>
      </c>
      <c r="W24" s="212" t="s">
        <v>15</v>
      </c>
      <c r="X24" s="212" t="s">
        <v>15</v>
      </c>
      <c r="Y24" s="212" t="s">
        <v>15</v>
      </c>
      <c r="Z24" s="212" t="s">
        <v>15</v>
      </c>
      <c r="AA24" s="212" t="s">
        <v>15</v>
      </c>
      <c r="AB24" s="212" t="s">
        <v>15</v>
      </c>
      <c r="AC24" s="212" t="s">
        <v>15</v>
      </c>
      <c r="AD24" s="212" t="s">
        <v>15</v>
      </c>
      <c r="AE24" s="212" t="s">
        <v>15</v>
      </c>
      <c r="AF24" s="212" t="s">
        <v>15</v>
      </c>
      <c r="AG24" s="212" t="s">
        <v>15</v>
      </c>
      <c r="AH24" s="212" t="s">
        <v>15</v>
      </c>
      <c r="AI24" s="212" t="s">
        <v>15</v>
      </c>
      <c r="AJ24" s="212" t="s">
        <v>15</v>
      </c>
      <c r="AK24" s="212" t="s">
        <v>15</v>
      </c>
      <c r="AL24" s="212" t="s">
        <v>15</v>
      </c>
      <c r="AM24" s="212" t="s">
        <v>15</v>
      </c>
      <c r="AN24" s="212" t="s">
        <v>15</v>
      </c>
      <c r="AO24" s="212" t="s">
        <v>15</v>
      </c>
      <c r="AP24" s="212" t="s">
        <v>15</v>
      </c>
      <c r="AQ24" s="212" t="s">
        <v>15</v>
      </c>
      <c r="AR24" s="212" t="s">
        <v>15</v>
      </c>
      <c r="AS24" s="212" t="s">
        <v>15</v>
      </c>
      <c r="AT24" s="212" t="s">
        <v>15</v>
      </c>
      <c r="AU24" s="212" t="s">
        <v>15</v>
      </c>
      <c r="AV24" s="212" t="s">
        <v>15</v>
      </c>
      <c r="AW24" s="212" t="s">
        <v>15</v>
      </c>
      <c r="AX24" s="212" t="s">
        <v>15</v>
      </c>
      <c r="AY24" s="212" t="s">
        <v>15</v>
      </c>
    </row>
    <row r="25" spans="1:51">
      <c r="A25" s="212" t="s">
        <v>1573</v>
      </c>
      <c r="B25" s="212" t="s">
        <v>15</v>
      </c>
      <c r="C25" s="212" t="s">
        <v>15</v>
      </c>
      <c r="D25" s="212" t="s">
        <v>15</v>
      </c>
      <c r="E25" s="212" t="s">
        <v>15</v>
      </c>
      <c r="F25" s="212" t="s">
        <v>15</v>
      </c>
      <c r="G25" s="212" t="s">
        <v>15</v>
      </c>
      <c r="H25" s="212" t="s">
        <v>15</v>
      </c>
      <c r="I25" s="212" t="s">
        <v>15</v>
      </c>
      <c r="J25" s="212" t="s">
        <v>15</v>
      </c>
      <c r="K25" s="212" t="s">
        <v>15</v>
      </c>
      <c r="L25" s="212" t="s">
        <v>15</v>
      </c>
      <c r="M25" s="212" t="s">
        <v>15</v>
      </c>
      <c r="N25" s="212" t="s">
        <v>15</v>
      </c>
      <c r="O25" s="212" t="s">
        <v>15</v>
      </c>
      <c r="P25" s="212" t="s">
        <v>15</v>
      </c>
      <c r="Q25" s="212" t="s">
        <v>15</v>
      </c>
      <c r="R25" s="212" t="s">
        <v>15</v>
      </c>
      <c r="S25" s="212" t="s">
        <v>15</v>
      </c>
      <c r="T25" s="212" t="s">
        <v>15</v>
      </c>
      <c r="U25" s="212" t="s">
        <v>15</v>
      </c>
      <c r="V25" s="212" t="s">
        <v>15</v>
      </c>
      <c r="W25" s="212" t="s">
        <v>15</v>
      </c>
      <c r="X25" s="212" t="s">
        <v>15</v>
      </c>
      <c r="Y25" s="212" t="s">
        <v>15</v>
      </c>
      <c r="Z25" s="212" t="s">
        <v>15</v>
      </c>
      <c r="AA25" s="212" t="s">
        <v>15</v>
      </c>
      <c r="AB25" s="212" t="s">
        <v>15</v>
      </c>
      <c r="AC25" s="212" t="s">
        <v>15</v>
      </c>
      <c r="AD25" s="212" t="s">
        <v>15</v>
      </c>
      <c r="AE25" s="212" t="s">
        <v>15</v>
      </c>
      <c r="AF25" s="212" t="s">
        <v>15</v>
      </c>
      <c r="AG25" s="212" t="s">
        <v>15</v>
      </c>
      <c r="AH25" s="212" t="s">
        <v>15</v>
      </c>
      <c r="AI25" s="212" t="s">
        <v>15</v>
      </c>
      <c r="AJ25" s="212" t="s">
        <v>15</v>
      </c>
      <c r="AK25" s="212" t="s">
        <v>15</v>
      </c>
      <c r="AL25" s="212" t="s">
        <v>15</v>
      </c>
      <c r="AM25" s="212" t="s">
        <v>15</v>
      </c>
      <c r="AN25" s="212" t="s">
        <v>15</v>
      </c>
      <c r="AO25" s="212" t="s">
        <v>15</v>
      </c>
      <c r="AP25" s="212" t="s">
        <v>15</v>
      </c>
      <c r="AQ25" s="212" t="s">
        <v>16</v>
      </c>
      <c r="AR25" s="212" t="s">
        <v>15</v>
      </c>
      <c r="AS25" s="212" t="s">
        <v>15</v>
      </c>
      <c r="AT25" s="212" t="s">
        <v>15</v>
      </c>
      <c r="AU25" s="212" t="s">
        <v>15</v>
      </c>
      <c r="AV25" s="212" t="s">
        <v>15</v>
      </c>
      <c r="AW25" s="212" t="s">
        <v>15</v>
      </c>
      <c r="AX25" s="212" t="s">
        <v>15</v>
      </c>
      <c r="AY25" s="212" t="s">
        <v>15</v>
      </c>
    </row>
    <row r="26" spans="1:51">
      <c r="A26" s="212" t="s">
        <v>1574</v>
      </c>
      <c r="B26" s="212" t="s">
        <v>16</v>
      </c>
      <c r="C26" s="212" t="s">
        <v>16</v>
      </c>
      <c r="D26" s="212" t="s">
        <v>16</v>
      </c>
      <c r="E26" s="212" t="s">
        <v>15</v>
      </c>
      <c r="F26" s="212" t="s">
        <v>16</v>
      </c>
      <c r="G26" s="212" t="s">
        <v>16</v>
      </c>
      <c r="H26" s="212" t="s">
        <v>16</v>
      </c>
      <c r="I26" s="212" t="s">
        <v>16</v>
      </c>
      <c r="J26" s="212" t="s">
        <v>16</v>
      </c>
      <c r="K26" s="212" t="s">
        <v>16</v>
      </c>
      <c r="L26" s="212" t="s">
        <v>16</v>
      </c>
      <c r="M26" s="212" t="s">
        <v>16</v>
      </c>
      <c r="N26" s="212" t="s">
        <v>16</v>
      </c>
      <c r="O26" s="212" t="s">
        <v>15</v>
      </c>
      <c r="P26" s="212" t="s">
        <v>16</v>
      </c>
      <c r="Q26" s="212" t="s">
        <v>16</v>
      </c>
      <c r="R26" s="212" t="s">
        <v>16</v>
      </c>
      <c r="S26" s="212" t="s">
        <v>16</v>
      </c>
      <c r="T26" s="212" t="s">
        <v>16</v>
      </c>
      <c r="U26" s="212" t="s">
        <v>16</v>
      </c>
      <c r="V26" s="212" t="s">
        <v>16</v>
      </c>
      <c r="W26" s="212" t="s">
        <v>16</v>
      </c>
      <c r="X26" s="212" t="s">
        <v>15</v>
      </c>
      <c r="Y26" s="212" t="s">
        <v>16</v>
      </c>
      <c r="Z26" s="212" t="s">
        <v>16</v>
      </c>
      <c r="AA26" s="212" t="s">
        <v>16</v>
      </c>
      <c r="AB26" s="212" t="s">
        <v>16</v>
      </c>
      <c r="AC26" s="212" t="s">
        <v>16</v>
      </c>
      <c r="AD26" s="212" t="s">
        <v>16</v>
      </c>
      <c r="AE26" s="212" t="s">
        <v>16</v>
      </c>
      <c r="AF26" s="212" t="s">
        <v>16</v>
      </c>
      <c r="AG26" s="212" t="s">
        <v>16</v>
      </c>
      <c r="AH26" s="212" t="s">
        <v>16</v>
      </c>
      <c r="AI26" s="212" t="s">
        <v>16</v>
      </c>
      <c r="AJ26" s="212" t="s">
        <v>16</v>
      </c>
      <c r="AK26" s="212" t="s">
        <v>15</v>
      </c>
      <c r="AL26" s="212" t="s">
        <v>16</v>
      </c>
      <c r="AM26" s="212" t="s">
        <v>16</v>
      </c>
      <c r="AN26" s="212" t="s">
        <v>16</v>
      </c>
      <c r="AO26" s="212" t="s">
        <v>16</v>
      </c>
      <c r="AP26" s="212" t="s">
        <v>16</v>
      </c>
      <c r="AQ26" s="212" t="s">
        <v>16</v>
      </c>
      <c r="AR26" s="212" t="s">
        <v>16</v>
      </c>
      <c r="AS26" s="212" t="s">
        <v>16</v>
      </c>
      <c r="AT26" s="212" t="s">
        <v>16</v>
      </c>
      <c r="AU26" s="212" t="s">
        <v>16</v>
      </c>
      <c r="AV26" s="212" t="s">
        <v>16</v>
      </c>
      <c r="AW26" s="212" t="s">
        <v>16</v>
      </c>
      <c r="AX26" s="212" t="s">
        <v>16</v>
      </c>
      <c r="AY26" s="212" t="s">
        <v>16</v>
      </c>
    </row>
    <row r="27" spans="1:51">
      <c r="A27" s="212" t="s">
        <v>1575</v>
      </c>
      <c r="B27" s="212" t="s">
        <v>16</v>
      </c>
      <c r="C27" s="212" t="s">
        <v>16</v>
      </c>
      <c r="D27" s="212" t="s">
        <v>16</v>
      </c>
      <c r="E27" s="212" t="s">
        <v>16</v>
      </c>
      <c r="F27" s="212" t="s">
        <v>16</v>
      </c>
      <c r="G27" s="212" t="s">
        <v>16</v>
      </c>
      <c r="H27" s="212" t="s">
        <v>16</v>
      </c>
      <c r="I27" s="212" t="s">
        <v>16</v>
      </c>
      <c r="J27" s="212" t="s">
        <v>16</v>
      </c>
      <c r="K27" s="212" t="s">
        <v>16</v>
      </c>
      <c r="L27" s="212" t="s">
        <v>16</v>
      </c>
      <c r="M27" s="212" t="s">
        <v>16</v>
      </c>
      <c r="N27" s="212" t="s">
        <v>16</v>
      </c>
      <c r="O27" s="212" t="s">
        <v>16</v>
      </c>
      <c r="P27" s="212" t="s">
        <v>16</v>
      </c>
      <c r="Q27" s="212" t="s">
        <v>16</v>
      </c>
      <c r="R27" s="212" t="s">
        <v>16</v>
      </c>
      <c r="S27" s="212" t="s">
        <v>16</v>
      </c>
      <c r="T27" s="212" t="s">
        <v>16</v>
      </c>
      <c r="U27" s="212" t="s">
        <v>16</v>
      </c>
      <c r="V27" s="212" t="s">
        <v>16</v>
      </c>
      <c r="W27" s="212" t="s">
        <v>16</v>
      </c>
      <c r="X27" s="212" t="s">
        <v>16</v>
      </c>
      <c r="Y27" s="212" t="s">
        <v>16</v>
      </c>
      <c r="Z27" s="212" t="s">
        <v>16</v>
      </c>
      <c r="AA27" s="212" t="s">
        <v>16</v>
      </c>
      <c r="AB27" s="212" t="s">
        <v>16</v>
      </c>
      <c r="AC27" s="212" t="s">
        <v>16</v>
      </c>
      <c r="AD27" s="212" t="s">
        <v>16</v>
      </c>
      <c r="AE27" s="212" t="s">
        <v>16</v>
      </c>
      <c r="AF27" s="212" t="s">
        <v>16</v>
      </c>
      <c r="AG27" s="212" t="s">
        <v>16</v>
      </c>
      <c r="AH27" s="212" t="s">
        <v>16</v>
      </c>
      <c r="AI27" s="212" t="s">
        <v>16</v>
      </c>
      <c r="AJ27" s="212" t="s">
        <v>16</v>
      </c>
      <c r="AK27" s="212" t="s">
        <v>16</v>
      </c>
      <c r="AL27" s="212" t="s">
        <v>16</v>
      </c>
      <c r="AM27" s="212" t="s">
        <v>16</v>
      </c>
      <c r="AN27" s="212" t="s">
        <v>16</v>
      </c>
      <c r="AO27" s="212" t="s">
        <v>16</v>
      </c>
      <c r="AP27" s="212" t="s">
        <v>16</v>
      </c>
      <c r="AQ27" s="212" t="s">
        <v>16</v>
      </c>
      <c r="AR27" s="212" t="s">
        <v>16</v>
      </c>
      <c r="AS27" s="212" t="s">
        <v>16</v>
      </c>
      <c r="AT27" s="212" t="s">
        <v>16</v>
      </c>
      <c r="AU27" s="212" t="s">
        <v>16</v>
      </c>
      <c r="AV27" s="212" t="s">
        <v>16</v>
      </c>
      <c r="AW27" s="212" t="s">
        <v>16</v>
      </c>
      <c r="AX27" s="212" t="s">
        <v>16</v>
      </c>
      <c r="AY27" s="212" t="s">
        <v>16</v>
      </c>
    </row>
    <row r="28" spans="1:51">
      <c r="A28" s="212" t="s">
        <v>1576</v>
      </c>
      <c r="B28" s="212" t="s">
        <v>16</v>
      </c>
      <c r="C28" s="212" t="s">
        <v>16</v>
      </c>
      <c r="D28" s="212" t="s">
        <v>16</v>
      </c>
      <c r="E28" s="212" t="s">
        <v>16</v>
      </c>
      <c r="F28" s="212" t="s">
        <v>16</v>
      </c>
      <c r="G28" s="212" t="s">
        <v>16</v>
      </c>
      <c r="H28" s="212" t="s">
        <v>16</v>
      </c>
      <c r="I28" s="212" t="s">
        <v>16</v>
      </c>
      <c r="J28" s="212" t="s">
        <v>16</v>
      </c>
      <c r="K28" s="212" t="s">
        <v>16</v>
      </c>
      <c r="L28" s="212" t="s">
        <v>16</v>
      </c>
      <c r="M28" s="212" t="s">
        <v>16</v>
      </c>
      <c r="N28" s="212" t="s">
        <v>16</v>
      </c>
      <c r="O28" s="212" t="s">
        <v>16</v>
      </c>
      <c r="P28" s="212" t="s">
        <v>16</v>
      </c>
      <c r="Q28" s="212" t="s">
        <v>16</v>
      </c>
      <c r="R28" s="212" t="s">
        <v>16</v>
      </c>
      <c r="S28" s="212" t="s">
        <v>16</v>
      </c>
      <c r="T28" s="212" t="s">
        <v>16</v>
      </c>
      <c r="U28" s="212" t="s">
        <v>16</v>
      </c>
      <c r="V28" s="212" t="s">
        <v>16</v>
      </c>
      <c r="W28" s="212" t="s">
        <v>16</v>
      </c>
      <c r="X28" s="212" t="s">
        <v>16</v>
      </c>
      <c r="Y28" s="212" t="s">
        <v>16</v>
      </c>
      <c r="Z28" s="212" t="s">
        <v>16</v>
      </c>
      <c r="AA28" s="212" t="s">
        <v>16</v>
      </c>
      <c r="AB28" s="212" t="s">
        <v>16</v>
      </c>
      <c r="AC28" s="212" t="s">
        <v>16</v>
      </c>
      <c r="AD28" s="212" t="s">
        <v>16</v>
      </c>
      <c r="AE28" s="212" t="s">
        <v>16</v>
      </c>
      <c r="AF28" s="212" t="s">
        <v>16</v>
      </c>
      <c r="AG28" s="212" t="s">
        <v>16</v>
      </c>
      <c r="AH28" s="212" t="s">
        <v>16</v>
      </c>
      <c r="AI28" s="212" t="s">
        <v>16</v>
      </c>
      <c r="AJ28" s="212" t="s">
        <v>16</v>
      </c>
      <c r="AK28" s="212" t="s">
        <v>16</v>
      </c>
      <c r="AL28" s="212" t="s">
        <v>16</v>
      </c>
      <c r="AM28" s="212" t="s">
        <v>16</v>
      </c>
      <c r="AN28" s="212" t="s">
        <v>16</v>
      </c>
      <c r="AO28" s="212" t="s">
        <v>16</v>
      </c>
      <c r="AP28" s="212" t="s">
        <v>16</v>
      </c>
      <c r="AQ28" s="212" t="s">
        <v>16</v>
      </c>
      <c r="AR28" s="212" t="s">
        <v>16</v>
      </c>
      <c r="AS28" s="212" t="s">
        <v>16</v>
      </c>
      <c r="AT28" s="212" t="s">
        <v>16</v>
      </c>
      <c r="AU28" s="212" t="s">
        <v>16</v>
      </c>
      <c r="AV28" s="212" t="s">
        <v>16</v>
      </c>
      <c r="AW28" s="212" t="s">
        <v>16</v>
      </c>
      <c r="AX28" s="212" t="s">
        <v>16</v>
      </c>
      <c r="AY28" s="212" t="s">
        <v>16</v>
      </c>
    </row>
    <row r="29" spans="1:51">
      <c r="A29" s="212" t="s">
        <v>1577</v>
      </c>
      <c r="B29" s="212" t="s">
        <v>16</v>
      </c>
      <c r="C29" s="212" t="s">
        <v>16</v>
      </c>
      <c r="D29" s="212" t="s">
        <v>16</v>
      </c>
      <c r="E29" s="212" t="s">
        <v>16</v>
      </c>
      <c r="F29" s="212" t="s">
        <v>16</v>
      </c>
      <c r="G29" s="212" t="s">
        <v>16</v>
      </c>
      <c r="H29" s="212" t="s">
        <v>16</v>
      </c>
      <c r="I29" s="212" t="s">
        <v>16</v>
      </c>
      <c r="J29" s="212" t="s">
        <v>16</v>
      </c>
      <c r="K29" s="212" t="s">
        <v>16</v>
      </c>
      <c r="L29" s="212" t="s">
        <v>16</v>
      </c>
      <c r="M29" s="212" t="s">
        <v>16</v>
      </c>
      <c r="N29" s="212" t="s">
        <v>16</v>
      </c>
      <c r="O29" s="212" t="s">
        <v>15</v>
      </c>
      <c r="P29" s="212" t="s">
        <v>16</v>
      </c>
      <c r="Q29" s="212" t="s">
        <v>16</v>
      </c>
      <c r="R29" s="212" t="s">
        <v>16</v>
      </c>
      <c r="S29" s="212" t="s">
        <v>16</v>
      </c>
      <c r="T29" s="212" t="s">
        <v>16</v>
      </c>
      <c r="U29" s="212" t="s">
        <v>16</v>
      </c>
      <c r="V29" s="212" t="s">
        <v>16</v>
      </c>
      <c r="W29" s="212" t="s">
        <v>16</v>
      </c>
      <c r="X29" s="212" t="s">
        <v>15</v>
      </c>
      <c r="Y29" s="212" t="s">
        <v>16</v>
      </c>
      <c r="Z29" s="212" t="s">
        <v>16</v>
      </c>
      <c r="AA29" s="212" t="s">
        <v>16</v>
      </c>
      <c r="AB29" s="212" t="s">
        <v>16</v>
      </c>
      <c r="AC29" s="212" t="s">
        <v>16</v>
      </c>
      <c r="AD29" s="212" t="s">
        <v>16</v>
      </c>
      <c r="AE29" s="212" t="s">
        <v>16</v>
      </c>
      <c r="AF29" s="212" t="s">
        <v>16</v>
      </c>
      <c r="AG29" s="212" t="s">
        <v>16</v>
      </c>
      <c r="AH29" s="212" t="s">
        <v>16</v>
      </c>
      <c r="AI29" s="212" t="s">
        <v>16</v>
      </c>
      <c r="AJ29" s="212" t="s">
        <v>16</v>
      </c>
      <c r="AK29" s="212" t="s">
        <v>15</v>
      </c>
      <c r="AL29" s="212" t="s">
        <v>16</v>
      </c>
      <c r="AM29" s="212" t="s">
        <v>16</v>
      </c>
      <c r="AN29" s="212" t="s">
        <v>16</v>
      </c>
      <c r="AO29" s="212" t="s">
        <v>16</v>
      </c>
      <c r="AP29" s="212" t="s">
        <v>16</v>
      </c>
      <c r="AQ29" s="212" t="s">
        <v>16</v>
      </c>
      <c r="AR29" s="212" t="s">
        <v>16</v>
      </c>
      <c r="AS29" s="212" t="s">
        <v>16</v>
      </c>
      <c r="AT29" s="212" t="s">
        <v>16</v>
      </c>
      <c r="AU29" s="212" t="s">
        <v>16</v>
      </c>
      <c r="AV29" s="212" t="s">
        <v>16</v>
      </c>
      <c r="AW29" s="212" t="s">
        <v>16</v>
      </c>
      <c r="AX29" s="212" t="s">
        <v>16</v>
      </c>
      <c r="AY29" s="212" t="s">
        <v>16</v>
      </c>
    </row>
    <row r="30" spans="1:51">
      <c r="A30" s="212" t="s">
        <v>1578</v>
      </c>
      <c r="B30" s="212" t="s">
        <v>16</v>
      </c>
      <c r="C30" s="212" t="s">
        <v>16</v>
      </c>
      <c r="D30" s="212" t="s">
        <v>16</v>
      </c>
      <c r="E30" s="212" t="s">
        <v>16</v>
      </c>
      <c r="F30" s="212" t="s">
        <v>16</v>
      </c>
      <c r="G30" s="212" t="s">
        <v>16</v>
      </c>
      <c r="H30" s="212" t="s">
        <v>16</v>
      </c>
      <c r="I30" s="212" t="s">
        <v>16</v>
      </c>
      <c r="J30" s="212" t="s">
        <v>16</v>
      </c>
      <c r="K30" s="212" t="s">
        <v>16</v>
      </c>
      <c r="L30" s="212" t="s">
        <v>16</v>
      </c>
      <c r="M30" s="212" t="s">
        <v>16</v>
      </c>
      <c r="N30" s="212" t="s">
        <v>16</v>
      </c>
      <c r="O30" s="212" t="s">
        <v>16</v>
      </c>
      <c r="P30" s="212" t="s">
        <v>16</v>
      </c>
      <c r="Q30" s="212" t="s">
        <v>16</v>
      </c>
      <c r="R30" s="212" t="s">
        <v>16</v>
      </c>
      <c r="S30" s="212" t="s">
        <v>16</v>
      </c>
      <c r="T30" s="212" t="s">
        <v>16</v>
      </c>
      <c r="U30" s="212" t="s">
        <v>16</v>
      </c>
      <c r="V30" s="212" t="s">
        <v>16</v>
      </c>
      <c r="W30" s="212" t="s">
        <v>16</v>
      </c>
      <c r="X30" s="212" t="s">
        <v>16</v>
      </c>
      <c r="Y30" s="212" t="s">
        <v>16</v>
      </c>
      <c r="Z30" s="212" t="s">
        <v>16</v>
      </c>
      <c r="AA30" s="212" t="s">
        <v>16</v>
      </c>
      <c r="AB30" s="212" t="s">
        <v>16</v>
      </c>
      <c r="AC30" s="212" t="s">
        <v>16</v>
      </c>
      <c r="AD30" s="212" t="s">
        <v>16</v>
      </c>
      <c r="AE30" s="212" t="s">
        <v>16</v>
      </c>
      <c r="AF30" s="212" t="s">
        <v>16</v>
      </c>
      <c r="AG30" s="212" t="s">
        <v>16</v>
      </c>
      <c r="AH30" s="212" t="s">
        <v>16</v>
      </c>
      <c r="AI30" s="212" t="s">
        <v>16</v>
      </c>
      <c r="AJ30" s="212" t="s">
        <v>16</v>
      </c>
      <c r="AK30" s="212" t="s">
        <v>16</v>
      </c>
      <c r="AL30" s="212" t="s">
        <v>16</v>
      </c>
      <c r="AM30" s="212" t="s">
        <v>16</v>
      </c>
      <c r="AN30" s="212" t="s">
        <v>16</v>
      </c>
      <c r="AO30" s="212" t="s">
        <v>16</v>
      </c>
      <c r="AP30" s="212" t="s">
        <v>16</v>
      </c>
      <c r="AQ30" s="212" t="s">
        <v>16</v>
      </c>
      <c r="AR30" s="212" t="s">
        <v>16</v>
      </c>
      <c r="AS30" s="212" t="s">
        <v>16</v>
      </c>
      <c r="AT30" s="212" t="s">
        <v>16</v>
      </c>
      <c r="AU30" s="212" t="s">
        <v>16</v>
      </c>
      <c r="AV30" s="212" t="s">
        <v>16</v>
      </c>
      <c r="AW30" s="212" t="s">
        <v>16</v>
      </c>
      <c r="AX30" s="212" t="s">
        <v>16</v>
      </c>
      <c r="AY30" s="212" t="s">
        <v>15</v>
      </c>
    </row>
    <row r="31" spans="1:51">
      <c r="A31" s="212" t="s">
        <v>1579</v>
      </c>
      <c r="B31" s="212" t="s">
        <v>16</v>
      </c>
      <c r="C31" s="212" t="s">
        <v>16</v>
      </c>
      <c r="D31" s="212" t="s">
        <v>16</v>
      </c>
      <c r="E31" s="212" t="s">
        <v>16</v>
      </c>
      <c r="F31" s="212" t="s">
        <v>16</v>
      </c>
      <c r="G31" s="212" t="s">
        <v>16</v>
      </c>
      <c r="H31" s="212" t="s">
        <v>16</v>
      </c>
      <c r="I31" s="212" t="s">
        <v>16</v>
      </c>
      <c r="J31" s="212" t="s">
        <v>16</v>
      </c>
      <c r="K31" s="212" t="s">
        <v>16</v>
      </c>
      <c r="L31" s="212" t="s">
        <v>16</v>
      </c>
      <c r="M31" s="212" t="s">
        <v>16</v>
      </c>
      <c r="N31" s="212" t="s">
        <v>16</v>
      </c>
      <c r="O31" s="212" t="s">
        <v>16</v>
      </c>
      <c r="P31" s="212" t="s">
        <v>16</v>
      </c>
      <c r="Q31" s="212" t="s">
        <v>16</v>
      </c>
      <c r="R31" s="212" t="s">
        <v>16</v>
      </c>
      <c r="S31" s="212" t="s">
        <v>16</v>
      </c>
      <c r="T31" s="212" t="s">
        <v>16</v>
      </c>
      <c r="U31" s="212" t="s">
        <v>16</v>
      </c>
      <c r="V31" s="212" t="s">
        <v>16</v>
      </c>
      <c r="W31" s="212" t="s">
        <v>16</v>
      </c>
      <c r="X31" s="212" t="s">
        <v>16</v>
      </c>
      <c r="Y31" s="212" t="s">
        <v>16</v>
      </c>
      <c r="Z31" s="212" t="s">
        <v>16</v>
      </c>
      <c r="AA31" s="212" t="s">
        <v>16</v>
      </c>
      <c r="AB31" s="212" t="s">
        <v>16</v>
      </c>
      <c r="AC31" s="212" t="s">
        <v>16</v>
      </c>
      <c r="AD31" s="212" t="s">
        <v>16</v>
      </c>
      <c r="AE31" s="212" t="s">
        <v>16</v>
      </c>
      <c r="AF31" s="212" t="s">
        <v>16</v>
      </c>
      <c r="AG31" s="212" t="s">
        <v>16</v>
      </c>
      <c r="AH31" s="212" t="s">
        <v>16</v>
      </c>
      <c r="AI31" s="212" t="s">
        <v>16</v>
      </c>
      <c r="AJ31" s="212" t="s">
        <v>16</v>
      </c>
      <c r="AK31" s="212" t="s">
        <v>16</v>
      </c>
      <c r="AL31" s="212" t="s">
        <v>16</v>
      </c>
      <c r="AM31" s="212" t="s">
        <v>16</v>
      </c>
      <c r="AN31" s="212" t="s">
        <v>16</v>
      </c>
      <c r="AO31" s="212" t="s">
        <v>16</v>
      </c>
      <c r="AP31" s="212" t="s">
        <v>16</v>
      </c>
      <c r="AQ31" s="212" t="s">
        <v>16</v>
      </c>
      <c r="AR31" s="212" t="s">
        <v>16</v>
      </c>
      <c r="AS31" s="212" t="s">
        <v>16</v>
      </c>
      <c r="AT31" s="212" t="s">
        <v>16</v>
      </c>
      <c r="AU31" s="212" t="s">
        <v>16</v>
      </c>
      <c r="AV31" s="212" t="s">
        <v>16</v>
      </c>
      <c r="AW31" s="212" t="s">
        <v>16</v>
      </c>
      <c r="AX31" s="212" t="s">
        <v>16</v>
      </c>
      <c r="AY31" s="212" t="s">
        <v>15</v>
      </c>
    </row>
    <row r="32" spans="1:51">
      <c r="A32" s="212" t="s">
        <v>1580</v>
      </c>
      <c r="B32" s="212" t="s">
        <v>16</v>
      </c>
      <c r="C32" s="212" t="s">
        <v>16</v>
      </c>
      <c r="D32" s="212" t="s">
        <v>16</v>
      </c>
      <c r="E32" s="212" t="s">
        <v>16</v>
      </c>
      <c r="F32" s="212" t="s">
        <v>16</v>
      </c>
      <c r="G32" s="212" t="s">
        <v>16</v>
      </c>
      <c r="H32" s="212" t="s">
        <v>16</v>
      </c>
      <c r="I32" s="212" t="s">
        <v>16</v>
      </c>
      <c r="J32" s="212" t="s">
        <v>16</v>
      </c>
      <c r="K32" s="212" t="s">
        <v>16</v>
      </c>
      <c r="L32" s="212" t="s">
        <v>16</v>
      </c>
      <c r="M32" s="212" t="s">
        <v>16</v>
      </c>
      <c r="N32" s="212" t="s">
        <v>16</v>
      </c>
      <c r="O32" s="212" t="s">
        <v>16</v>
      </c>
      <c r="P32" s="212" t="s">
        <v>16</v>
      </c>
      <c r="Q32" s="212" t="s">
        <v>16</v>
      </c>
      <c r="R32" s="212" t="s">
        <v>16</v>
      </c>
      <c r="S32" s="212" t="s">
        <v>16</v>
      </c>
      <c r="T32" s="212" t="s">
        <v>16</v>
      </c>
      <c r="U32" s="212" t="s">
        <v>16</v>
      </c>
      <c r="V32" s="212" t="s">
        <v>16</v>
      </c>
      <c r="W32" s="212" t="s">
        <v>16</v>
      </c>
      <c r="X32" s="212" t="s">
        <v>16</v>
      </c>
      <c r="Y32" s="212" t="s">
        <v>16</v>
      </c>
      <c r="Z32" s="212" t="s">
        <v>16</v>
      </c>
      <c r="AA32" s="212" t="s">
        <v>16</v>
      </c>
      <c r="AB32" s="212" t="s">
        <v>16</v>
      </c>
      <c r="AC32" s="212" t="s">
        <v>16</v>
      </c>
      <c r="AD32" s="212" t="s">
        <v>16</v>
      </c>
      <c r="AE32" s="212" t="s">
        <v>16</v>
      </c>
      <c r="AF32" s="212" t="s">
        <v>16</v>
      </c>
      <c r="AG32" s="212" t="s">
        <v>16</v>
      </c>
      <c r="AH32" s="212" t="s">
        <v>16</v>
      </c>
      <c r="AI32" s="212" t="s">
        <v>16</v>
      </c>
      <c r="AJ32" s="212" t="s">
        <v>16</v>
      </c>
      <c r="AK32" s="212" t="s">
        <v>16</v>
      </c>
      <c r="AL32" s="212" t="s">
        <v>16</v>
      </c>
      <c r="AM32" s="212" t="s">
        <v>16</v>
      </c>
      <c r="AN32" s="212" t="s">
        <v>16</v>
      </c>
      <c r="AO32" s="212" t="s">
        <v>16</v>
      </c>
      <c r="AP32" s="212" t="s">
        <v>16</v>
      </c>
      <c r="AQ32" s="212" t="s">
        <v>16</v>
      </c>
      <c r="AR32" s="212" t="s">
        <v>16</v>
      </c>
      <c r="AS32" s="212" t="s">
        <v>16</v>
      </c>
      <c r="AT32" s="212" t="s">
        <v>16</v>
      </c>
      <c r="AU32" s="212" t="s">
        <v>16</v>
      </c>
      <c r="AV32" s="212" t="s">
        <v>16</v>
      </c>
      <c r="AW32" s="212" t="s">
        <v>16</v>
      </c>
      <c r="AX32" s="212" t="s">
        <v>16</v>
      </c>
      <c r="AY32" s="212" t="s">
        <v>15</v>
      </c>
    </row>
    <row r="33" spans="1:51">
      <c r="A33" s="212" t="s">
        <v>2813</v>
      </c>
      <c r="B33" s="212" t="s">
        <v>15</v>
      </c>
      <c r="C33" s="212" t="s">
        <v>15</v>
      </c>
      <c r="D33" s="212" t="s">
        <v>15</v>
      </c>
      <c r="E33" s="212" t="s">
        <v>15</v>
      </c>
      <c r="F33" s="212" t="s">
        <v>15</v>
      </c>
      <c r="G33" s="212" t="s">
        <v>15</v>
      </c>
      <c r="H33" s="212" t="s">
        <v>15</v>
      </c>
      <c r="I33" s="212" t="s">
        <v>15</v>
      </c>
      <c r="J33" s="212" t="s">
        <v>15</v>
      </c>
      <c r="K33" s="212" t="s">
        <v>15</v>
      </c>
      <c r="L33" s="212" t="s">
        <v>15</v>
      </c>
      <c r="M33" s="212" t="s">
        <v>15</v>
      </c>
      <c r="N33" s="212" t="s">
        <v>15</v>
      </c>
      <c r="O33" s="212" t="s">
        <v>15</v>
      </c>
      <c r="P33" s="212" t="s">
        <v>15</v>
      </c>
      <c r="Q33" s="212" t="s">
        <v>15</v>
      </c>
      <c r="R33" s="212" t="s">
        <v>15</v>
      </c>
      <c r="S33" s="212" t="s">
        <v>15</v>
      </c>
      <c r="T33" s="212" t="s">
        <v>15</v>
      </c>
      <c r="U33" s="212" t="s">
        <v>15</v>
      </c>
      <c r="V33" s="212" t="s">
        <v>15</v>
      </c>
      <c r="W33" s="212" t="s">
        <v>15</v>
      </c>
      <c r="X33" s="212" t="s">
        <v>15</v>
      </c>
      <c r="Y33" s="212" t="s">
        <v>15</v>
      </c>
      <c r="Z33" s="212" t="s">
        <v>15</v>
      </c>
      <c r="AA33" s="212" t="s">
        <v>15</v>
      </c>
      <c r="AB33" s="212" t="s">
        <v>15</v>
      </c>
      <c r="AC33" s="212" t="s">
        <v>15</v>
      </c>
      <c r="AD33" s="212" t="s">
        <v>15</v>
      </c>
      <c r="AE33" s="212" t="s">
        <v>15</v>
      </c>
      <c r="AF33" s="212" t="s">
        <v>15</v>
      </c>
      <c r="AG33" s="212" t="s">
        <v>15</v>
      </c>
      <c r="AH33" s="212" t="s">
        <v>15</v>
      </c>
      <c r="AI33" s="212" t="s">
        <v>15</v>
      </c>
      <c r="AJ33" s="212" t="s">
        <v>15</v>
      </c>
      <c r="AK33" s="212" t="s">
        <v>15</v>
      </c>
      <c r="AL33" s="212" t="s">
        <v>15</v>
      </c>
      <c r="AM33" s="212" t="s">
        <v>15</v>
      </c>
      <c r="AN33" s="212" t="s">
        <v>15</v>
      </c>
      <c r="AO33" s="212" t="s">
        <v>15</v>
      </c>
      <c r="AP33" s="212" t="s">
        <v>15</v>
      </c>
      <c r="AQ33" s="212" t="s">
        <v>15</v>
      </c>
      <c r="AR33" s="212" t="s">
        <v>15</v>
      </c>
      <c r="AS33" s="212" t="s">
        <v>15</v>
      </c>
      <c r="AT33" s="212" t="s">
        <v>16</v>
      </c>
      <c r="AU33" s="212" t="s">
        <v>15</v>
      </c>
      <c r="AV33" s="212" t="s">
        <v>15</v>
      </c>
      <c r="AW33" s="212" t="s">
        <v>16</v>
      </c>
      <c r="AX33" s="212" t="s">
        <v>15</v>
      </c>
      <c r="AY33" s="212" t="s">
        <v>15</v>
      </c>
    </row>
    <row r="34" spans="1:51">
      <c r="A34" s="212" t="s">
        <v>1582</v>
      </c>
      <c r="B34" s="212" t="s">
        <v>15</v>
      </c>
      <c r="C34" s="212" t="s">
        <v>15</v>
      </c>
      <c r="D34" s="212" t="s">
        <v>15</v>
      </c>
      <c r="E34" s="212" t="s">
        <v>15</v>
      </c>
      <c r="F34" s="212" t="s">
        <v>15</v>
      </c>
      <c r="G34" s="212" t="s">
        <v>15</v>
      </c>
      <c r="H34" s="212" t="s">
        <v>15</v>
      </c>
      <c r="I34" s="212" t="s">
        <v>15</v>
      </c>
      <c r="J34" s="212" t="s">
        <v>15</v>
      </c>
      <c r="K34" s="212" t="s">
        <v>15</v>
      </c>
      <c r="L34" s="212" t="s">
        <v>15</v>
      </c>
      <c r="M34" s="212" t="s">
        <v>15</v>
      </c>
      <c r="N34" s="212" t="s">
        <v>15</v>
      </c>
      <c r="O34" s="212" t="s">
        <v>15</v>
      </c>
      <c r="P34" s="212" t="s">
        <v>15</v>
      </c>
      <c r="Q34" s="212" t="s">
        <v>15</v>
      </c>
      <c r="R34" s="212" t="s">
        <v>15</v>
      </c>
      <c r="S34" s="212" t="s">
        <v>15</v>
      </c>
      <c r="T34" s="212" t="s">
        <v>15</v>
      </c>
      <c r="U34" s="212" t="s">
        <v>15</v>
      </c>
      <c r="V34" s="212" t="s">
        <v>15</v>
      </c>
      <c r="W34" s="212" t="s">
        <v>15</v>
      </c>
      <c r="X34" s="212" t="s">
        <v>15</v>
      </c>
      <c r="Y34" s="212" t="s">
        <v>15</v>
      </c>
      <c r="Z34" s="212" t="s">
        <v>15</v>
      </c>
      <c r="AA34" s="212" t="s">
        <v>15</v>
      </c>
      <c r="AB34" s="212" t="s">
        <v>15</v>
      </c>
      <c r="AC34" s="212" t="s">
        <v>15</v>
      </c>
      <c r="AD34" s="212" t="s">
        <v>15</v>
      </c>
      <c r="AE34" s="212" t="s">
        <v>15</v>
      </c>
      <c r="AF34" s="212" t="s">
        <v>15</v>
      </c>
      <c r="AG34" s="212" t="s">
        <v>15</v>
      </c>
      <c r="AH34" s="212" t="s">
        <v>15</v>
      </c>
      <c r="AI34" s="212" t="s">
        <v>15</v>
      </c>
      <c r="AJ34" s="212" t="s">
        <v>15</v>
      </c>
      <c r="AK34" s="212" t="s">
        <v>15</v>
      </c>
      <c r="AL34" s="212" t="s">
        <v>15</v>
      </c>
      <c r="AM34" s="212" t="s">
        <v>15</v>
      </c>
      <c r="AN34" s="212" t="s">
        <v>15</v>
      </c>
      <c r="AO34" s="212" t="s">
        <v>15</v>
      </c>
      <c r="AP34" s="212" t="s">
        <v>15</v>
      </c>
      <c r="AQ34" s="212" t="s">
        <v>15</v>
      </c>
      <c r="AR34" s="212" t="s">
        <v>15</v>
      </c>
      <c r="AS34" s="212" t="s">
        <v>15</v>
      </c>
      <c r="AT34" s="212" t="s">
        <v>16</v>
      </c>
      <c r="AU34" s="212" t="s">
        <v>15</v>
      </c>
      <c r="AV34" s="212" t="s">
        <v>15</v>
      </c>
      <c r="AW34" s="212" t="s">
        <v>16</v>
      </c>
      <c r="AX34" s="212" t="s">
        <v>15</v>
      </c>
      <c r="AY34" s="212" t="s">
        <v>15</v>
      </c>
    </row>
    <row r="35" spans="1:51">
      <c r="A35" s="212" t="s">
        <v>1583</v>
      </c>
      <c r="B35" s="212" t="s">
        <v>15</v>
      </c>
      <c r="C35" s="212" t="s">
        <v>15</v>
      </c>
      <c r="D35" s="212" t="s">
        <v>15</v>
      </c>
      <c r="E35" s="212" t="s">
        <v>15</v>
      </c>
      <c r="F35" s="212" t="s">
        <v>15</v>
      </c>
      <c r="G35" s="212" t="s">
        <v>15</v>
      </c>
      <c r="H35" s="212" t="s">
        <v>15</v>
      </c>
      <c r="I35" s="212" t="s">
        <v>15</v>
      </c>
      <c r="J35" s="212" t="s">
        <v>15</v>
      </c>
      <c r="K35" s="212" t="s">
        <v>15</v>
      </c>
      <c r="L35" s="212" t="s">
        <v>15</v>
      </c>
      <c r="M35" s="212" t="s">
        <v>15</v>
      </c>
      <c r="N35" s="212" t="s">
        <v>15</v>
      </c>
      <c r="O35" s="212" t="s">
        <v>15</v>
      </c>
      <c r="P35" s="212" t="s">
        <v>15</v>
      </c>
      <c r="Q35" s="212" t="s">
        <v>15</v>
      </c>
      <c r="R35" s="212" t="s">
        <v>15</v>
      </c>
      <c r="S35" s="212" t="s">
        <v>15</v>
      </c>
      <c r="T35" s="212" t="s">
        <v>15</v>
      </c>
      <c r="U35" s="212" t="s">
        <v>15</v>
      </c>
      <c r="V35" s="212" t="s">
        <v>15</v>
      </c>
      <c r="W35" s="212" t="s">
        <v>16</v>
      </c>
      <c r="X35" s="212" t="s">
        <v>15</v>
      </c>
      <c r="Y35" s="212" t="s">
        <v>15</v>
      </c>
      <c r="Z35" s="212" t="s">
        <v>15</v>
      </c>
      <c r="AA35" s="212" t="s">
        <v>15</v>
      </c>
      <c r="AB35" s="212" t="s">
        <v>15</v>
      </c>
      <c r="AC35" s="212" t="s">
        <v>15</v>
      </c>
      <c r="AD35" s="212" t="s">
        <v>15</v>
      </c>
      <c r="AE35" s="212" t="s">
        <v>15</v>
      </c>
      <c r="AF35" s="212" t="s">
        <v>15</v>
      </c>
      <c r="AG35" s="212" t="s">
        <v>15</v>
      </c>
      <c r="AH35" s="212" t="s">
        <v>16</v>
      </c>
      <c r="AI35" s="212" t="s">
        <v>15</v>
      </c>
      <c r="AJ35" s="212" t="s">
        <v>15</v>
      </c>
      <c r="AK35" s="212" t="s">
        <v>15</v>
      </c>
      <c r="AL35" s="212" t="s">
        <v>15</v>
      </c>
      <c r="AM35" s="212" t="s">
        <v>15</v>
      </c>
      <c r="AN35" s="212" t="s">
        <v>15</v>
      </c>
      <c r="AO35" s="212" t="s">
        <v>15</v>
      </c>
      <c r="AP35" s="212" t="s">
        <v>15</v>
      </c>
      <c r="AQ35" s="212" t="s">
        <v>15</v>
      </c>
      <c r="AR35" s="212" t="s">
        <v>15</v>
      </c>
      <c r="AS35" s="212" t="s">
        <v>15</v>
      </c>
      <c r="AT35" s="212" t="s">
        <v>16</v>
      </c>
      <c r="AU35" s="212" t="s">
        <v>15</v>
      </c>
      <c r="AV35" s="212" t="s">
        <v>15</v>
      </c>
      <c r="AW35" s="212" t="s">
        <v>16</v>
      </c>
      <c r="AX35" s="212" t="s">
        <v>15</v>
      </c>
      <c r="AY35" s="212" t="s">
        <v>15</v>
      </c>
    </row>
    <row r="36" spans="1:51">
      <c r="A36" s="212" t="s">
        <v>1584</v>
      </c>
      <c r="B36" s="212" t="s">
        <v>15</v>
      </c>
      <c r="C36" s="212" t="s">
        <v>16</v>
      </c>
      <c r="D36" s="212" t="s">
        <v>15</v>
      </c>
      <c r="E36" s="212" t="s">
        <v>15</v>
      </c>
      <c r="F36" s="212" t="s">
        <v>15</v>
      </c>
      <c r="G36" s="212" t="s">
        <v>16</v>
      </c>
      <c r="H36" s="212" t="s">
        <v>15</v>
      </c>
      <c r="I36" s="212" t="s">
        <v>15</v>
      </c>
      <c r="J36" s="212" t="s">
        <v>15</v>
      </c>
      <c r="K36" s="212" t="s">
        <v>15</v>
      </c>
      <c r="L36" s="212" t="s">
        <v>15</v>
      </c>
      <c r="M36" s="212" t="s">
        <v>15</v>
      </c>
      <c r="N36" s="212" t="s">
        <v>15</v>
      </c>
      <c r="O36" s="212" t="s">
        <v>15</v>
      </c>
      <c r="P36" s="212" t="s">
        <v>15</v>
      </c>
      <c r="Q36" s="212" t="s">
        <v>15</v>
      </c>
      <c r="R36" s="212" t="s">
        <v>15</v>
      </c>
      <c r="S36" s="212" t="s">
        <v>15</v>
      </c>
      <c r="T36" s="212" t="s">
        <v>15</v>
      </c>
      <c r="U36" s="212" t="s">
        <v>15</v>
      </c>
      <c r="V36" s="212" t="s">
        <v>15</v>
      </c>
      <c r="W36" s="212" t="s">
        <v>16</v>
      </c>
      <c r="X36" s="212" t="s">
        <v>15</v>
      </c>
      <c r="Y36" s="212" t="s">
        <v>15</v>
      </c>
      <c r="Z36" s="212" t="s">
        <v>15</v>
      </c>
      <c r="AA36" s="212" t="s">
        <v>15</v>
      </c>
      <c r="AB36" s="212" t="s">
        <v>15</v>
      </c>
      <c r="AC36" s="212" t="s">
        <v>16</v>
      </c>
      <c r="AD36" s="212" t="s">
        <v>15</v>
      </c>
      <c r="AE36" s="212" t="s">
        <v>15</v>
      </c>
      <c r="AF36" s="212" t="s">
        <v>15</v>
      </c>
      <c r="AG36" s="212" t="s">
        <v>15</v>
      </c>
      <c r="AH36" s="212" t="s">
        <v>16</v>
      </c>
      <c r="AI36" s="212" t="s">
        <v>15</v>
      </c>
      <c r="AJ36" s="212" t="s">
        <v>15</v>
      </c>
      <c r="AK36" s="212" t="s">
        <v>15</v>
      </c>
      <c r="AL36" s="212" t="s">
        <v>16</v>
      </c>
      <c r="AM36" s="212" t="s">
        <v>15</v>
      </c>
      <c r="AN36" s="212" t="s">
        <v>15</v>
      </c>
      <c r="AO36" s="212" t="s">
        <v>15</v>
      </c>
      <c r="AP36" s="212" t="s">
        <v>15</v>
      </c>
      <c r="AQ36" s="212" t="s">
        <v>15</v>
      </c>
      <c r="AR36" s="212" t="s">
        <v>15</v>
      </c>
      <c r="AS36" s="212" t="s">
        <v>15</v>
      </c>
      <c r="AT36" s="212" t="s">
        <v>16</v>
      </c>
      <c r="AU36" s="212" t="s">
        <v>15</v>
      </c>
      <c r="AV36" s="212" t="s">
        <v>15</v>
      </c>
      <c r="AW36" s="212" t="s">
        <v>16</v>
      </c>
      <c r="AX36" s="212" t="s">
        <v>15</v>
      </c>
      <c r="AY36" s="212" t="s">
        <v>15</v>
      </c>
    </row>
    <row r="37" spans="1:51">
      <c r="A37" s="212" t="s">
        <v>1585</v>
      </c>
      <c r="B37" s="212" t="s">
        <v>16</v>
      </c>
      <c r="C37" s="212" t="s">
        <v>16</v>
      </c>
      <c r="D37" s="212" t="s">
        <v>16</v>
      </c>
      <c r="E37" s="212" t="s">
        <v>16</v>
      </c>
      <c r="F37" s="212" t="s">
        <v>16</v>
      </c>
      <c r="G37" s="212" t="s">
        <v>16</v>
      </c>
      <c r="H37" s="212" t="s">
        <v>16</v>
      </c>
      <c r="I37" s="212" t="s">
        <v>16</v>
      </c>
      <c r="J37" s="212" t="s">
        <v>16</v>
      </c>
      <c r="K37" s="212" t="s">
        <v>16</v>
      </c>
      <c r="L37" s="212" t="s">
        <v>16</v>
      </c>
      <c r="M37" s="212" t="s">
        <v>16</v>
      </c>
      <c r="N37" s="212" t="s">
        <v>16</v>
      </c>
      <c r="O37" s="212" t="s">
        <v>16</v>
      </c>
      <c r="P37" s="212" t="s">
        <v>16</v>
      </c>
      <c r="Q37" s="212" t="s">
        <v>16</v>
      </c>
      <c r="R37" s="212" t="s">
        <v>16</v>
      </c>
      <c r="S37" s="212" t="s">
        <v>16</v>
      </c>
      <c r="T37" s="212" t="s">
        <v>16</v>
      </c>
      <c r="U37" s="212" t="s">
        <v>16</v>
      </c>
      <c r="V37" s="212" t="s">
        <v>16</v>
      </c>
      <c r="W37" s="212" t="s">
        <v>16</v>
      </c>
      <c r="X37" s="212" t="s">
        <v>16</v>
      </c>
      <c r="Y37" s="212" t="s">
        <v>16</v>
      </c>
      <c r="Z37" s="212" t="s">
        <v>16</v>
      </c>
      <c r="AA37" s="212" t="s">
        <v>16</v>
      </c>
      <c r="AB37" s="212" t="s">
        <v>16</v>
      </c>
      <c r="AC37" s="212" t="s">
        <v>16</v>
      </c>
      <c r="AD37" s="212" t="s">
        <v>16</v>
      </c>
      <c r="AE37" s="212" t="s">
        <v>16</v>
      </c>
      <c r="AF37" s="212" t="s">
        <v>16</v>
      </c>
      <c r="AG37" s="212" t="s">
        <v>16</v>
      </c>
      <c r="AH37" s="212" t="s">
        <v>16</v>
      </c>
      <c r="AI37" s="212" t="s">
        <v>16</v>
      </c>
      <c r="AJ37" s="212" t="s">
        <v>16</v>
      </c>
      <c r="AK37" s="212" t="s">
        <v>16</v>
      </c>
      <c r="AL37" s="212" t="s">
        <v>16</v>
      </c>
      <c r="AM37" s="212" t="s">
        <v>16</v>
      </c>
      <c r="AN37" s="212" t="s">
        <v>16</v>
      </c>
      <c r="AO37" s="212" t="s">
        <v>16</v>
      </c>
      <c r="AP37" s="212" t="s">
        <v>16</v>
      </c>
      <c r="AQ37" s="212" t="s">
        <v>16</v>
      </c>
      <c r="AR37" s="212" t="s">
        <v>16</v>
      </c>
      <c r="AS37" s="212" t="s">
        <v>16</v>
      </c>
      <c r="AT37" s="212" t="s">
        <v>16</v>
      </c>
      <c r="AU37" s="212" t="s">
        <v>16</v>
      </c>
      <c r="AV37" s="212" t="s">
        <v>16</v>
      </c>
      <c r="AW37" s="212" t="s">
        <v>16</v>
      </c>
      <c r="AX37" s="212" t="s">
        <v>16</v>
      </c>
      <c r="AY37" s="212" t="s">
        <v>16</v>
      </c>
    </row>
    <row r="38" spans="1:51">
      <c r="A38" s="212" t="s">
        <v>1586</v>
      </c>
      <c r="B38" s="212" t="s">
        <v>16</v>
      </c>
      <c r="C38" s="212" t="s">
        <v>16</v>
      </c>
      <c r="D38" s="212" t="s">
        <v>16</v>
      </c>
      <c r="E38" s="212" t="s">
        <v>16</v>
      </c>
      <c r="F38" s="212" t="s">
        <v>16</v>
      </c>
      <c r="G38" s="212" t="s">
        <v>16</v>
      </c>
      <c r="H38" s="212" t="s">
        <v>16</v>
      </c>
      <c r="I38" s="212" t="s">
        <v>16</v>
      </c>
      <c r="J38" s="212" t="s">
        <v>16</v>
      </c>
      <c r="K38" s="212" t="s">
        <v>16</v>
      </c>
      <c r="L38" s="212" t="s">
        <v>16</v>
      </c>
      <c r="M38" s="212" t="s">
        <v>16</v>
      </c>
      <c r="N38" s="212" t="s">
        <v>16</v>
      </c>
      <c r="O38" s="212" t="s">
        <v>16</v>
      </c>
      <c r="P38" s="212" t="s">
        <v>16</v>
      </c>
      <c r="Q38" s="212" t="s">
        <v>16</v>
      </c>
      <c r="R38" s="212" t="s">
        <v>16</v>
      </c>
      <c r="S38" s="212" t="s">
        <v>16</v>
      </c>
      <c r="T38" s="212" t="s">
        <v>16</v>
      </c>
      <c r="U38" s="212" t="s">
        <v>16</v>
      </c>
      <c r="V38" s="212" t="s">
        <v>16</v>
      </c>
      <c r="W38" s="212" t="s">
        <v>16</v>
      </c>
      <c r="X38" s="212" t="s">
        <v>16</v>
      </c>
      <c r="Y38" s="212" t="s">
        <v>16</v>
      </c>
      <c r="Z38" s="212" t="s">
        <v>16</v>
      </c>
      <c r="AA38" s="212" t="s">
        <v>16</v>
      </c>
      <c r="AB38" s="212" t="s">
        <v>16</v>
      </c>
      <c r="AC38" s="212" t="s">
        <v>16</v>
      </c>
      <c r="AD38" s="212" t="s">
        <v>16</v>
      </c>
      <c r="AE38" s="212" t="s">
        <v>16</v>
      </c>
      <c r="AF38" s="212" t="s">
        <v>16</v>
      </c>
      <c r="AG38" s="212" t="s">
        <v>16</v>
      </c>
      <c r="AH38" s="212" t="s">
        <v>16</v>
      </c>
      <c r="AI38" s="212" t="s">
        <v>16</v>
      </c>
      <c r="AJ38" s="212" t="s">
        <v>16</v>
      </c>
      <c r="AK38" s="212" t="s">
        <v>16</v>
      </c>
      <c r="AL38" s="212" t="s">
        <v>15</v>
      </c>
      <c r="AM38" s="212" t="s">
        <v>16</v>
      </c>
      <c r="AN38" s="212" t="s">
        <v>16</v>
      </c>
      <c r="AO38" s="212" t="s">
        <v>16</v>
      </c>
      <c r="AP38" s="212" t="s">
        <v>16</v>
      </c>
      <c r="AQ38" s="212" t="s">
        <v>16</v>
      </c>
      <c r="AR38" s="212" t="s">
        <v>16</v>
      </c>
      <c r="AS38" s="212" t="s">
        <v>16</v>
      </c>
      <c r="AT38" s="212" t="s">
        <v>16</v>
      </c>
      <c r="AU38" s="212" t="s">
        <v>16</v>
      </c>
      <c r="AV38" s="212" t="s">
        <v>16</v>
      </c>
      <c r="AW38" s="212" t="s">
        <v>16</v>
      </c>
      <c r="AX38" s="212" t="s">
        <v>16</v>
      </c>
      <c r="AY38" s="212" t="s">
        <v>16</v>
      </c>
    </row>
    <row r="39" spans="1:51">
      <c r="A39" s="212" t="s">
        <v>1587</v>
      </c>
      <c r="B39" s="212" t="s">
        <v>15</v>
      </c>
      <c r="C39" s="212" t="s">
        <v>16</v>
      </c>
      <c r="D39" s="212" t="s">
        <v>15</v>
      </c>
      <c r="E39" s="212" t="s">
        <v>15</v>
      </c>
      <c r="F39" s="212" t="s">
        <v>15</v>
      </c>
      <c r="G39" s="212" t="s">
        <v>15</v>
      </c>
      <c r="H39" s="212" t="s">
        <v>15</v>
      </c>
      <c r="I39" s="212" t="s">
        <v>15</v>
      </c>
      <c r="J39" s="212" t="s">
        <v>15</v>
      </c>
      <c r="K39" s="212" t="s">
        <v>15</v>
      </c>
      <c r="L39" s="212" t="s">
        <v>15</v>
      </c>
      <c r="M39" s="212" t="s">
        <v>15</v>
      </c>
      <c r="N39" s="212" t="s">
        <v>15</v>
      </c>
      <c r="O39" s="212" t="s">
        <v>15</v>
      </c>
      <c r="P39" s="212" t="s">
        <v>15</v>
      </c>
      <c r="Q39" s="212" t="s">
        <v>15</v>
      </c>
      <c r="R39" s="212" t="s">
        <v>15</v>
      </c>
      <c r="S39" s="212" t="s">
        <v>15</v>
      </c>
      <c r="T39" s="212" t="s">
        <v>15</v>
      </c>
      <c r="U39" s="212" t="s">
        <v>15</v>
      </c>
      <c r="V39" s="212" t="s">
        <v>15</v>
      </c>
      <c r="W39" s="212" t="s">
        <v>15</v>
      </c>
      <c r="X39" s="212" t="s">
        <v>15</v>
      </c>
      <c r="Y39" s="212" t="s">
        <v>15</v>
      </c>
      <c r="Z39" s="212" t="s">
        <v>15</v>
      </c>
      <c r="AA39" s="212" t="s">
        <v>15</v>
      </c>
      <c r="AB39" s="212" t="s">
        <v>15</v>
      </c>
      <c r="AC39" s="212" t="s">
        <v>15</v>
      </c>
      <c r="AD39" s="212" t="s">
        <v>15</v>
      </c>
      <c r="AE39" s="212" t="s">
        <v>15</v>
      </c>
      <c r="AF39" s="212" t="s">
        <v>15</v>
      </c>
      <c r="AG39" s="212" t="s">
        <v>15</v>
      </c>
      <c r="AH39" s="212" t="s">
        <v>15</v>
      </c>
      <c r="AI39" s="212" t="s">
        <v>15</v>
      </c>
      <c r="AJ39" s="212" t="s">
        <v>15</v>
      </c>
      <c r="AK39" s="212" t="s">
        <v>15</v>
      </c>
      <c r="AL39" s="212" t="s">
        <v>15</v>
      </c>
      <c r="AM39" s="212" t="s">
        <v>15</v>
      </c>
      <c r="AN39" s="212" t="s">
        <v>15</v>
      </c>
      <c r="AO39" s="212" t="s">
        <v>15</v>
      </c>
      <c r="AP39" s="212" t="s">
        <v>15</v>
      </c>
      <c r="AQ39" s="212" t="s">
        <v>15</v>
      </c>
      <c r="AR39" s="212" t="s">
        <v>15</v>
      </c>
      <c r="AS39" s="212" t="s">
        <v>15</v>
      </c>
      <c r="AT39" s="212" t="s">
        <v>15</v>
      </c>
      <c r="AU39" s="212" t="s">
        <v>15</v>
      </c>
      <c r="AV39" s="212" t="s">
        <v>15</v>
      </c>
      <c r="AW39" s="212" t="s">
        <v>15</v>
      </c>
      <c r="AX39" s="212" t="s">
        <v>15</v>
      </c>
      <c r="AY39" s="212" t="s">
        <v>15</v>
      </c>
    </row>
    <row r="40" spans="1:51">
      <c r="A40" s="212" t="s">
        <v>1588</v>
      </c>
      <c r="B40" s="212" t="s">
        <v>15</v>
      </c>
      <c r="C40" s="212" t="s">
        <v>15</v>
      </c>
      <c r="D40" s="212" t="s">
        <v>15</v>
      </c>
      <c r="E40" s="212" t="s">
        <v>15</v>
      </c>
      <c r="F40" s="212" t="s">
        <v>15</v>
      </c>
      <c r="G40" s="212" t="s">
        <v>15</v>
      </c>
      <c r="H40" s="212" t="s">
        <v>15</v>
      </c>
      <c r="I40" s="212" t="s">
        <v>15</v>
      </c>
      <c r="J40" s="212" t="s">
        <v>15</v>
      </c>
      <c r="K40" s="212" t="s">
        <v>15</v>
      </c>
      <c r="L40" s="212" t="s">
        <v>15</v>
      </c>
      <c r="M40" s="212" t="s">
        <v>15</v>
      </c>
      <c r="N40" s="212" t="s">
        <v>15</v>
      </c>
      <c r="O40" s="212" t="s">
        <v>15</v>
      </c>
      <c r="P40" s="212" t="s">
        <v>15</v>
      </c>
      <c r="Q40" s="212" t="s">
        <v>15</v>
      </c>
      <c r="R40" s="212" t="s">
        <v>15</v>
      </c>
      <c r="S40" s="212" t="s">
        <v>15</v>
      </c>
      <c r="T40" s="212" t="s">
        <v>15</v>
      </c>
      <c r="U40" s="212" t="s">
        <v>15</v>
      </c>
      <c r="V40" s="212" t="s">
        <v>15</v>
      </c>
      <c r="W40" s="212" t="s">
        <v>15</v>
      </c>
      <c r="X40" s="212" t="s">
        <v>15</v>
      </c>
      <c r="Y40" s="212" t="s">
        <v>15</v>
      </c>
      <c r="Z40" s="212" t="s">
        <v>15</v>
      </c>
      <c r="AA40" s="212" t="s">
        <v>15</v>
      </c>
      <c r="AB40" s="212" t="s">
        <v>15</v>
      </c>
      <c r="AC40" s="212" t="s">
        <v>15</v>
      </c>
      <c r="AD40" s="212" t="s">
        <v>15</v>
      </c>
      <c r="AE40" s="212" t="s">
        <v>15</v>
      </c>
      <c r="AF40" s="212" t="s">
        <v>15</v>
      </c>
      <c r="AG40" s="212" t="s">
        <v>15</v>
      </c>
      <c r="AH40" s="212" t="s">
        <v>15</v>
      </c>
      <c r="AI40" s="212" t="s">
        <v>15</v>
      </c>
      <c r="AJ40" s="212" t="s">
        <v>15</v>
      </c>
      <c r="AK40" s="212" t="s">
        <v>15</v>
      </c>
      <c r="AL40" s="212" t="s">
        <v>15</v>
      </c>
      <c r="AM40" s="212" t="s">
        <v>15</v>
      </c>
      <c r="AN40" s="212" t="s">
        <v>15</v>
      </c>
      <c r="AO40" s="212" t="s">
        <v>15</v>
      </c>
      <c r="AP40" s="212" t="s">
        <v>15</v>
      </c>
      <c r="AQ40" s="212" t="s">
        <v>15</v>
      </c>
      <c r="AR40" s="212" t="s">
        <v>15</v>
      </c>
      <c r="AS40" s="212" t="s">
        <v>15</v>
      </c>
      <c r="AT40" s="212" t="s">
        <v>15</v>
      </c>
      <c r="AU40" s="212" t="s">
        <v>15</v>
      </c>
      <c r="AV40" s="212" t="s">
        <v>15</v>
      </c>
      <c r="AW40" s="212" t="s">
        <v>15</v>
      </c>
      <c r="AX40" s="212" t="s">
        <v>15</v>
      </c>
      <c r="AY40" s="212" t="s">
        <v>15</v>
      </c>
    </row>
    <row r="41" spans="1:51">
      <c r="A41" s="212" t="s">
        <v>1589</v>
      </c>
      <c r="B41" s="212" t="s">
        <v>16</v>
      </c>
      <c r="C41" s="212" t="s">
        <v>16</v>
      </c>
      <c r="D41" s="212" t="s">
        <v>16</v>
      </c>
      <c r="E41" s="212" t="s">
        <v>16</v>
      </c>
      <c r="F41" s="212" t="s">
        <v>16</v>
      </c>
      <c r="G41" s="212" t="s">
        <v>16</v>
      </c>
      <c r="H41" s="212" t="s">
        <v>16</v>
      </c>
      <c r="I41" s="212" t="s">
        <v>16</v>
      </c>
      <c r="J41" s="212" t="s">
        <v>16</v>
      </c>
      <c r="K41" s="212" t="s">
        <v>16</v>
      </c>
      <c r="L41" s="212" t="s">
        <v>16</v>
      </c>
      <c r="M41" s="212" t="s">
        <v>16</v>
      </c>
      <c r="N41" s="212" t="s">
        <v>16</v>
      </c>
      <c r="O41" s="212" t="s">
        <v>16</v>
      </c>
      <c r="P41" s="212" t="s">
        <v>16</v>
      </c>
      <c r="Q41" s="212" t="s">
        <v>16</v>
      </c>
      <c r="R41" s="212" t="s">
        <v>16</v>
      </c>
      <c r="S41" s="212" t="s">
        <v>16</v>
      </c>
      <c r="T41" s="212" t="s">
        <v>16</v>
      </c>
      <c r="U41" s="212" t="s">
        <v>16</v>
      </c>
      <c r="V41" s="212" t="s">
        <v>16</v>
      </c>
      <c r="W41" s="212" t="s">
        <v>16</v>
      </c>
      <c r="X41" s="212" t="s">
        <v>16</v>
      </c>
      <c r="Y41" s="212" t="s">
        <v>16</v>
      </c>
      <c r="Z41" s="212" t="s">
        <v>16</v>
      </c>
      <c r="AA41" s="212" t="s">
        <v>16</v>
      </c>
      <c r="AB41" s="212" t="s">
        <v>16</v>
      </c>
      <c r="AC41" s="212" t="s">
        <v>16</v>
      </c>
      <c r="AD41" s="212" t="s">
        <v>16</v>
      </c>
      <c r="AE41" s="212" t="s">
        <v>16</v>
      </c>
      <c r="AF41" s="212" t="s">
        <v>16</v>
      </c>
      <c r="AG41" s="212" t="s">
        <v>16</v>
      </c>
      <c r="AH41" s="212" t="s">
        <v>16</v>
      </c>
      <c r="AI41" s="212" t="s">
        <v>16</v>
      </c>
      <c r="AJ41" s="212" t="s">
        <v>16</v>
      </c>
      <c r="AK41" s="212" t="s">
        <v>16</v>
      </c>
      <c r="AL41" s="212" t="s">
        <v>16</v>
      </c>
      <c r="AM41" s="212" t="s">
        <v>16</v>
      </c>
      <c r="AN41" s="212" t="s">
        <v>16</v>
      </c>
      <c r="AO41" s="212" t="s">
        <v>16</v>
      </c>
      <c r="AP41" s="212" t="s">
        <v>16</v>
      </c>
      <c r="AQ41" s="212" t="s">
        <v>16</v>
      </c>
      <c r="AR41" s="212" t="s">
        <v>16</v>
      </c>
      <c r="AS41" s="212" t="s">
        <v>16</v>
      </c>
      <c r="AT41" s="212" t="s">
        <v>16</v>
      </c>
      <c r="AU41" s="212" t="s">
        <v>16</v>
      </c>
      <c r="AV41" s="212" t="s">
        <v>16</v>
      </c>
      <c r="AW41" s="212" t="s">
        <v>16</v>
      </c>
      <c r="AX41" s="212" t="s">
        <v>16</v>
      </c>
      <c r="AY41" s="212" t="s">
        <v>16</v>
      </c>
    </row>
    <row r="42" spans="1:51">
      <c r="A42" s="212" t="s">
        <v>1590</v>
      </c>
      <c r="B42" s="212" t="s">
        <v>15</v>
      </c>
      <c r="C42" s="212" t="s">
        <v>16</v>
      </c>
      <c r="D42" s="212" t="s">
        <v>15</v>
      </c>
      <c r="E42" s="212" t="s">
        <v>15</v>
      </c>
      <c r="F42" s="212" t="s">
        <v>15</v>
      </c>
      <c r="G42" s="212" t="s">
        <v>16</v>
      </c>
      <c r="H42" s="212" t="s">
        <v>15</v>
      </c>
      <c r="I42" s="212" t="s">
        <v>15</v>
      </c>
      <c r="J42" s="212" t="s">
        <v>15</v>
      </c>
      <c r="K42" s="212" t="s">
        <v>15</v>
      </c>
      <c r="L42" s="212" t="s">
        <v>15</v>
      </c>
      <c r="M42" s="212" t="s">
        <v>15</v>
      </c>
      <c r="N42" s="212" t="s">
        <v>15</v>
      </c>
      <c r="O42" s="212" t="s">
        <v>15</v>
      </c>
      <c r="P42" s="212" t="s">
        <v>15</v>
      </c>
      <c r="Q42" s="212" t="s">
        <v>15</v>
      </c>
      <c r="R42" s="212" t="s">
        <v>15</v>
      </c>
      <c r="S42" s="212" t="s">
        <v>15</v>
      </c>
      <c r="T42" s="212" t="s">
        <v>15</v>
      </c>
      <c r="U42" s="212" t="s">
        <v>15</v>
      </c>
      <c r="V42" s="212" t="s">
        <v>15</v>
      </c>
      <c r="W42" s="212" t="s">
        <v>16</v>
      </c>
      <c r="X42" s="212" t="s">
        <v>15</v>
      </c>
      <c r="Y42" s="212" t="s">
        <v>15</v>
      </c>
      <c r="Z42" s="212" t="s">
        <v>16</v>
      </c>
      <c r="AA42" s="212" t="s">
        <v>15</v>
      </c>
      <c r="AB42" s="212" t="s">
        <v>15</v>
      </c>
      <c r="AC42" s="212" t="s">
        <v>15</v>
      </c>
      <c r="AD42" s="212" t="s">
        <v>15</v>
      </c>
      <c r="AE42" s="212" t="s">
        <v>15</v>
      </c>
      <c r="AF42" s="212" t="s">
        <v>15</v>
      </c>
      <c r="AG42" s="212" t="s">
        <v>15</v>
      </c>
      <c r="AH42" s="212" t="s">
        <v>16</v>
      </c>
      <c r="AI42" s="212" t="s">
        <v>15</v>
      </c>
      <c r="AJ42" s="212" t="s">
        <v>15</v>
      </c>
      <c r="AK42" s="212" t="s">
        <v>15</v>
      </c>
      <c r="AL42" s="212" t="s">
        <v>16</v>
      </c>
      <c r="AM42" s="212" t="s">
        <v>15</v>
      </c>
      <c r="AN42" s="212" t="s">
        <v>15</v>
      </c>
      <c r="AO42" s="212" t="s">
        <v>15</v>
      </c>
      <c r="AP42" s="212" t="s">
        <v>16</v>
      </c>
      <c r="AQ42" s="212" t="s">
        <v>15</v>
      </c>
      <c r="AR42" s="212" t="s">
        <v>15</v>
      </c>
      <c r="AS42" s="212" t="s">
        <v>15</v>
      </c>
      <c r="AT42" s="212" t="s">
        <v>16</v>
      </c>
      <c r="AU42" s="212" t="s">
        <v>15</v>
      </c>
      <c r="AV42" s="212" t="s">
        <v>15</v>
      </c>
      <c r="AW42" s="212" t="s">
        <v>16</v>
      </c>
      <c r="AX42" s="212" t="s">
        <v>15</v>
      </c>
      <c r="AY42" s="212" t="s">
        <v>15</v>
      </c>
    </row>
    <row r="43" spans="1:51">
      <c r="A43" s="212" t="s">
        <v>1591</v>
      </c>
      <c r="B43" s="212" t="s">
        <v>16</v>
      </c>
      <c r="C43" s="212" t="s">
        <v>15</v>
      </c>
      <c r="D43" s="212" t="s">
        <v>16</v>
      </c>
      <c r="E43" s="212" t="s">
        <v>16</v>
      </c>
      <c r="F43" s="212" t="s">
        <v>16</v>
      </c>
      <c r="G43" s="212" t="s">
        <v>15</v>
      </c>
      <c r="H43" s="212" t="s">
        <v>16</v>
      </c>
      <c r="I43" s="212" t="s">
        <v>16</v>
      </c>
      <c r="J43" s="212" t="s">
        <v>16</v>
      </c>
      <c r="K43" s="212" t="s">
        <v>16</v>
      </c>
      <c r="L43" s="212" t="s">
        <v>16</v>
      </c>
      <c r="M43" s="212" t="s">
        <v>16</v>
      </c>
      <c r="N43" s="212" t="s">
        <v>16</v>
      </c>
      <c r="O43" s="212" t="s">
        <v>16</v>
      </c>
      <c r="P43" s="212" t="s">
        <v>16</v>
      </c>
      <c r="Q43" s="212" t="s">
        <v>16</v>
      </c>
      <c r="R43" s="212" t="s">
        <v>16</v>
      </c>
      <c r="S43" s="212" t="s">
        <v>16</v>
      </c>
      <c r="T43" s="212" t="s">
        <v>16</v>
      </c>
      <c r="U43" s="212" t="s">
        <v>16</v>
      </c>
      <c r="V43" s="212" t="s">
        <v>16</v>
      </c>
      <c r="W43" s="212" t="s">
        <v>16</v>
      </c>
      <c r="X43" s="212" t="s">
        <v>16</v>
      </c>
      <c r="Y43" s="212" t="s">
        <v>16</v>
      </c>
      <c r="Z43" s="212" t="s">
        <v>15</v>
      </c>
      <c r="AA43" s="212" t="s">
        <v>16</v>
      </c>
      <c r="AB43" s="212" t="s">
        <v>16</v>
      </c>
      <c r="AC43" s="212" t="s">
        <v>16</v>
      </c>
      <c r="AD43" s="212" t="s">
        <v>16</v>
      </c>
      <c r="AE43" s="212" t="s">
        <v>16</v>
      </c>
      <c r="AF43" s="212" t="s">
        <v>16</v>
      </c>
      <c r="AG43" s="212" t="s">
        <v>16</v>
      </c>
      <c r="AH43" s="212" t="s">
        <v>16</v>
      </c>
      <c r="AI43" s="212" t="s">
        <v>16</v>
      </c>
      <c r="AJ43" s="212" t="s">
        <v>16</v>
      </c>
      <c r="AK43" s="212" t="s">
        <v>16</v>
      </c>
      <c r="AL43" s="212" t="s">
        <v>15</v>
      </c>
      <c r="AM43" s="212" t="s">
        <v>16</v>
      </c>
      <c r="AN43" s="212" t="s">
        <v>16</v>
      </c>
      <c r="AO43" s="212" t="s">
        <v>16</v>
      </c>
      <c r="AP43" s="212" t="s">
        <v>16</v>
      </c>
      <c r="AQ43" s="212" t="s">
        <v>16</v>
      </c>
      <c r="AR43" s="212" t="s">
        <v>16</v>
      </c>
      <c r="AS43" s="212" t="s">
        <v>16</v>
      </c>
      <c r="AT43" s="212" t="s">
        <v>15</v>
      </c>
      <c r="AU43" s="212" t="s">
        <v>16</v>
      </c>
      <c r="AV43" s="212" t="s">
        <v>16</v>
      </c>
      <c r="AW43" s="212" t="s">
        <v>16</v>
      </c>
      <c r="AX43" s="212" t="s">
        <v>16</v>
      </c>
      <c r="AY43" s="212" t="s">
        <v>16</v>
      </c>
    </row>
    <row r="44" spans="1:51">
      <c r="A44" s="212" t="s">
        <v>1592</v>
      </c>
      <c r="B44" s="212" t="s">
        <v>16</v>
      </c>
      <c r="C44" s="212" t="s">
        <v>16</v>
      </c>
      <c r="D44" s="212" t="s">
        <v>16</v>
      </c>
      <c r="E44" s="212" t="s">
        <v>16</v>
      </c>
      <c r="F44" s="212" t="s">
        <v>16</v>
      </c>
      <c r="G44" s="212" t="s">
        <v>16</v>
      </c>
      <c r="H44" s="212" t="s">
        <v>16</v>
      </c>
      <c r="I44" s="212" t="s">
        <v>16</v>
      </c>
      <c r="J44" s="212" t="s">
        <v>16</v>
      </c>
      <c r="K44" s="212" t="s">
        <v>16</v>
      </c>
      <c r="L44" s="212" t="s">
        <v>16</v>
      </c>
      <c r="M44" s="212" t="s">
        <v>16</v>
      </c>
      <c r="N44" s="212" t="s">
        <v>16</v>
      </c>
      <c r="O44" s="212" t="s">
        <v>16</v>
      </c>
      <c r="P44" s="212" t="s">
        <v>16</v>
      </c>
      <c r="Q44" s="212" t="s">
        <v>16</v>
      </c>
      <c r="R44" s="212" t="s">
        <v>16</v>
      </c>
      <c r="S44" s="212" t="s">
        <v>16</v>
      </c>
      <c r="T44" s="212" t="s">
        <v>16</v>
      </c>
      <c r="U44" s="212" t="s">
        <v>16</v>
      </c>
      <c r="V44" s="212" t="s">
        <v>16</v>
      </c>
      <c r="W44" s="212" t="s">
        <v>16</v>
      </c>
      <c r="X44" s="212" t="s">
        <v>16</v>
      </c>
      <c r="Y44" s="212" t="s">
        <v>16</v>
      </c>
      <c r="Z44" s="212" t="s">
        <v>16</v>
      </c>
      <c r="AA44" s="212" t="s">
        <v>16</v>
      </c>
      <c r="AB44" s="212" t="s">
        <v>16</v>
      </c>
      <c r="AC44" s="212" t="s">
        <v>16</v>
      </c>
      <c r="AD44" s="212" t="s">
        <v>16</v>
      </c>
      <c r="AE44" s="212" t="s">
        <v>16</v>
      </c>
      <c r="AF44" s="212" t="s">
        <v>16</v>
      </c>
      <c r="AG44" s="212" t="s">
        <v>16</v>
      </c>
      <c r="AH44" s="212" t="s">
        <v>16</v>
      </c>
      <c r="AI44" s="212" t="s">
        <v>16</v>
      </c>
      <c r="AJ44" s="212" t="s">
        <v>16</v>
      </c>
      <c r="AK44" s="212" t="s">
        <v>16</v>
      </c>
      <c r="AL44" s="212" t="s">
        <v>16</v>
      </c>
      <c r="AM44" s="212" t="s">
        <v>16</v>
      </c>
      <c r="AN44" s="212" t="s">
        <v>16</v>
      </c>
      <c r="AO44" s="212" t="s">
        <v>16</v>
      </c>
      <c r="AP44" s="212" t="s">
        <v>16</v>
      </c>
      <c r="AQ44" s="212" t="s">
        <v>16</v>
      </c>
      <c r="AR44" s="212" t="s">
        <v>16</v>
      </c>
      <c r="AS44" s="212" t="s">
        <v>16</v>
      </c>
      <c r="AT44" s="212" t="s">
        <v>16</v>
      </c>
      <c r="AU44" s="212" t="s">
        <v>16</v>
      </c>
      <c r="AV44" s="212" t="s">
        <v>16</v>
      </c>
      <c r="AW44" s="212" t="s">
        <v>16</v>
      </c>
      <c r="AX44" s="212" t="s">
        <v>16</v>
      </c>
      <c r="AY44" s="212" t="s">
        <v>16</v>
      </c>
    </row>
    <row r="45" spans="1:51">
      <c r="A45" s="212" t="s">
        <v>1593</v>
      </c>
      <c r="B45" s="212" t="s">
        <v>15</v>
      </c>
      <c r="C45" s="212" t="s">
        <v>15</v>
      </c>
      <c r="D45" s="212" t="s">
        <v>15</v>
      </c>
      <c r="E45" s="212" t="s">
        <v>15</v>
      </c>
      <c r="F45" s="212" t="s">
        <v>15</v>
      </c>
      <c r="G45" s="212" t="s">
        <v>15</v>
      </c>
      <c r="H45" s="212" t="s">
        <v>15</v>
      </c>
      <c r="I45" s="212" t="s">
        <v>15</v>
      </c>
      <c r="J45" s="212" t="s">
        <v>15</v>
      </c>
      <c r="K45" s="212" t="s">
        <v>15</v>
      </c>
      <c r="L45" s="212" t="s">
        <v>15</v>
      </c>
      <c r="M45" s="212" t="s">
        <v>15</v>
      </c>
      <c r="N45" s="212" t="s">
        <v>15</v>
      </c>
      <c r="O45" s="212" t="s">
        <v>15</v>
      </c>
      <c r="P45" s="212" t="s">
        <v>15</v>
      </c>
      <c r="Q45" s="212" t="s">
        <v>15</v>
      </c>
      <c r="R45" s="212" t="s">
        <v>15</v>
      </c>
      <c r="S45" s="212" t="s">
        <v>15</v>
      </c>
      <c r="T45" s="212" t="s">
        <v>15</v>
      </c>
      <c r="U45" s="212" t="s">
        <v>15</v>
      </c>
      <c r="V45" s="212" t="s">
        <v>15</v>
      </c>
      <c r="W45" s="212" t="s">
        <v>15</v>
      </c>
      <c r="X45" s="212" t="s">
        <v>15</v>
      </c>
      <c r="Y45" s="212" t="s">
        <v>15</v>
      </c>
      <c r="Z45" s="212" t="s">
        <v>15</v>
      </c>
      <c r="AA45" s="212" t="s">
        <v>15</v>
      </c>
      <c r="AB45" s="212" t="s">
        <v>15</v>
      </c>
      <c r="AC45" s="212" t="s">
        <v>15</v>
      </c>
      <c r="AD45" s="212" t="s">
        <v>15</v>
      </c>
      <c r="AE45" s="212" t="s">
        <v>15</v>
      </c>
      <c r="AF45" s="212" t="s">
        <v>15</v>
      </c>
      <c r="AG45" s="212" t="s">
        <v>15</v>
      </c>
      <c r="AH45" s="212" t="s">
        <v>15</v>
      </c>
      <c r="AI45" s="212" t="s">
        <v>15</v>
      </c>
      <c r="AJ45" s="212" t="s">
        <v>15</v>
      </c>
      <c r="AK45" s="212" t="s">
        <v>15</v>
      </c>
      <c r="AL45" s="212" t="s">
        <v>15</v>
      </c>
      <c r="AM45" s="212" t="s">
        <v>15</v>
      </c>
      <c r="AN45" s="212" t="s">
        <v>15</v>
      </c>
      <c r="AO45" s="212" t="s">
        <v>15</v>
      </c>
      <c r="AP45" s="212" t="s">
        <v>15</v>
      </c>
      <c r="AQ45" s="212" t="s">
        <v>15</v>
      </c>
      <c r="AR45" s="212" t="s">
        <v>15</v>
      </c>
      <c r="AS45" s="212" t="s">
        <v>15</v>
      </c>
      <c r="AT45" s="212" t="s">
        <v>15</v>
      </c>
      <c r="AU45" s="212" t="s">
        <v>15</v>
      </c>
      <c r="AV45" s="212" t="s">
        <v>15</v>
      </c>
      <c r="AW45" s="212" t="s">
        <v>15</v>
      </c>
      <c r="AX45" s="212" t="s">
        <v>15</v>
      </c>
      <c r="AY45" s="212" t="s">
        <v>15</v>
      </c>
    </row>
    <row r="46" spans="1:51">
      <c r="A46" s="212" t="s">
        <v>1594</v>
      </c>
      <c r="B46" s="212" t="s">
        <v>15</v>
      </c>
      <c r="C46" s="212" t="s">
        <v>16</v>
      </c>
      <c r="D46" s="212" t="s">
        <v>15</v>
      </c>
      <c r="E46" s="212" t="s">
        <v>15</v>
      </c>
      <c r="F46" s="212" t="s">
        <v>15</v>
      </c>
      <c r="G46" s="212" t="s">
        <v>16</v>
      </c>
      <c r="H46" s="212" t="s">
        <v>15</v>
      </c>
      <c r="I46" s="212" t="s">
        <v>15</v>
      </c>
      <c r="J46" s="212" t="s">
        <v>15</v>
      </c>
      <c r="K46" s="212" t="s">
        <v>15</v>
      </c>
      <c r="L46" s="212" t="s">
        <v>15</v>
      </c>
      <c r="M46" s="212" t="s">
        <v>15</v>
      </c>
      <c r="N46" s="212" t="s">
        <v>15</v>
      </c>
      <c r="O46" s="212" t="s">
        <v>15</v>
      </c>
      <c r="P46" s="212" t="s">
        <v>15</v>
      </c>
      <c r="Q46" s="212" t="s">
        <v>15</v>
      </c>
      <c r="R46" s="212" t="s">
        <v>15</v>
      </c>
      <c r="S46" s="212" t="s">
        <v>15</v>
      </c>
      <c r="T46" s="212" t="s">
        <v>15</v>
      </c>
      <c r="U46" s="212" t="s">
        <v>15</v>
      </c>
      <c r="V46" s="212" t="s">
        <v>15</v>
      </c>
      <c r="W46" s="212" t="s">
        <v>16</v>
      </c>
      <c r="X46" s="212" t="s">
        <v>15</v>
      </c>
      <c r="Y46" s="212" t="s">
        <v>15</v>
      </c>
      <c r="Z46" s="212" t="s">
        <v>16</v>
      </c>
      <c r="AA46" s="212" t="s">
        <v>15</v>
      </c>
      <c r="AB46" s="212" t="s">
        <v>15</v>
      </c>
      <c r="AC46" s="212" t="s">
        <v>15</v>
      </c>
      <c r="AD46" s="212" t="s">
        <v>15</v>
      </c>
      <c r="AE46" s="212" t="s">
        <v>15</v>
      </c>
      <c r="AF46" s="212" t="s">
        <v>15</v>
      </c>
      <c r="AG46" s="212" t="s">
        <v>15</v>
      </c>
      <c r="AH46" s="212" t="s">
        <v>15</v>
      </c>
      <c r="AI46" s="212" t="s">
        <v>15</v>
      </c>
      <c r="AJ46" s="212" t="s">
        <v>15</v>
      </c>
      <c r="AK46" s="212" t="s">
        <v>15</v>
      </c>
      <c r="AL46" s="212" t="s">
        <v>16</v>
      </c>
      <c r="AM46" s="212" t="s">
        <v>15</v>
      </c>
      <c r="AN46" s="212" t="s">
        <v>15</v>
      </c>
      <c r="AO46" s="212" t="s">
        <v>15</v>
      </c>
      <c r="AP46" s="212" t="s">
        <v>16</v>
      </c>
      <c r="AQ46" s="212" t="s">
        <v>15</v>
      </c>
      <c r="AR46" s="212" t="s">
        <v>15</v>
      </c>
      <c r="AS46" s="212" t="s">
        <v>15</v>
      </c>
      <c r="AT46" s="212" t="s">
        <v>16</v>
      </c>
      <c r="AU46" s="212" t="s">
        <v>15</v>
      </c>
      <c r="AV46" s="212" t="s">
        <v>15</v>
      </c>
      <c r="AW46" s="212" t="s">
        <v>16</v>
      </c>
      <c r="AX46" s="212" t="s">
        <v>15</v>
      </c>
      <c r="AY46" s="212" t="s">
        <v>16</v>
      </c>
    </row>
    <row r="47" spans="1:51">
      <c r="A47" s="212" t="s">
        <v>1595</v>
      </c>
      <c r="B47" s="212" t="s">
        <v>16</v>
      </c>
      <c r="C47" s="212" t="s">
        <v>16</v>
      </c>
      <c r="D47" s="212" t="s">
        <v>15</v>
      </c>
      <c r="E47" s="212" t="s">
        <v>15</v>
      </c>
      <c r="F47" s="212" t="s">
        <v>15</v>
      </c>
      <c r="G47" s="212" t="s">
        <v>15</v>
      </c>
      <c r="H47" s="212" t="s">
        <v>15</v>
      </c>
      <c r="I47" s="212" t="s">
        <v>15</v>
      </c>
      <c r="J47" s="212" t="s">
        <v>15</v>
      </c>
      <c r="K47" s="212" t="s">
        <v>15</v>
      </c>
      <c r="L47" s="212" t="s">
        <v>15</v>
      </c>
      <c r="M47" s="212" t="s">
        <v>15</v>
      </c>
      <c r="N47" s="212" t="s">
        <v>15</v>
      </c>
      <c r="O47" s="212" t="s">
        <v>15</v>
      </c>
      <c r="P47" s="212" t="s">
        <v>15</v>
      </c>
      <c r="Q47" s="212" t="s">
        <v>15</v>
      </c>
      <c r="R47" s="212" t="s">
        <v>15</v>
      </c>
      <c r="S47" s="212" t="s">
        <v>15</v>
      </c>
      <c r="T47" s="212" t="s">
        <v>15</v>
      </c>
      <c r="U47" s="212" t="s">
        <v>15</v>
      </c>
      <c r="V47" s="212" t="s">
        <v>15</v>
      </c>
      <c r="W47" s="212" t="s">
        <v>16</v>
      </c>
      <c r="X47" s="212" t="s">
        <v>15</v>
      </c>
      <c r="Y47" s="212" t="s">
        <v>15</v>
      </c>
      <c r="Z47" s="212" t="s">
        <v>16</v>
      </c>
      <c r="AA47" s="212" t="s">
        <v>15</v>
      </c>
      <c r="AB47" s="212" t="s">
        <v>15</v>
      </c>
      <c r="AC47" s="212" t="s">
        <v>15</v>
      </c>
      <c r="AD47" s="212" t="s">
        <v>15</v>
      </c>
      <c r="AE47" s="212" t="s">
        <v>15</v>
      </c>
      <c r="AF47" s="212" t="s">
        <v>15</v>
      </c>
      <c r="AG47" s="212" t="s">
        <v>15</v>
      </c>
      <c r="AH47" s="212" t="s">
        <v>16</v>
      </c>
      <c r="AI47" s="212" t="s">
        <v>15</v>
      </c>
      <c r="AJ47" s="212" t="s">
        <v>15</v>
      </c>
      <c r="AK47" s="212" t="s">
        <v>15</v>
      </c>
      <c r="AL47" s="212" t="s">
        <v>16</v>
      </c>
      <c r="AM47" s="212" t="s">
        <v>15</v>
      </c>
      <c r="AN47" s="212" t="s">
        <v>15</v>
      </c>
      <c r="AO47" s="212" t="s">
        <v>15</v>
      </c>
      <c r="AP47" s="212" t="s">
        <v>16</v>
      </c>
      <c r="AQ47" s="212" t="s">
        <v>15</v>
      </c>
      <c r="AR47" s="212" t="s">
        <v>15</v>
      </c>
      <c r="AS47" s="212" t="s">
        <v>15</v>
      </c>
      <c r="AT47" s="212" t="s">
        <v>16</v>
      </c>
      <c r="AU47" s="212" t="s">
        <v>15</v>
      </c>
      <c r="AV47" s="212" t="s">
        <v>15</v>
      </c>
      <c r="AW47" s="212" t="s">
        <v>16</v>
      </c>
      <c r="AX47" s="212" t="s">
        <v>15</v>
      </c>
      <c r="AY47" s="212" t="s">
        <v>16</v>
      </c>
    </row>
    <row r="48" spans="1:51">
      <c r="A48" s="212" t="s">
        <v>1596</v>
      </c>
      <c r="B48" s="212" t="s">
        <v>16</v>
      </c>
      <c r="C48" s="212" t="s">
        <v>16</v>
      </c>
      <c r="D48" s="212" t="s">
        <v>15</v>
      </c>
      <c r="E48" s="212" t="s">
        <v>15</v>
      </c>
      <c r="F48" s="212" t="s">
        <v>16</v>
      </c>
      <c r="G48" s="212" t="s">
        <v>15</v>
      </c>
      <c r="H48" s="212" t="s">
        <v>16</v>
      </c>
      <c r="I48" s="212" t="s">
        <v>16</v>
      </c>
      <c r="J48" s="212" t="s">
        <v>16</v>
      </c>
      <c r="K48" s="212" t="s">
        <v>16</v>
      </c>
      <c r="L48" s="212" t="s">
        <v>16</v>
      </c>
      <c r="M48" s="212" t="s">
        <v>15</v>
      </c>
      <c r="N48" s="212" t="s">
        <v>15</v>
      </c>
      <c r="O48" s="212" t="s">
        <v>15</v>
      </c>
      <c r="P48" s="212" t="s">
        <v>16</v>
      </c>
      <c r="Q48" s="212" t="s">
        <v>16</v>
      </c>
      <c r="R48" s="212" t="s">
        <v>16</v>
      </c>
      <c r="S48" s="212" t="s">
        <v>15</v>
      </c>
      <c r="T48" s="212" t="s">
        <v>15</v>
      </c>
      <c r="U48" s="212" t="s">
        <v>15</v>
      </c>
      <c r="V48" s="212" t="s">
        <v>15</v>
      </c>
      <c r="W48" s="212" t="s">
        <v>16</v>
      </c>
      <c r="X48" s="212" t="s">
        <v>15</v>
      </c>
      <c r="Y48" s="212" t="s">
        <v>16</v>
      </c>
      <c r="Z48" s="212" t="s">
        <v>16</v>
      </c>
      <c r="AA48" s="212" t="s">
        <v>15</v>
      </c>
      <c r="AB48" s="212" t="s">
        <v>15</v>
      </c>
      <c r="AC48" s="212" t="s">
        <v>16</v>
      </c>
      <c r="AD48" s="212" t="s">
        <v>16</v>
      </c>
      <c r="AE48" s="212" t="s">
        <v>15</v>
      </c>
      <c r="AF48" s="212" t="s">
        <v>16</v>
      </c>
      <c r="AG48" s="212" t="s">
        <v>16</v>
      </c>
      <c r="AH48" s="212" t="s">
        <v>16</v>
      </c>
      <c r="AI48" s="212" t="s">
        <v>16</v>
      </c>
      <c r="AJ48" s="212" t="s">
        <v>15</v>
      </c>
      <c r="AK48" s="212" t="s">
        <v>16</v>
      </c>
      <c r="AL48" s="212" t="s">
        <v>16</v>
      </c>
      <c r="AM48" s="212" t="s">
        <v>16</v>
      </c>
      <c r="AN48" s="212" t="s">
        <v>16</v>
      </c>
      <c r="AO48" s="212" t="s">
        <v>15</v>
      </c>
      <c r="AP48" s="212" t="s">
        <v>16</v>
      </c>
      <c r="AQ48" s="212" t="s">
        <v>15</v>
      </c>
      <c r="AR48" s="212" t="s">
        <v>15</v>
      </c>
      <c r="AS48" s="212" t="s">
        <v>16</v>
      </c>
      <c r="AT48" s="212" t="s">
        <v>16</v>
      </c>
      <c r="AU48" s="212" t="s">
        <v>15</v>
      </c>
      <c r="AV48" s="212" t="s">
        <v>15</v>
      </c>
      <c r="AW48" s="212" t="s">
        <v>16</v>
      </c>
      <c r="AX48" s="212" t="s">
        <v>15</v>
      </c>
      <c r="AY48" s="212" t="s">
        <v>16</v>
      </c>
    </row>
    <row r="49" spans="1:51">
      <c r="A49" s="212" t="s">
        <v>1597</v>
      </c>
      <c r="B49" s="212" t="s">
        <v>15</v>
      </c>
      <c r="C49" s="212" t="s">
        <v>15</v>
      </c>
      <c r="D49" s="212" t="s">
        <v>15</v>
      </c>
      <c r="E49" s="212" t="s">
        <v>15</v>
      </c>
      <c r="F49" s="212" t="s">
        <v>15</v>
      </c>
      <c r="G49" s="212" t="s">
        <v>16</v>
      </c>
      <c r="H49" s="212" t="s">
        <v>15</v>
      </c>
      <c r="I49" s="212" t="s">
        <v>15</v>
      </c>
      <c r="J49" s="212" t="s">
        <v>15</v>
      </c>
      <c r="K49" s="212" t="s">
        <v>15</v>
      </c>
      <c r="L49" s="212" t="s">
        <v>15</v>
      </c>
      <c r="M49" s="212" t="s">
        <v>15</v>
      </c>
      <c r="N49" s="212" t="s">
        <v>15</v>
      </c>
      <c r="O49" s="212" t="s">
        <v>15</v>
      </c>
      <c r="P49" s="212" t="s">
        <v>15</v>
      </c>
      <c r="Q49" s="212" t="s">
        <v>15</v>
      </c>
      <c r="R49" s="212" t="s">
        <v>15</v>
      </c>
      <c r="S49" s="212" t="s">
        <v>15</v>
      </c>
      <c r="T49" s="212" t="s">
        <v>15</v>
      </c>
      <c r="U49" s="212" t="s">
        <v>15</v>
      </c>
      <c r="V49" s="212" t="s">
        <v>15</v>
      </c>
      <c r="W49" s="212" t="s">
        <v>15</v>
      </c>
      <c r="X49" s="212" t="s">
        <v>15</v>
      </c>
      <c r="Y49" s="212" t="s">
        <v>15</v>
      </c>
      <c r="Z49" s="212" t="s">
        <v>15</v>
      </c>
      <c r="AA49" s="212" t="s">
        <v>15</v>
      </c>
      <c r="AB49" s="212" t="s">
        <v>15</v>
      </c>
      <c r="AC49" s="212" t="s">
        <v>15</v>
      </c>
      <c r="AD49" s="212" t="s">
        <v>15</v>
      </c>
      <c r="AE49" s="212" t="s">
        <v>15</v>
      </c>
      <c r="AF49" s="212" t="s">
        <v>15</v>
      </c>
      <c r="AG49" s="212" t="s">
        <v>15</v>
      </c>
      <c r="AH49" s="212" t="s">
        <v>15</v>
      </c>
      <c r="AI49" s="212" t="s">
        <v>15</v>
      </c>
      <c r="AJ49" s="212" t="s">
        <v>15</v>
      </c>
      <c r="AK49" s="212" t="s">
        <v>15</v>
      </c>
      <c r="AL49" s="212" t="s">
        <v>15</v>
      </c>
      <c r="AM49" s="212" t="s">
        <v>15</v>
      </c>
      <c r="AN49" s="212" t="s">
        <v>15</v>
      </c>
      <c r="AO49" s="212" t="s">
        <v>15</v>
      </c>
      <c r="AP49" s="212" t="s">
        <v>15</v>
      </c>
      <c r="AQ49" s="212" t="s">
        <v>15</v>
      </c>
      <c r="AR49" s="212" t="s">
        <v>15</v>
      </c>
      <c r="AS49" s="212" t="s">
        <v>15</v>
      </c>
      <c r="AT49" s="212" t="s">
        <v>15</v>
      </c>
      <c r="AU49" s="212" t="s">
        <v>15</v>
      </c>
      <c r="AV49" s="212" t="s">
        <v>15</v>
      </c>
      <c r="AW49" s="212" t="s">
        <v>15</v>
      </c>
      <c r="AX49" s="212" t="s">
        <v>15</v>
      </c>
      <c r="AY49" s="212" t="s">
        <v>15</v>
      </c>
    </row>
    <row r="50" spans="1:51">
      <c r="A50" s="212" t="s">
        <v>1598</v>
      </c>
      <c r="B50" s="212" t="s">
        <v>16</v>
      </c>
      <c r="C50" s="212" t="s">
        <v>16</v>
      </c>
      <c r="D50" s="212" t="s">
        <v>16</v>
      </c>
      <c r="E50" s="212" t="s">
        <v>16</v>
      </c>
      <c r="F50" s="212" t="s">
        <v>16</v>
      </c>
      <c r="G50" s="212" t="s">
        <v>16</v>
      </c>
      <c r="H50" s="212" t="s">
        <v>16</v>
      </c>
      <c r="I50" s="212" t="s">
        <v>16</v>
      </c>
      <c r="J50" s="212" t="s">
        <v>16</v>
      </c>
      <c r="K50" s="212" t="s">
        <v>16</v>
      </c>
      <c r="L50" s="212" t="s">
        <v>16</v>
      </c>
      <c r="M50" s="212" t="s">
        <v>16</v>
      </c>
      <c r="N50" s="212" t="s">
        <v>16</v>
      </c>
      <c r="O50" s="212" t="s">
        <v>16</v>
      </c>
      <c r="P50" s="212" t="s">
        <v>16</v>
      </c>
      <c r="Q50" s="212" t="s">
        <v>16</v>
      </c>
      <c r="R50" s="212" t="s">
        <v>16</v>
      </c>
      <c r="S50" s="212" t="s">
        <v>16</v>
      </c>
      <c r="T50" s="212" t="s">
        <v>16</v>
      </c>
      <c r="U50" s="212" t="s">
        <v>15</v>
      </c>
      <c r="V50" s="212" t="s">
        <v>16</v>
      </c>
      <c r="W50" s="212" t="s">
        <v>16</v>
      </c>
      <c r="X50" s="212" t="s">
        <v>16</v>
      </c>
      <c r="Y50" s="212" t="s">
        <v>16</v>
      </c>
      <c r="Z50" s="212" t="s">
        <v>16</v>
      </c>
      <c r="AA50" s="212" t="s">
        <v>16</v>
      </c>
      <c r="AB50" s="212" t="s">
        <v>16</v>
      </c>
      <c r="AC50" s="212" t="s">
        <v>16</v>
      </c>
      <c r="AD50" s="212" t="s">
        <v>16</v>
      </c>
      <c r="AE50" s="212" t="s">
        <v>16</v>
      </c>
      <c r="AF50" s="212" t="s">
        <v>16</v>
      </c>
      <c r="AG50" s="212" t="s">
        <v>16</v>
      </c>
      <c r="AH50" s="212" t="s">
        <v>16</v>
      </c>
      <c r="AI50" s="212" t="s">
        <v>16</v>
      </c>
      <c r="AJ50" s="212" t="s">
        <v>16</v>
      </c>
      <c r="AK50" s="212" t="s">
        <v>16</v>
      </c>
      <c r="AL50" s="212" t="s">
        <v>16</v>
      </c>
      <c r="AM50" s="212" t="s">
        <v>16</v>
      </c>
      <c r="AN50" s="212" t="s">
        <v>16</v>
      </c>
      <c r="AO50" s="212" t="s">
        <v>16</v>
      </c>
      <c r="AP50" s="212" t="s">
        <v>16</v>
      </c>
      <c r="AQ50" s="212" t="s">
        <v>16</v>
      </c>
      <c r="AR50" s="212" t="s">
        <v>16</v>
      </c>
      <c r="AS50" s="212" t="s">
        <v>16</v>
      </c>
      <c r="AT50" s="212" t="s">
        <v>16</v>
      </c>
      <c r="AU50" s="212" t="s">
        <v>16</v>
      </c>
      <c r="AV50" s="212" t="s">
        <v>16</v>
      </c>
      <c r="AW50" s="212" t="s">
        <v>16</v>
      </c>
      <c r="AX50" s="212" t="s">
        <v>16</v>
      </c>
      <c r="AY50" s="212" t="s">
        <v>16</v>
      </c>
    </row>
    <row r="51" spans="1:51">
      <c r="A51" s="212" t="s">
        <v>1599</v>
      </c>
      <c r="B51" s="212" t="s">
        <v>16</v>
      </c>
      <c r="C51" s="212" t="s">
        <v>16</v>
      </c>
      <c r="D51" s="212" t="s">
        <v>16</v>
      </c>
      <c r="E51" s="212" t="s">
        <v>16</v>
      </c>
      <c r="F51" s="212" t="s">
        <v>16</v>
      </c>
      <c r="G51" s="212" t="s">
        <v>16</v>
      </c>
      <c r="H51" s="212" t="s">
        <v>16</v>
      </c>
      <c r="I51" s="212" t="s">
        <v>16</v>
      </c>
      <c r="J51" s="212" t="s">
        <v>16</v>
      </c>
      <c r="K51" s="212" t="s">
        <v>16</v>
      </c>
      <c r="L51" s="212" t="s">
        <v>16</v>
      </c>
      <c r="M51" s="212" t="s">
        <v>16</v>
      </c>
      <c r="N51" s="212" t="s">
        <v>16</v>
      </c>
      <c r="O51" s="212" t="s">
        <v>16</v>
      </c>
      <c r="P51" s="212" t="s">
        <v>16</v>
      </c>
      <c r="Q51" s="212" t="s">
        <v>16</v>
      </c>
      <c r="R51" s="212" t="s">
        <v>16</v>
      </c>
      <c r="S51" s="212" t="s">
        <v>16</v>
      </c>
      <c r="T51" s="212" t="s">
        <v>16</v>
      </c>
      <c r="U51" s="212" t="s">
        <v>16</v>
      </c>
      <c r="V51" s="212" t="s">
        <v>16</v>
      </c>
      <c r="W51" s="212" t="s">
        <v>16</v>
      </c>
      <c r="X51" s="212" t="s">
        <v>16</v>
      </c>
      <c r="Y51" s="212" t="s">
        <v>16</v>
      </c>
      <c r="Z51" s="212" t="s">
        <v>16</v>
      </c>
      <c r="AA51" s="212" t="s">
        <v>16</v>
      </c>
      <c r="AB51" s="212" t="s">
        <v>16</v>
      </c>
      <c r="AC51" s="212" t="s">
        <v>16</v>
      </c>
      <c r="AD51" s="212" t="s">
        <v>16</v>
      </c>
      <c r="AE51" s="212" t="s">
        <v>16</v>
      </c>
      <c r="AF51" s="212" t="s">
        <v>16</v>
      </c>
      <c r="AG51" s="212" t="s">
        <v>16</v>
      </c>
      <c r="AH51" s="212" t="s">
        <v>16</v>
      </c>
      <c r="AI51" s="212" t="s">
        <v>16</v>
      </c>
      <c r="AJ51" s="212" t="s">
        <v>16</v>
      </c>
      <c r="AK51" s="212" t="s">
        <v>16</v>
      </c>
      <c r="AL51" s="212" t="s">
        <v>16</v>
      </c>
      <c r="AM51" s="212" t="s">
        <v>16</v>
      </c>
      <c r="AN51" s="212" t="s">
        <v>16</v>
      </c>
      <c r="AO51" s="212" t="s">
        <v>16</v>
      </c>
      <c r="AP51" s="212" t="s">
        <v>16</v>
      </c>
      <c r="AQ51" s="212" t="s">
        <v>16</v>
      </c>
      <c r="AR51" s="212" t="s">
        <v>16</v>
      </c>
      <c r="AS51" s="212" t="s">
        <v>16</v>
      </c>
      <c r="AT51" s="212" t="s">
        <v>16</v>
      </c>
      <c r="AU51" s="212" t="s">
        <v>16</v>
      </c>
      <c r="AV51" s="212" t="s">
        <v>16</v>
      </c>
      <c r="AW51" s="212" t="s">
        <v>16</v>
      </c>
      <c r="AX51" s="212" t="s">
        <v>16</v>
      </c>
      <c r="AY51" s="212" t="s">
        <v>16</v>
      </c>
    </row>
    <row r="52" spans="1:51">
      <c r="A52" s="212" t="s">
        <v>1600</v>
      </c>
      <c r="B52" s="212" t="s">
        <v>15</v>
      </c>
      <c r="C52" s="212" t="s">
        <v>15</v>
      </c>
      <c r="D52" s="212" t="s">
        <v>15</v>
      </c>
      <c r="E52" s="212" t="s">
        <v>15</v>
      </c>
      <c r="F52" s="212" t="s">
        <v>15</v>
      </c>
      <c r="G52" s="212" t="s">
        <v>15</v>
      </c>
      <c r="H52" s="212" t="s">
        <v>15</v>
      </c>
      <c r="I52" s="212" t="s">
        <v>15</v>
      </c>
      <c r="J52" s="212" t="s">
        <v>15</v>
      </c>
      <c r="K52" s="212" t="s">
        <v>15</v>
      </c>
      <c r="L52" s="212" t="s">
        <v>15</v>
      </c>
      <c r="M52" s="212" t="s">
        <v>15</v>
      </c>
      <c r="N52" s="212" t="s">
        <v>15</v>
      </c>
      <c r="O52" s="212" t="s">
        <v>15</v>
      </c>
      <c r="P52" s="212" t="s">
        <v>15</v>
      </c>
      <c r="Q52" s="212" t="s">
        <v>15</v>
      </c>
      <c r="R52" s="212" t="s">
        <v>15</v>
      </c>
      <c r="S52" s="212" t="s">
        <v>15</v>
      </c>
      <c r="T52" s="212" t="s">
        <v>15</v>
      </c>
      <c r="U52" s="212" t="s">
        <v>15</v>
      </c>
      <c r="V52" s="212" t="s">
        <v>15</v>
      </c>
      <c r="W52" s="212" t="s">
        <v>15</v>
      </c>
      <c r="X52" s="212" t="s">
        <v>15</v>
      </c>
      <c r="Y52" s="212" t="s">
        <v>15</v>
      </c>
      <c r="Z52" s="212" t="s">
        <v>15</v>
      </c>
      <c r="AA52" s="212" t="s">
        <v>15</v>
      </c>
      <c r="AB52" s="212" t="s">
        <v>15</v>
      </c>
      <c r="AC52" s="212" t="s">
        <v>15</v>
      </c>
      <c r="AD52" s="212" t="s">
        <v>15</v>
      </c>
      <c r="AE52" s="212" t="s">
        <v>15</v>
      </c>
      <c r="AF52" s="212" t="s">
        <v>15</v>
      </c>
      <c r="AG52" s="212" t="s">
        <v>15</v>
      </c>
      <c r="AH52" s="212" t="s">
        <v>15</v>
      </c>
      <c r="AI52" s="212" t="s">
        <v>15</v>
      </c>
      <c r="AJ52" s="212" t="s">
        <v>15</v>
      </c>
      <c r="AK52" s="212" t="s">
        <v>15</v>
      </c>
      <c r="AL52" s="212" t="s">
        <v>15</v>
      </c>
      <c r="AM52" s="212" t="s">
        <v>15</v>
      </c>
      <c r="AN52" s="212" t="s">
        <v>15</v>
      </c>
      <c r="AO52" s="212" t="s">
        <v>15</v>
      </c>
      <c r="AP52" s="212" t="s">
        <v>15</v>
      </c>
      <c r="AQ52" s="212" t="s">
        <v>15</v>
      </c>
      <c r="AR52" s="212" t="s">
        <v>15</v>
      </c>
      <c r="AS52" s="212" t="s">
        <v>15</v>
      </c>
      <c r="AT52" s="212" t="s">
        <v>15</v>
      </c>
      <c r="AU52" s="212" t="s">
        <v>15</v>
      </c>
      <c r="AV52" s="212" t="s">
        <v>15</v>
      </c>
      <c r="AW52" s="212" t="s">
        <v>15</v>
      </c>
      <c r="AX52" s="212" t="s">
        <v>15</v>
      </c>
      <c r="AY52" s="212" t="s">
        <v>15</v>
      </c>
    </row>
    <row r="53" spans="1:51">
      <c r="A53" s="212" t="s">
        <v>1601</v>
      </c>
      <c r="B53" s="212" t="s">
        <v>15</v>
      </c>
      <c r="C53" s="212" t="s">
        <v>15</v>
      </c>
      <c r="D53" s="212" t="s">
        <v>15</v>
      </c>
      <c r="E53" s="212" t="s">
        <v>15</v>
      </c>
      <c r="F53" s="212" t="s">
        <v>15</v>
      </c>
      <c r="G53" s="212" t="s">
        <v>15</v>
      </c>
      <c r="H53" s="212" t="s">
        <v>15</v>
      </c>
      <c r="I53" s="212" t="s">
        <v>15</v>
      </c>
      <c r="J53" s="212" t="s">
        <v>16</v>
      </c>
      <c r="K53" s="212" t="s">
        <v>15</v>
      </c>
      <c r="L53" s="212" t="s">
        <v>15</v>
      </c>
      <c r="M53" s="212" t="s">
        <v>15</v>
      </c>
      <c r="N53" s="212" t="s">
        <v>15</v>
      </c>
      <c r="O53" s="212" t="s">
        <v>15</v>
      </c>
      <c r="P53" s="212" t="s">
        <v>15</v>
      </c>
      <c r="Q53" s="212" t="s">
        <v>15</v>
      </c>
      <c r="R53" s="212" t="s">
        <v>15</v>
      </c>
      <c r="S53" s="212" t="s">
        <v>15</v>
      </c>
      <c r="T53" s="212" t="s">
        <v>15</v>
      </c>
      <c r="U53" s="212" t="s">
        <v>15</v>
      </c>
      <c r="V53" s="212" t="s">
        <v>15</v>
      </c>
      <c r="W53" s="212" t="s">
        <v>15</v>
      </c>
      <c r="X53" s="212" t="s">
        <v>15</v>
      </c>
      <c r="Y53" s="212" t="s">
        <v>15</v>
      </c>
      <c r="Z53" s="212" t="s">
        <v>15</v>
      </c>
      <c r="AA53" s="212" t="s">
        <v>15</v>
      </c>
      <c r="AB53" s="212" t="s">
        <v>15</v>
      </c>
      <c r="AC53" s="212" t="s">
        <v>15</v>
      </c>
      <c r="AD53" s="212" t="s">
        <v>15</v>
      </c>
      <c r="AE53" s="212" t="s">
        <v>15</v>
      </c>
      <c r="AF53" s="212" t="s">
        <v>15</v>
      </c>
      <c r="AG53" s="212" t="s">
        <v>15</v>
      </c>
      <c r="AH53" s="212" t="s">
        <v>15</v>
      </c>
      <c r="AI53" s="212" t="s">
        <v>15</v>
      </c>
      <c r="AJ53" s="212" t="s">
        <v>15</v>
      </c>
      <c r="AK53" s="212" t="s">
        <v>15</v>
      </c>
      <c r="AL53" s="212" t="s">
        <v>15</v>
      </c>
      <c r="AM53" s="212" t="s">
        <v>15</v>
      </c>
      <c r="AN53" s="212" t="s">
        <v>15</v>
      </c>
      <c r="AO53" s="212" t="s">
        <v>15</v>
      </c>
      <c r="AP53" s="212" t="s">
        <v>15</v>
      </c>
      <c r="AQ53" s="212" t="s">
        <v>15</v>
      </c>
      <c r="AR53" s="212" t="s">
        <v>15</v>
      </c>
      <c r="AS53" s="212" t="s">
        <v>15</v>
      </c>
      <c r="AT53" s="212" t="s">
        <v>15</v>
      </c>
      <c r="AU53" s="212" t="s">
        <v>15</v>
      </c>
      <c r="AV53" s="212" t="s">
        <v>15</v>
      </c>
      <c r="AW53" s="212" t="s">
        <v>15</v>
      </c>
      <c r="AX53" s="212" t="s">
        <v>15</v>
      </c>
      <c r="AY53" s="212" t="s">
        <v>15</v>
      </c>
    </row>
    <row r="54" spans="1:51">
      <c r="A54" s="212" t="s">
        <v>1602</v>
      </c>
      <c r="B54" s="212" t="s">
        <v>16</v>
      </c>
      <c r="C54" s="212" t="s">
        <v>16</v>
      </c>
      <c r="D54" s="212" t="s">
        <v>16</v>
      </c>
      <c r="E54" s="212" t="s">
        <v>16</v>
      </c>
      <c r="F54" s="212" t="s">
        <v>16</v>
      </c>
      <c r="G54" s="212" t="s">
        <v>16</v>
      </c>
      <c r="H54" s="212" t="s">
        <v>16</v>
      </c>
      <c r="I54" s="212" t="s">
        <v>16</v>
      </c>
      <c r="J54" s="212" t="s">
        <v>16</v>
      </c>
      <c r="K54" s="212" t="s">
        <v>16</v>
      </c>
      <c r="L54" s="212" t="s">
        <v>16</v>
      </c>
      <c r="M54" s="212" t="s">
        <v>16</v>
      </c>
      <c r="N54" s="212" t="s">
        <v>16</v>
      </c>
      <c r="O54" s="212" t="s">
        <v>16</v>
      </c>
      <c r="P54" s="212" t="s">
        <v>16</v>
      </c>
      <c r="Q54" s="212" t="s">
        <v>16</v>
      </c>
      <c r="R54" s="212" t="s">
        <v>16</v>
      </c>
      <c r="S54" s="212" t="s">
        <v>16</v>
      </c>
      <c r="T54" s="212" t="s">
        <v>16</v>
      </c>
      <c r="U54" s="212" t="s">
        <v>16</v>
      </c>
      <c r="V54" s="212" t="s">
        <v>16</v>
      </c>
      <c r="W54" s="212" t="s">
        <v>16</v>
      </c>
      <c r="X54" s="212" t="s">
        <v>16</v>
      </c>
      <c r="Y54" s="212" t="s">
        <v>16</v>
      </c>
      <c r="Z54" s="212" t="s">
        <v>16</v>
      </c>
      <c r="AA54" s="212" t="s">
        <v>16</v>
      </c>
      <c r="AB54" s="212" t="s">
        <v>16</v>
      </c>
      <c r="AC54" s="212" t="s">
        <v>16</v>
      </c>
      <c r="AD54" s="212" t="s">
        <v>16</v>
      </c>
      <c r="AE54" s="212" t="s">
        <v>16</v>
      </c>
      <c r="AF54" s="212" t="s">
        <v>16</v>
      </c>
      <c r="AG54" s="212" t="s">
        <v>16</v>
      </c>
      <c r="AH54" s="212" t="s">
        <v>16</v>
      </c>
      <c r="AI54" s="212" t="s">
        <v>16</v>
      </c>
      <c r="AJ54" s="212" t="s">
        <v>16</v>
      </c>
      <c r="AK54" s="212" t="s">
        <v>16</v>
      </c>
      <c r="AL54" s="212" t="s">
        <v>16</v>
      </c>
      <c r="AM54" s="212" t="s">
        <v>16</v>
      </c>
      <c r="AN54" s="212" t="s">
        <v>16</v>
      </c>
      <c r="AO54" s="212" t="s">
        <v>16</v>
      </c>
      <c r="AP54" s="212" t="s">
        <v>16</v>
      </c>
      <c r="AQ54" s="212" t="s">
        <v>16</v>
      </c>
      <c r="AR54" s="212" t="s">
        <v>16</v>
      </c>
      <c r="AS54" s="212" t="s">
        <v>16</v>
      </c>
      <c r="AT54" s="212" t="s">
        <v>16</v>
      </c>
      <c r="AU54" s="212" t="s">
        <v>16</v>
      </c>
      <c r="AV54" s="212" t="s">
        <v>16</v>
      </c>
      <c r="AW54" s="212" t="s">
        <v>16</v>
      </c>
      <c r="AX54" s="212" t="s">
        <v>16</v>
      </c>
      <c r="AY54" s="212" t="s">
        <v>16</v>
      </c>
    </row>
    <row r="55" spans="1:51">
      <c r="A55" s="212" t="s">
        <v>1603</v>
      </c>
      <c r="B55" s="212" t="s">
        <v>16</v>
      </c>
      <c r="C55" s="212" t="s">
        <v>16</v>
      </c>
      <c r="D55" s="212" t="s">
        <v>16</v>
      </c>
      <c r="E55" s="212" t="s">
        <v>16</v>
      </c>
      <c r="F55" s="212" t="s">
        <v>16</v>
      </c>
      <c r="G55" s="212" t="s">
        <v>16</v>
      </c>
      <c r="H55" s="212" t="s">
        <v>16</v>
      </c>
      <c r="I55" s="212" t="s">
        <v>16</v>
      </c>
      <c r="J55" s="212" t="s">
        <v>16</v>
      </c>
      <c r="K55" s="212" t="s">
        <v>16</v>
      </c>
      <c r="L55" s="212" t="s">
        <v>16</v>
      </c>
      <c r="M55" s="212" t="s">
        <v>16</v>
      </c>
      <c r="N55" s="212" t="s">
        <v>16</v>
      </c>
      <c r="O55" s="212" t="s">
        <v>16</v>
      </c>
      <c r="P55" s="212" t="s">
        <v>16</v>
      </c>
      <c r="Q55" s="212" t="s">
        <v>16</v>
      </c>
      <c r="R55" s="212" t="s">
        <v>16</v>
      </c>
      <c r="S55" s="212" t="s">
        <v>16</v>
      </c>
      <c r="T55" s="212" t="s">
        <v>16</v>
      </c>
      <c r="U55" s="212" t="s">
        <v>16</v>
      </c>
      <c r="V55" s="212" t="s">
        <v>16</v>
      </c>
      <c r="W55" s="212" t="s">
        <v>16</v>
      </c>
      <c r="X55" s="212" t="s">
        <v>16</v>
      </c>
      <c r="Y55" s="212" t="s">
        <v>16</v>
      </c>
      <c r="Z55" s="212" t="s">
        <v>16</v>
      </c>
      <c r="AA55" s="212" t="s">
        <v>16</v>
      </c>
      <c r="AB55" s="212" t="s">
        <v>16</v>
      </c>
      <c r="AC55" s="212" t="s">
        <v>16</v>
      </c>
      <c r="AD55" s="212" t="s">
        <v>16</v>
      </c>
      <c r="AE55" s="212" t="s">
        <v>16</v>
      </c>
      <c r="AF55" s="212" t="s">
        <v>16</v>
      </c>
      <c r="AG55" s="212" t="s">
        <v>16</v>
      </c>
      <c r="AH55" s="212" t="s">
        <v>16</v>
      </c>
      <c r="AI55" s="212" t="s">
        <v>16</v>
      </c>
      <c r="AJ55" s="212" t="s">
        <v>16</v>
      </c>
      <c r="AK55" s="212" t="s">
        <v>16</v>
      </c>
      <c r="AL55" s="212" t="s">
        <v>16</v>
      </c>
      <c r="AM55" s="212" t="s">
        <v>16</v>
      </c>
      <c r="AN55" s="212" t="s">
        <v>16</v>
      </c>
      <c r="AO55" s="212" t="s">
        <v>16</v>
      </c>
      <c r="AP55" s="212" t="s">
        <v>16</v>
      </c>
      <c r="AQ55" s="212" t="s">
        <v>16</v>
      </c>
      <c r="AR55" s="212" t="s">
        <v>16</v>
      </c>
      <c r="AS55" s="212" t="s">
        <v>16</v>
      </c>
      <c r="AT55" s="212" t="s">
        <v>16</v>
      </c>
      <c r="AU55" s="212" t="s">
        <v>16</v>
      </c>
      <c r="AV55" s="212" t="s">
        <v>16</v>
      </c>
      <c r="AW55" s="212" t="s">
        <v>16</v>
      </c>
      <c r="AX55" s="212" t="s">
        <v>16</v>
      </c>
      <c r="AY55" s="212" t="s">
        <v>16</v>
      </c>
    </row>
    <row r="56" spans="1:51">
      <c r="A56" s="212" t="s">
        <v>1604</v>
      </c>
      <c r="B56" s="212" t="s">
        <v>16</v>
      </c>
      <c r="C56" s="212" t="s">
        <v>16</v>
      </c>
      <c r="D56" s="212" t="s">
        <v>16</v>
      </c>
      <c r="E56" s="212" t="s">
        <v>16</v>
      </c>
      <c r="F56" s="212" t="s">
        <v>16</v>
      </c>
      <c r="G56" s="212" t="s">
        <v>16</v>
      </c>
      <c r="H56" s="212" t="s">
        <v>16</v>
      </c>
      <c r="I56" s="212" t="s">
        <v>16</v>
      </c>
      <c r="J56" s="212" t="s">
        <v>16</v>
      </c>
      <c r="K56" s="212" t="s">
        <v>16</v>
      </c>
      <c r="L56" s="212" t="s">
        <v>16</v>
      </c>
      <c r="M56" s="212" t="s">
        <v>16</v>
      </c>
      <c r="N56" s="212" t="s">
        <v>16</v>
      </c>
      <c r="O56" s="212" t="s">
        <v>16</v>
      </c>
      <c r="P56" s="212" t="s">
        <v>16</v>
      </c>
      <c r="Q56" s="212" t="s">
        <v>16</v>
      </c>
      <c r="R56" s="212" t="s">
        <v>16</v>
      </c>
      <c r="S56" s="212" t="s">
        <v>16</v>
      </c>
      <c r="T56" s="212" t="s">
        <v>16</v>
      </c>
      <c r="U56" s="212" t="s">
        <v>16</v>
      </c>
      <c r="V56" s="212" t="s">
        <v>16</v>
      </c>
      <c r="W56" s="212" t="s">
        <v>16</v>
      </c>
      <c r="X56" s="212" t="s">
        <v>16</v>
      </c>
      <c r="Y56" s="212" t="s">
        <v>16</v>
      </c>
      <c r="Z56" s="212" t="s">
        <v>16</v>
      </c>
      <c r="AA56" s="212" t="s">
        <v>16</v>
      </c>
      <c r="AB56" s="212" t="s">
        <v>16</v>
      </c>
      <c r="AC56" s="212" t="s">
        <v>16</v>
      </c>
      <c r="AD56" s="212" t="s">
        <v>16</v>
      </c>
      <c r="AE56" s="212" t="s">
        <v>16</v>
      </c>
      <c r="AF56" s="212" t="s">
        <v>16</v>
      </c>
      <c r="AG56" s="212" t="s">
        <v>16</v>
      </c>
      <c r="AH56" s="212" t="s">
        <v>16</v>
      </c>
      <c r="AI56" s="212" t="s">
        <v>16</v>
      </c>
      <c r="AJ56" s="212" t="s">
        <v>16</v>
      </c>
      <c r="AK56" s="212" t="s">
        <v>16</v>
      </c>
      <c r="AL56" s="212" t="s">
        <v>16</v>
      </c>
      <c r="AM56" s="212" t="s">
        <v>16</v>
      </c>
      <c r="AN56" s="212" t="s">
        <v>16</v>
      </c>
      <c r="AO56" s="212" t="s">
        <v>16</v>
      </c>
      <c r="AP56" s="212" t="s">
        <v>16</v>
      </c>
      <c r="AQ56" s="212" t="s">
        <v>16</v>
      </c>
      <c r="AR56" s="212" t="s">
        <v>16</v>
      </c>
      <c r="AS56" s="212" t="s">
        <v>16</v>
      </c>
      <c r="AT56" s="212" t="s">
        <v>16</v>
      </c>
      <c r="AU56" s="212" t="s">
        <v>16</v>
      </c>
      <c r="AV56" s="212" t="s">
        <v>16</v>
      </c>
      <c r="AW56" s="212" t="s">
        <v>16</v>
      </c>
      <c r="AX56" s="212" t="s">
        <v>16</v>
      </c>
      <c r="AY56" s="212" t="s">
        <v>16</v>
      </c>
    </row>
    <row r="57" spans="1:51">
      <c r="A57" s="212" t="s">
        <v>1605</v>
      </c>
      <c r="B57" s="212" t="s">
        <v>16</v>
      </c>
      <c r="C57" s="212" t="s">
        <v>16</v>
      </c>
      <c r="D57" s="212" t="s">
        <v>16</v>
      </c>
      <c r="E57" s="212" t="s">
        <v>16</v>
      </c>
      <c r="F57" s="212" t="s">
        <v>16</v>
      </c>
      <c r="G57" s="212" t="s">
        <v>16</v>
      </c>
      <c r="H57" s="212" t="s">
        <v>16</v>
      </c>
      <c r="I57" s="212" t="s">
        <v>16</v>
      </c>
      <c r="J57" s="212" t="s">
        <v>16</v>
      </c>
      <c r="K57" s="212" t="s">
        <v>16</v>
      </c>
      <c r="L57" s="212" t="s">
        <v>16</v>
      </c>
      <c r="M57" s="212" t="s">
        <v>16</v>
      </c>
      <c r="N57" s="212" t="s">
        <v>16</v>
      </c>
      <c r="O57" s="212" t="s">
        <v>16</v>
      </c>
      <c r="P57" s="212" t="s">
        <v>16</v>
      </c>
      <c r="Q57" s="212" t="s">
        <v>16</v>
      </c>
      <c r="R57" s="212" t="s">
        <v>16</v>
      </c>
      <c r="S57" s="212" t="s">
        <v>16</v>
      </c>
      <c r="T57" s="212" t="s">
        <v>16</v>
      </c>
      <c r="U57" s="212" t="s">
        <v>16</v>
      </c>
      <c r="V57" s="212" t="s">
        <v>16</v>
      </c>
      <c r="W57" s="212" t="s">
        <v>16</v>
      </c>
      <c r="X57" s="212" t="s">
        <v>16</v>
      </c>
      <c r="Y57" s="212" t="s">
        <v>16</v>
      </c>
      <c r="Z57" s="212" t="s">
        <v>16</v>
      </c>
      <c r="AA57" s="212" t="s">
        <v>16</v>
      </c>
      <c r="AB57" s="212" t="s">
        <v>16</v>
      </c>
      <c r="AC57" s="212" t="s">
        <v>16</v>
      </c>
      <c r="AD57" s="212" t="s">
        <v>16</v>
      </c>
      <c r="AE57" s="212" t="s">
        <v>16</v>
      </c>
      <c r="AF57" s="212" t="s">
        <v>16</v>
      </c>
      <c r="AG57" s="212" t="s">
        <v>16</v>
      </c>
      <c r="AH57" s="212" t="s">
        <v>16</v>
      </c>
      <c r="AI57" s="212" t="s">
        <v>16</v>
      </c>
      <c r="AJ57" s="212" t="s">
        <v>16</v>
      </c>
      <c r="AK57" s="212" t="s">
        <v>16</v>
      </c>
      <c r="AL57" s="212" t="s">
        <v>16</v>
      </c>
      <c r="AM57" s="212" t="s">
        <v>16</v>
      </c>
      <c r="AN57" s="212" t="s">
        <v>16</v>
      </c>
      <c r="AO57" s="212" t="s">
        <v>16</v>
      </c>
      <c r="AP57" s="212" t="s">
        <v>16</v>
      </c>
      <c r="AQ57" s="212" t="s">
        <v>16</v>
      </c>
      <c r="AR57" s="212" t="s">
        <v>16</v>
      </c>
      <c r="AS57" s="212" t="s">
        <v>16</v>
      </c>
      <c r="AT57" s="212" t="s">
        <v>16</v>
      </c>
      <c r="AU57" s="212" t="s">
        <v>16</v>
      </c>
      <c r="AV57" s="212" t="s">
        <v>16</v>
      </c>
      <c r="AW57" s="212" t="s">
        <v>16</v>
      </c>
      <c r="AX57" s="212" t="s">
        <v>16</v>
      </c>
      <c r="AY57" s="212" t="s">
        <v>16</v>
      </c>
    </row>
    <row r="58" spans="1:51">
      <c r="A58" s="212" t="s">
        <v>1606</v>
      </c>
      <c r="B58" s="212" t="s">
        <v>16</v>
      </c>
      <c r="C58" s="212" t="s">
        <v>16</v>
      </c>
      <c r="D58" s="212" t="s">
        <v>16</v>
      </c>
      <c r="E58" s="212" t="s">
        <v>16</v>
      </c>
      <c r="F58" s="212" t="s">
        <v>16</v>
      </c>
      <c r="G58" s="212" t="s">
        <v>16</v>
      </c>
      <c r="H58" s="212" t="s">
        <v>16</v>
      </c>
      <c r="I58" s="212" t="s">
        <v>16</v>
      </c>
      <c r="J58" s="212" t="s">
        <v>16</v>
      </c>
      <c r="K58" s="212" t="s">
        <v>16</v>
      </c>
      <c r="L58" s="212" t="s">
        <v>16</v>
      </c>
      <c r="M58" s="212" t="s">
        <v>16</v>
      </c>
      <c r="N58" s="212" t="s">
        <v>16</v>
      </c>
      <c r="O58" s="212" t="s">
        <v>16</v>
      </c>
      <c r="P58" s="212" t="s">
        <v>16</v>
      </c>
      <c r="Q58" s="212" t="s">
        <v>16</v>
      </c>
      <c r="R58" s="212" t="s">
        <v>16</v>
      </c>
      <c r="S58" s="212" t="s">
        <v>16</v>
      </c>
      <c r="T58" s="212" t="s">
        <v>16</v>
      </c>
      <c r="U58" s="212" t="s">
        <v>16</v>
      </c>
      <c r="V58" s="212" t="s">
        <v>16</v>
      </c>
      <c r="W58" s="212" t="s">
        <v>16</v>
      </c>
      <c r="X58" s="212" t="s">
        <v>16</v>
      </c>
      <c r="Y58" s="212" t="s">
        <v>16</v>
      </c>
      <c r="Z58" s="212" t="s">
        <v>16</v>
      </c>
      <c r="AA58" s="212" t="s">
        <v>16</v>
      </c>
      <c r="AB58" s="212" t="s">
        <v>16</v>
      </c>
      <c r="AC58" s="212" t="s">
        <v>16</v>
      </c>
      <c r="AD58" s="212" t="s">
        <v>16</v>
      </c>
      <c r="AE58" s="212" t="s">
        <v>16</v>
      </c>
      <c r="AF58" s="212" t="s">
        <v>16</v>
      </c>
      <c r="AG58" s="212" t="s">
        <v>16</v>
      </c>
      <c r="AH58" s="212" t="s">
        <v>16</v>
      </c>
      <c r="AI58" s="212" t="s">
        <v>16</v>
      </c>
      <c r="AJ58" s="212" t="s">
        <v>16</v>
      </c>
      <c r="AK58" s="212" t="s">
        <v>16</v>
      </c>
      <c r="AL58" s="212" t="s">
        <v>16</v>
      </c>
      <c r="AM58" s="212" t="s">
        <v>16</v>
      </c>
      <c r="AN58" s="212" t="s">
        <v>16</v>
      </c>
      <c r="AO58" s="212" t="s">
        <v>16</v>
      </c>
      <c r="AP58" s="212" t="s">
        <v>16</v>
      </c>
      <c r="AQ58" s="212" t="s">
        <v>16</v>
      </c>
      <c r="AR58" s="212" t="s">
        <v>16</v>
      </c>
      <c r="AS58" s="212" t="s">
        <v>16</v>
      </c>
      <c r="AT58" s="212" t="s">
        <v>16</v>
      </c>
      <c r="AU58" s="212" t="s">
        <v>16</v>
      </c>
      <c r="AV58" s="212" t="s">
        <v>16</v>
      </c>
      <c r="AW58" s="212" t="s">
        <v>16</v>
      </c>
      <c r="AX58" s="212" t="s">
        <v>16</v>
      </c>
      <c r="AY58" s="212" t="s">
        <v>16</v>
      </c>
    </row>
    <row r="59" spans="1:51">
      <c r="A59" s="212" t="s">
        <v>1627</v>
      </c>
      <c r="B59" s="212" t="s">
        <v>16</v>
      </c>
      <c r="C59" s="212" t="s">
        <v>16</v>
      </c>
      <c r="D59" s="212" t="s">
        <v>16</v>
      </c>
      <c r="E59" s="212" t="s">
        <v>16</v>
      </c>
      <c r="F59" s="212" t="s">
        <v>16</v>
      </c>
      <c r="G59" s="212" t="s">
        <v>16</v>
      </c>
      <c r="H59" s="212" t="s">
        <v>16</v>
      </c>
      <c r="I59" s="212" t="s">
        <v>16</v>
      </c>
      <c r="J59" s="212" t="s">
        <v>16</v>
      </c>
      <c r="K59" s="212" t="s">
        <v>16</v>
      </c>
      <c r="L59" s="212" t="s">
        <v>16</v>
      </c>
      <c r="M59" s="212" t="s">
        <v>16</v>
      </c>
      <c r="N59" s="212" t="s">
        <v>16</v>
      </c>
      <c r="O59" s="212" t="s">
        <v>16</v>
      </c>
      <c r="P59" s="212" t="s">
        <v>16</v>
      </c>
      <c r="Q59" s="212" t="s">
        <v>16</v>
      </c>
      <c r="R59" s="212" t="s">
        <v>16</v>
      </c>
      <c r="S59" s="212" t="s">
        <v>16</v>
      </c>
      <c r="T59" s="212" t="s">
        <v>16</v>
      </c>
      <c r="U59" s="212" t="s">
        <v>16</v>
      </c>
      <c r="V59" s="212" t="s">
        <v>16</v>
      </c>
      <c r="W59" s="212" t="s">
        <v>16</v>
      </c>
      <c r="X59" s="212" t="s">
        <v>16</v>
      </c>
      <c r="Y59" s="212" t="s">
        <v>16</v>
      </c>
      <c r="Z59" s="212" t="s">
        <v>16</v>
      </c>
      <c r="AA59" s="212" t="s">
        <v>16</v>
      </c>
      <c r="AB59" s="212" t="s">
        <v>16</v>
      </c>
      <c r="AC59" s="212" t="s">
        <v>16</v>
      </c>
      <c r="AD59" s="212" t="s">
        <v>16</v>
      </c>
      <c r="AE59" s="212" t="s">
        <v>16</v>
      </c>
      <c r="AF59" s="212" t="s">
        <v>16</v>
      </c>
      <c r="AG59" s="212" t="s">
        <v>16</v>
      </c>
      <c r="AH59" s="212" t="s">
        <v>16</v>
      </c>
      <c r="AI59" s="212" t="s">
        <v>16</v>
      </c>
      <c r="AJ59" s="212" t="s">
        <v>16</v>
      </c>
      <c r="AK59" s="212" t="s">
        <v>16</v>
      </c>
      <c r="AL59" s="212" t="s">
        <v>16</v>
      </c>
      <c r="AM59" s="212" t="s">
        <v>16</v>
      </c>
      <c r="AN59" s="212" t="s">
        <v>16</v>
      </c>
      <c r="AO59" s="212" t="s">
        <v>16</v>
      </c>
      <c r="AP59" s="212" t="s">
        <v>16</v>
      </c>
      <c r="AQ59" s="212" t="s">
        <v>16</v>
      </c>
      <c r="AR59" s="212" t="s">
        <v>16</v>
      </c>
      <c r="AS59" s="212" t="s">
        <v>16</v>
      </c>
      <c r="AT59" s="212" t="s">
        <v>16</v>
      </c>
      <c r="AU59" s="212" t="s">
        <v>16</v>
      </c>
      <c r="AV59" s="212" t="s">
        <v>16</v>
      </c>
      <c r="AW59" s="212" t="s">
        <v>16</v>
      </c>
      <c r="AX59" s="212" t="s">
        <v>16</v>
      </c>
      <c r="AY59" s="212" t="s">
        <v>16</v>
      </c>
    </row>
    <row r="60" spans="1:51">
      <c r="A60" s="212" t="s">
        <v>1628</v>
      </c>
      <c r="B60" s="212" t="s">
        <v>16</v>
      </c>
      <c r="C60" s="212" t="s">
        <v>16</v>
      </c>
      <c r="D60" s="212" t="s">
        <v>16</v>
      </c>
      <c r="E60" s="212" t="s">
        <v>16</v>
      </c>
      <c r="F60" s="212" t="s">
        <v>16</v>
      </c>
      <c r="G60" s="212" t="s">
        <v>16</v>
      </c>
      <c r="H60" s="212" t="s">
        <v>16</v>
      </c>
      <c r="I60" s="212" t="s">
        <v>16</v>
      </c>
      <c r="J60" s="212" t="s">
        <v>16</v>
      </c>
      <c r="K60" s="212" t="s">
        <v>16</v>
      </c>
      <c r="L60" s="212" t="s">
        <v>16</v>
      </c>
      <c r="M60" s="212" t="s">
        <v>16</v>
      </c>
      <c r="N60" s="212" t="s">
        <v>16</v>
      </c>
      <c r="O60" s="212" t="s">
        <v>16</v>
      </c>
      <c r="P60" s="212" t="s">
        <v>16</v>
      </c>
      <c r="Q60" s="212" t="s">
        <v>16</v>
      </c>
      <c r="R60" s="212" t="s">
        <v>16</v>
      </c>
      <c r="S60" s="212" t="s">
        <v>16</v>
      </c>
      <c r="T60" s="212" t="s">
        <v>16</v>
      </c>
      <c r="U60" s="212" t="s">
        <v>15</v>
      </c>
      <c r="V60" s="212" t="s">
        <v>16</v>
      </c>
      <c r="W60" s="212" t="s">
        <v>16</v>
      </c>
      <c r="X60" s="212" t="s">
        <v>16</v>
      </c>
      <c r="Y60" s="212" t="s">
        <v>16</v>
      </c>
      <c r="Z60" s="212" t="s">
        <v>16</v>
      </c>
      <c r="AA60" s="212" t="s">
        <v>16</v>
      </c>
      <c r="AB60" s="212" t="s">
        <v>16</v>
      </c>
      <c r="AC60" s="212" t="s">
        <v>16</v>
      </c>
      <c r="AD60" s="212" t="s">
        <v>16</v>
      </c>
      <c r="AE60" s="212" t="s">
        <v>16</v>
      </c>
      <c r="AF60" s="212" t="s">
        <v>16</v>
      </c>
      <c r="AG60" s="212" t="s">
        <v>16</v>
      </c>
      <c r="AH60" s="212" t="s">
        <v>16</v>
      </c>
      <c r="AI60" s="212" t="s">
        <v>16</v>
      </c>
      <c r="AJ60" s="212" t="s">
        <v>16</v>
      </c>
      <c r="AK60" s="212" t="s">
        <v>16</v>
      </c>
      <c r="AL60" s="212" t="s">
        <v>16</v>
      </c>
      <c r="AM60" s="212" t="s">
        <v>16</v>
      </c>
      <c r="AN60" s="212" t="s">
        <v>16</v>
      </c>
      <c r="AO60" s="212" t="s">
        <v>16</v>
      </c>
      <c r="AP60" s="212" t="s">
        <v>16</v>
      </c>
      <c r="AQ60" s="212" t="s">
        <v>16</v>
      </c>
      <c r="AR60" s="212" t="s">
        <v>16</v>
      </c>
      <c r="AS60" s="212" t="s">
        <v>16</v>
      </c>
      <c r="AT60" s="212" t="s">
        <v>16</v>
      </c>
      <c r="AU60" s="212" t="s">
        <v>16</v>
      </c>
      <c r="AV60" s="212" t="s">
        <v>16</v>
      </c>
      <c r="AW60" s="212" t="s">
        <v>16</v>
      </c>
      <c r="AX60" s="212" t="s">
        <v>16</v>
      </c>
      <c r="AY60" s="212" t="s">
        <v>16</v>
      </c>
    </row>
  </sheetData>
  <pageMargins left="0.7" right="0.7" top="0.75" bottom="0.75" header="0.3" footer="0.3"/>
  <pageSetup orientation="portrait" horizontalDpi="300" verticalDpi="4294967293" r:id="rId1"/>
  <customProperties>
    <customPr name="IbpWorksheetKeyString_GUID" r:id="rId2"/>
  </customProperties>
  <tableParts count="1">
    <tablePart r:id="rId3"/>
  </tablePart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dimension ref="B2:H114"/>
  <sheetViews>
    <sheetView topLeftCell="A55" workbookViewId="0">
      <selection activeCell="F22" sqref="F22"/>
    </sheetView>
  </sheetViews>
  <sheetFormatPr defaultColWidth="8.83203125" defaultRowHeight="14"/>
  <cols>
    <col min="2" max="2" width="73.6640625" customWidth="1"/>
    <col min="8" max="8" width="16.83203125" customWidth="1"/>
  </cols>
  <sheetData>
    <row r="2" spans="2:8">
      <c r="B2" s="58" t="s">
        <v>574</v>
      </c>
    </row>
    <row r="3" spans="2:8">
      <c r="B3" s="59" t="s">
        <v>879</v>
      </c>
    </row>
    <row r="4" spans="2:8">
      <c r="B4" s="59" t="s">
        <v>877</v>
      </c>
    </row>
    <row r="5" spans="2:8">
      <c r="B5" s="60" t="s">
        <v>878</v>
      </c>
    </row>
    <row r="6" spans="2:8">
      <c r="B6" s="60"/>
    </row>
    <row r="7" spans="2:8">
      <c r="B7" s="58" t="s">
        <v>575</v>
      </c>
    </row>
    <row r="8" spans="2:8">
      <c r="B8" s="59" t="s">
        <v>576</v>
      </c>
    </row>
    <row r="9" spans="2:8">
      <c r="B9" s="61" t="s">
        <v>577</v>
      </c>
    </row>
    <row r="10" spans="2:8">
      <c r="B10" s="59" t="s">
        <v>876</v>
      </c>
    </row>
    <row r="12" spans="2:8" ht="14.5">
      <c r="B12" s="62" t="s">
        <v>578</v>
      </c>
    </row>
    <row r="13" spans="2:8" ht="14.5">
      <c r="B13" s="55"/>
    </row>
    <row r="14" spans="2:8">
      <c r="B14" s="63" t="s">
        <v>880</v>
      </c>
    </row>
    <row r="15" spans="2:8">
      <c r="B15" s="100" t="s">
        <v>881</v>
      </c>
      <c r="C15" s="101"/>
      <c r="D15" s="101"/>
      <c r="E15" s="101"/>
      <c r="F15" s="101"/>
      <c r="G15" s="101"/>
      <c r="H15" s="101"/>
    </row>
    <row r="16" spans="2:8">
      <c r="B16" s="100" t="s">
        <v>882</v>
      </c>
      <c r="C16" s="101"/>
      <c r="D16" s="101"/>
      <c r="E16" s="101"/>
      <c r="F16" s="101"/>
      <c r="G16" s="101"/>
      <c r="H16" s="101"/>
    </row>
    <row r="17" spans="2:2">
      <c r="B17" s="56" t="s">
        <v>579</v>
      </c>
    </row>
    <row r="18" spans="2:2">
      <c r="B18" s="64"/>
    </row>
    <row r="19" spans="2:2" ht="14.5">
      <c r="B19" s="65"/>
    </row>
    <row r="20" spans="2:2">
      <c r="B20" s="66"/>
    </row>
    <row r="21" spans="2:2">
      <c r="B21" s="66"/>
    </row>
    <row r="22" spans="2:2">
      <c r="B22" s="66"/>
    </row>
    <row r="23" spans="2:2">
      <c r="B23" s="66"/>
    </row>
    <row r="24" spans="2:2">
      <c r="B24" s="66"/>
    </row>
    <row r="25" spans="2:2">
      <c r="B25" s="66"/>
    </row>
    <row r="26" spans="2:2">
      <c r="B26" s="66"/>
    </row>
    <row r="27" spans="2:2">
      <c r="B27" s="66"/>
    </row>
    <row r="28" spans="2:2">
      <c r="B28" s="66"/>
    </row>
    <row r="29" spans="2:2">
      <c r="B29" s="66"/>
    </row>
    <row r="30" spans="2:2">
      <c r="B30" s="66"/>
    </row>
    <row r="31" spans="2:2">
      <c r="B31" s="66"/>
    </row>
    <row r="32" spans="2:2">
      <c r="B32" s="66"/>
    </row>
    <row r="33" spans="2:2">
      <c r="B33" s="66"/>
    </row>
    <row r="34" spans="2:2">
      <c r="B34" s="66"/>
    </row>
    <row r="35" spans="2:2">
      <c r="B35" s="66"/>
    </row>
    <row r="36" spans="2:2">
      <c r="B36" s="66"/>
    </row>
    <row r="37" spans="2:2">
      <c r="B37" s="66"/>
    </row>
    <row r="38" spans="2:2">
      <c r="B38" s="66"/>
    </row>
    <row r="39" spans="2:2">
      <c r="B39" s="66"/>
    </row>
    <row r="40" spans="2:2">
      <c r="B40" s="66"/>
    </row>
    <row r="41" spans="2:2">
      <c r="B41" s="66"/>
    </row>
    <row r="42" spans="2:2">
      <c r="B42" s="56" t="s">
        <v>580</v>
      </c>
    </row>
    <row r="43" spans="2:2">
      <c r="B43" s="56" t="s">
        <v>581</v>
      </c>
    </row>
    <row r="44" spans="2:2">
      <c r="B44" s="66"/>
    </row>
    <row r="45" spans="2:2">
      <c r="B45" s="66"/>
    </row>
    <row r="46" spans="2:2">
      <c r="B46" s="66"/>
    </row>
    <row r="47" spans="2:2">
      <c r="B47" s="67"/>
    </row>
    <row r="48" spans="2:2">
      <c r="B48" s="64"/>
    </row>
    <row r="52" spans="2:2">
      <c r="B52" s="66"/>
    </row>
    <row r="53" spans="2:2">
      <c r="B53" s="66"/>
    </row>
    <row r="54" spans="2:2">
      <c r="B54" s="66"/>
    </row>
    <row r="55" spans="2:2">
      <c r="B55" s="66"/>
    </row>
    <row r="58" spans="2:2" ht="14.5">
      <c r="B58" s="65"/>
    </row>
    <row r="59" spans="2:2">
      <c r="B59" s="66"/>
    </row>
    <row r="60" spans="2:2">
      <c r="B60" s="66"/>
    </row>
    <row r="61" spans="2:2">
      <c r="B61" s="66"/>
    </row>
    <row r="62" spans="2:2">
      <c r="B62" s="66"/>
    </row>
    <row r="63" spans="2:2">
      <c r="B63" s="66"/>
    </row>
    <row r="64" spans="2:2">
      <c r="B64" s="66"/>
    </row>
    <row r="65" spans="2:2">
      <c r="B65" s="66"/>
    </row>
    <row r="66" spans="2:2">
      <c r="B66" s="66"/>
    </row>
    <row r="67" spans="2:2">
      <c r="B67" s="66"/>
    </row>
    <row r="68" spans="2:2">
      <c r="B68" s="66"/>
    </row>
    <row r="69" spans="2:2">
      <c r="B69" s="66"/>
    </row>
    <row r="70" spans="2:2">
      <c r="B70" s="66"/>
    </row>
    <row r="71" spans="2:2">
      <c r="B71" s="66"/>
    </row>
    <row r="72" spans="2:2">
      <c r="B72" s="66"/>
    </row>
    <row r="73" spans="2:2">
      <c r="B73" s="56" t="s">
        <v>582</v>
      </c>
    </row>
    <row r="74" spans="2:2">
      <c r="B74" s="56" t="s">
        <v>583</v>
      </c>
    </row>
    <row r="75" spans="2:2">
      <c r="B75" s="66"/>
    </row>
    <row r="76" spans="2:2">
      <c r="B76" s="66"/>
    </row>
    <row r="77" spans="2:2">
      <c r="B77" s="66"/>
    </row>
    <row r="78" spans="2:2">
      <c r="B78" s="66"/>
    </row>
    <row r="79" spans="2:2">
      <c r="B79" s="66"/>
    </row>
    <row r="80" spans="2:2">
      <c r="B80" s="66"/>
    </row>
    <row r="83" spans="2:2" ht="14.5">
      <c r="B83" s="57"/>
    </row>
    <row r="84" spans="2:2">
      <c r="B84" s="68"/>
    </row>
    <row r="85" spans="2:2">
      <c r="B85" s="68"/>
    </row>
    <row r="86" spans="2:2">
      <c r="B86" s="68"/>
    </row>
    <row r="87" spans="2:2">
      <c r="B87" s="68"/>
    </row>
    <row r="88" spans="2:2">
      <c r="B88" s="68"/>
    </row>
    <row r="89" spans="2:2">
      <c r="B89" s="68"/>
    </row>
    <row r="90" spans="2:2">
      <c r="B90" s="68"/>
    </row>
    <row r="91" spans="2:2">
      <c r="B91" s="68"/>
    </row>
    <row r="92" spans="2:2">
      <c r="B92" s="68"/>
    </row>
    <row r="93" spans="2:2">
      <c r="B93" s="68"/>
    </row>
    <row r="94" spans="2:2">
      <c r="B94" s="68"/>
    </row>
    <row r="95" spans="2:2">
      <c r="B95" s="68"/>
    </row>
    <row r="96" spans="2:2">
      <c r="B96" s="68"/>
    </row>
    <row r="97" spans="2:2">
      <c r="B97" s="68"/>
    </row>
    <row r="98" spans="2:2">
      <c r="B98" s="68"/>
    </row>
    <row r="99" spans="2:2">
      <c r="B99" s="68"/>
    </row>
    <row r="100" spans="2:2">
      <c r="B100" s="68"/>
    </row>
    <row r="101" spans="2:2">
      <c r="B101" s="68"/>
    </row>
    <row r="102" spans="2:2">
      <c r="B102" s="68"/>
    </row>
    <row r="103" spans="2:2">
      <c r="B103" s="68"/>
    </row>
    <row r="104" spans="2:2">
      <c r="B104" s="68"/>
    </row>
    <row r="105" spans="2:2">
      <c r="B105" s="68"/>
    </row>
    <row r="106" spans="2:2">
      <c r="B106" s="68"/>
    </row>
    <row r="107" spans="2:2">
      <c r="B107" s="68"/>
    </row>
    <row r="108" spans="2:2">
      <c r="B108" s="68"/>
    </row>
    <row r="109" spans="2:2">
      <c r="B109" s="68"/>
    </row>
    <row r="110" spans="2:2">
      <c r="B110" s="68"/>
    </row>
    <row r="111" spans="2:2">
      <c r="B111" s="68"/>
    </row>
    <row r="112" spans="2:2">
      <c r="B112" s="68"/>
    </row>
    <row r="113" spans="2:2">
      <c r="B113" s="68"/>
    </row>
    <row r="114" spans="2:2">
      <c r="B114" s="68"/>
    </row>
  </sheetData>
  <hyperlinks>
    <hyperlink ref="B14" r:id="rId1" display="http://supplier.ariba.com/" xr:uid="{00000000-0004-0000-1200-000000000000}"/>
  </hyperlinks>
  <pageMargins left="0.7" right="0.7" top="0.75" bottom="0.75" header="0.3" footer="0.3"/>
  <pageSetup paperSize="9" orientation="portrait" horizontalDpi="300" verticalDpi="300" r:id="rId2"/>
  <customProperties>
    <customPr name="IbpWorksheetKeyString_GUID" r:id="rId3"/>
  </customProperties>
  <drawing r:id="rId4"/>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B2:H70"/>
  <sheetViews>
    <sheetView zoomScale="74" zoomScaleNormal="74" workbookViewId="0">
      <selection activeCell="G5" sqref="G5"/>
    </sheetView>
  </sheetViews>
  <sheetFormatPr defaultColWidth="8.83203125" defaultRowHeight="14"/>
  <cols>
    <col min="1" max="1" width="17.5" customWidth="1"/>
    <col min="2" max="2" width="2.33203125" customWidth="1"/>
    <col min="4" max="4" width="11.5" customWidth="1"/>
    <col min="5" max="5" width="12.5" customWidth="1"/>
    <col min="7" max="7" width="134.5" customWidth="1"/>
    <col min="8" max="8" width="1.5" customWidth="1"/>
  </cols>
  <sheetData>
    <row r="2" spans="2:8" ht="14.5" thickBot="1">
      <c r="B2" s="7"/>
      <c r="C2" s="7"/>
      <c r="D2" s="7"/>
      <c r="E2" s="7"/>
      <c r="F2" s="7"/>
      <c r="G2" s="7"/>
      <c r="H2" s="7"/>
    </row>
    <row r="3" spans="2:8" ht="15.5">
      <c r="B3" s="7"/>
      <c r="C3" s="103" t="s">
        <v>584</v>
      </c>
      <c r="D3" s="104"/>
      <c r="E3" s="104"/>
      <c r="F3" s="104"/>
      <c r="G3" s="105"/>
      <c r="H3" s="7"/>
    </row>
    <row r="4" spans="2:8" ht="15.5">
      <c r="B4" s="7"/>
      <c r="C4" s="106"/>
      <c r="D4" s="107"/>
      <c r="E4" s="107"/>
      <c r="F4" s="107"/>
      <c r="G4" s="108"/>
      <c r="H4" s="7"/>
    </row>
    <row r="5" spans="2:8" ht="62.25" customHeight="1">
      <c r="B5" s="7"/>
      <c r="C5" s="106"/>
      <c r="D5" s="107"/>
      <c r="E5" s="107"/>
      <c r="F5" s="107"/>
      <c r="G5" s="109" t="s">
        <v>611</v>
      </c>
      <c r="H5" s="7"/>
    </row>
    <row r="6" spans="2:8" ht="15.5">
      <c r="B6" s="7"/>
      <c r="C6" s="106"/>
      <c r="D6" s="107"/>
      <c r="E6" s="107"/>
      <c r="F6" s="107"/>
      <c r="G6" s="108"/>
      <c r="H6" s="7"/>
    </row>
    <row r="7" spans="2:8" ht="15.5">
      <c r="B7" s="7"/>
      <c r="C7" s="110" t="s">
        <v>585</v>
      </c>
      <c r="D7" s="107"/>
      <c r="E7" s="107"/>
      <c r="F7" s="107"/>
      <c r="G7" s="326" t="s">
        <v>2775</v>
      </c>
      <c r="H7" s="7"/>
    </row>
    <row r="8" spans="2:8" ht="15.5">
      <c r="B8" s="7"/>
      <c r="C8" s="111" t="s">
        <v>599</v>
      </c>
      <c r="D8" s="107"/>
      <c r="E8" s="107"/>
      <c r="F8" s="107"/>
      <c r="G8" s="108"/>
      <c r="H8" s="7"/>
    </row>
    <row r="9" spans="2:8" ht="15.5">
      <c r="B9" s="7"/>
      <c r="C9" s="111" t="s">
        <v>600</v>
      </c>
      <c r="D9" s="107"/>
      <c r="E9" s="107"/>
      <c r="F9" s="107"/>
      <c r="G9" s="108"/>
      <c r="H9" s="7"/>
    </row>
    <row r="10" spans="2:8" ht="15.5">
      <c r="B10" s="7"/>
      <c r="C10" s="112"/>
      <c r="D10" s="107"/>
      <c r="E10" s="107"/>
      <c r="F10" s="107"/>
      <c r="G10" s="108"/>
      <c r="H10" s="7"/>
    </row>
    <row r="11" spans="2:8" ht="15.5">
      <c r="B11" s="7"/>
      <c r="C11" s="110" t="s">
        <v>586</v>
      </c>
      <c r="D11" s="107"/>
      <c r="E11" s="107"/>
      <c r="F11" s="107"/>
      <c r="G11" s="108"/>
      <c r="H11" s="7"/>
    </row>
    <row r="12" spans="2:8" ht="15.5">
      <c r="B12" s="7"/>
      <c r="C12" s="112"/>
      <c r="D12" s="107"/>
      <c r="E12" s="107"/>
      <c r="F12" s="107"/>
      <c r="G12" s="108" t="s">
        <v>872</v>
      </c>
      <c r="H12" s="7"/>
    </row>
    <row r="13" spans="2:8" ht="15.5">
      <c r="B13" s="7"/>
      <c r="C13" s="113"/>
      <c r="D13" s="107"/>
      <c r="E13" s="107"/>
      <c r="F13" s="107"/>
      <c r="G13" s="114" t="s">
        <v>874</v>
      </c>
      <c r="H13" s="7"/>
    </row>
    <row r="14" spans="2:8" ht="15.5">
      <c r="B14" s="7"/>
      <c r="C14" s="113"/>
      <c r="D14" s="107"/>
      <c r="E14" s="107"/>
      <c r="F14" s="107"/>
      <c r="G14" s="114" t="s">
        <v>873</v>
      </c>
      <c r="H14" s="7"/>
    </row>
    <row r="15" spans="2:8" ht="31">
      <c r="B15" s="7"/>
      <c r="C15" s="113"/>
      <c r="D15" s="107"/>
      <c r="E15" s="107"/>
      <c r="F15" s="107"/>
      <c r="G15" s="115" t="s">
        <v>875</v>
      </c>
      <c r="H15" s="7"/>
    </row>
    <row r="16" spans="2:8" ht="15.5">
      <c r="B16" s="7"/>
      <c r="C16" s="116"/>
      <c r="D16" s="107"/>
      <c r="E16" s="107"/>
      <c r="F16" s="107"/>
      <c r="G16" s="108"/>
      <c r="H16" s="7"/>
    </row>
    <row r="17" spans="2:8" ht="15.5">
      <c r="B17" s="7"/>
      <c r="C17" s="113"/>
      <c r="D17" s="107"/>
      <c r="E17" s="107"/>
      <c r="F17" s="107"/>
      <c r="G17" s="108"/>
      <c r="H17" s="7"/>
    </row>
    <row r="18" spans="2:8" ht="15.5">
      <c r="B18" s="7"/>
      <c r="C18" s="113"/>
      <c r="D18" s="107"/>
      <c r="E18" s="107"/>
      <c r="F18" s="107"/>
      <c r="G18" s="108"/>
      <c r="H18" s="7"/>
    </row>
    <row r="19" spans="2:8" ht="15.5">
      <c r="B19" s="7"/>
      <c r="C19" s="113"/>
      <c r="D19" s="107"/>
      <c r="E19" s="107"/>
      <c r="F19" s="107"/>
      <c r="G19" s="108"/>
      <c r="H19" s="7"/>
    </row>
    <row r="20" spans="2:8" ht="15.5">
      <c r="B20" s="7"/>
      <c r="C20" s="113"/>
      <c r="D20" s="107"/>
      <c r="E20" s="107"/>
      <c r="F20" s="107"/>
      <c r="G20" s="108"/>
      <c r="H20" s="7"/>
    </row>
    <row r="21" spans="2:8" ht="15.5">
      <c r="B21" s="7"/>
      <c r="C21" s="113"/>
      <c r="D21" s="107"/>
      <c r="E21" s="107"/>
      <c r="F21" s="107"/>
      <c r="G21" s="108"/>
      <c r="H21" s="7"/>
    </row>
    <row r="22" spans="2:8" ht="15.5">
      <c r="B22" s="7"/>
      <c r="C22" s="113"/>
      <c r="D22" s="107"/>
      <c r="E22" s="107"/>
      <c r="F22" s="107"/>
      <c r="G22" s="108"/>
      <c r="H22" s="7"/>
    </row>
    <row r="23" spans="2:8" ht="15.5">
      <c r="B23" s="7"/>
      <c r="C23" s="113"/>
      <c r="D23" s="107"/>
      <c r="E23" s="107"/>
      <c r="F23" s="107"/>
      <c r="G23" s="108"/>
      <c r="H23" s="7"/>
    </row>
    <row r="24" spans="2:8" ht="15.5">
      <c r="B24" s="7"/>
      <c r="C24" s="113"/>
      <c r="D24" s="107"/>
      <c r="E24" s="107"/>
      <c r="F24" s="107"/>
      <c r="G24" s="108"/>
      <c r="H24" s="7"/>
    </row>
    <row r="25" spans="2:8" ht="15.5">
      <c r="B25" s="7"/>
      <c r="C25" s="113"/>
      <c r="D25" s="107"/>
      <c r="E25" s="107"/>
      <c r="F25" s="107"/>
      <c r="G25" s="108"/>
      <c r="H25" s="7"/>
    </row>
    <row r="26" spans="2:8" ht="15.5">
      <c r="B26" s="7"/>
      <c r="C26" s="113"/>
      <c r="D26" s="107"/>
      <c r="E26" s="107"/>
      <c r="F26" s="107"/>
      <c r="G26" s="108"/>
      <c r="H26" s="7"/>
    </row>
    <row r="27" spans="2:8" ht="15.5">
      <c r="B27" s="7"/>
      <c r="C27" s="113"/>
      <c r="D27" s="107"/>
      <c r="E27" s="107"/>
      <c r="F27" s="107"/>
      <c r="G27" s="108"/>
      <c r="H27" s="7"/>
    </row>
    <row r="28" spans="2:8" ht="15.5">
      <c r="B28" s="7"/>
      <c r="C28" s="113"/>
      <c r="D28" s="107"/>
      <c r="E28" s="107"/>
      <c r="F28" s="107"/>
      <c r="G28" s="108"/>
      <c r="H28" s="7"/>
    </row>
    <row r="29" spans="2:8" ht="15.5">
      <c r="B29" s="7"/>
      <c r="C29" s="113"/>
      <c r="D29" s="107"/>
      <c r="E29" s="107"/>
      <c r="F29" s="107"/>
      <c r="G29" s="108"/>
      <c r="H29" s="7"/>
    </row>
    <row r="30" spans="2:8" ht="15.5">
      <c r="B30" s="7"/>
      <c r="C30" s="113"/>
      <c r="D30" s="107"/>
      <c r="E30" s="107"/>
      <c r="F30" s="107"/>
      <c r="G30" s="108"/>
      <c r="H30" s="7"/>
    </row>
    <row r="31" spans="2:8" ht="15.5">
      <c r="B31" s="7"/>
      <c r="C31" s="113"/>
      <c r="D31" s="107"/>
      <c r="E31" s="107"/>
      <c r="F31" s="107"/>
      <c r="G31" s="108"/>
      <c r="H31" s="7"/>
    </row>
    <row r="32" spans="2:8" ht="15.5">
      <c r="B32" s="7"/>
      <c r="C32" s="113"/>
      <c r="D32" s="107"/>
      <c r="E32" s="107"/>
      <c r="F32" s="107"/>
      <c r="G32" s="108"/>
      <c r="H32" s="7"/>
    </row>
    <row r="33" spans="2:8" ht="15.5">
      <c r="B33" s="7"/>
      <c r="C33" s="113"/>
      <c r="D33" s="107"/>
      <c r="E33" s="107"/>
      <c r="F33" s="107"/>
      <c r="G33" s="108"/>
      <c r="H33" s="7"/>
    </row>
    <row r="34" spans="2:8" ht="15.5">
      <c r="B34" s="7"/>
      <c r="C34" s="113"/>
      <c r="D34" s="107"/>
      <c r="E34" s="107"/>
      <c r="F34" s="107"/>
      <c r="G34" s="108"/>
      <c r="H34" s="7"/>
    </row>
    <row r="35" spans="2:8" ht="15.5">
      <c r="B35" s="7"/>
      <c r="C35" s="113"/>
      <c r="D35" s="107"/>
      <c r="E35" s="107"/>
      <c r="F35" s="107"/>
      <c r="G35" s="108"/>
      <c r="H35" s="7"/>
    </row>
    <row r="36" spans="2:8" ht="15.5">
      <c r="B36" s="7"/>
      <c r="C36" s="113"/>
      <c r="D36" s="107"/>
      <c r="E36" s="107"/>
      <c r="F36" s="107"/>
      <c r="G36" s="108"/>
      <c r="H36" s="7"/>
    </row>
    <row r="37" spans="2:8" ht="15.5">
      <c r="B37" s="7"/>
      <c r="C37" s="113"/>
      <c r="D37" s="107"/>
      <c r="E37" s="107"/>
      <c r="F37" s="107"/>
      <c r="G37" s="108"/>
      <c r="H37" s="7"/>
    </row>
    <row r="38" spans="2:8" ht="15.5">
      <c r="B38" s="7"/>
      <c r="C38" s="113"/>
      <c r="D38" s="107"/>
      <c r="E38" s="107"/>
      <c r="F38" s="107"/>
      <c r="G38" s="108"/>
      <c r="H38" s="7"/>
    </row>
    <row r="39" spans="2:8" ht="15.5">
      <c r="B39" s="7"/>
      <c r="C39" s="113"/>
      <c r="D39" s="107"/>
      <c r="E39" s="107"/>
      <c r="F39" s="107"/>
      <c r="G39" s="108"/>
      <c r="H39" s="7"/>
    </row>
    <row r="40" spans="2:8" ht="15.5">
      <c r="B40" s="7"/>
      <c r="C40" s="113"/>
      <c r="D40" s="107"/>
      <c r="E40" s="107"/>
      <c r="F40" s="107"/>
      <c r="G40" s="108"/>
      <c r="H40" s="7"/>
    </row>
    <row r="41" spans="2:8" ht="15.5">
      <c r="B41" s="7"/>
      <c r="C41" s="113"/>
      <c r="D41" s="107"/>
      <c r="E41" s="107"/>
      <c r="F41" s="107"/>
      <c r="G41" s="108"/>
      <c r="H41" s="7"/>
    </row>
    <row r="42" spans="2:8" ht="15.5">
      <c r="B42" s="7"/>
      <c r="C42" s="113"/>
      <c r="D42" s="107"/>
      <c r="E42" s="107"/>
      <c r="F42" s="107"/>
      <c r="G42" s="108"/>
      <c r="H42" s="7"/>
    </row>
    <row r="43" spans="2:8" ht="15.5">
      <c r="B43" s="7"/>
      <c r="C43" s="113"/>
      <c r="D43" s="107"/>
      <c r="E43" s="107"/>
      <c r="F43" s="107"/>
      <c r="G43" s="108"/>
      <c r="H43" s="7"/>
    </row>
    <row r="44" spans="2:8" ht="15.5">
      <c r="B44" s="7"/>
      <c r="C44" s="113"/>
      <c r="D44" s="107"/>
      <c r="E44" s="107"/>
      <c r="F44" s="107"/>
      <c r="G44" s="108"/>
      <c r="H44" s="7"/>
    </row>
    <row r="45" spans="2:8" ht="15.5">
      <c r="B45" s="7"/>
      <c r="C45" s="113"/>
      <c r="D45" s="107"/>
      <c r="E45" s="107"/>
      <c r="F45" s="107"/>
      <c r="G45" s="108"/>
      <c r="H45" s="7"/>
    </row>
    <row r="46" spans="2:8" ht="15.5">
      <c r="B46" s="7"/>
      <c r="C46" s="113"/>
      <c r="D46" s="107"/>
      <c r="E46" s="107"/>
      <c r="F46" s="107"/>
      <c r="G46" s="108"/>
      <c r="H46" s="7"/>
    </row>
    <row r="47" spans="2:8" ht="15.5">
      <c r="B47" s="7"/>
      <c r="C47" s="117"/>
      <c r="D47" s="117"/>
      <c r="E47" s="117"/>
      <c r="F47" s="117"/>
      <c r="G47" s="117"/>
      <c r="H47" s="7"/>
    </row>
    <row r="48" spans="2:8" ht="15.5">
      <c r="B48" s="7"/>
      <c r="C48" s="107"/>
      <c r="D48" s="107"/>
      <c r="E48" s="107"/>
      <c r="F48" s="107"/>
      <c r="G48" s="107"/>
      <c r="H48" s="7"/>
    </row>
    <row r="49" spans="2:8" ht="16" thickBot="1">
      <c r="B49" s="7"/>
      <c r="C49" s="396" t="s">
        <v>587</v>
      </c>
      <c r="D49" s="396"/>
      <c r="E49" s="107"/>
      <c r="F49" s="107"/>
      <c r="G49" s="107"/>
      <c r="H49" s="7"/>
    </row>
    <row r="50" spans="2:8" ht="16" thickBot="1">
      <c r="B50" s="7"/>
      <c r="C50" s="394" t="s">
        <v>614</v>
      </c>
      <c r="D50" s="395"/>
      <c r="E50" s="118"/>
      <c r="F50" s="118"/>
      <c r="G50" s="118" t="s">
        <v>615</v>
      </c>
      <c r="H50" s="7"/>
    </row>
    <row r="51" spans="2:8" ht="39.5" customHeight="1" thickBot="1">
      <c r="B51" s="7"/>
      <c r="C51" s="394" t="s">
        <v>588</v>
      </c>
      <c r="D51" s="395"/>
      <c r="E51" s="118"/>
      <c r="F51" s="118"/>
      <c r="G51" s="119" t="s">
        <v>612</v>
      </c>
      <c r="H51" s="7"/>
    </row>
    <row r="52" spans="2:8" ht="39.5" customHeight="1" thickBot="1">
      <c r="B52" s="7"/>
      <c r="C52" s="394" t="s">
        <v>589</v>
      </c>
      <c r="D52" s="395"/>
      <c r="E52" s="118"/>
      <c r="F52" s="118"/>
      <c r="G52" s="118" t="s">
        <v>616</v>
      </c>
      <c r="H52" s="7"/>
    </row>
    <row r="53" spans="2:8" ht="62.5" thickBot="1">
      <c r="B53" s="7"/>
      <c r="C53" s="397" t="s">
        <v>590</v>
      </c>
      <c r="D53" s="398"/>
      <c r="E53" s="119" t="s">
        <v>601</v>
      </c>
      <c r="F53" s="120"/>
      <c r="G53" s="119" t="s">
        <v>602</v>
      </c>
      <c r="H53" s="7"/>
    </row>
    <row r="54" spans="2:8" ht="39" customHeight="1" thickBot="1">
      <c r="B54" s="7"/>
      <c r="C54" s="394" t="s">
        <v>591</v>
      </c>
      <c r="D54" s="395"/>
      <c r="E54" s="119" t="s">
        <v>603</v>
      </c>
      <c r="F54" s="119"/>
      <c r="G54" s="119" t="s">
        <v>602</v>
      </c>
      <c r="H54" s="7"/>
    </row>
    <row r="55" spans="2:8" ht="78" thickBot="1">
      <c r="B55" s="7"/>
      <c r="C55" s="394" t="s">
        <v>592</v>
      </c>
      <c r="D55" s="395"/>
      <c r="E55" s="119" t="s">
        <v>604</v>
      </c>
      <c r="F55" s="119"/>
      <c r="G55" s="119" t="s">
        <v>602</v>
      </c>
      <c r="H55" s="7"/>
    </row>
    <row r="56" spans="2:8" ht="62.5" thickBot="1">
      <c r="B56" s="7"/>
      <c r="C56" s="394">
        <v>855</v>
      </c>
      <c r="D56" s="395"/>
      <c r="E56" s="119" t="s">
        <v>605</v>
      </c>
      <c r="F56" s="119"/>
      <c r="G56" s="119" t="s">
        <v>602</v>
      </c>
      <c r="H56" s="7"/>
    </row>
    <row r="57" spans="2:8" ht="62.5" thickBot="1">
      <c r="B57" s="7"/>
      <c r="C57" s="394">
        <v>856</v>
      </c>
      <c r="D57" s="395"/>
      <c r="E57" s="119" t="s">
        <v>606</v>
      </c>
      <c r="F57" s="119"/>
      <c r="G57" s="119" t="s">
        <v>602</v>
      </c>
      <c r="H57" s="7"/>
    </row>
    <row r="58" spans="2:8" ht="47" thickBot="1">
      <c r="B58" s="7"/>
      <c r="C58" s="394">
        <v>810</v>
      </c>
      <c r="D58" s="395"/>
      <c r="E58" s="119" t="s">
        <v>607</v>
      </c>
      <c r="F58" s="119"/>
      <c r="G58" s="119" t="s">
        <v>602</v>
      </c>
      <c r="H58" s="7"/>
    </row>
    <row r="59" spans="2:8" ht="16" thickBot="1">
      <c r="B59" s="7"/>
      <c r="C59" s="394" t="s">
        <v>593</v>
      </c>
      <c r="D59" s="395"/>
      <c r="E59" s="119"/>
      <c r="F59" s="119"/>
      <c r="G59" s="119" t="s">
        <v>613</v>
      </c>
      <c r="H59" s="7"/>
    </row>
    <row r="60" spans="2:8" ht="31.5" thickBot="1">
      <c r="B60" s="7"/>
      <c r="C60" s="394">
        <v>824</v>
      </c>
      <c r="D60" s="395"/>
      <c r="E60" s="119" t="s">
        <v>608</v>
      </c>
      <c r="F60" s="119"/>
      <c r="G60" s="119"/>
      <c r="H60" s="7"/>
    </row>
    <row r="61" spans="2:8" ht="47" thickBot="1">
      <c r="B61" s="7"/>
      <c r="C61" s="394" t="s">
        <v>594</v>
      </c>
      <c r="D61" s="395"/>
      <c r="E61" s="119" t="s">
        <v>609</v>
      </c>
      <c r="F61" s="119"/>
      <c r="G61" s="119" t="s">
        <v>610</v>
      </c>
      <c r="H61" s="7"/>
    </row>
    <row r="62" spans="2:8" ht="15.5">
      <c r="B62" s="7"/>
      <c r="C62" s="107"/>
      <c r="D62" s="107"/>
      <c r="E62" s="107"/>
      <c r="F62" s="107"/>
      <c r="G62" s="107"/>
      <c r="H62" s="7"/>
    </row>
    <row r="63" spans="2:8" ht="15.5">
      <c r="B63" s="7"/>
      <c r="C63" s="121" t="s">
        <v>883</v>
      </c>
      <c r="D63" s="107"/>
      <c r="E63" s="107"/>
      <c r="F63" s="107"/>
      <c r="G63" s="107"/>
      <c r="H63" s="7"/>
    </row>
    <row r="64" spans="2:8" ht="30" customHeight="1">
      <c r="B64" s="7"/>
      <c r="C64" s="122" t="s">
        <v>885</v>
      </c>
      <c r="D64" s="107"/>
      <c r="E64" s="107"/>
      <c r="F64" s="107"/>
      <c r="G64" s="107"/>
      <c r="H64" s="7"/>
    </row>
    <row r="65" spans="2:8" ht="24.75" customHeight="1">
      <c r="B65" s="7"/>
      <c r="C65" s="122" t="s">
        <v>595</v>
      </c>
      <c r="D65" s="107"/>
      <c r="E65" s="107"/>
      <c r="F65" s="107"/>
      <c r="G65" s="107"/>
      <c r="H65" s="7"/>
    </row>
    <row r="66" spans="2:8" ht="21.75" customHeight="1">
      <c r="B66" s="7"/>
      <c r="C66" s="122" t="s">
        <v>596</v>
      </c>
      <c r="D66" s="107"/>
      <c r="E66" s="107"/>
      <c r="F66" s="107"/>
      <c r="G66" s="107"/>
      <c r="H66" s="7"/>
    </row>
    <row r="67" spans="2:8" ht="22.5" customHeight="1">
      <c r="B67" s="7"/>
      <c r="C67" s="122" t="s">
        <v>597</v>
      </c>
      <c r="D67" s="107"/>
      <c r="E67" s="107"/>
      <c r="F67" s="107"/>
      <c r="G67" s="107"/>
      <c r="H67" s="7"/>
    </row>
    <row r="68" spans="2:8" ht="22.5" customHeight="1">
      <c r="B68" s="7"/>
      <c r="C68" s="122" t="s">
        <v>884</v>
      </c>
      <c r="D68" s="107"/>
      <c r="E68" s="107"/>
      <c r="F68" s="107"/>
      <c r="G68" s="107"/>
      <c r="H68" s="7"/>
    </row>
    <row r="69" spans="2:8" ht="29.25" customHeight="1">
      <c r="B69" s="7"/>
      <c r="C69" s="122" t="s">
        <v>598</v>
      </c>
      <c r="D69" s="107"/>
      <c r="E69" s="107"/>
      <c r="F69" s="107"/>
      <c r="G69" s="107"/>
      <c r="H69" s="7"/>
    </row>
    <row r="70" spans="2:8">
      <c r="B70" s="7"/>
      <c r="C70" s="7"/>
      <c r="D70" s="7"/>
      <c r="E70" s="7"/>
      <c r="F70" s="7"/>
      <c r="G70" s="7"/>
      <c r="H70" s="7"/>
    </row>
  </sheetData>
  <mergeCells count="13">
    <mergeCell ref="C60:D60"/>
    <mergeCell ref="C61:D61"/>
    <mergeCell ref="C49:D49"/>
    <mergeCell ref="C50:D50"/>
    <mergeCell ref="C51:D51"/>
    <mergeCell ref="C52:D52"/>
    <mergeCell ref="C53:D53"/>
    <mergeCell ref="C54:D54"/>
    <mergeCell ref="C55:D55"/>
    <mergeCell ref="C56:D56"/>
    <mergeCell ref="C57:D57"/>
    <mergeCell ref="C58:D58"/>
    <mergeCell ref="C59:D59"/>
  </mergeCells>
  <pageMargins left="0.7" right="0.7" top="0.75" bottom="0.75" header="0.3" footer="0.3"/>
  <pageSetup paperSize="9" orientation="portrait" horizontalDpi="300" verticalDpi="300" r:id="rId1"/>
  <customProperties>
    <customPr name="IbpWorksheetKeyString_GUID" r:id="rId2"/>
  </customProperties>
  <drawing r:id="rId3"/>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15">
    <tabColor theme="4"/>
  </sheetPr>
  <dimension ref="B2:J35"/>
  <sheetViews>
    <sheetView showGridLines="0" workbookViewId="0">
      <selection activeCell="O1" sqref="O1"/>
    </sheetView>
  </sheetViews>
  <sheetFormatPr defaultColWidth="8.83203125" defaultRowHeight="14"/>
  <cols>
    <col min="2" max="2" width="2" customWidth="1"/>
    <col min="9" max="9" width="15.5" customWidth="1"/>
    <col min="10" max="10" width="2" customWidth="1"/>
  </cols>
  <sheetData>
    <row r="2" spans="2:10" ht="18" customHeight="1"/>
    <row r="3" spans="2:10" ht="12" customHeight="1">
      <c r="B3" s="6"/>
      <c r="C3" s="6"/>
      <c r="D3" s="6"/>
      <c r="E3" s="6"/>
      <c r="F3" s="6"/>
      <c r="G3" s="6"/>
      <c r="H3" s="6"/>
      <c r="I3" s="6"/>
      <c r="J3" s="6"/>
    </row>
    <row r="4" spans="2:10">
      <c r="B4" s="6"/>
      <c r="J4" s="6"/>
    </row>
    <row r="5" spans="2:10">
      <c r="B5" s="6"/>
      <c r="J5" s="6"/>
    </row>
    <row r="6" spans="2:10">
      <c r="B6" s="6"/>
      <c r="J6" s="6"/>
    </row>
    <row r="7" spans="2:10">
      <c r="B7" s="6"/>
      <c r="J7" s="6"/>
    </row>
    <row r="8" spans="2:10">
      <c r="B8" s="6"/>
      <c r="J8" s="6"/>
    </row>
    <row r="9" spans="2:10">
      <c r="B9" s="6"/>
      <c r="J9" s="6"/>
    </row>
    <row r="10" spans="2:10">
      <c r="B10" s="6"/>
      <c r="J10" s="6"/>
    </row>
    <row r="11" spans="2:10">
      <c r="B11" s="6"/>
      <c r="J11" s="6"/>
    </row>
    <row r="12" spans="2:10">
      <c r="B12" s="6"/>
      <c r="J12" s="6"/>
    </row>
    <row r="13" spans="2:10">
      <c r="B13" s="6"/>
      <c r="J13" s="6"/>
    </row>
    <row r="14" spans="2:10">
      <c r="B14" s="6"/>
      <c r="J14" s="6"/>
    </row>
    <row r="15" spans="2:10">
      <c r="B15" s="6"/>
      <c r="J15" s="6"/>
    </row>
    <row r="16" spans="2:10">
      <c r="B16" s="6"/>
      <c r="J16" s="6"/>
    </row>
    <row r="17" spans="2:10">
      <c r="B17" s="6"/>
      <c r="J17" s="6"/>
    </row>
    <row r="18" spans="2:10">
      <c r="B18" s="6"/>
      <c r="J18" s="6"/>
    </row>
    <row r="19" spans="2:10">
      <c r="B19" s="6"/>
      <c r="J19" s="6"/>
    </row>
    <row r="20" spans="2:10">
      <c r="B20" s="6"/>
      <c r="J20" s="6"/>
    </row>
    <row r="21" spans="2:10">
      <c r="B21" s="6"/>
      <c r="J21" s="6"/>
    </row>
    <row r="22" spans="2:10">
      <c r="B22" s="6"/>
      <c r="J22" s="6"/>
    </row>
    <row r="23" spans="2:10">
      <c r="B23" s="6"/>
      <c r="J23" s="6"/>
    </row>
    <row r="24" spans="2:10">
      <c r="B24" s="6"/>
      <c r="J24" s="6"/>
    </row>
    <row r="25" spans="2:10">
      <c r="B25" s="6"/>
      <c r="J25" s="6"/>
    </row>
    <row r="26" spans="2:10">
      <c r="B26" s="6"/>
      <c r="J26" s="6"/>
    </row>
    <row r="27" spans="2:10">
      <c r="B27" s="6"/>
      <c r="J27" s="6"/>
    </row>
    <row r="28" spans="2:10">
      <c r="B28" s="6"/>
      <c r="J28" s="6"/>
    </row>
    <row r="29" spans="2:10">
      <c r="B29" s="6"/>
      <c r="J29" s="6"/>
    </row>
    <row r="30" spans="2:10">
      <c r="B30" s="6"/>
      <c r="J30" s="6"/>
    </row>
    <row r="31" spans="2:10">
      <c r="B31" s="6"/>
      <c r="J31" s="6"/>
    </row>
    <row r="32" spans="2:10">
      <c r="B32" s="6"/>
      <c r="J32" s="6"/>
    </row>
    <row r="33" spans="2:10">
      <c r="B33" s="6"/>
      <c r="J33" s="6"/>
    </row>
    <row r="34" spans="2:10">
      <c r="B34" s="6"/>
      <c r="J34" s="6"/>
    </row>
    <row r="35" spans="2:10" ht="10.5" customHeight="1">
      <c r="B35" s="6"/>
      <c r="C35" s="6"/>
      <c r="D35" s="6"/>
      <c r="E35" s="6"/>
      <c r="F35" s="6"/>
      <c r="G35" s="6"/>
      <c r="H35" s="6"/>
      <c r="I35" s="6"/>
      <c r="J35" s="6"/>
    </row>
  </sheetData>
  <sheetProtection algorithmName="SHA-512" hashValue="vXUY5VDrdIWigjCFugKPRw/2fsafdM+QF4tCDauJiyGrpG2GTXYbV2FyngbOmRisfO1BrPnhBl+DEkBw6PtMoQ==" saltValue="3kebzhYhdD8PfSYUy3VyFg==" spinCount="100000" sheet="1" scenarios="1"/>
  <customSheetViews>
    <customSheetView guid="{E92723BC-4B70-41C3-822B-14B3BE789ACE}" showGridLines="0">
      <selection activeCell="M40" sqref="M40"/>
      <pageMargins left="0.7" right="0.7" top="0.75" bottom="0.75" header="0.3" footer="0.3"/>
    </customSheetView>
  </customSheetViews>
  <pageMargins left="0.7" right="0.7" top="0.75" bottom="0.75" header="0.3" footer="0.3"/>
  <pageSetup orientation="portrait" horizontalDpi="0" verticalDpi="0" r:id="rId1"/>
  <customProperties>
    <customPr name="IbpWorksheetKeyString_GUID" r:id="rId2"/>
  </customProperties>
  <drawing r:id="rId3"/>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codeName="Sheet7"/>
  <dimension ref="A1:G50"/>
  <sheetViews>
    <sheetView topLeftCell="A12" workbookViewId="0">
      <selection activeCell="A54" sqref="A54"/>
    </sheetView>
  </sheetViews>
  <sheetFormatPr defaultColWidth="8.83203125" defaultRowHeight="14"/>
  <cols>
    <col min="1" max="1" width="45.5" customWidth="1"/>
    <col min="2" max="2" width="30" customWidth="1"/>
    <col min="3" max="3" width="34" customWidth="1"/>
    <col min="4" max="4" width="27.5" customWidth="1"/>
    <col min="7" max="7" width="21.6640625" customWidth="1"/>
  </cols>
  <sheetData>
    <row r="1" spans="1:7">
      <c r="A1" t="s">
        <v>5</v>
      </c>
      <c r="B1" t="s">
        <v>12</v>
      </c>
      <c r="C1" t="s">
        <v>6</v>
      </c>
      <c r="D1" t="s">
        <v>7</v>
      </c>
    </row>
    <row r="2" spans="1:7">
      <c r="A2" t="s">
        <v>18</v>
      </c>
      <c r="B2" t="s">
        <v>13</v>
      </c>
      <c r="D2" t="s">
        <v>8</v>
      </c>
      <c r="E2" t="s">
        <v>15</v>
      </c>
      <c r="G2" s="4" t="s">
        <v>2</v>
      </c>
    </row>
    <row r="3" spans="1:7">
      <c r="A3" t="s">
        <v>29</v>
      </c>
      <c r="B3" t="s">
        <v>14</v>
      </c>
      <c r="D3" t="s">
        <v>9</v>
      </c>
      <c r="E3" t="s">
        <v>16</v>
      </c>
      <c r="G3" s="5" t="s">
        <v>17</v>
      </c>
    </row>
    <row r="4" spans="1:7">
      <c r="A4" t="s">
        <v>30</v>
      </c>
      <c r="B4" t="s">
        <v>13</v>
      </c>
      <c r="D4" t="s">
        <v>10</v>
      </c>
    </row>
    <row r="5" spans="1:7">
      <c r="A5" t="s">
        <v>31</v>
      </c>
      <c r="B5" t="s">
        <v>14</v>
      </c>
      <c r="D5" t="s">
        <v>11</v>
      </c>
    </row>
    <row r="6" spans="1:7">
      <c r="A6" t="s">
        <v>32</v>
      </c>
      <c r="B6" t="s">
        <v>14</v>
      </c>
    </row>
    <row r="7" spans="1:7">
      <c r="A7" t="s">
        <v>37</v>
      </c>
      <c r="B7" t="s">
        <v>13</v>
      </c>
    </row>
    <row r="8" spans="1:7">
      <c r="A8" t="s">
        <v>46</v>
      </c>
      <c r="B8" t="s">
        <v>14</v>
      </c>
    </row>
    <row r="9" spans="1:7">
      <c r="A9" t="s">
        <v>47</v>
      </c>
      <c r="B9" t="s">
        <v>14</v>
      </c>
    </row>
    <row r="10" spans="1:7">
      <c r="A10" t="s">
        <v>19</v>
      </c>
      <c r="B10" t="s">
        <v>13</v>
      </c>
    </row>
    <row r="11" spans="1:7">
      <c r="A11" t="s">
        <v>20</v>
      </c>
      <c r="B11" t="s">
        <v>13</v>
      </c>
    </row>
    <row r="12" spans="1:7">
      <c r="A12" t="s">
        <v>35</v>
      </c>
      <c r="B12" t="s">
        <v>13</v>
      </c>
    </row>
    <row r="13" spans="1:7">
      <c r="A13" t="s">
        <v>36</v>
      </c>
      <c r="B13" t="s">
        <v>13</v>
      </c>
    </row>
    <row r="14" spans="1:7">
      <c r="A14" t="s">
        <v>36</v>
      </c>
      <c r="B14" t="s">
        <v>13</v>
      </c>
    </row>
    <row r="15" spans="1:7">
      <c r="A15" t="s">
        <v>64</v>
      </c>
      <c r="B15" t="s">
        <v>13</v>
      </c>
    </row>
    <row r="16" spans="1:7">
      <c r="A16" t="s">
        <v>23</v>
      </c>
      <c r="B16" t="s">
        <v>14</v>
      </c>
    </row>
    <row r="17" spans="1:2">
      <c r="A17" t="s">
        <v>50</v>
      </c>
      <c r="B17" t="s">
        <v>14</v>
      </c>
    </row>
    <row r="18" spans="1:2">
      <c r="A18" t="s">
        <v>51</v>
      </c>
      <c r="B18" t="s">
        <v>13</v>
      </c>
    </row>
    <row r="19" spans="1:2">
      <c r="A19" t="s">
        <v>52</v>
      </c>
      <c r="B19" t="s">
        <v>14</v>
      </c>
    </row>
    <row r="20" spans="1:2">
      <c r="A20" t="s">
        <v>53</v>
      </c>
      <c r="B20" t="s">
        <v>14</v>
      </c>
    </row>
    <row r="21" spans="1:2">
      <c r="A21" t="s">
        <v>62</v>
      </c>
      <c r="B21" t="s">
        <v>14</v>
      </c>
    </row>
    <row r="22" spans="1:2">
      <c r="A22" t="s">
        <v>21</v>
      </c>
    </row>
    <row r="23" spans="1:2">
      <c r="A23" t="s">
        <v>48</v>
      </c>
    </row>
    <row r="24" spans="1:2">
      <c r="A24" t="s">
        <v>60</v>
      </c>
    </row>
    <row r="25" spans="1:2">
      <c r="A25" t="s">
        <v>63</v>
      </c>
    </row>
    <row r="26" spans="1:2">
      <c r="A26" t="s">
        <v>22</v>
      </c>
    </row>
    <row r="27" spans="1:2">
      <c r="A27" t="s">
        <v>61</v>
      </c>
    </row>
    <row r="28" spans="1:2">
      <c r="A28" t="s">
        <v>34</v>
      </c>
    </row>
    <row r="29" spans="1:2">
      <c r="A29" t="s">
        <v>25</v>
      </c>
    </row>
    <row r="30" spans="1:2">
      <c r="A30" t="s">
        <v>54</v>
      </c>
    </row>
    <row r="31" spans="1:2">
      <c r="A31" t="s">
        <v>58</v>
      </c>
    </row>
    <row r="32" spans="1:2">
      <c r="A32" t="s">
        <v>27</v>
      </c>
    </row>
    <row r="33" spans="1:1">
      <c r="A33" t="s">
        <v>26</v>
      </c>
    </row>
    <row r="34" spans="1:1">
      <c r="A34" t="s">
        <v>24</v>
      </c>
    </row>
    <row r="35" spans="1:1">
      <c r="A35" t="s">
        <v>40</v>
      </c>
    </row>
    <row r="36" spans="1:1">
      <c r="A36" t="s">
        <v>42</v>
      </c>
    </row>
    <row r="37" spans="1:1">
      <c r="A37" t="s">
        <v>38</v>
      </c>
    </row>
    <row r="38" spans="1:1">
      <c r="A38" t="s">
        <v>28</v>
      </c>
    </row>
    <row r="39" spans="1:1">
      <c r="A39" t="s">
        <v>55</v>
      </c>
    </row>
    <row r="40" spans="1:1">
      <c r="A40" t="s">
        <v>49</v>
      </c>
    </row>
    <row r="41" spans="1:1">
      <c r="A41" t="s">
        <v>56</v>
      </c>
    </row>
    <row r="42" spans="1:1">
      <c r="A42" t="s">
        <v>59</v>
      </c>
    </row>
    <row r="43" spans="1:1">
      <c r="A43" t="s">
        <v>39</v>
      </c>
    </row>
    <row r="44" spans="1:1">
      <c r="A44" t="s">
        <v>34</v>
      </c>
    </row>
    <row r="45" spans="1:1">
      <c r="A45" t="s">
        <v>57</v>
      </c>
    </row>
    <row r="46" spans="1:1">
      <c r="A46" t="s">
        <v>33</v>
      </c>
    </row>
    <row r="47" spans="1:1">
      <c r="A47" t="s">
        <v>43</v>
      </c>
    </row>
    <row r="48" spans="1:1">
      <c r="A48" t="s">
        <v>41</v>
      </c>
    </row>
    <row r="49" spans="1:1">
      <c r="A49" t="s">
        <v>44</v>
      </c>
    </row>
    <row r="50" spans="1:1">
      <c r="A50" t="s">
        <v>45</v>
      </c>
    </row>
  </sheetData>
  <customSheetViews>
    <customSheetView guid="{E92723BC-4B70-41C3-822B-14B3BE789ACE}">
      <selection activeCell="A15" sqref="A15"/>
      <pageMargins left="0.7" right="0.7" top="0.75" bottom="0.75" header="0.3" footer="0.3"/>
      <pageSetup orientation="portrait" r:id="rId1"/>
    </customSheetView>
  </customSheetViews>
  <pageMargins left="0.7" right="0.7" top="0.75" bottom="0.75" header="0.3" footer="0.3"/>
  <pageSetup orientation="portrait" r:id="rId2"/>
  <customProperties>
    <customPr name="IbpWorksheetKeyString_GUID" r:id="rId3"/>
  </customPropertie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4" tint="0.39997558519241921"/>
  </sheetPr>
  <dimension ref="A1:I360"/>
  <sheetViews>
    <sheetView topLeftCell="G1" zoomScale="55" zoomScaleNormal="55" workbookViewId="0">
      <selection activeCell="H69" sqref="H69:H81"/>
    </sheetView>
  </sheetViews>
  <sheetFormatPr defaultColWidth="8.83203125" defaultRowHeight="14"/>
  <cols>
    <col min="1" max="1" width="90" customWidth="1"/>
    <col min="2" max="2" width="91.5" customWidth="1"/>
    <col min="3" max="3" width="108" customWidth="1"/>
    <col min="4" max="4" width="87.33203125" customWidth="1"/>
    <col min="5" max="6" width="83.6640625" customWidth="1"/>
    <col min="7" max="7" width="84.6640625" customWidth="1"/>
    <col min="8" max="8" width="88.33203125" customWidth="1"/>
    <col min="9" max="9" width="61.1640625" customWidth="1"/>
  </cols>
  <sheetData>
    <row r="1" spans="1:9">
      <c r="A1" s="162" t="s">
        <v>2393</v>
      </c>
      <c r="B1" s="162" t="s">
        <v>2010</v>
      </c>
      <c r="C1" s="162" t="s">
        <v>1999</v>
      </c>
      <c r="D1" s="162" t="s">
        <v>23</v>
      </c>
      <c r="E1" s="162" t="s">
        <v>1853</v>
      </c>
      <c r="F1" s="162" t="s">
        <v>2453</v>
      </c>
      <c r="G1" s="162" t="s">
        <v>1906</v>
      </c>
      <c r="H1" s="162" t="s">
        <v>1854</v>
      </c>
      <c r="I1" s="162" t="s">
        <v>2898</v>
      </c>
    </row>
    <row r="2" spans="1:9">
      <c r="A2" t="s">
        <v>2352</v>
      </c>
      <c r="B2" t="s">
        <v>2002</v>
      </c>
      <c r="C2" t="s">
        <v>1964</v>
      </c>
      <c r="D2" t="s">
        <v>1226</v>
      </c>
      <c r="E2" t="s">
        <v>1227</v>
      </c>
      <c r="F2" t="s">
        <v>2454</v>
      </c>
      <c r="G2" t="s">
        <v>2004</v>
      </c>
      <c r="H2" t="s">
        <v>1228</v>
      </c>
      <c r="I2" t="s">
        <v>2844</v>
      </c>
    </row>
    <row r="3" spans="1:9">
      <c r="A3" t="s">
        <v>2353</v>
      </c>
      <c r="B3" t="s">
        <v>2003</v>
      </c>
      <c r="C3" t="s">
        <v>2001</v>
      </c>
      <c r="D3" t="s">
        <v>2000</v>
      </c>
      <c r="E3" t="s">
        <v>1229</v>
      </c>
      <c r="F3" t="s">
        <v>2455</v>
      </c>
      <c r="G3" t="s">
        <v>1884</v>
      </c>
      <c r="H3" t="s">
        <v>1230</v>
      </c>
      <c r="I3" t="s">
        <v>2845</v>
      </c>
    </row>
    <row r="4" spans="1:9">
      <c r="A4" t="s">
        <v>919</v>
      </c>
      <c r="B4" t="s">
        <v>1219</v>
      </c>
      <c r="C4" t="s">
        <v>919</v>
      </c>
      <c r="D4" t="s">
        <v>1101</v>
      </c>
      <c r="E4" t="s">
        <v>1128</v>
      </c>
      <c r="F4" t="s">
        <v>2456</v>
      </c>
      <c r="G4" t="s">
        <v>1885</v>
      </c>
      <c r="H4" t="s">
        <v>1178</v>
      </c>
      <c r="I4" t="s">
        <v>2846</v>
      </c>
    </row>
    <row r="5" spans="1:9">
      <c r="A5" t="s">
        <v>2354</v>
      </c>
      <c r="B5" t="s">
        <v>1954</v>
      </c>
      <c r="C5" t="s">
        <v>1965</v>
      </c>
      <c r="D5" t="s">
        <v>1102</v>
      </c>
      <c r="E5" t="s">
        <v>1129</v>
      </c>
      <c r="F5" t="s">
        <v>2457</v>
      </c>
      <c r="G5" t="s">
        <v>1886</v>
      </c>
      <c r="H5" t="s">
        <v>1179</v>
      </c>
      <c r="I5" t="s">
        <v>2847</v>
      </c>
    </row>
    <row r="6" spans="1:9">
      <c r="A6" t="s">
        <v>920</v>
      </c>
      <c r="B6" t="s">
        <v>920</v>
      </c>
      <c r="C6" t="s">
        <v>920</v>
      </c>
      <c r="D6" t="s">
        <v>920</v>
      </c>
      <c r="E6" t="s">
        <v>1130</v>
      </c>
      <c r="F6" t="s">
        <v>2458</v>
      </c>
      <c r="G6" t="s">
        <v>1887</v>
      </c>
      <c r="H6" t="s">
        <v>2841</v>
      </c>
      <c r="I6" t="s">
        <v>2888</v>
      </c>
    </row>
    <row r="7" spans="1:9">
      <c r="A7" t="s">
        <v>2771</v>
      </c>
      <c r="B7" t="s">
        <v>2771</v>
      </c>
      <c r="C7" t="s">
        <v>2771</v>
      </c>
      <c r="D7" t="s">
        <v>1103</v>
      </c>
      <c r="E7" t="s">
        <v>1131</v>
      </c>
      <c r="F7" t="s">
        <v>2459</v>
      </c>
      <c r="G7" t="s">
        <v>1888</v>
      </c>
      <c r="H7" t="s">
        <v>1180</v>
      </c>
      <c r="I7" t="s">
        <v>2889</v>
      </c>
    </row>
    <row r="8" spans="1:9">
      <c r="A8" t="s">
        <v>954</v>
      </c>
      <c r="B8" t="s">
        <v>1910</v>
      </c>
      <c r="C8" t="s">
        <v>1966</v>
      </c>
      <c r="D8" t="s">
        <v>1104</v>
      </c>
      <c r="E8" t="s">
        <v>1030</v>
      </c>
      <c r="F8" t="s">
        <v>1030</v>
      </c>
      <c r="G8" t="s">
        <v>1889</v>
      </c>
      <c r="H8" t="s">
        <v>1045</v>
      </c>
      <c r="I8" t="s">
        <v>2848</v>
      </c>
    </row>
    <row r="9" spans="1:9">
      <c r="A9" t="s">
        <v>2343</v>
      </c>
      <c r="B9" t="s">
        <v>2782</v>
      </c>
      <c r="C9" t="s">
        <v>2781</v>
      </c>
      <c r="D9" t="s">
        <v>1105</v>
      </c>
      <c r="E9" t="s">
        <v>1132</v>
      </c>
      <c r="F9" t="s">
        <v>2460</v>
      </c>
      <c r="G9" t="s">
        <v>1030</v>
      </c>
      <c r="H9" t="s">
        <v>1024</v>
      </c>
      <c r="I9" t="s">
        <v>2849</v>
      </c>
    </row>
    <row r="10" spans="1:9">
      <c r="A10" t="s">
        <v>2781</v>
      </c>
      <c r="B10" t="s">
        <v>1911</v>
      </c>
      <c r="C10" t="s">
        <v>921</v>
      </c>
      <c r="D10" t="s">
        <v>1106</v>
      </c>
      <c r="E10" t="s">
        <v>1133</v>
      </c>
      <c r="F10" t="s">
        <v>2461</v>
      </c>
      <c r="G10" t="s">
        <v>1890</v>
      </c>
      <c r="H10" t="s">
        <v>1053</v>
      </c>
      <c r="I10" t="s">
        <v>2850</v>
      </c>
    </row>
    <row r="11" spans="1:9">
      <c r="A11" t="s">
        <v>2342</v>
      </c>
      <c r="B11" t="s">
        <v>960</v>
      </c>
      <c r="C11" t="s">
        <v>960</v>
      </c>
      <c r="D11" t="s">
        <v>1107</v>
      </c>
      <c r="E11" t="s">
        <v>1134</v>
      </c>
      <c r="F11" t="s">
        <v>2462</v>
      </c>
      <c r="G11" t="s">
        <v>1684</v>
      </c>
      <c r="H11" t="s">
        <v>1054</v>
      </c>
      <c r="I11" t="s">
        <v>2851</v>
      </c>
    </row>
    <row r="12" spans="1:9">
      <c r="A12" t="s">
        <v>921</v>
      </c>
      <c r="B12" t="s">
        <v>1955</v>
      </c>
      <c r="C12" t="s">
        <v>1967</v>
      </c>
      <c r="D12" t="s">
        <v>959</v>
      </c>
      <c r="E12" t="s">
        <v>1135</v>
      </c>
      <c r="F12" t="s">
        <v>2463</v>
      </c>
      <c r="G12" t="s">
        <v>1891</v>
      </c>
      <c r="H12" s="393" t="s">
        <v>2830</v>
      </c>
      <c r="I12" t="s">
        <v>2852</v>
      </c>
    </row>
    <row r="13" spans="1:9">
      <c r="A13" t="s">
        <v>960</v>
      </c>
      <c r="B13" t="s">
        <v>1912</v>
      </c>
      <c r="C13" t="s">
        <v>1912</v>
      </c>
      <c r="D13" t="s">
        <v>1106</v>
      </c>
      <c r="E13" t="s">
        <v>1137</v>
      </c>
      <c r="F13" t="s">
        <v>2464</v>
      </c>
      <c r="G13" t="s">
        <v>1892</v>
      </c>
      <c r="H13" t="s">
        <v>1243</v>
      </c>
      <c r="I13" t="s">
        <v>2897</v>
      </c>
    </row>
    <row r="14" spans="1:9">
      <c r="A14" t="s">
        <v>961</v>
      </c>
      <c r="B14" t="s">
        <v>1875</v>
      </c>
      <c r="C14" t="s">
        <v>1875</v>
      </c>
      <c r="D14" t="s">
        <v>1107</v>
      </c>
      <c r="E14" t="s">
        <v>1031</v>
      </c>
      <c r="F14" t="s">
        <v>2130</v>
      </c>
      <c r="G14" t="s">
        <v>1893</v>
      </c>
      <c r="H14" t="s">
        <v>1181</v>
      </c>
      <c r="I14" t="s">
        <v>2853</v>
      </c>
    </row>
    <row r="15" spans="1:9">
      <c r="A15" t="s">
        <v>2355</v>
      </c>
      <c r="B15" t="s">
        <v>963</v>
      </c>
      <c r="C15" t="s">
        <v>963</v>
      </c>
      <c r="D15" t="s">
        <v>1108</v>
      </c>
      <c r="E15" t="s">
        <v>1138</v>
      </c>
      <c r="F15" t="s">
        <v>2465</v>
      </c>
      <c r="G15" t="s">
        <v>1033</v>
      </c>
      <c r="H15" t="s">
        <v>1182</v>
      </c>
      <c r="I15" t="s">
        <v>2854</v>
      </c>
    </row>
    <row r="16" spans="1:9">
      <c r="A16" t="s">
        <v>962</v>
      </c>
      <c r="B16" t="s">
        <v>1913</v>
      </c>
      <c r="C16" t="s">
        <v>1968</v>
      </c>
      <c r="D16" t="s">
        <v>1109</v>
      </c>
      <c r="E16" t="s">
        <v>1139</v>
      </c>
      <c r="F16" t="s">
        <v>2466</v>
      </c>
      <c r="G16" t="s">
        <v>1894</v>
      </c>
      <c r="H16" t="s">
        <v>1055</v>
      </c>
      <c r="I16" t="s">
        <v>2855</v>
      </c>
    </row>
    <row r="17" spans="1:9">
      <c r="A17" t="s">
        <v>2356</v>
      </c>
      <c r="B17" t="s">
        <v>1914</v>
      </c>
      <c r="C17" t="s">
        <v>1969</v>
      </c>
      <c r="D17" t="s">
        <v>1110</v>
      </c>
      <c r="E17" t="s">
        <v>2130</v>
      </c>
      <c r="F17" t="s">
        <v>2467</v>
      </c>
      <c r="G17" t="s">
        <v>1895</v>
      </c>
      <c r="H17" t="s">
        <v>2756</v>
      </c>
      <c r="I17" t="s">
        <v>2856</v>
      </c>
    </row>
    <row r="18" spans="1:9">
      <c r="A18" t="s">
        <v>2339</v>
      </c>
      <c r="B18" t="s">
        <v>965</v>
      </c>
      <c r="C18" t="s">
        <v>965</v>
      </c>
      <c r="D18" t="s">
        <v>1111</v>
      </c>
      <c r="E18" t="s">
        <v>1032</v>
      </c>
      <c r="F18" t="s">
        <v>2468</v>
      </c>
      <c r="G18" t="s">
        <v>1896</v>
      </c>
      <c r="H18" t="s">
        <v>1056</v>
      </c>
      <c r="I18" t="s">
        <v>2857</v>
      </c>
    </row>
    <row r="19" spans="1:9">
      <c r="A19" t="s">
        <v>963</v>
      </c>
      <c r="B19" t="s">
        <v>1915</v>
      </c>
      <c r="C19" t="s">
        <v>966</v>
      </c>
      <c r="D19" s="162" t="s">
        <v>1789</v>
      </c>
      <c r="E19" t="s">
        <v>1245</v>
      </c>
      <c r="F19" t="s">
        <v>2469</v>
      </c>
      <c r="G19" t="s">
        <v>1897</v>
      </c>
      <c r="H19" t="s">
        <v>1057</v>
      </c>
      <c r="I19" t="s">
        <v>2890</v>
      </c>
    </row>
    <row r="20" spans="1:9">
      <c r="A20" t="s">
        <v>1024</v>
      </c>
      <c r="B20" t="s">
        <v>966</v>
      </c>
      <c r="C20" t="s">
        <v>967</v>
      </c>
      <c r="D20" t="s">
        <v>1622</v>
      </c>
      <c r="E20" t="s">
        <v>1028</v>
      </c>
      <c r="F20" t="s">
        <v>2470</v>
      </c>
      <c r="G20" t="s">
        <v>1898</v>
      </c>
      <c r="H20" t="s">
        <v>1244</v>
      </c>
      <c r="I20" t="s">
        <v>2853</v>
      </c>
    </row>
    <row r="21" spans="1:9">
      <c r="A21" t="s">
        <v>2273</v>
      </c>
      <c r="B21" t="s">
        <v>967</v>
      </c>
      <c r="C21" t="s">
        <v>968</v>
      </c>
      <c r="D21" t="s">
        <v>1624</v>
      </c>
      <c r="E21" t="s">
        <v>1256</v>
      </c>
      <c r="F21" t="s">
        <v>2468</v>
      </c>
      <c r="G21" t="s">
        <v>1899</v>
      </c>
      <c r="H21" t="s">
        <v>2755</v>
      </c>
      <c r="I21" t="s">
        <v>2854</v>
      </c>
    </row>
    <row r="22" spans="1:9">
      <c r="A22" t="s">
        <v>964</v>
      </c>
      <c r="B22" t="s">
        <v>968</v>
      </c>
      <c r="C22" t="s">
        <v>949</v>
      </c>
      <c r="D22" t="s">
        <v>1620</v>
      </c>
      <c r="E22" t="s">
        <v>1250</v>
      </c>
      <c r="F22" t="s">
        <v>2471</v>
      </c>
      <c r="G22" t="s">
        <v>1900</v>
      </c>
      <c r="H22" t="s">
        <v>1181</v>
      </c>
      <c r="I22" s="97" t="s">
        <v>2858</v>
      </c>
    </row>
    <row r="23" spans="1:9">
      <c r="A23" t="s">
        <v>965</v>
      </c>
      <c r="B23" t="s">
        <v>949</v>
      </c>
      <c r="C23" t="s">
        <v>1916</v>
      </c>
      <c r="D23" t="s">
        <v>1615</v>
      </c>
      <c r="E23" t="s">
        <v>1002</v>
      </c>
      <c r="F23" t="s">
        <v>1033</v>
      </c>
      <c r="G23" t="s">
        <v>1901</v>
      </c>
      <c r="H23" t="s">
        <v>1182</v>
      </c>
      <c r="I23" t="s">
        <v>2891</v>
      </c>
    </row>
    <row r="24" spans="1:9">
      <c r="A24" t="s">
        <v>966</v>
      </c>
      <c r="B24" t="s">
        <v>1916</v>
      </c>
      <c r="C24" t="s">
        <v>1917</v>
      </c>
      <c r="D24" t="s">
        <v>920</v>
      </c>
      <c r="E24" t="s">
        <v>1252</v>
      </c>
      <c r="F24" t="s">
        <v>2472</v>
      </c>
      <c r="G24" t="s">
        <v>1902</v>
      </c>
      <c r="H24" t="s">
        <v>1246</v>
      </c>
      <c r="I24" t="s">
        <v>2853</v>
      </c>
    </row>
    <row r="25" spans="1:9">
      <c r="A25" t="s">
        <v>967</v>
      </c>
      <c r="B25" t="s">
        <v>1917</v>
      </c>
      <c r="C25" t="s">
        <v>1918</v>
      </c>
      <c r="D25" t="s">
        <v>1103</v>
      </c>
      <c r="E25" t="s">
        <v>1033</v>
      </c>
      <c r="F25" t="s">
        <v>2473</v>
      </c>
      <c r="G25" t="s">
        <v>1050</v>
      </c>
      <c r="H25" t="s">
        <v>2755</v>
      </c>
      <c r="I25" t="s">
        <v>2854</v>
      </c>
    </row>
    <row r="26" spans="1:9">
      <c r="A26" t="s">
        <v>968</v>
      </c>
      <c r="B26" t="s">
        <v>1918</v>
      </c>
      <c r="C26" t="s">
        <v>971</v>
      </c>
      <c r="D26" t="s">
        <v>1104</v>
      </c>
      <c r="E26" t="s">
        <v>1140</v>
      </c>
      <c r="F26" t="s">
        <v>1034</v>
      </c>
      <c r="G26" t="s">
        <v>1903</v>
      </c>
      <c r="H26" t="s">
        <v>1181</v>
      </c>
      <c r="I26" t="s">
        <v>2892</v>
      </c>
    </row>
    <row r="27" spans="1:9">
      <c r="A27" t="s">
        <v>949</v>
      </c>
      <c r="B27" t="s">
        <v>971</v>
      </c>
      <c r="C27" t="s">
        <v>1919</v>
      </c>
      <c r="D27" t="s">
        <v>1105</v>
      </c>
      <c r="E27" t="s">
        <v>1141</v>
      </c>
      <c r="F27" t="s">
        <v>2474</v>
      </c>
      <c r="G27" t="s">
        <v>1904</v>
      </c>
      <c r="H27" t="s">
        <v>1182</v>
      </c>
      <c r="I27" t="s">
        <v>2856</v>
      </c>
    </row>
    <row r="28" spans="1:9">
      <c r="A28" t="s">
        <v>1025</v>
      </c>
      <c r="B28" t="s">
        <v>1919</v>
      </c>
      <c r="C28" t="s">
        <v>973</v>
      </c>
      <c r="D28" t="s">
        <v>1106</v>
      </c>
      <c r="E28" t="s">
        <v>1034</v>
      </c>
      <c r="F28" t="s">
        <v>2475</v>
      </c>
      <c r="G28" t="s">
        <v>1905</v>
      </c>
      <c r="H28" t="s">
        <v>1058</v>
      </c>
      <c r="I28" t="s">
        <v>2857</v>
      </c>
    </row>
    <row r="29" spans="1:9">
      <c r="A29" t="s">
        <v>2324</v>
      </c>
      <c r="B29" t="s">
        <v>973</v>
      </c>
      <c r="C29" t="s">
        <v>1970</v>
      </c>
      <c r="D29" t="s">
        <v>1107</v>
      </c>
      <c r="E29" t="s">
        <v>1142</v>
      </c>
      <c r="F29" t="s">
        <v>1035</v>
      </c>
      <c r="H29" t="s">
        <v>2756</v>
      </c>
      <c r="I29" t="s">
        <v>2893</v>
      </c>
    </row>
    <row r="30" spans="1:9">
      <c r="A30" t="s">
        <v>2321</v>
      </c>
      <c r="B30" t="s">
        <v>1920</v>
      </c>
      <c r="C30" t="s">
        <v>922</v>
      </c>
      <c r="D30" t="s">
        <v>959</v>
      </c>
      <c r="E30" t="s">
        <v>1143</v>
      </c>
      <c r="F30" t="s">
        <v>2476</v>
      </c>
      <c r="H30" t="s">
        <v>1056</v>
      </c>
      <c r="I30" t="s">
        <v>2859</v>
      </c>
    </row>
    <row r="31" spans="1:9">
      <c r="A31" t="s">
        <v>2314</v>
      </c>
      <c r="B31" t="s">
        <v>1921</v>
      </c>
      <c r="C31" t="s">
        <v>1971</v>
      </c>
      <c r="D31" t="s">
        <v>1105</v>
      </c>
      <c r="E31" t="s">
        <v>1144</v>
      </c>
      <c r="F31" t="s">
        <v>2477</v>
      </c>
      <c r="H31" t="s">
        <v>1057</v>
      </c>
      <c r="I31" t="s">
        <v>2860</v>
      </c>
    </row>
    <row r="32" spans="1:9">
      <c r="A32" t="s">
        <v>969</v>
      </c>
      <c r="B32" t="s">
        <v>922</v>
      </c>
      <c r="C32" t="s">
        <v>924</v>
      </c>
      <c r="D32" t="s">
        <v>1616</v>
      </c>
      <c r="E32" t="s">
        <v>1035</v>
      </c>
      <c r="F32" t="s">
        <v>2478</v>
      </c>
      <c r="H32" t="s">
        <v>1059</v>
      </c>
      <c r="I32" t="s">
        <v>2894</v>
      </c>
    </row>
    <row r="33" spans="1:9">
      <c r="A33" t="s">
        <v>970</v>
      </c>
      <c r="B33" t="s">
        <v>1956</v>
      </c>
      <c r="C33" t="s">
        <v>925</v>
      </c>
      <c r="D33" t="s">
        <v>1107</v>
      </c>
      <c r="E33" t="s">
        <v>1145</v>
      </c>
      <c r="F33" t="s">
        <v>2479</v>
      </c>
      <c r="H33" t="s">
        <v>1060</v>
      </c>
      <c r="I33" t="s">
        <v>2895</v>
      </c>
    </row>
    <row r="34" spans="1:9">
      <c r="A34" t="s">
        <v>2308</v>
      </c>
      <c r="B34" t="s">
        <v>924</v>
      </c>
      <c r="C34" t="s">
        <v>926</v>
      </c>
      <c r="D34" t="s">
        <v>1617</v>
      </c>
      <c r="E34" t="s">
        <v>1036</v>
      </c>
      <c r="F34" t="s">
        <v>1039</v>
      </c>
      <c r="H34" t="s">
        <v>1061</v>
      </c>
      <c r="I34" t="s">
        <v>2853</v>
      </c>
    </row>
    <row r="35" spans="1:9">
      <c r="A35" t="s">
        <v>971</v>
      </c>
      <c r="B35" t="s">
        <v>925</v>
      </c>
      <c r="C35" t="s">
        <v>927</v>
      </c>
      <c r="D35" t="s">
        <v>1618</v>
      </c>
      <c r="E35" t="s">
        <v>1037</v>
      </c>
      <c r="F35" t="s">
        <v>2480</v>
      </c>
      <c r="H35" t="s">
        <v>1062</v>
      </c>
      <c r="I35" t="s">
        <v>2854</v>
      </c>
    </row>
    <row r="36" spans="1:9">
      <c r="A36" t="s">
        <v>972</v>
      </c>
      <c r="B36" t="s">
        <v>926</v>
      </c>
      <c r="C36" t="s">
        <v>974</v>
      </c>
      <c r="D36" t="s">
        <v>1108</v>
      </c>
      <c r="E36" t="s">
        <v>1038</v>
      </c>
      <c r="F36" t="s">
        <v>2481</v>
      </c>
      <c r="H36" t="s">
        <v>1063</v>
      </c>
      <c r="I36" t="s">
        <v>2861</v>
      </c>
    </row>
    <row r="37" spans="1:9">
      <c r="A37" t="s">
        <v>2300</v>
      </c>
      <c r="B37" t="s">
        <v>1922</v>
      </c>
      <c r="C37" t="s">
        <v>975</v>
      </c>
      <c r="D37" t="s">
        <v>1619</v>
      </c>
      <c r="E37" t="s">
        <v>1039</v>
      </c>
      <c r="F37" t="s">
        <v>1040</v>
      </c>
      <c r="H37" t="s">
        <v>1247</v>
      </c>
      <c r="I37" t="s">
        <v>2862</v>
      </c>
    </row>
    <row r="38" spans="1:9">
      <c r="A38" t="s">
        <v>973</v>
      </c>
      <c r="B38" t="s">
        <v>974</v>
      </c>
      <c r="C38" t="s">
        <v>1923</v>
      </c>
      <c r="D38" t="s">
        <v>1623</v>
      </c>
      <c r="E38" t="s">
        <v>1146</v>
      </c>
      <c r="F38" t="s">
        <v>2482</v>
      </c>
      <c r="H38" t="s">
        <v>1064</v>
      </c>
      <c r="I38" t="s">
        <v>2863</v>
      </c>
    </row>
    <row r="39" spans="1:9">
      <c r="A39" t="s">
        <v>2280</v>
      </c>
      <c r="B39" t="s">
        <v>975</v>
      </c>
      <c r="C39" t="s">
        <v>1972</v>
      </c>
      <c r="D39" t="s">
        <v>1621</v>
      </c>
      <c r="E39" t="s">
        <v>1147</v>
      </c>
      <c r="F39" t="s">
        <v>2483</v>
      </c>
      <c r="H39" t="s">
        <v>1248</v>
      </c>
      <c r="I39" t="s">
        <v>2864</v>
      </c>
    </row>
    <row r="40" spans="1:9">
      <c r="A40" t="s">
        <v>922</v>
      </c>
      <c r="B40" t="s">
        <v>1923</v>
      </c>
      <c r="C40" t="s">
        <v>978</v>
      </c>
      <c r="D40" s="162" t="s">
        <v>1112</v>
      </c>
      <c r="E40" t="s">
        <v>1148</v>
      </c>
      <c r="F40" t="s">
        <v>2484</v>
      </c>
      <c r="H40" t="s">
        <v>2755</v>
      </c>
      <c r="I40" t="s">
        <v>2865</v>
      </c>
    </row>
    <row r="41" spans="1:9">
      <c r="A41" t="s">
        <v>2270</v>
      </c>
      <c r="B41" t="s">
        <v>1957</v>
      </c>
      <c r="C41" t="s">
        <v>1924</v>
      </c>
      <c r="D41" t="s">
        <v>1231</v>
      </c>
      <c r="E41" t="s">
        <v>1040</v>
      </c>
      <c r="F41" t="s">
        <v>2485</v>
      </c>
      <c r="H41" t="s">
        <v>1028</v>
      </c>
      <c r="I41" t="s">
        <v>2866</v>
      </c>
    </row>
    <row r="42" spans="1:9">
      <c r="A42" t="s">
        <v>955</v>
      </c>
      <c r="B42" t="s">
        <v>978</v>
      </c>
      <c r="C42" t="s">
        <v>979</v>
      </c>
      <c r="D42" t="s">
        <v>1232</v>
      </c>
      <c r="E42" t="s">
        <v>1149</v>
      </c>
      <c r="F42" t="s">
        <v>1041</v>
      </c>
      <c r="H42" t="s">
        <v>1251</v>
      </c>
      <c r="I42" t="s">
        <v>2867</v>
      </c>
    </row>
    <row r="43" spans="1:9">
      <c r="A43" t="s">
        <v>923</v>
      </c>
      <c r="B43" t="s">
        <v>1924</v>
      </c>
      <c r="C43" t="s">
        <v>1925</v>
      </c>
      <c r="D43" t="s">
        <v>1113</v>
      </c>
      <c r="E43" t="s">
        <v>1036</v>
      </c>
      <c r="F43" t="s">
        <v>2480</v>
      </c>
      <c r="H43" t="s">
        <v>2843</v>
      </c>
      <c r="I43" t="s">
        <v>2868</v>
      </c>
    </row>
    <row r="44" spans="1:9">
      <c r="A44" t="s">
        <v>2228</v>
      </c>
      <c r="B44" t="s">
        <v>979</v>
      </c>
      <c r="C44" t="s">
        <v>980</v>
      </c>
      <c r="D44" t="s">
        <v>1114</v>
      </c>
      <c r="E44" t="s">
        <v>1037</v>
      </c>
      <c r="F44" t="s">
        <v>2486</v>
      </c>
      <c r="H44" t="s">
        <v>2784</v>
      </c>
      <c r="I44" t="s">
        <v>2869</v>
      </c>
    </row>
    <row r="45" spans="1:9">
      <c r="A45" t="s">
        <v>2266</v>
      </c>
      <c r="B45" t="s">
        <v>1925</v>
      </c>
      <c r="C45" t="s">
        <v>981</v>
      </c>
      <c r="D45" t="s">
        <v>1115</v>
      </c>
      <c r="E45" t="s">
        <v>1038</v>
      </c>
      <c r="F45" t="s">
        <v>1042</v>
      </c>
      <c r="H45" t="s">
        <v>2785</v>
      </c>
      <c r="I45" t="s">
        <v>2870</v>
      </c>
    </row>
    <row r="46" spans="1:9">
      <c r="A46" t="s">
        <v>2228</v>
      </c>
      <c r="B46" t="s">
        <v>980</v>
      </c>
      <c r="C46" t="s">
        <v>982</v>
      </c>
      <c r="D46" t="s">
        <v>1116</v>
      </c>
      <c r="E46" t="s">
        <v>1041</v>
      </c>
      <c r="F46" t="s">
        <v>2487</v>
      </c>
      <c r="H46" s="393" t="s">
        <v>1049</v>
      </c>
      <c r="I46" t="s">
        <v>2871</v>
      </c>
    </row>
    <row r="47" spans="1:9">
      <c r="A47" t="s">
        <v>924</v>
      </c>
      <c r="B47" t="s">
        <v>981</v>
      </c>
      <c r="C47" t="s">
        <v>2011</v>
      </c>
      <c r="D47" t="s">
        <v>1117</v>
      </c>
      <c r="E47" t="s">
        <v>1146</v>
      </c>
      <c r="F47" t="s">
        <v>2483</v>
      </c>
      <c r="H47" s="393" t="s">
        <v>2797</v>
      </c>
      <c r="I47" t="s">
        <v>2872</v>
      </c>
    </row>
    <row r="48" spans="1:9">
      <c r="A48" t="s">
        <v>925</v>
      </c>
      <c r="B48" t="s">
        <v>982</v>
      </c>
      <c r="C48" t="s">
        <v>983</v>
      </c>
      <c r="D48" t="s">
        <v>1118</v>
      </c>
      <c r="E48" t="s">
        <v>1150</v>
      </c>
      <c r="F48" t="s">
        <v>2484</v>
      </c>
      <c r="H48" s="393" t="s">
        <v>2800</v>
      </c>
      <c r="I48" t="s">
        <v>2873</v>
      </c>
    </row>
    <row r="49" spans="1:9">
      <c r="A49" t="s">
        <v>926</v>
      </c>
      <c r="B49" t="s">
        <v>1926</v>
      </c>
      <c r="C49" t="s">
        <v>1973</v>
      </c>
      <c r="D49" t="s">
        <v>1119</v>
      </c>
      <c r="E49" t="s">
        <v>1151</v>
      </c>
      <c r="F49" t="s">
        <v>2488</v>
      </c>
      <c r="H49" t="s">
        <v>1183</v>
      </c>
      <c r="I49" t="s">
        <v>2874</v>
      </c>
    </row>
    <row r="50" spans="1:9">
      <c r="A50" t="s">
        <v>927</v>
      </c>
      <c r="B50" t="s">
        <v>983</v>
      </c>
      <c r="C50" t="s">
        <v>985</v>
      </c>
      <c r="D50" t="s">
        <v>1120</v>
      </c>
      <c r="E50" t="s">
        <v>1042</v>
      </c>
      <c r="F50" t="s">
        <v>1153</v>
      </c>
      <c r="H50" t="s">
        <v>1184</v>
      </c>
      <c r="I50" s="97" t="s">
        <v>2875</v>
      </c>
    </row>
    <row r="51" spans="1:9">
      <c r="A51" t="s">
        <v>974</v>
      </c>
      <c r="B51" t="s">
        <v>1927</v>
      </c>
      <c r="C51" t="s">
        <v>986</v>
      </c>
      <c r="E51" t="s">
        <v>1152</v>
      </c>
      <c r="F51" t="s">
        <v>2480</v>
      </c>
      <c r="H51" t="s">
        <v>2840</v>
      </c>
      <c r="I51" t="s">
        <v>2876</v>
      </c>
    </row>
    <row r="52" spans="1:9">
      <c r="A52" t="s">
        <v>975</v>
      </c>
      <c r="B52" t="s">
        <v>1928</v>
      </c>
      <c r="C52" t="s">
        <v>987</v>
      </c>
      <c r="D52" s="162" t="s">
        <v>1127</v>
      </c>
      <c r="E52" t="s">
        <v>1036</v>
      </c>
      <c r="F52" t="s">
        <v>2489</v>
      </c>
      <c r="H52" t="s">
        <v>1051</v>
      </c>
      <c r="I52" t="s">
        <v>2877</v>
      </c>
    </row>
    <row r="53" spans="1:9">
      <c r="A53" t="s">
        <v>1923</v>
      </c>
      <c r="B53" t="s">
        <v>1929</v>
      </c>
      <c r="C53" t="s">
        <v>988</v>
      </c>
      <c r="D53" t="s">
        <v>1233</v>
      </c>
      <c r="E53" t="s">
        <v>1037</v>
      </c>
      <c r="F53" t="s">
        <v>1157</v>
      </c>
      <c r="H53" t="s">
        <v>1185</v>
      </c>
      <c r="I53" t="s">
        <v>2878</v>
      </c>
    </row>
    <row r="54" spans="1:9">
      <c r="A54" t="s">
        <v>976</v>
      </c>
      <c r="B54" t="s">
        <v>985</v>
      </c>
      <c r="C54" t="s">
        <v>989</v>
      </c>
      <c r="D54" t="s">
        <v>1234</v>
      </c>
      <c r="E54" t="s">
        <v>1038</v>
      </c>
      <c r="F54" t="s">
        <v>2490</v>
      </c>
      <c r="H54" t="s">
        <v>1186</v>
      </c>
      <c r="I54" t="s">
        <v>2879</v>
      </c>
    </row>
    <row r="55" spans="1:9">
      <c r="A55" t="s">
        <v>977</v>
      </c>
      <c r="B55" t="s">
        <v>986</v>
      </c>
      <c r="C55" t="s">
        <v>990</v>
      </c>
      <c r="D55" t="s">
        <v>1068</v>
      </c>
      <c r="E55" t="s">
        <v>1153</v>
      </c>
      <c r="F55" t="s">
        <v>2483</v>
      </c>
      <c r="H55" t="s">
        <v>1187</v>
      </c>
      <c r="I55" t="s">
        <v>2880</v>
      </c>
    </row>
    <row r="56" spans="1:9">
      <c r="A56" t="s">
        <v>1026</v>
      </c>
      <c r="B56" t="s">
        <v>987</v>
      </c>
      <c r="C56" t="s">
        <v>991</v>
      </c>
      <c r="D56" t="s">
        <v>1121</v>
      </c>
      <c r="E56" t="s">
        <v>1154</v>
      </c>
      <c r="F56" t="s">
        <v>2484</v>
      </c>
      <c r="H56" t="s">
        <v>941</v>
      </c>
      <c r="I56" t="s">
        <v>2881</v>
      </c>
    </row>
    <row r="57" spans="1:9">
      <c r="A57" t="s">
        <v>978</v>
      </c>
      <c r="B57" t="s">
        <v>988</v>
      </c>
      <c r="C57" t="s">
        <v>1930</v>
      </c>
      <c r="D57" t="s">
        <v>1122</v>
      </c>
      <c r="E57" t="s">
        <v>1155</v>
      </c>
      <c r="F57" t="s">
        <v>2491</v>
      </c>
      <c r="H57" t="s">
        <v>1052</v>
      </c>
      <c r="I57" t="s">
        <v>2882</v>
      </c>
    </row>
    <row r="58" spans="1:9">
      <c r="A58" t="s">
        <v>1095</v>
      </c>
      <c r="B58" t="s">
        <v>989</v>
      </c>
      <c r="C58" t="s">
        <v>993</v>
      </c>
      <c r="D58" t="s">
        <v>1123</v>
      </c>
      <c r="E58" t="s">
        <v>1156</v>
      </c>
      <c r="F58" t="s">
        <v>1159</v>
      </c>
      <c r="H58" t="s">
        <v>1180</v>
      </c>
      <c r="I58" t="s">
        <v>2883</v>
      </c>
    </row>
    <row r="59" spans="1:9">
      <c r="A59" t="s">
        <v>2357</v>
      </c>
      <c r="B59" t="s">
        <v>990</v>
      </c>
      <c r="C59" t="s">
        <v>1931</v>
      </c>
      <c r="D59" t="s">
        <v>1124</v>
      </c>
      <c r="E59" t="s">
        <v>1157</v>
      </c>
      <c r="F59" t="s">
        <v>2480</v>
      </c>
      <c r="H59" t="s">
        <v>1188</v>
      </c>
      <c r="I59" t="s">
        <v>2873</v>
      </c>
    </row>
    <row r="60" spans="1:9">
      <c r="A60" t="s">
        <v>2358</v>
      </c>
      <c r="B60" t="s">
        <v>991</v>
      </c>
      <c r="C60" t="s">
        <v>996</v>
      </c>
      <c r="D60" t="s">
        <v>1118</v>
      </c>
      <c r="E60" t="s">
        <v>1158</v>
      </c>
      <c r="F60" t="s">
        <v>2492</v>
      </c>
      <c r="H60" t="s">
        <v>1189</v>
      </c>
      <c r="I60" t="s">
        <v>2874</v>
      </c>
    </row>
    <row r="61" spans="1:9">
      <c r="A61" t="s">
        <v>979</v>
      </c>
      <c r="B61" t="s">
        <v>1930</v>
      </c>
      <c r="C61" t="s">
        <v>997</v>
      </c>
      <c r="D61" t="s">
        <v>1125</v>
      </c>
      <c r="E61" t="s">
        <v>1036</v>
      </c>
      <c r="F61" t="s">
        <v>1163</v>
      </c>
      <c r="H61" t="s">
        <v>1190</v>
      </c>
      <c r="I61" s="97" t="s">
        <v>2875</v>
      </c>
    </row>
    <row r="62" spans="1:9">
      <c r="A62" t="s">
        <v>2260</v>
      </c>
      <c r="B62" t="s">
        <v>993</v>
      </c>
      <c r="C62" t="s">
        <v>998</v>
      </c>
      <c r="D62" t="s">
        <v>1126</v>
      </c>
      <c r="E62" t="s">
        <v>1037</v>
      </c>
      <c r="F62" t="s">
        <v>2493</v>
      </c>
      <c r="H62" t="s">
        <v>1191</v>
      </c>
      <c r="I62" t="s">
        <v>2884</v>
      </c>
    </row>
    <row r="63" spans="1:9">
      <c r="A63" t="s">
        <v>980</v>
      </c>
      <c r="B63" t="s">
        <v>1931</v>
      </c>
      <c r="C63" t="s">
        <v>1932</v>
      </c>
      <c r="E63" t="s">
        <v>1038</v>
      </c>
      <c r="F63" t="s">
        <v>2483</v>
      </c>
      <c r="H63" t="s">
        <v>2840</v>
      </c>
      <c r="I63" t="s">
        <v>2885</v>
      </c>
    </row>
    <row r="64" spans="1:9">
      <c r="A64" t="s">
        <v>981</v>
      </c>
      <c r="B64" t="s">
        <v>996</v>
      </c>
      <c r="C64" t="s">
        <v>1000</v>
      </c>
      <c r="E64" t="s">
        <v>1159</v>
      </c>
      <c r="F64" t="s">
        <v>2484</v>
      </c>
      <c r="H64" t="s">
        <v>1051</v>
      </c>
      <c r="I64" t="s">
        <v>2886</v>
      </c>
    </row>
    <row r="65" spans="1:9">
      <c r="A65" t="s">
        <v>982</v>
      </c>
      <c r="B65" t="s">
        <v>997</v>
      </c>
      <c r="C65" t="s">
        <v>1001</v>
      </c>
      <c r="E65" t="s">
        <v>1160</v>
      </c>
      <c r="F65" t="s">
        <v>2494</v>
      </c>
      <c r="H65" t="s">
        <v>1192</v>
      </c>
      <c r="I65" t="s">
        <v>2887</v>
      </c>
    </row>
    <row r="66" spans="1:9">
      <c r="A66" t="s">
        <v>1026</v>
      </c>
      <c r="B66" t="s">
        <v>998</v>
      </c>
      <c r="C66" t="s">
        <v>1933</v>
      </c>
      <c r="E66" t="s">
        <v>1161</v>
      </c>
      <c r="F66" t="s">
        <v>1165</v>
      </c>
      <c r="H66" t="s">
        <v>1193</v>
      </c>
    </row>
    <row r="67" spans="1:9">
      <c r="A67" t="s">
        <v>2359</v>
      </c>
      <c r="B67" t="s">
        <v>1932</v>
      </c>
      <c r="C67" t="s">
        <v>1974</v>
      </c>
      <c r="E67" t="s">
        <v>1162</v>
      </c>
      <c r="F67" t="s">
        <v>2480</v>
      </c>
      <c r="H67" t="s">
        <v>1194</v>
      </c>
    </row>
    <row r="68" spans="1:9">
      <c r="A68" t="s">
        <v>2360</v>
      </c>
      <c r="B68" t="s">
        <v>1000</v>
      </c>
      <c r="C68" t="s">
        <v>1975</v>
      </c>
      <c r="E68" t="s">
        <v>1163</v>
      </c>
      <c r="F68" t="s">
        <v>2495</v>
      </c>
      <c r="H68" t="s">
        <v>1023</v>
      </c>
    </row>
    <row r="69" spans="1:9">
      <c r="A69" t="s">
        <v>983</v>
      </c>
      <c r="B69" t="s">
        <v>1001</v>
      </c>
      <c r="C69" t="s">
        <v>1976</v>
      </c>
      <c r="E69" t="s">
        <v>1164</v>
      </c>
      <c r="F69" t="s">
        <v>1169</v>
      </c>
      <c r="H69" s="393" t="s">
        <v>1065</v>
      </c>
    </row>
    <row r="70" spans="1:9">
      <c r="A70" t="s">
        <v>984</v>
      </c>
      <c r="B70" t="s">
        <v>1933</v>
      </c>
      <c r="C70" t="s">
        <v>1977</v>
      </c>
      <c r="E70" t="s">
        <v>1036</v>
      </c>
      <c r="F70" t="s">
        <v>2496</v>
      </c>
      <c r="H70" s="393" t="s">
        <v>1180</v>
      </c>
    </row>
    <row r="71" spans="1:9">
      <c r="A71" t="s">
        <v>985</v>
      </c>
      <c r="B71" t="s">
        <v>1934</v>
      </c>
      <c r="C71" t="s">
        <v>1936</v>
      </c>
      <c r="E71" t="s">
        <v>1037</v>
      </c>
      <c r="F71" t="s">
        <v>2483</v>
      </c>
      <c r="H71" s="393" t="s">
        <v>1195</v>
      </c>
    </row>
    <row r="72" spans="1:9">
      <c r="A72" t="s">
        <v>986</v>
      </c>
      <c r="B72" t="s">
        <v>1935</v>
      </c>
      <c r="C72" t="s">
        <v>928</v>
      </c>
      <c r="E72" t="s">
        <v>1038</v>
      </c>
      <c r="F72" t="s">
        <v>2484</v>
      </c>
      <c r="H72" s="393" t="s">
        <v>1196</v>
      </c>
    </row>
    <row r="73" spans="1:9">
      <c r="A73" t="s">
        <v>987</v>
      </c>
      <c r="B73" t="s">
        <v>1934</v>
      </c>
      <c r="C73" t="s">
        <v>929</v>
      </c>
      <c r="E73" t="s">
        <v>1165</v>
      </c>
      <c r="F73" t="s">
        <v>2497</v>
      </c>
      <c r="H73" s="393" t="s">
        <v>1197</v>
      </c>
    </row>
    <row r="74" spans="1:9">
      <c r="A74" t="s">
        <v>988</v>
      </c>
      <c r="B74" t="s">
        <v>2009</v>
      </c>
      <c r="C74" t="s">
        <v>930</v>
      </c>
      <c r="E74" t="s">
        <v>1166</v>
      </c>
      <c r="F74" t="s">
        <v>2498</v>
      </c>
      <c r="H74" s="393" t="s">
        <v>1198</v>
      </c>
    </row>
    <row r="75" spans="1:9">
      <c r="A75" t="s">
        <v>989</v>
      </c>
      <c r="B75" t="s">
        <v>929</v>
      </c>
      <c r="C75" t="s">
        <v>1978</v>
      </c>
      <c r="E75" t="s">
        <v>1167</v>
      </c>
      <c r="F75" t="s">
        <v>2480</v>
      </c>
      <c r="H75" s="393" t="s">
        <v>1199</v>
      </c>
    </row>
    <row r="76" spans="1:9">
      <c r="A76" t="s">
        <v>990</v>
      </c>
      <c r="B76" t="s">
        <v>930</v>
      </c>
      <c r="C76" t="s">
        <v>935</v>
      </c>
      <c r="E76" t="s">
        <v>1168</v>
      </c>
      <c r="F76" t="s">
        <v>2499</v>
      </c>
      <c r="H76" s="393" t="s">
        <v>1200</v>
      </c>
    </row>
    <row r="77" spans="1:9">
      <c r="A77" t="s">
        <v>991</v>
      </c>
      <c r="B77" t="s">
        <v>1936</v>
      </c>
      <c r="C77" t="s">
        <v>936</v>
      </c>
      <c r="E77" t="s">
        <v>1169</v>
      </c>
      <c r="F77" t="s">
        <v>2500</v>
      </c>
      <c r="H77" s="393" t="s">
        <v>1201</v>
      </c>
    </row>
    <row r="78" spans="1:9">
      <c r="A78" t="s">
        <v>1027</v>
      </c>
      <c r="B78" t="s">
        <v>1937</v>
      </c>
      <c r="C78" t="s">
        <v>950</v>
      </c>
      <c r="E78" t="s">
        <v>1170</v>
      </c>
      <c r="F78" t="s">
        <v>2501</v>
      </c>
      <c r="H78" s="393" t="s">
        <v>1202</v>
      </c>
    </row>
    <row r="79" spans="1:9">
      <c r="A79" t="s">
        <v>2251</v>
      </c>
      <c r="B79" t="s">
        <v>929</v>
      </c>
      <c r="C79" t="s">
        <v>1939</v>
      </c>
      <c r="E79" t="s">
        <v>1036</v>
      </c>
      <c r="F79" t="s">
        <v>2483</v>
      </c>
      <c r="H79" s="393" t="s">
        <v>1203</v>
      </c>
    </row>
    <row r="80" spans="1:9">
      <c r="A80" t="s">
        <v>2250</v>
      </c>
      <c r="B80" t="s">
        <v>930</v>
      </c>
      <c r="C80" t="s">
        <v>1254</v>
      </c>
      <c r="E80" t="s">
        <v>1037</v>
      </c>
      <c r="F80" t="s">
        <v>2484</v>
      </c>
      <c r="H80" s="393" t="s">
        <v>1204</v>
      </c>
    </row>
    <row r="81" spans="1:8">
      <c r="A81" t="s">
        <v>2249</v>
      </c>
      <c r="B81" t="s">
        <v>1938</v>
      </c>
      <c r="C81" t="s">
        <v>936</v>
      </c>
      <c r="E81" t="s">
        <v>1038</v>
      </c>
      <c r="F81" t="s">
        <v>2502</v>
      </c>
      <c r="H81" s="393" t="s">
        <v>1205</v>
      </c>
    </row>
    <row r="82" spans="1:8">
      <c r="A82" t="s">
        <v>2248</v>
      </c>
      <c r="B82" t="s">
        <v>935</v>
      </c>
      <c r="C82" t="s">
        <v>2005</v>
      </c>
      <c r="E82" t="s">
        <v>1171</v>
      </c>
      <c r="F82" t="s">
        <v>2503</v>
      </c>
      <c r="H82" t="s">
        <v>1206</v>
      </c>
    </row>
    <row r="83" spans="1:8">
      <c r="A83" t="s">
        <v>2243</v>
      </c>
      <c r="B83" t="s">
        <v>2008</v>
      </c>
      <c r="C83" t="s">
        <v>1939</v>
      </c>
      <c r="E83" t="s">
        <v>1172</v>
      </c>
      <c r="F83" t="s">
        <v>2480</v>
      </c>
      <c r="H83" t="s">
        <v>1207</v>
      </c>
    </row>
    <row r="84" spans="1:8">
      <c r="A84" t="s">
        <v>992</v>
      </c>
      <c r="B84" t="s">
        <v>936</v>
      </c>
      <c r="C84" t="s">
        <v>1979</v>
      </c>
      <c r="E84" t="s">
        <v>1173</v>
      </c>
      <c r="F84" t="s">
        <v>2504</v>
      </c>
      <c r="H84" t="s">
        <v>1108</v>
      </c>
    </row>
    <row r="85" spans="1:8">
      <c r="A85" t="s">
        <v>993</v>
      </c>
      <c r="B85" t="s">
        <v>950</v>
      </c>
      <c r="C85" t="s">
        <v>1980</v>
      </c>
      <c r="E85" t="s">
        <v>1174</v>
      </c>
      <c r="F85" t="s">
        <v>2505</v>
      </c>
      <c r="H85" t="s">
        <v>2757</v>
      </c>
    </row>
    <row r="86" spans="1:8">
      <c r="A86" t="s">
        <v>2242</v>
      </c>
      <c r="B86" t="s">
        <v>1254</v>
      </c>
      <c r="C86" t="s">
        <v>2006</v>
      </c>
      <c r="F86" t="s">
        <v>2506</v>
      </c>
      <c r="H86" t="s">
        <v>1208</v>
      </c>
    </row>
    <row r="87" spans="1:8">
      <c r="A87" t="s">
        <v>994</v>
      </c>
      <c r="B87" t="s">
        <v>936</v>
      </c>
      <c r="C87" t="s">
        <v>936</v>
      </c>
      <c r="E87" s="162" t="s">
        <v>1112</v>
      </c>
      <c r="F87" t="s">
        <v>2483</v>
      </c>
      <c r="H87" t="s">
        <v>1209</v>
      </c>
    </row>
    <row r="88" spans="1:8">
      <c r="A88" t="s">
        <v>995</v>
      </c>
      <c r="B88" t="s">
        <v>2005</v>
      </c>
      <c r="C88" t="s">
        <v>2005</v>
      </c>
      <c r="E88" t="s">
        <v>1237</v>
      </c>
      <c r="F88" t="s">
        <v>2484</v>
      </c>
    </row>
    <row r="89" spans="1:8">
      <c r="A89" t="s">
        <v>2237</v>
      </c>
      <c r="B89" t="s">
        <v>1939</v>
      </c>
      <c r="C89" t="s">
        <v>1939</v>
      </c>
      <c r="E89" t="s">
        <v>1238</v>
      </c>
      <c r="F89" t="s">
        <v>2507</v>
      </c>
      <c r="H89" s="162" t="s">
        <v>1112</v>
      </c>
    </row>
    <row r="90" spans="1:8">
      <c r="A90" t="s">
        <v>2236</v>
      </c>
      <c r="B90" t="s">
        <v>1029</v>
      </c>
      <c r="C90" t="s">
        <v>1099</v>
      </c>
      <c r="E90" t="s">
        <v>1113</v>
      </c>
      <c r="F90" t="s">
        <v>2508</v>
      </c>
      <c r="H90" t="s">
        <v>1235</v>
      </c>
    </row>
    <row r="91" spans="1:8">
      <c r="A91" t="s">
        <v>996</v>
      </c>
      <c r="B91" t="s">
        <v>1940</v>
      </c>
      <c r="C91" t="s">
        <v>936</v>
      </c>
      <c r="E91" t="s">
        <v>1175</v>
      </c>
      <c r="F91" t="s">
        <v>2480</v>
      </c>
      <c r="H91" t="s">
        <v>1236</v>
      </c>
    </row>
    <row r="92" spans="1:8">
      <c r="A92" t="s">
        <v>997</v>
      </c>
      <c r="B92" t="s">
        <v>2006</v>
      </c>
      <c r="C92" t="s">
        <v>2007</v>
      </c>
      <c r="E92" t="s">
        <v>1176</v>
      </c>
      <c r="F92" t="s">
        <v>2509</v>
      </c>
      <c r="H92" t="s">
        <v>1113</v>
      </c>
    </row>
    <row r="93" spans="1:8">
      <c r="A93" t="s">
        <v>998</v>
      </c>
      <c r="B93" t="s">
        <v>936</v>
      </c>
      <c r="C93" t="s">
        <v>1981</v>
      </c>
      <c r="E93" t="s">
        <v>1116</v>
      </c>
      <c r="F93" t="s">
        <v>2510</v>
      </c>
      <c r="H93" t="s">
        <v>1210</v>
      </c>
    </row>
    <row r="94" spans="1:8">
      <c r="A94" t="s">
        <v>999</v>
      </c>
      <c r="B94" t="s">
        <v>2005</v>
      </c>
      <c r="C94" t="s">
        <v>1939</v>
      </c>
      <c r="E94" t="s">
        <v>1117</v>
      </c>
      <c r="F94" t="s">
        <v>2511</v>
      </c>
      <c r="H94" t="s">
        <v>1211</v>
      </c>
    </row>
    <row r="95" spans="1:8">
      <c r="A95" t="s">
        <v>2229</v>
      </c>
      <c r="B95" t="s">
        <v>1939</v>
      </c>
      <c r="C95" t="s">
        <v>1982</v>
      </c>
      <c r="E95" t="s">
        <v>1118</v>
      </c>
      <c r="F95" t="s">
        <v>2483</v>
      </c>
      <c r="H95" t="s">
        <v>1116</v>
      </c>
    </row>
    <row r="96" spans="1:8">
      <c r="A96" t="s">
        <v>2228</v>
      </c>
      <c r="B96" t="s">
        <v>1099</v>
      </c>
      <c r="C96" t="s">
        <v>920</v>
      </c>
      <c r="E96" t="s">
        <v>1119</v>
      </c>
      <c r="F96" t="s">
        <v>2484</v>
      </c>
      <c r="H96" t="s">
        <v>1117</v>
      </c>
    </row>
    <row r="97" spans="1:8">
      <c r="A97" t="s">
        <v>1000</v>
      </c>
      <c r="B97" t="s">
        <v>2008</v>
      </c>
      <c r="C97" t="s">
        <v>939</v>
      </c>
      <c r="E97" t="s">
        <v>1177</v>
      </c>
      <c r="F97" t="s">
        <v>2512</v>
      </c>
      <c r="H97" t="s">
        <v>1118</v>
      </c>
    </row>
    <row r="98" spans="1:8">
      <c r="A98" t="s">
        <v>1001</v>
      </c>
      <c r="B98" t="s">
        <v>936</v>
      </c>
      <c r="C98" t="s">
        <v>940</v>
      </c>
      <c r="F98" t="s">
        <v>2513</v>
      </c>
      <c r="H98" t="s">
        <v>1119</v>
      </c>
    </row>
    <row r="99" spans="1:8">
      <c r="A99" t="s">
        <v>2201</v>
      </c>
      <c r="B99" t="s">
        <v>2007</v>
      </c>
      <c r="C99" t="s">
        <v>1877</v>
      </c>
      <c r="E99" s="162" t="s">
        <v>1127</v>
      </c>
      <c r="F99" t="s">
        <v>2480</v>
      </c>
      <c r="H99" t="s">
        <v>1212</v>
      </c>
    </row>
    <row r="100" spans="1:8">
      <c r="A100" t="s">
        <v>2049</v>
      </c>
      <c r="B100" t="s">
        <v>1941</v>
      </c>
      <c r="C100" t="s">
        <v>1878</v>
      </c>
      <c r="E100" t="s">
        <v>1241</v>
      </c>
      <c r="F100" t="s">
        <v>2514</v>
      </c>
    </row>
    <row r="101" spans="1:8">
      <c r="A101" t="s">
        <v>1250</v>
      </c>
      <c r="B101" t="s">
        <v>1958</v>
      </c>
      <c r="C101" t="s">
        <v>1879</v>
      </c>
      <c r="E101" t="s">
        <v>1242</v>
      </c>
      <c r="F101" t="s">
        <v>2515</v>
      </c>
      <c r="H101" s="162" t="s">
        <v>1127</v>
      </c>
    </row>
    <row r="102" spans="1:8">
      <c r="A102" t="s">
        <v>1002</v>
      </c>
      <c r="B102" t="s">
        <v>920</v>
      </c>
      <c r="C102" t="s">
        <v>1880</v>
      </c>
      <c r="E102" t="s">
        <v>1068</v>
      </c>
      <c r="F102" t="s">
        <v>2516</v>
      </c>
      <c r="H102" t="s">
        <v>1239</v>
      </c>
    </row>
    <row r="103" spans="1:8">
      <c r="A103" t="s">
        <v>1257</v>
      </c>
      <c r="B103" t="s">
        <v>939</v>
      </c>
      <c r="C103" t="s">
        <v>942</v>
      </c>
      <c r="E103" t="s">
        <v>1220</v>
      </c>
      <c r="F103" t="s">
        <v>2483</v>
      </c>
      <c r="H103" t="s">
        <v>1240</v>
      </c>
    </row>
    <row r="104" spans="1:8">
      <c r="A104" t="s">
        <v>2361</v>
      </c>
      <c r="B104" t="s">
        <v>940</v>
      </c>
      <c r="C104" t="s">
        <v>943</v>
      </c>
      <c r="E104" t="s">
        <v>1221</v>
      </c>
      <c r="F104" t="s">
        <v>2484</v>
      </c>
      <c r="H104" t="s">
        <v>1068</v>
      </c>
    </row>
    <row r="105" spans="1:8">
      <c r="A105" t="s">
        <v>2362</v>
      </c>
      <c r="B105" t="s">
        <v>1877</v>
      </c>
      <c r="C105" t="s">
        <v>1942</v>
      </c>
      <c r="E105" t="s">
        <v>1222</v>
      </c>
      <c r="F105" t="s">
        <v>2517</v>
      </c>
      <c r="H105" t="s">
        <v>1213</v>
      </c>
    </row>
    <row r="106" spans="1:8">
      <c r="A106" t="s">
        <v>934</v>
      </c>
      <c r="B106" t="s">
        <v>1878</v>
      </c>
      <c r="C106" t="s">
        <v>1006</v>
      </c>
      <c r="E106" t="s">
        <v>1223</v>
      </c>
      <c r="F106" t="s">
        <v>2518</v>
      </c>
      <c r="H106" t="s">
        <v>1214</v>
      </c>
    </row>
    <row r="107" spans="1:8">
      <c r="A107" t="s">
        <v>928</v>
      </c>
      <c r="B107" t="s">
        <v>1879</v>
      </c>
      <c r="C107" t="s">
        <v>1007</v>
      </c>
      <c r="E107" t="s">
        <v>1118</v>
      </c>
      <c r="F107" t="s">
        <v>2480</v>
      </c>
      <c r="H107" t="s">
        <v>1215</v>
      </c>
    </row>
    <row r="108" spans="1:8">
      <c r="A108" t="s">
        <v>929</v>
      </c>
      <c r="B108" t="s">
        <v>1880</v>
      </c>
      <c r="C108" t="s">
        <v>1983</v>
      </c>
      <c r="E108" t="s">
        <v>1224</v>
      </c>
      <c r="F108" t="s">
        <v>2519</v>
      </c>
      <c r="H108" t="s">
        <v>1216</v>
      </c>
    </row>
    <row r="109" spans="1:8">
      <c r="A109" t="s">
        <v>930</v>
      </c>
      <c r="B109" t="s">
        <v>942</v>
      </c>
      <c r="C109" t="s">
        <v>949</v>
      </c>
      <c r="E109" t="s">
        <v>1225</v>
      </c>
      <c r="F109" t="s">
        <v>2520</v>
      </c>
      <c r="H109" t="s">
        <v>1118</v>
      </c>
    </row>
    <row r="110" spans="1:8">
      <c r="A110" t="s">
        <v>1249</v>
      </c>
      <c r="B110" t="s">
        <v>943</v>
      </c>
      <c r="C110" t="s">
        <v>1984</v>
      </c>
      <c r="F110" t="s">
        <v>2521</v>
      </c>
      <c r="H110" t="s">
        <v>1217</v>
      </c>
    </row>
    <row r="111" spans="1:8">
      <c r="A111" t="s">
        <v>2363</v>
      </c>
      <c r="B111" t="s">
        <v>1942</v>
      </c>
      <c r="C111" t="s">
        <v>1916</v>
      </c>
      <c r="F111" t="s">
        <v>2483</v>
      </c>
      <c r="H111" t="s">
        <v>1218</v>
      </c>
    </row>
    <row r="112" spans="1:8">
      <c r="A112" t="s">
        <v>1028</v>
      </c>
      <c r="B112" t="s">
        <v>1006</v>
      </c>
      <c r="C112" t="s">
        <v>1882</v>
      </c>
      <c r="F112" t="s">
        <v>2484</v>
      </c>
    </row>
    <row r="113" spans="1:6">
      <c r="A113" t="s">
        <v>1253</v>
      </c>
      <c r="B113" t="s">
        <v>1007</v>
      </c>
      <c r="C113" t="s">
        <v>1985</v>
      </c>
      <c r="F113" t="s">
        <v>2522</v>
      </c>
    </row>
    <row r="114" spans="1:6">
      <c r="A114" t="s">
        <v>937</v>
      </c>
      <c r="B114" t="s">
        <v>1943</v>
      </c>
      <c r="C114" t="s">
        <v>1986</v>
      </c>
      <c r="F114" t="s">
        <v>2523</v>
      </c>
    </row>
    <row r="115" spans="1:6">
      <c r="A115" t="s">
        <v>1254</v>
      </c>
      <c r="B115" t="s">
        <v>949</v>
      </c>
      <c r="C115" t="s">
        <v>1987</v>
      </c>
      <c r="F115" t="s">
        <v>2480</v>
      </c>
    </row>
    <row r="116" spans="1:6">
      <c r="A116" t="s">
        <v>1002</v>
      </c>
      <c r="B116" t="s">
        <v>1008</v>
      </c>
      <c r="C116" t="s">
        <v>2788</v>
      </c>
      <c r="F116" t="s">
        <v>2524</v>
      </c>
    </row>
    <row r="117" spans="1:6">
      <c r="A117" t="s">
        <v>1257</v>
      </c>
      <c r="B117" t="s">
        <v>1916</v>
      </c>
      <c r="C117" t="s">
        <v>2789</v>
      </c>
      <c r="F117" t="s">
        <v>2525</v>
      </c>
    </row>
    <row r="118" spans="1:6">
      <c r="A118" t="s">
        <v>1249</v>
      </c>
      <c r="B118" t="s">
        <v>1882</v>
      </c>
      <c r="C118" t="s">
        <v>2790</v>
      </c>
      <c r="F118" t="s">
        <v>2526</v>
      </c>
    </row>
    <row r="119" spans="1:6">
      <c r="A119" t="s">
        <v>1003</v>
      </c>
      <c r="B119" t="s">
        <v>1944</v>
      </c>
      <c r="C119" t="s">
        <v>944</v>
      </c>
      <c r="F119" t="s">
        <v>2483</v>
      </c>
    </row>
    <row r="120" spans="1:6">
      <c r="A120" t="s">
        <v>2193</v>
      </c>
      <c r="B120" t="s">
        <v>1945</v>
      </c>
      <c r="C120" t="s">
        <v>1988</v>
      </c>
      <c r="F120" t="s">
        <v>2484</v>
      </c>
    </row>
    <row r="121" spans="1:6">
      <c r="A121" t="s">
        <v>2175</v>
      </c>
      <c r="B121" t="s">
        <v>1946</v>
      </c>
      <c r="C121" t="s">
        <v>1989</v>
      </c>
      <c r="F121" t="s">
        <v>2527</v>
      </c>
    </row>
    <row r="122" spans="1:6">
      <c r="A122" t="s">
        <v>1256</v>
      </c>
      <c r="B122" t="s">
        <v>2788</v>
      </c>
      <c r="C122" t="s">
        <v>923</v>
      </c>
      <c r="F122" t="s">
        <v>2528</v>
      </c>
    </row>
    <row r="123" spans="1:6">
      <c r="A123" t="s">
        <v>2173</v>
      </c>
      <c r="B123" t="s">
        <v>2789</v>
      </c>
      <c r="C123" t="s">
        <v>1907</v>
      </c>
      <c r="F123" t="s">
        <v>2480</v>
      </c>
    </row>
    <row r="124" spans="1:6">
      <c r="A124" t="s">
        <v>2191</v>
      </c>
      <c r="B124" t="s">
        <v>2790</v>
      </c>
      <c r="C124" t="s">
        <v>1012</v>
      </c>
      <c r="F124" t="s">
        <v>2529</v>
      </c>
    </row>
    <row r="125" spans="1:6">
      <c r="A125" t="s">
        <v>2175</v>
      </c>
      <c r="B125" t="s">
        <v>944</v>
      </c>
      <c r="C125" t="s">
        <v>1949</v>
      </c>
      <c r="F125" t="s">
        <v>2530</v>
      </c>
    </row>
    <row r="126" spans="1:6">
      <c r="A126" t="s">
        <v>2189</v>
      </c>
      <c r="B126" t="s">
        <v>1947</v>
      </c>
      <c r="C126" t="s">
        <v>1014</v>
      </c>
      <c r="F126" t="s">
        <v>2531</v>
      </c>
    </row>
    <row r="127" spans="1:6">
      <c r="A127" t="s">
        <v>2188</v>
      </c>
      <c r="B127" t="s">
        <v>1959</v>
      </c>
      <c r="C127" t="s">
        <v>1015</v>
      </c>
      <c r="F127" t="s">
        <v>2483</v>
      </c>
    </row>
    <row r="128" spans="1:6">
      <c r="A128" t="s">
        <v>2173</v>
      </c>
      <c r="B128" t="s">
        <v>923</v>
      </c>
      <c r="C128" t="s">
        <v>1883</v>
      </c>
      <c r="F128" t="s">
        <v>2484</v>
      </c>
    </row>
    <row r="129" spans="1:6">
      <c r="A129" t="s">
        <v>1029</v>
      </c>
      <c r="B129" t="s">
        <v>1948</v>
      </c>
      <c r="C129" t="s">
        <v>1990</v>
      </c>
      <c r="F129" t="s">
        <v>2532</v>
      </c>
    </row>
    <row r="130" spans="1:6">
      <c r="A130" t="s">
        <v>1096</v>
      </c>
      <c r="B130" t="s">
        <v>1012</v>
      </c>
      <c r="C130" t="s">
        <v>989</v>
      </c>
      <c r="F130" t="s">
        <v>2533</v>
      </c>
    </row>
    <row r="131" spans="1:6">
      <c r="A131" t="s">
        <v>2177</v>
      </c>
      <c r="B131" t="s">
        <v>1949</v>
      </c>
      <c r="C131" t="s">
        <v>990</v>
      </c>
      <c r="F131" t="s">
        <v>2480</v>
      </c>
    </row>
    <row r="132" spans="1:6">
      <c r="A132" t="s">
        <v>2175</v>
      </c>
      <c r="B132" t="s">
        <v>1014</v>
      </c>
      <c r="C132" t="s">
        <v>991</v>
      </c>
      <c r="F132" t="s">
        <v>2534</v>
      </c>
    </row>
    <row r="133" spans="1:6">
      <c r="A133" t="s">
        <v>1256</v>
      </c>
      <c r="B133" s="161" t="s">
        <v>1015</v>
      </c>
      <c r="C133" s="161" t="s">
        <v>1930</v>
      </c>
      <c r="F133" t="s">
        <v>2535</v>
      </c>
    </row>
    <row r="134" spans="1:6">
      <c r="A134" t="s">
        <v>2174</v>
      </c>
      <c r="B134" t="s">
        <v>1883</v>
      </c>
      <c r="C134" t="s">
        <v>1655</v>
      </c>
      <c r="F134" t="s">
        <v>2536</v>
      </c>
    </row>
    <row r="135" spans="1:6">
      <c r="A135" t="s">
        <v>2173</v>
      </c>
      <c r="B135" t="s">
        <v>1950</v>
      </c>
      <c r="C135" t="s">
        <v>992</v>
      </c>
      <c r="F135" t="s">
        <v>2483</v>
      </c>
    </row>
    <row r="136" spans="1:6">
      <c r="A136" t="s">
        <v>1255</v>
      </c>
      <c r="B136" t="s">
        <v>989</v>
      </c>
      <c r="C136" t="s">
        <v>1653</v>
      </c>
      <c r="F136" t="s">
        <v>2484</v>
      </c>
    </row>
    <row r="137" spans="1:6">
      <c r="A137" t="s">
        <v>1097</v>
      </c>
      <c r="B137" t="s">
        <v>990</v>
      </c>
      <c r="C137" t="s">
        <v>1991</v>
      </c>
      <c r="F137" t="s">
        <v>2537</v>
      </c>
    </row>
    <row r="138" spans="1:6">
      <c r="A138" t="s">
        <v>1098</v>
      </c>
      <c r="B138" t="s">
        <v>1016</v>
      </c>
      <c r="C138" t="s">
        <v>1020</v>
      </c>
      <c r="F138" t="s">
        <v>2538</v>
      </c>
    </row>
    <row r="139" spans="1:6">
      <c r="A139" t="s">
        <v>1004</v>
      </c>
      <c r="B139" t="s">
        <v>981</v>
      </c>
      <c r="C139" t="s">
        <v>1973</v>
      </c>
      <c r="F139" t="s">
        <v>2480</v>
      </c>
    </row>
    <row r="140" spans="1:6">
      <c r="A140" t="s">
        <v>1099</v>
      </c>
      <c r="B140" t="s">
        <v>991</v>
      </c>
      <c r="C140" t="s">
        <v>1021</v>
      </c>
      <c r="F140" t="s">
        <v>2539</v>
      </c>
    </row>
    <row r="141" spans="1:6">
      <c r="A141" t="s">
        <v>1028</v>
      </c>
      <c r="B141" t="s">
        <v>1930</v>
      </c>
      <c r="C141" t="s">
        <v>1992</v>
      </c>
      <c r="F141" t="s">
        <v>2540</v>
      </c>
    </row>
    <row r="142" spans="1:6">
      <c r="A142" t="s">
        <v>1253</v>
      </c>
      <c r="B142" t="s">
        <v>1655</v>
      </c>
      <c r="C142" t="s">
        <v>1908</v>
      </c>
      <c r="F142" t="s">
        <v>2541</v>
      </c>
    </row>
    <row r="143" spans="1:6">
      <c r="A143" t="s">
        <v>1100</v>
      </c>
      <c r="B143" t="s">
        <v>992</v>
      </c>
      <c r="C143" t="s">
        <v>1993</v>
      </c>
      <c r="F143" t="s">
        <v>2483</v>
      </c>
    </row>
    <row r="144" spans="1:6">
      <c r="A144" t="s">
        <v>937</v>
      </c>
      <c r="B144" t="s">
        <v>1653</v>
      </c>
      <c r="C144" t="s">
        <v>958</v>
      </c>
      <c r="F144" t="s">
        <v>2484</v>
      </c>
    </row>
    <row r="145" spans="1:6">
      <c r="A145" t="s">
        <v>2170</v>
      </c>
      <c r="B145" t="s">
        <v>1951</v>
      </c>
      <c r="C145" t="s">
        <v>948</v>
      </c>
      <c r="F145" t="s">
        <v>2542</v>
      </c>
    </row>
    <row r="146" spans="1:6">
      <c r="A146" t="s">
        <v>2167</v>
      </c>
      <c r="B146" t="s">
        <v>1020</v>
      </c>
      <c r="C146" t="s">
        <v>1994</v>
      </c>
      <c r="F146" t="s">
        <v>2543</v>
      </c>
    </row>
    <row r="147" spans="1:6">
      <c r="A147" t="s">
        <v>2171</v>
      </c>
      <c r="B147" t="s">
        <v>1927</v>
      </c>
      <c r="C147" t="s">
        <v>1995</v>
      </c>
      <c r="F147" t="s">
        <v>2480</v>
      </c>
    </row>
    <row r="148" spans="1:6">
      <c r="A148" t="s">
        <v>2165</v>
      </c>
      <c r="B148" t="s">
        <v>1021</v>
      </c>
      <c r="C148" t="s">
        <v>1996</v>
      </c>
      <c r="F148" t="s">
        <v>2544</v>
      </c>
    </row>
    <row r="149" spans="1:6">
      <c r="A149" t="s">
        <v>2170</v>
      </c>
      <c r="B149" t="s">
        <v>1952</v>
      </c>
      <c r="C149" t="s">
        <v>1997</v>
      </c>
      <c r="F149" t="s">
        <v>2545</v>
      </c>
    </row>
    <row r="150" spans="1:6">
      <c r="A150" t="s">
        <v>2168</v>
      </c>
      <c r="B150" t="s">
        <v>945</v>
      </c>
      <c r="C150" t="s">
        <v>1998</v>
      </c>
      <c r="F150" t="s">
        <v>2546</v>
      </c>
    </row>
    <row r="151" spans="1:6">
      <c r="A151" t="s">
        <v>2167</v>
      </c>
      <c r="B151" s="161" t="s">
        <v>946</v>
      </c>
      <c r="C151" s="161"/>
      <c r="F151" t="s">
        <v>2483</v>
      </c>
    </row>
    <row r="152" spans="1:6">
      <c r="A152" t="s">
        <v>2166</v>
      </c>
      <c r="B152" t="s">
        <v>947</v>
      </c>
      <c r="F152" t="s">
        <v>2484</v>
      </c>
    </row>
    <row r="153" spans="1:6">
      <c r="A153" t="s">
        <v>2165</v>
      </c>
      <c r="B153" t="s">
        <v>958</v>
      </c>
      <c r="F153" t="s">
        <v>2547</v>
      </c>
    </row>
    <row r="154" spans="1:6">
      <c r="A154" t="s">
        <v>938</v>
      </c>
      <c r="B154" t="s">
        <v>948</v>
      </c>
      <c r="F154" t="s">
        <v>2548</v>
      </c>
    </row>
    <row r="155" spans="1:6">
      <c r="A155" t="s">
        <v>920</v>
      </c>
      <c r="B155" t="s">
        <v>1960</v>
      </c>
      <c r="F155" t="s">
        <v>2480</v>
      </c>
    </row>
    <row r="156" spans="1:6">
      <c r="A156" t="s">
        <v>939</v>
      </c>
      <c r="B156" s="161" t="s">
        <v>1961</v>
      </c>
      <c r="C156" s="161"/>
      <c r="F156" t="s">
        <v>2549</v>
      </c>
    </row>
    <row r="157" spans="1:6">
      <c r="A157" t="s">
        <v>940</v>
      </c>
      <c r="B157" t="s">
        <v>1953</v>
      </c>
      <c r="F157" t="s">
        <v>2550</v>
      </c>
    </row>
    <row r="158" spans="1:6">
      <c r="A158" t="s">
        <v>941</v>
      </c>
      <c r="B158" t="s">
        <v>1962</v>
      </c>
      <c r="F158" t="s">
        <v>2551</v>
      </c>
    </row>
    <row r="159" spans="1:6">
      <c r="A159" t="s">
        <v>2163</v>
      </c>
      <c r="B159" t="s">
        <v>1963</v>
      </c>
      <c r="F159" t="s">
        <v>2483</v>
      </c>
    </row>
    <row r="160" spans="1:6">
      <c r="A160" t="s">
        <v>2161</v>
      </c>
      <c r="F160" t="s">
        <v>2484</v>
      </c>
    </row>
    <row r="161" spans="1:6">
      <c r="A161" t="s">
        <v>2159</v>
      </c>
      <c r="F161" t="s">
        <v>2552</v>
      </c>
    </row>
    <row r="162" spans="1:6">
      <c r="A162" t="s">
        <v>2157</v>
      </c>
      <c r="F162" t="s">
        <v>2553</v>
      </c>
    </row>
    <row r="163" spans="1:6">
      <c r="A163" t="s">
        <v>2156</v>
      </c>
      <c r="F163" t="s">
        <v>2554</v>
      </c>
    </row>
    <row r="164" spans="1:6">
      <c r="A164" t="s">
        <v>942</v>
      </c>
      <c r="F164" t="s">
        <v>2555</v>
      </c>
    </row>
    <row r="165" spans="1:6">
      <c r="A165" t="s">
        <v>943</v>
      </c>
      <c r="F165" t="s">
        <v>2556</v>
      </c>
    </row>
    <row r="166" spans="1:6">
      <c r="A166" t="s">
        <v>1005</v>
      </c>
      <c r="F166" t="s">
        <v>2557</v>
      </c>
    </row>
    <row r="167" spans="1:6">
      <c r="A167" t="s">
        <v>1006</v>
      </c>
      <c r="F167" t="s">
        <v>2558</v>
      </c>
    </row>
    <row r="168" spans="1:6">
      <c r="A168" t="s">
        <v>1007</v>
      </c>
      <c r="F168" t="s">
        <v>2559</v>
      </c>
    </row>
    <row r="169" spans="1:6">
      <c r="A169" t="s">
        <v>949</v>
      </c>
      <c r="F169" t="s">
        <v>2560</v>
      </c>
    </row>
    <row r="170" spans="1:6">
      <c r="A170" t="s">
        <v>1008</v>
      </c>
      <c r="F170" t="s">
        <v>2561</v>
      </c>
    </row>
    <row r="171" spans="1:6">
      <c r="A171" t="s">
        <v>1009</v>
      </c>
      <c r="F171" t="s">
        <v>2554</v>
      </c>
    </row>
    <row r="172" spans="1:6">
      <c r="A172" t="s">
        <v>1025</v>
      </c>
      <c r="F172" t="s">
        <v>2562</v>
      </c>
    </row>
    <row r="173" spans="1:6">
      <c r="A173" t="s">
        <v>2132</v>
      </c>
      <c r="F173" t="s">
        <v>2563</v>
      </c>
    </row>
    <row r="174" spans="1:6">
      <c r="A174" t="s">
        <v>2130</v>
      </c>
      <c r="F174" t="s">
        <v>2564</v>
      </c>
    </row>
    <row r="175" spans="1:6">
      <c r="A175" t="s">
        <v>2128</v>
      </c>
      <c r="F175" t="s">
        <v>2558</v>
      </c>
    </row>
    <row r="176" spans="1:6">
      <c r="A176" t="s">
        <v>2127</v>
      </c>
      <c r="F176" t="s">
        <v>2559</v>
      </c>
    </row>
    <row r="177" spans="1:6">
      <c r="A177" t="s">
        <v>2126</v>
      </c>
      <c r="F177" t="s">
        <v>2565</v>
      </c>
    </row>
    <row r="178" spans="1:6">
      <c r="A178" t="s">
        <v>2125</v>
      </c>
      <c r="F178" t="s">
        <v>2566</v>
      </c>
    </row>
    <row r="179" spans="1:6">
      <c r="A179" t="s">
        <v>2364</v>
      </c>
      <c r="F179" t="s">
        <v>2554</v>
      </c>
    </row>
    <row r="180" spans="1:6">
      <c r="A180" t="s">
        <v>2123</v>
      </c>
      <c r="F180" t="s">
        <v>2567</v>
      </c>
    </row>
    <row r="181" spans="1:6">
      <c r="A181" t="s">
        <v>2122</v>
      </c>
      <c r="F181" t="s">
        <v>2568</v>
      </c>
    </row>
    <row r="182" spans="1:6">
      <c r="A182" t="s">
        <v>2365</v>
      </c>
      <c r="F182" t="s">
        <v>2569</v>
      </c>
    </row>
    <row r="183" spans="1:6">
      <c r="A183" t="s">
        <v>2117</v>
      </c>
      <c r="F183" t="s">
        <v>2558</v>
      </c>
    </row>
    <row r="184" spans="1:6">
      <c r="A184" t="s">
        <v>2115</v>
      </c>
      <c r="F184" t="s">
        <v>2559</v>
      </c>
    </row>
    <row r="185" spans="1:6">
      <c r="A185" t="s">
        <v>1010</v>
      </c>
      <c r="F185" t="s">
        <v>2570</v>
      </c>
    </row>
    <row r="186" spans="1:6">
      <c r="A186" t="s">
        <v>1011</v>
      </c>
      <c r="F186" t="s">
        <v>2571</v>
      </c>
    </row>
    <row r="187" spans="1:6">
      <c r="A187" t="s">
        <v>2114</v>
      </c>
      <c r="F187" t="s">
        <v>2554</v>
      </c>
    </row>
    <row r="188" spans="1:6">
      <c r="A188" t="s">
        <v>2110</v>
      </c>
      <c r="F188" t="s">
        <v>2572</v>
      </c>
    </row>
    <row r="189" spans="1:6">
      <c r="A189" t="s">
        <v>2108</v>
      </c>
      <c r="F189" t="s">
        <v>2573</v>
      </c>
    </row>
    <row r="190" spans="1:6">
      <c r="A190" t="s">
        <v>2788</v>
      </c>
      <c r="F190" t="s">
        <v>2574</v>
      </c>
    </row>
    <row r="191" spans="1:6">
      <c r="A191" t="s">
        <v>2789</v>
      </c>
      <c r="F191" t="s">
        <v>2558</v>
      </c>
    </row>
    <row r="192" spans="1:6">
      <c r="A192" t="s">
        <v>2790</v>
      </c>
      <c r="F192" t="s">
        <v>2559</v>
      </c>
    </row>
    <row r="193" spans="1:6">
      <c r="A193" t="s">
        <v>944</v>
      </c>
      <c r="F193" t="s">
        <v>2575</v>
      </c>
    </row>
    <row r="194" spans="1:6">
      <c r="A194" t="s">
        <v>2106</v>
      </c>
      <c r="F194" t="s">
        <v>2576</v>
      </c>
    </row>
    <row r="195" spans="1:6">
      <c r="A195" t="s">
        <v>956</v>
      </c>
      <c r="F195" t="s">
        <v>2554</v>
      </c>
    </row>
    <row r="196" spans="1:6">
      <c r="A196" t="s">
        <v>957</v>
      </c>
      <c r="F196" t="s">
        <v>2577</v>
      </c>
    </row>
    <row r="197" spans="1:6">
      <c r="A197" t="s">
        <v>1012</v>
      </c>
      <c r="F197" t="s">
        <v>2578</v>
      </c>
    </row>
    <row r="198" spans="1:6">
      <c r="A198" t="s">
        <v>1013</v>
      </c>
      <c r="F198" t="s">
        <v>2579</v>
      </c>
    </row>
    <row r="199" spans="1:6">
      <c r="A199" t="s">
        <v>1014</v>
      </c>
      <c r="F199" t="s">
        <v>2558</v>
      </c>
    </row>
    <row r="200" spans="1:6">
      <c r="A200" t="s">
        <v>1015</v>
      </c>
      <c r="F200" t="s">
        <v>2559</v>
      </c>
    </row>
    <row r="201" spans="1:6">
      <c r="A201" s="10" t="s">
        <v>989</v>
      </c>
      <c r="F201" t="s">
        <v>2580</v>
      </c>
    </row>
    <row r="202" spans="1:6">
      <c r="A202" s="10" t="s">
        <v>990</v>
      </c>
      <c r="F202" t="s">
        <v>2581</v>
      </c>
    </row>
    <row r="203" spans="1:6">
      <c r="A203" t="s">
        <v>1016</v>
      </c>
      <c r="F203" t="s">
        <v>2582</v>
      </c>
    </row>
    <row r="204" spans="1:6">
      <c r="A204" t="s">
        <v>981</v>
      </c>
      <c r="F204" t="s">
        <v>2583</v>
      </c>
    </row>
    <row r="205" spans="1:6">
      <c r="A205" t="s">
        <v>1017</v>
      </c>
      <c r="F205" t="s">
        <v>2584</v>
      </c>
    </row>
    <row r="206" spans="1:6">
      <c r="A206" t="s">
        <v>1018</v>
      </c>
      <c r="F206" t="s">
        <v>2585</v>
      </c>
    </row>
    <row r="207" spans="1:6">
      <c r="A207" t="s">
        <v>991</v>
      </c>
      <c r="F207" t="s">
        <v>2586</v>
      </c>
    </row>
    <row r="208" spans="1:6">
      <c r="A208" t="s">
        <v>1027</v>
      </c>
      <c r="F208" t="s">
        <v>2587</v>
      </c>
    </row>
    <row r="209" spans="1:6">
      <c r="A209" t="s">
        <v>2083</v>
      </c>
      <c r="F209" t="s">
        <v>2588</v>
      </c>
    </row>
    <row r="210" spans="1:6">
      <c r="A210" t="s">
        <v>2082</v>
      </c>
      <c r="F210" t="s">
        <v>2589</v>
      </c>
    </row>
    <row r="211" spans="1:6">
      <c r="A211" t="s">
        <v>2081</v>
      </c>
      <c r="F211" t="s">
        <v>2590</v>
      </c>
    </row>
    <row r="212" spans="1:6">
      <c r="A212" t="s">
        <v>2080</v>
      </c>
      <c r="F212" t="s">
        <v>2591</v>
      </c>
    </row>
    <row r="213" spans="1:6">
      <c r="A213" t="s">
        <v>2079</v>
      </c>
      <c r="F213" t="s">
        <v>2592</v>
      </c>
    </row>
    <row r="214" spans="1:6">
      <c r="A214" t="s">
        <v>1019</v>
      </c>
      <c r="F214" t="s">
        <v>2593</v>
      </c>
    </row>
    <row r="215" spans="1:6">
      <c r="A215" t="s">
        <v>2078</v>
      </c>
      <c r="F215" t="s">
        <v>2594</v>
      </c>
    </row>
    <row r="216" spans="1:6">
      <c r="A216" t="s">
        <v>1019</v>
      </c>
      <c r="F216" t="s">
        <v>2595</v>
      </c>
    </row>
    <row r="217" spans="1:6">
      <c r="A217" t="s">
        <v>2077</v>
      </c>
      <c r="F217" t="s">
        <v>2596</v>
      </c>
    </row>
    <row r="218" spans="1:6">
      <c r="A218" t="s">
        <v>2075</v>
      </c>
      <c r="F218" t="s">
        <v>2597</v>
      </c>
    </row>
    <row r="219" spans="1:6">
      <c r="A219" t="s">
        <v>2076</v>
      </c>
      <c r="F219" t="s">
        <v>2598</v>
      </c>
    </row>
    <row r="220" spans="1:6">
      <c r="A220" t="s">
        <v>2075</v>
      </c>
      <c r="F220" t="s">
        <v>2599</v>
      </c>
    </row>
    <row r="221" spans="1:6">
      <c r="A221" t="s">
        <v>2074</v>
      </c>
      <c r="F221" t="s">
        <v>2600</v>
      </c>
    </row>
    <row r="222" spans="1:6">
      <c r="A222" t="s">
        <v>2073</v>
      </c>
      <c r="F222" t="s">
        <v>2601</v>
      </c>
    </row>
    <row r="223" spans="1:6">
      <c r="A223" t="s">
        <v>2072</v>
      </c>
      <c r="F223" t="s">
        <v>2602</v>
      </c>
    </row>
    <row r="224" spans="1:6">
      <c r="A224" t="s">
        <v>2366</v>
      </c>
      <c r="F224" t="s">
        <v>2603</v>
      </c>
    </row>
    <row r="225" spans="1:6">
      <c r="A225" t="s">
        <v>2070</v>
      </c>
      <c r="F225" t="s">
        <v>2604</v>
      </c>
    </row>
    <row r="226" spans="1:6">
      <c r="A226" t="s">
        <v>2069</v>
      </c>
      <c r="F226" t="s">
        <v>2605</v>
      </c>
    </row>
    <row r="227" spans="1:6">
      <c r="A227" t="s">
        <v>2367</v>
      </c>
      <c r="F227" t="s">
        <v>2606</v>
      </c>
    </row>
    <row r="228" spans="1:6">
      <c r="A228" t="s">
        <v>2368</v>
      </c>
      <c r="F228" t="s">
        <v>2607</v>
      </c>
    </row>
    <row r="229" spans="1:6">
      <c r="A229" t="s">
        <v>2061</v>
      </c>
      <c r="F229" t="s">
        <v>2608</v>
      </c>
    </row>
    <row r="230" spans="1:6">
      <c r="A230" t="s">
        <v>2060</v>
      </c>
      <c r="F230" t="s">
        <v>2609</v>
      </c>
    </row>
    <row r="231" spans="1:6">
      <c r="A231" t="s">
        <v>2059</v>
      </c>
      <c r="F231" t="s">
        <v>2610</v>
      </c>
    </row>
    <row r="232" spans="1:6">
      <c r="A232" t="s">
        <v>2058</v>
      </c>
      <c r="F232" t="s">
        <v>2611</v>
      </c>
    </row>
    <row r="233" spans="1:6">
      <c r="A233" t="s">
        <v>1020</v>
      </c>
      <c r="F233" t="s">
        <v>2479</v>
      </c>
    </row>
    <row r="234" spans="1:6">
      <c r="A234" t="s">
        <v>984</v>
      </c>
      <c r="F234" t="s">
        <v>2612</v>
      </c>
    </row>
    <row r="235" spans="1:6">
      <c r="A235" t="s">
        <v>1021</v>
      </c>
      <c r="F235" t="s">
        <v>2613</v>
      </c>
    </row>
    <row r="236" spans="1:6">
      <c r="A236" t="s">
        <v>1022</v>
      </c>
      <c r="F236" t="s">
        <v>2614</v>
      </c>
    </row>
    <row r="237" spans="1:6">
      <c r="A237" t="s">
        <v>2057</v>
      </c>
      <c r="F237" t="s">
        <v>2615</v>
      </c>
    </row>
    <row r="238" spans="1:6">
      <c r="A238" t="s">
        <v>2056</v>
      </c>
      <c r="F238" t="s">
        <v>2616</v>
      </c>
    </row>
    <row r="239" spans="1:6">
      <c r="A239" t="s">
        <v>945</v>
      </c>
      <c r="F239" t="s">
        <v>2617</v>
      </c>
    </row>
    <row r="240" spans="1:6">
      <c r="A240" t="s">
        <v>946</v>
      </c>
      <c r="F240" t="s">
        <v>2618</v>
      </c>
    </row>
    <row r="241" spans="1:6">
      <c r="A241" t="s">
        <v>947</v>
      </c>
      <c r="F241" t="s">
        <v>2619</v>
      </c>
    </row>
    <row r="242" spans="1:6">
      <c r="A242" t="s">
        <v>958</v>
      </c>
      <c r="F242" t="s">
        <v>2620</v>
      </c>
    </row>
    <row r="243" spans="1:6">
      <c r="A243" t="s">
        <v>948</v>
      </c>
      <c r="F243" t="s">
        <v>2621</v>
      </c>
    </row>
    <row r="244" spans="1:6">
      <c r="A244" t="s">
        <v>2052</v>
      </c>
      <c r="F244" t="s">
        <v>2479</v>
      </c>
    </row>
    <row r="245" spans="1:6">
      <c r="A245" t="s">
        <v>2051</v>
      </c>
      <c r="F245" t="s">
        <v>2622</v>
      </c>
    </row>
    <row r="246" spans="1:6">
      <c r="A246" t="s">
        <v>2054</v>
      </c>
      <c r="F246" t="s">
        <v>2623</v>
      </c>
    </row>
    <row r="247" spans="1:6">
      <c r="A247" t="s">
        <v>2369</v>
      </c>
      <c r="F247" t="s">
        <v>2624</v>
      </c>
    </row>
    <row r="248" spans="1:6">
      <c r="A248" t="s">
        <v>2050</v>
      </c>
      <c r="F248" t="s">
        <v>2625</v>
      </c>
    </row>
    <row r="249" spans="1:6">
      <c r="A249" t="s">
        <v>2049</v>
      </c>
      <c r="F249" t="s">
        <v>2479</v>
      </c>
    </row>
    <row r="250" spans="1:6">
      <c r="A250" t="s">
        <v>2048</v>
      </c>
      <c r="F250" t="s">
        <v>2626</v>
      </c>
    </row>
    <row r="251" spans="1:6">
      <c r="A251" t="s">
        <v>2047</v>
      </c>
      <c r="F251" t="s">
        <v>2627</v>
      </c>
    </row>
    <row r="252" spans="1:6">
      <c r="A252" t="s">
        <v>2046</v>
      </c>
      <c r="F252" t="s">
        <v>2628</v>
      </c>
    </row>
    <row r="253" spans="1:6">
      <c r="A253" t="s">
        <v>2045</v>
      </c>
      <c r="F253" t="s">
        <v>2629</v>
      </c>
    </row>
    <row r="254" spans="1:6">
      <c r="A254" t="s">
        <v>2044</v>
      </c>
      <c r="F254" t="s">
        <v>2630</v>
      </c>
    </row>
    <row r="255" spans="1:6">
      <c r="A255" t="s">
        <v>2043</v>
      </c>
      <c r="F255" t="s">
        <v>2631</v>
      </c>
    </row>
    <row r="256" spans="1:6">
      <c r="A256" t="s">
        <v>2040</v>
      </c>
      <c r="F256" t="s">
        <v>2632</v>
      </c>
    </row>
    <row r="257" spans="1:6">
      <c r="A257" t="s">
        <v>2370</v>
      </c>
      <c r="F257" t="s">
        <v>2633</v>
      </c>
    </row>
    <row r="258" spans="1:6">
      <c r="A258" t="s">
        <v>2175</v>
      </c>
      <c r="F258" t="s">
        <v>2634</v>
      </c>
    </row>
    <row r="259" spans="1:6">
      <c r="A259" t="s">
        <v>2371</v>
      </c>
      <c r="F259" t="s">
        <v>2635</v>
      </c>
    </row>
    <row r="260" spans="1:6">
      <c r="A260" t="s">
        <v>2372</v>
      </c>
      <c r="F260" t="s">
        <v>2636</v>
      </c>
    </row>
    <row r="261" spans="1:6">
      <c r="A261" t="s">
        <v>920</v>
      </c>
      <c r="F261" t="s">
        <v>2637</v>
      </c>
    </row>
    <row r="262" spans="1:6">
      <c r="A262" t="s">
        <v>939</v>
      </c>
      <c r="F262" t="s">
        <v>2638</v>
      </c>
    </row>
    <row r="263" spans="1:6">
      <c r="A263" t="s">
        <v>940</v>
      </c>
      <c r="F263" t="s">
        <v>2639</v>
      </c>
    </row>
    <row r="264" spans="1:6">
      <c r="A264" t="s">
        <v>1023</v>
      </c>
      <c r="F264" t="s">
        <v>2640</v>
      </c>
    </row>
    <row r="265" spans="1:6">
      <c r="A265" t="s">
        <v>2373</v>
      </c>
      <c r="F265" t="s">
        <v>2641</v>
      </c>
    </row>
    <row r="266" spans="1:6">
      <c r="A266" t="s">
        <v>2374</v>
      </c>
      <c r="F266" t="s">
        <v>2642</v>
      </c>
    </row>
    <row r="267" spans="1:6">
      <c r="A267" t="s">
        <v>2375</v>
      </c>
      <c r="F267" t="s">
        <v>2643</v>
      </c>
    </row>
    <row r="268" spans="1:6">
      <c r="A268" t="s">
        <v>2376</v>
      </c>
      <c r="F268" t="s">
        <v>2644</v>
      </c>
    </row>
    <row r="269" spans="1:6">
      <c r="A269" t="s">
        <v>2377</v>
      </c>
      <c r="F269" t="s">
        <v>2645</v>
      </c>
    </row>
    <row r="270" spans="1:6">
      <c r="A270" t="s">
        <v>942</v>
      </c>
      <c r="F270" t="s">
        <v>2646</v>
      </c>
    </row>
    <row r="271" spans="1:6">
      <c r="A271" t="s">
        <v>943</v>
      </c>
      <c r="F271" t="s">
        <v>2647</v>
      </c>
    </row>
    <row r="272" spans="1:6">
      <c r="A272" t="s">
        <v>1005</v>
      </c>
      <c r="F272" t="s">
        <v>2648</v>
      </c>
    </row>
    <row r="273" spans="1:6">
      <c r="A273" t="s">
        <v>1006</v>
      </c>
      <c r="F273" t="s">
        <v>2649</v>
      </c>
    </row>
    <row r="274" spans="1:6">
      <c r="A274" t="s">
        <v>1007</v>
      </c>
      <c r="F274" t="s">
        <v>2650</v>
      </c>
    </row>
    <row r="275" spans="1:6">
      <c r="A275" t="s">
        <v>949</v>
      </c>
      <c r="F275" t="s">
        <v>2651</v>
      </c>
    </row>
    <row r="276" spans="1:6">
      <c r="A276" t="s">
        <v>1008</v>
      </c>
      <c r="F276" t="s">
        <v>2652</v>
      </c>
    </row>
    <row r="277" spans="1:6">
      <c r="A277" t="s">
        <v>1009</v>
      </c>
      <c r="F277" t="s">
        <v>2653</v>
      </c>
    </row>
    <row r="278" spans="1:6">
      <c r="A278" t="s">
        <v>1025</v>
      </c>
      <c r="F278" t="s">
        <v>2654</v>
      </c>
    </row>
    <row r="279" spans="1:6">
      <c r="A279" t="s">
        <v>2378</v>
      </c>
      <c r="F279" t="s">
        <v>2655</v>
      </c>
    </row>
    <row r="280" spans="1:6">
      <c r="A280" t="s">
        <v>2130</v>
      </c>
      <c r="F280" t="s">
        <v>2656</v>
      </c>
    </row>
    <row r="281" spans="1:6">
      <c r="A281" t="s">
        <v>2128</v>
      </c>
      <c r="F281" t="s">
        <v>2657</v>
      </c>
    </row>
    <row r="282" spans="1:6">
      <c r="A282" t="s">
        <v>2127</v>
      </c>
      <c r="F282" t="s">
        <v>2658</v>
      </c>
    </row>
    <row r="283" spans="1:6">
      <c r="A283" t="s">
        <v>2379</v>
      </c>
      <c r="F283" t="s">
        <v>2659</v>
      </c>
    </row>
    <row r="284" spans="1:6">
      <c r="A284" t="s">
        <v>2380</v>
      </c>
      <c r="F284" t="s">
        <v>2660</v>
      </c>
    </row>
    <row r="285" spans="1:6">
      <c r="A285" t="s">
        <v>2381</v>
      </c>
      <c r="F285" t="s">
        <v>2661</v>
      </c>
    </row>
    <row r="286" spans="1:6">
      <c r="A286" t="s">
        <v>2123</v>
      </c>
      <c r="F286" t="s">
        <v>2662</v>
      </c>
    </row>
    <row r="287" spans="1:6">
      <c r="A287" t="s">
        <v>2122</v>
      </c>
      <c r="F287" t="s">
        <v>2663</v>
      </c>
    </row>
    <row r="288" spans="1:6">
      <c r="A288" t="s">
        <v>2382</v>
      </c>
      <c r="F288" t="s">
        <v>2664</v>
      </c>
    </row>
    <row r="289" spans="1:6">
      <c r="A289" t="s">
        <v>2117</v>
      </c>
      <c r="F289" t="s">
        <v>2665</v>
      </c>
    </row>
    <row r="290" spans="1:6">
      <c r="A290" t="s">
        <v>2115</v>
      </c>
      <c r="F290" t="s">
        <v>2666</v>
      </c>
    </row>
    <row r="291" spans="1:6">
      <c r="A291" t="s">
        <v>1010</v>
      </c>
      <c r="F291" t="s">
        <v>2667</v>
      </c>
    </row>
    <row r="292" spans="1:6">
      <c r="A292" t="s">
        <v>1011</v>
      </c>
      <c r="F292" t="s">
        <v>2668</v>
      </c>
    </row>
    <row r="293" spans="1:6">
      <c r="A293" t="s">
        <v>2383</v>
      </c>
      <c r="F293" t="s">
        <v>2669</v>
      </c>
    </row>
    <row r="294" spans="1:6">
      <c r="A294" t="s">
        <v>2384</v>
      </c>
      <c r="F294" t="s">
        <v>2670</v>
      </c>
    </row>
    <row r="295" spans="1:6">
      <c r="A295" t="s">
        <v>2108</v>
      </c>
      <c r="F295" t="s">
        <v>2671</v>
      </c>
    </row>
    <row r="296" spans="1:6">
      <c r="A296" t="s">
        <v>944</v>
      </c>
      <c r="F296" t="s">
        <v>2672</v>
      </c>
    </row>
    <row r="297" spans="1:6">
      <c r="A297" t="s">
        <v>2106</v>
      </c>
      <c r="F297" t="s">
        <v>2673</v>
      </c>
    </row>
    <row r="298" spans="1:6">
      <c r="A298" t="s">
        <v>956</v>
      </c>
      <c r="F298" t="s">
        <v>2674</v>
      </c>
    </row>
    <row r="299" spans="1:6">
      <c r="A299" t="s">
        <v>957</v>
      </c>
      <c r="F299" t="s">
        <v>2675</v>
      </c>
    </row>
    <row r="300" spans="1:6">
      <c r="A300" t="s">
        <v>1012</v>
      </c>
      <c r="F300" t="s">
        <v>2676</v>
      </c>
    </row>
    <row r="301" spans="1:6">
      <c r="A301" t="s">
        <v>1013</v>
      </c>
      <c r="F301" t="s">
        <v>2677</v>
      </c>
    </row>
    <row r="302" spans="1:6">
      <c r="A302" t="s">
        <v>1014</v>
      </c>
      <c r="F302" t="s">
        <v>2678</v>
      </c>
    </row>
    <row r="303" spans="1:6">
      <c r="A303" t="s">
        <v>1015</v>
      </c>
      <c r="F303" t="s">
        <v>2679</v>
      </c>
    </row>
    <row r="304" spans="1:6">
      <c r="A304" t="s">
        <v>989</v>
      </c>
      <c r="F304" t="s">
        <v>2680</v>
      </c>
    </row>
    <row r="305" spans="1:6">
      <c r="A305" t="s">
        <v>990</v>
      </c>
      <c r="F305" t="s">
        <v>2681</v>
      </c>
    </row>
    <row r="306" spans="1:6">
      <c r="A306" t="s">
        <v>1016</v>
      </c>
      <c r="F306" t="s">
        <v>2682</v>
      </c>
    </row>
    <row r="307" spans="1:6">
      <c r="A307" t="s">
        <v>981</v>
      </c>
      <c r="F307" t="s">
        <v>2683</v>
      </c>
    </row>
    <row r="308" spans="1:6">
      <c r="A308" t="s">
        <v>1017</v>
      </c>
      <c r="F308" t="s">
        <v>2684</v>
      </c>
    </row>
    <row r="309" spans="1:6">
      <c r="A309" t="s">
        <v>1018</v>
      </c>
      <c r="F309" t="s">
        <v>2685</v>
      </c>
    </row>
    <row r="310" spans="1:6">
      <c r="A310" t="s">
        <v>991</v>
      </c>
      <c r="F310" t="s">
        <v>2686</v>
      </c>
    </row>
    <row r="311" spans="1:6">
      <c r="A311" t="s">
        <v>1027</v>
      </c>
      <c r="F311" t="s">
        <v>2687</v>
      </c>
    </row>
    <row r="312" spans="1:6">
      <c r="A312" t="s">
        <v>2083</v>
      </c>
      <c r="F312" t="s">
        <v>2688</v>
      </c>
    </row>
    <row r="313" spans="1:6">
      <c r="A313" t="s">
        <v>2385</v>
      </c>
      <c r="F313" t="s">
        <v>2689</v>
      </c>
    </row>
    <row r="314" spans="1:6">
      <c r="A314" t="s">
        <v>2081</v>
      </c>
      <c r="F314" t="s">
        <v>2690</v>
      </c>
    </row>
    <row r="315" spans="1:6">
      <c r="A315" t="s">
        <v>2080</v>
      </c>
      <c r="F315" t="s">
        <v>2691</v>
      </c>
    </row>
    <row r="316" spans="1:6">
      <c r="A316" t="s">
        <v>2079</v>
      </c>
      <c r="F316" t="s">
        <v>2692</v>
      </c>
    </row>
    <row r="317" spans="1:6">
      <c r="A317" t="s">
        <v>1019</v>
      </c>
      <c r="F317" t="s">
        <v>2693</v>
      </c>
    </row>
    <row r="318" spans="1:6">
      <c r="A318" t="s">
        <v>2078</v>
      </c>
      <c r="F318" t="s">
        <v>2694</v>
      </c>
    </row>
    <row r="319" spans="1:6">
      <c r="A319" t="s">
        <v>1019</v>
      </c>
      <c r="F319" t="s">
        <v>2695</v>
      </c>
    </row>
    <row r="320" spans="1:6">
      <c r="A320" t="s">
        <v>2077</v>
      </c>
      <c r="F320" t="s">
        <v>2696</v>
      </c>
    </row>
    <row r="321" spans="1:6">
      <c r="A321" t="s">
        <v>2075</v>
      </c>
      <c r="F321" t="s">
        <v>2697</v>
      </c>
    </row>
    <row r="322" spans="1:6">
      <c r="A322" t="s">
        <v>2076</v>
      </c>
      <c r="F322" t="s">
        <v>2698</v>
      </c>
    </row>
    <row r="323" spans="1:6">
      <c r="A323" t="s">
        <v>2075</v>
      </c>
      <c r="F323" t="s">
        <v>2699</v>
      </c>
    </row>
    <row r="324" spans="1:6">
      <c r="A324" t="s">
        <v>2074</v>
      </c>
      <c r="F324" t="s">
        <v>2700</v>
      </c>
    </row>
    <row r="325" spans="1:6">
      <c r="A325" t="s">
        <v>2073</v>
      </c>
      <c r="F325" t="s">
        <v>2701</v>
      </c>
    </row>
    <row r="326" spans="1:6">
      <c r="A326" t="s">
        <v>2072</v>
      </c>
      <c r="F326" t="s">
        <v>2702</v>
      </c>
    </row>
    <row r="327" spans="1:6">
      <c r="A327" t="s">
        <v>2071</v>
      </c>
      <c r="F327" t="s">
        <v>2703</v>
      </c>
    </row>
    <row r="328" spans="1:6">
      <c r="A328" t="s">
        <v>2070</v>
      </c>
      <c r="F328" t="s">
        <v>2704</v>
      </c>
    </row>
    <row r="329" spans="1:6">
      <c r="A329" t="s">
        <v>2069</v>
      </c>
      <c r="F329" t="s">
        <v>2705</v>
      </c>
    </row>
    <row r="330" spans="1:6">
      <c r="A330" t="s">
        <v>2367</v>
      </c>
      <c r="F330" t="s">
        <v>2706</v>
      </c>
    </row>
    <row r="331" spans="1:6">
      <c r="A331" t="s">
        <v>2386</v>
      </c>
      <c r="F331" t="s">
        <v>2707</v>
      </c>
    </row>
    <row r="332" spans="1:6">
      <c r="A332" t="s">
        <v>2061</v>
      </c>
      <c r="F332" t="s">
        <v>2708</v>
      </c>
    </row>
    <row r="333" spans="1:6">
      <c r="A333" t="s">
        <v>2387</v>
      </c>
      <c r="F333" t="s">
        <v>2709</v>
      </c>
    </row>
    <row r="334" spans="1:6">
      <c r="A334" t="s">
        <v>2059</v>
      </c>
      <c r="F334" t="s">
        <v>2710</v>
      </c>
    </row>
    <row r="335" spans="1:6">
      <c r="A335" t="s">
        <v>2058</v>
      </c>
      <c r="F335" t="s">
        <v>2711</v>
      </c>
    </row>
    <row r="336" spans="1:6">
      <c r="A336" t="s">
        <v>1020</v>
      </c>
      <c r="F336" t="s">
        <v>2712</v>
      </c>
    </row>
    <row r="337" spans="1:6">
      <c r="A337" t="s">
        <v>984</v>
      </c>
      <c r="F337" t="s">
        <v>2713</v>
      </c>
    </row>
    <row r="338" spans="1:6">
      <c r="A338" t="s">
        <v>1021</v>
      </c>
      <c r="F338" t="s">
        <v>2714</v>
      </c>
    </row>
    <row r="339" spans="1:6">
      <c r="A339" t="s">
        <v>1022</v>
      </c>
      <c r="F339" t="s">
        <v>2715</v>
      </c>
    </row>
    <row r="340" spans="1:6">
      <c r="A340" t="s">
        <v>2057</v>
      </c>
      <c r="F340" t="s">
        <v>2716</v>
      </c>
    </row>
    <row r="341" spans="1:6">
      <c r="A341" t="s">
        <v>2388</v>
      </c>
      <c r="F341" t="s">
        <v>2717</v>
      </c>
    </row>
    <row r="342" spans="1:6">
      <c r="A342" t="s">
        <v>945</v>
      </c>
      <c r="F342" t="s">
        <v>2718</v>
      </c>
    </row>
    <row r="343" spans="1:6">
      <c r="A343" t="s">
        <v>946</v>
      </c>
      <c r="F343" t="s">
        <v>2719</v>
      </c>
    </row>
    <row r="344" spans="1:6">
      <c r="A344" t="s">
        <v>947</v>
      </c>
      <c r="F344" t="s">
        <v>2479</v>
      </c>
    </row>
    <row r="345" spans="1:6">
      <c r="A345" t="s">
        <v>958</v>
      </c>
      <c r="F345" t="s">
        <v>2720</v>
      </c>
    </row>
    <row r="346" spans="1:6">
      <c r="A346" t="s">
        <v>948</v>
      </c>
      <c r="F346" t="s">
        <v>2721</v>
      </c>
    </row>
    <row r="347" spans="1:6">
      <c r="A347" t="s">
        <v>2054</v>
      </c>
      <c r="F347" t="s">
        <v>2722</v>
      </c>
    </row>
    <row r="348" spans="1:6">
      <c r="A348" t="s">
        <v>2369</v>
      </c>
      <c r="F348" t="s">
        <v>2723</v>
      </c>
    </row>
    <row r="349" spans="1:6">
      <c r="A349" t="s">
        <v>2050</v>
      </c>
      <c r="F349" t="s">
        <v>2479</v>
      </c>
    </row>
    <row r="350" spans="1:6">
      <c r="A350" t="s">
        <v>2049</v>
      </c>
      <c r="F350" t="s">
        <v>2724</v>
      </c>
    </row>
    <row r="351" spans="1:6">
      <c r="A351" t="s">
        <v>2048</v>
      </c>
      <c r="F351" t="s">
        <v>2725</v>
      </c>
    </row>
    <row r="352" spans="1:6">
      <c r="A352" t="s">
        <v>2047</v>
      </c>
      <c r="F352" t="s">
        <v>2726</v>
      </c>
    </row>
    <row r="353" spans="1:1">
      <c r="A353" t="s">
        <v>2044</v>
      </c>
    </row>
    <row r="354" spans="1:1">
      <c r="A354" t="s">
        <v>2043</v>
      </c>
    </row>
    <row r="355" spans="1:1">
      <c r="A355" t="s">
        <v>2389</v>
      </c>
    </row>
    <row r="356" spans="1:1">
      <c r="A356" t="s">
        <v>951</v>
      </c>
    </row>
    <row r="357" spans="1:1">
      <c r="A357" t="s">
        <v>952</v>
      </c>
    </row>
    <row r="358" spans="1:1">
      <c r="A358" t="s">
        <v>2390</v>
      </c>
    </row>
    <row r="359" spans="1:1">
      <c r="A359" t="s">
        <v>2391</v>
      </c>
    </row>
    <row r="360" spans="1:1">
      <c r="A360" t="s">
        <v>2392</v>
      </c>
    </row>
  </sheetData>
  <pageMargins left="0.7" right="0.7" top="0.75" bottom="0.75" header="0.3" footer="0.3"/>
  <pageSetup orientation="portrait" horizontalDpi="90" verticalDpi="90" r:id="rId1"/>
  <customProperties>
    <customPr name="IbpWorksheetKeyString_GUID" r:id="rId2"/>
  </customPropertie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2:F55"/>
  <sheetViews>
    <sheetView tabSelected="1" topLeftCell="A36" zoomScaleNormal="100" workbookViewId="0">
      <selection activeCell="F41" sqref="F41"/>
    </sheetView>
  </sheetViews>
  <sheetFormatPr defaultColWidth="8.83203125" defaultRowHeight="14"/>
  <cols>
    <col min="1" max="1" width="2.83203125" customWidth="1"/>
    <col min="2" max="2" width="22.5" customWidth="1"/>
    <col min="3" max="3" width="11.5" bestFit="1" customWidth="1"/>
    <col min="4" max="4" width="19.83203125" style="321" customWidth="1"/>
    <col min="5" max="5" width="87.83203125" customWidth="1"/>
    <col min="6" max="6" width="2.33203125" customWidth="1"/>
  </cols>
  <sheetData>
    <row r="2" spans="1:6" ht="14.25" customHeight="1" thickBot="1">
      <c r="A2" s="6"/>
      <c r="B2" s="6"/>
      <c r="C2" s="399" t="s">
        <v>4</v>
      </c>
      <c r="D2" s="399"/>
      <c r="E2" s="399"/>
      <c r="F2" s="6"/>
    </row>
    <row r="3" spans="1:6">
      <c r="A3" s="6"/>
      <c r="B3" s="344"/>
      <c r="C3" s="345"/>
      <c r="D3" s="346"/>
      <c r="E3" s="347"/>
      <c r="F3" s="6"/>
    </row>
    <row r="4" spans="1:6" ht="14.25" customHeight="1">
      <c r="A4" s="6"/>
      <c r="B4" s="335"/>
      <c r="C4" s="1"/>
      <c r="D4" s="322"/>
      <c r="E4" s="334"/>
      <c r="F4" s="6"/>
    </row>
    <row r="5" spans="1:6">
      <c r="A5" s="6"/>
      <c r="B5" s="335"/>
      <c r="C5" s="1"/>
      <c r="D5" s="322"/>
      <c r="E5" s="334"/>
      <c r="F5" s="6"/>
    </row>
    <row r="6" spans="1:6">
      <c r="A6" s="6"/>
      <c r="B6" s="335"/>
      <c r="C6" s="1"/>
      <c r="D6" s="322"/>
      <c r="E6" s="334"/>
      <c r="F6" s="6"/>
    </row>
    <row r="7" spans="1:6">
      <c r="A7" s="6"/>
      <c r="B7" s="348" t="s">
        <v>1782</v>
      </c>
      <c r="C7" s="341" t="s">
        <v>1</v>
      </c>
      <c r="D7" s="341" t="s">
        <v>1614</v>
      </c>
      <c r="E7" s="349" t="s">
        <v>1783</v>
      </c>
      <c r="F7" s="6"/>
    </row>
    <row r="8" spans="1:6" ht="14.5">
      <c r="A8" s="6"/>
      <c r="B8" s="350" t="s">
        <v>1785</v>
      </c>
      <c r="C8" s="342">
        <v>44132</v>
      </c>
      <c r="D8" s="343" t="s">
        <v>1784</v>
      </c>
      <c r="E8" s="351" t="s">
        <v>2030</v>
      </c>
      <c r="F8" s="6"/>
    </row>
    <row r="9" spans="1:6" ht="14.25" customHeight="1">
      <c r="A9" s="6"/>
      <c r="B9" s="333">
        <v>856</v>
      </c>
      <c r="C9" s="102">
        <v>44132</v>
      </c>
      <c r="D9" s="322" t="s">
        <v>1784</v>
      </c>
      <c r="E9" s="334" t="s">
        <v>2036</v>
      </c>
      <c r="F9" s="6"/>
    </row>
    <row r="10" spans="1:6">
      <c r="A10" s="6"/>
      <c r="B10" s="335" t="s">
        <v>2394</v>
      </c>
      <c r="C10" s="102">
        <v>44251</v>
      </c>
      <c r="D10" s="322" t="s">
        <v>2395</v>
      </c>
      <c r="E10" s="334" t="s">
        <v>2396</v>
      </c>
      <c r="F10" s="6"/>
    </row>
    <row r="11" spans="1:6">
      <c r="A11" s="6"/>
      <c r="B11" s="336">
        <v>810</v>
      </c>
      <c r="C11" s="102">
        <v>44266</v>
      </c>
      <c r="D11" s="322"/>
      <c r="E11" s="337" t="s">
        <v>2413</v>
      </c>
      <c r="F11" s="6"/>
    </row>
    <row r="12" spans="1:6">
      <c r="A12" s="6"/>
      <c r="B12" s="336">
        <v>810</v>
      </c>
      <c r="C12" s="102"/>
      <c r="D12" s="322"/>
      <c r="E12" s="334" t="s">
        <v>2414</v>
      </c>
      <c r="F12" s="6"/>
    </row>
    <row r="13" spans="1:6">
      <c r="A13" s="6"/>
      <c r="B13" s="336">
        <v>850</v>
      </c>
      <c r="C13" s="102">
        <v>44288</v>
      </c>
      <c r="D13" s="322"/>
      <c r="E13" s="334" t="s">
        <v>2727</v>
      </c>
      <c r="F13" s="6"/>
    </row>
    <row r="14" spans="1:6">
      <c r="A14" s="6"/>
      <c r="B14" s="336">
        <v>861</v>
      </c>
      <c r="C14" s="102">
        <v>44328</v>
      </c>
      <c r="D14" s="322" t="s">
        <v>2728</v>
      </c>
      <c r="E14" s="334" t="s">
        <v>2729</v>
      </c>
      <c r="F14" s="6"/>
    </row>
    <row r="15" spans="1:6">
      <c r="A15" s="6"/>
      <c r="B15" s="336" t="s">
        <v>1785</v>
      </c>
      <c r="C15" s="102">
        <v>44391</v>
      </c>
      <c r="D15" s="323" t="s">
        <v>2730</v>
      </c>
      <c r="E15" s="337" t="s">
        <v>2731</v>
      </c>
      <c r="F15" s="6"/>
    </row>
    <row r="16" spans="1:6">
      <c r="A16" s="6"/>
      <c r="B16" s="336">
        <v>856</v>
      </c>
      <c r="C16" s="102">
        <v>44391</v>
      </c>
      <c r="D16" s="323" t="s">
        <v>2730</v>
      </c>
      <c r="E16" s="337" t="s">
        <v>2736</v>
      </c>
      <c r="F16" s="6"/>
    </row>
    <row r="17" spans="1:6" ht="12.75" customHeight="1">
      <c r="A17" s="6"/>
      <c r="B17" s="336">
        <v>810</v>
      </c>
      <c r="C17" s="102">
        <v>44404</v>
      </c>
      <c r="D17" s="323" t="s">
        <v>2730</v>
      </c>
      <c r="E17" s="337" t="s">
        <v>2739</v>
      </c>
      <c r="F17" s="6"/>
    </row>
    <row r="18" spans="1:6" ht="12.75" customHeight="1">
      <c r="A18" s="6"/>
      <c r="B18" s="336" t="s">
        <v>2740</v>
      </c>
      <c r="C18" s="102">
        <v>44428</v>
      </c>
      <c r="D18" s="323" t="s">
        <v>2730</v>
      </c>
      <c r="E18" s="337" t="s">
        <v>2741</v>
      </c>
      <c r="F18" s="6"/>
    </row>
    <row r="19" spans="1:6" ht="12.75" customHeight="1">
      <c r="A19" s="6"/>
      <c r="B19" s="336">
        <v>856</v>
      </c>
      <c r="C19" s="102">
        <v>44428</v>
      </c>
      <c r="D19" s="323" t="s">
        <v>2730</v>
      </c>
      <c r="E19" s="337" t="s">
        <v>2742</v>
      </c>
      <c r="F19" s="6"/>
    </row>
    <row r="20" spans="1:6" ht="12.75" customHeight="1">
      <c r="A20" s="6"/>
      <c r="B20" s="336">
        <v>856</v>
      </c>
      <c r="C20" s="102">
        <v>44474</v>
      </c>
      <c r="D20" s="322" t="s">
        <v>2750</v>
      </c>
      <c r="E20" s="338" t="s">
        <v>2752</v>
      </c>
      <c r="F20" s="6"/>
    </row>
    <row r="21" spans="1:6" ht="12.75" customHeight="1">
      <c r="A21" s="6"/>
      <c r="B21" s="336"/>
      <c r="C21" s="102">
        <v>44241</v>
      </c>
      <c r="D21" s="322" t="s">
        <v>2754</v>
      </c>
      <c r="E21" s="338" t="s">
        <v>2758</v>
      </c>
      <c r="F21" s="6"/>
    </row>
    <row r="22" spans="1:6" ht="12.75" customHeight="1">
      <c r="A22" s="6"/>
      <c r="B22" s="339" t="s">
        <v>2770</v>
      </c>
      <c r="C22" s="102">
        <v>44700</v>
      </c>
      <c r="D22" s="322" t="s">
        <v>2761</v>
      </c>
      <c r="E22" s="338" t="s">
        <v>2767</v>
      </c>
      <c r="F22" s="6"/>
    </row>
    <row r="23" spans="1:6" ht="12.75" customHeight="1">
      <c r="A23" s="6"/>
      <c r="B23" s="339" t="s">
        <v>2770</v>
      </c>
      <c r="C23" s="102">
        <v>44701</v>
      </c>
      <c r="D23" s="320" t="s">
        <v>2769</v>
      </c>
      <c r="E23" s="340" t="s">
        <v>2768</v>
      </c>
      <c r="F23" s="6"/>
    </row>
    <row r="24" spans="1:6" ht="12.75" customHeight="1">
      <c r="A24" s="6"/>
      <c r="B24" s="339" t="s">
        <v>2770</v>
      </c>
      <c r="C24" s="102">
        <v>44704</v>
      </c>
      <c r="D24" s="322" t="s">
        <v>2773</v>
      </c>
      <c r="E24" s="334" t="s">
        <v>2774</v>
      </c>
      <c r="F24" s="6"/>
    </row>
    <row r="25" spans="1:6" ht="14" customHeight="1">
      <c r="A25" s="6"/>
      <c r="B25" s="339" t="s">
        <v>2770</v>
      </c>
      <c r="C25" s="102">
        <v>44706</v>
      </c>
      <c r="D25" s="322" t="s">
        <v>2773</v>
      </c>
      <c r="E25" s="334" t="s">
        <v>2777</v>
      </c>
      <c r="F25" s="6"/>
    </row>
    <row r="26" spans="1:6" ht="13" customHeight="1">
      <c r="A26" s="6"/>
      <c r="B26" s="339" t="s">
        <v>2780</v>
      </c>
      <c r="C26" s="327">
        <v>44817</v>
      </c>
      <c r="D26" s="328" t="s">
        <v>2778</v>
      </c>
      <c r="E26" s="352" t="s">
        <v>2779</v>
      </c>
      <c r="F26" s="6"/>
    </row>
    <row r="27" spans="1:6" ht="42" customHeight="1">
      <c r="A27" s="6"/>
      <c r="B27" s="354" t="s">
        <v>2780</v>
      </c>
      <c r="C27" s="355">
        <v>44817</v>
      </c>
      <c r="D27" s="328" t="s">
        <v>2778</v>
      </c>
      <c r="E27" s="353" t="s">
        <v>2791</v>
      </c>
      <c r="F27" s="6"/>
    </row>
    <row r="28" spans="1:6" ht="15" customHeight="1">
      <c r="A28" s="6"/>
      <c r="B28" s="335" t="s">
        <v>2786</v>
      </c>
      <c r="C28" s="102">
        <v>44819</v>
      </c>
      <c r="D28" s="358" t="s">
        <v>2778</v>
      </c>
      <c r="E28" s="334" t="s">
        <v>2787</v>
      </c>
      <c r="F28" s="6"/>
    </row>
    <row r="29" spans="1:6" ht="28" customHeight="1">
      <c r="A29" s="6"/>
      <c r="B29" s="354" t="s">
        <v>2802</v>
      </c>
      <c r="C29" s="355">
        <v>44851</v>
      </c>
      <c r="D29" s="328" t="s">
        <v>2803</v>
      </c>
      <c r="E29" s="361" t="s">
        <v>2804</v>
      </c>
      <c r="F29" s="6"/>
    </row>
    <row r="30" spans="1:6" ht="42" customHeight="1">
      <c r="A30" s="6"/>
      <c r="B30" s="354" t="s">
        <v>2786</v>
      </c>
      <c r="C30" s="355">
        <v>44851</v>
      </c>
      <c r="D30" s="328" t="s">
        <v>2803</v>
      </c>
      <c r="E30" s="361" t="s">
        <v>2805</v>
      </c>
      <c r="F30" s="6"/>
    </row>
    <row r="31" spans="1:6" ht="16" customHeight="1">
      <c r="A31" s="6"/>
      <c r="B31" s="354">
        <v>810</v>
      </c>
      <c r="C31" s="355">
        <v>44851</v>
      </c>
      <c r="D31" s="328" t="s">
        <v>2803</v>
      </c>
      <c r="E31" s="334" t="s">
        <v>2806</v>
      </c>
      <c r="F31" s="6"/>
    </row>
    <row r="32" spans="1:6" ht="16" customHeight="1">
      <c r="A32" s="6"/>
      <c r="B32" s="354">
        <v>810</v>
      </c>
      <c r="C32" s="355">
        <v>44902</v>
      </c>
      <c r="D32" s="328" t="s">
        <v>2807</v>
      </c>
      <c r="E32" s="334" t="s">
        <v>2808</v>
      </c>
      <c r="F32" s="6"/>
    </row>
    <row r="33" spans="1:6" ht="56">
      <c r="A33" s="6"/>
      <c r="B33" s="354">
        <v>810</v>
      </c>
      <c r="C33" s="355">
        <v>44979</v>
      </c>
      <c r="D33" s="328" t="s">
        <v>2810</v>
      </c>
      <c r="E33" s="340" t="s">
        <v>2809</v>
      </c>
      <c r="F33" s="6"/>
    </row>
    <row r="34" spans="1:6" ht="28">
      <c r="A34" s="6"/>
      <c r="B34" s="362">
        <v>810</v>
      </c>
      <c r="C34" s="359">
        <v>44999</v>
      </c>
      <c r="D34" s="360" t="s">
        <v>2812</v>
      </c>
      <c r="E34" s="363" t="s">
        <v>2824</v>
      </c>
      <c r="F34" s="6"/>
    </row>
    <row r="35" spans="1:6" ht="28">
      <c r="A35" s="6"/>
      <c r="B35" s="367">
        <v>810</v>
      </c>
      <c r="C35" s="368">
        <v>45008</v>
      </c>
      <c r="D35" s="369" t="s">
        <v>2812</v>
      </c>
      <c r="E35" s="370" t="s">
        <v>2818</v>
      </c>
      <c r="F35" s="6"/>
    </row>
    <row r="36" spans="1:6" ht="56">
      <c r="A36" s="6"/>
      <c r="B36" s="374">
        <v>810</v>
      </c>
      <c r="C36" s="372">
        <v>45013</v>
      </c>
      <c r="D36" s="373" t="s">
        <v>2812</v>
      </c>
      <c r="E36" s="375" t="s">
        <v>2826</v>
      </c>
      <c r="F36" s="6"/>
    </row>
    <row r="37" spans="1:6" ht="28">
      <c r="A37" s="6"/>
      <c r="B37" s="367">
        <v>810</v>
      </c>
      <c r="C37" s="368">
        <v>45013</v>
      </c>
      <c r="D37" s="369" t="s">
        <v>2812</v>
      </c>
      <c r="E37" s="370" t="s">
        <v>2828</v>
      </c>
      <c r="F37" s="6"/>
    </row>
    <row r="38" spans="1:6" ht="14.5" thickBot="1">
      <c r="A38" s="6"/>
      <c r="B38" s="367" t="s">
        <v>2833</v>
      </c>
      <c r="C38" s="364">
        <v>45014</v>
      </c>
      <c r="D38" s="365" t="s">
        <v>2812</v>
      </c>
      <c r="E38" s="366" t="s">
        <v>2832</v>
      </c>
      <c r="F38" s="6"/>
    </row>
    <row r="39" spans="1:6" ht="42.5" thickBot="1">
      <c r="A39" s="6"/>
      <c r="B39" s="376" t="s">
        <v>2833</v>
      </c>
      <c r="C39" s="377">
        <v>45133</v>
      </c>
      <c r="D39" s="378" t="s">
        <v>2834</v>
      </c>
      <c r="E39" s="379" t="s">
        <v>2904</v>
      </c>
      <c r="F39" s="6"/>
    </row>
    <row r="40" spans="1:6">
      <c r="A40" s="6"/>
      <c r="B40" s="6"/>
      <c r="C40" s="6"/>
      <c r="D40" s="6"/>
      <c r="E40" s="6"/>
      <c r="F40" s="6"/>
    </row>
    <row r="41" spans="1:6" ht="12.75" customHeight="1">
      <c r="A41" s="393"/>
      <c r="B41" s="45"/>
      <c r="C41" s="235"/>
      <c r="E41" s="45"/>
      <c r="F41" s="393"/>
    </row>
    <row r="42" spans="1:6" ht="12.75" customHeight="1">
      <c r="B42" s="45"/>
      <c r="C42" s="235"/>
      <c r="E42" s="45"/>
    </row>
    <row r="43" spans="1:6" ht="12.75" customHeight="1">
      <c r="B43" s="45"/>
      <c r="C43" s="235"/>
      <c r="E43" s="45"/>
    </row>
    <row r="44" spans="1:6" ht="12.75" customHeight="1">
      <c r="B44" s="45"/>
      <c r="C44" s="235"/>
      <c r="E44" s="45"/>
    </row>
    <row r="45" spans="1:6" ht="12.75" customHeight="1">
      <c r="D45"/>
    </row>
    <row r="46" spans="1:6" ht="12.75" customHeight="1">
      <c r="B46" s="45"/>
      <c r="C46" s="235"/>
      <c r="E46" s="45"/>
    </row>
    <row r="47" spans="1:6" ht="12.75" customHeight="1">
      <c r="B47" s="45"/>
      <c r="C47" s="235"/>
      <c r="E47" s="45"/>
    </row>
    <row r="48" spans="1:6" ht="12.75" customHeight="1">
      <c r="B48" s="45"/>
      <c r="C48" s="235"/>
      <c r="E48" s="45"/>
    </row>
    <row r="49" spans="2:5" ht="12.75" customHeight="1">
      <c r="B49" s="45"/>
      <c r="C49" s="235"/>
      <c r="E49" s="45"/>
    </row>
    <row r="50" spans="2:5" ht="12.75" customHeight="1">
      <c r="B50" s="45"/>
      <c r="C50" s="235"/>
      <c r="E50" s="45"/>
    </row>
    <row r="51" spans="2:5" ht="12.75" customHeight="1">
      <c r="B51" s="45"/>
      <c r="C51" s="235"/>
      <c r="E51" s="45"/>
    </row>
    <row r="52" spans="2:5" ht="12.75" customHeight="1">
      <c r="B52" s="45"/>
      <c r="C52" s="235"/>
      <c r="E52" s="45"/>
    </row>
    <row r="53" spans="2:5" ht="12.75" customHeight="1">
      <c r="B53" s="45"/>
      <c r="C53" s="235"/>
      <c r="E53" s="45"/>
    </row>
    <row r="54" spans="2:5" ht="12.75" customHeight="1">
      <c r="B54" s="45"/>
      <c r="C54" s="235"/>
      <c r="E54" s="45"/>
    </row>
    <row r="55" spans="2:5" ht="30.75" customHeight="1"/>
  </sheetData>
  <mergeCells count="1">
    <mergeCell ref="C2:E2"/>
  </mergeCells>
  <phoneticPr fontId="113" type="noConversion"/>
  <pageMargins left="0.7" right="0.7" top="0.75" bottom="0.75" header="0.3" footer="0.3"/>
  <pageSetup paperSize="9" orientation="portrait" r:id="rId1"/>
  <customProperties>
    <customPr name="IbpWorksheetKeyString_GUID" r:id="rId2"/>
  </customProperties>
  <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theme="0" tint="-0.34998626667073579"/>
  </sheetPr>
  <dimension ref="B2:K50"/>
  <sheetViews>
    <sheetView zoomScale="85" zoomScaleNormal="85" workbookViewId="0">
      <selection activeCell="J43" sqref="J43"/>
    </sheetView>
  </sheetViews>
  <sheetFormatPr defaultColWidth="8.83203125" defaultRowHeight="14"/>
  <cols>
    <col min="1" max="1" width="10.83203125" customWidth="1"/>
    <col min="2" max="2" width="1.5" customWidth="1"/>
    <col min="3" max="3" width="53.5" customWidth="1"/>
    <col min="4" max="4" width="22" customWidth="1"/>
    <col min="5" max="5" width="37.83203125" style="2" customWidth="1"/>
    <col min="6" max="6" width="14.33203125" customWidth="1"/>
    <col min="7" max="7" width="1.33203125" customWidth="1"/>
    <col min="8" max="8" width="4.1640625" customWidth="1"/>
    <col min="9" max="9" width="6.5" customWidth="1"/>
    <col min="10" max="10" width="98.83203125" customWidth="1"/>
    <col min="11" max="11" width="55" customWidth="1"/>
  </cols>
  <sheetData>
    <row r="2" spans="2:11" ht="8.25" customHeight="1">
      <c r="B2" s="123"/>
      <c r="C2" s="123"/>
      <c r="D2" s="123"/>
      <c r="E2" s="124"/>
      <c r="F2" s="123"/>
      <c r="G2" s="123"/>
    </row>
    <row r="3" spans="2:11" ht="36" customHeight="1">
      <c r="B3" s="123"/>
      <c r="C3" s="164"/>
      <c r="D3" s="125"/>
      <c r="E3" s="126"/>
      <c r="G3" s="123"/>
      <c r="J3" s="178" t="s">
        <v>1383</v>
      </c>
    </row>
    <row r="4" spans="2:11" ht="15.5">
      <c r="B4" s="123"/>
      <c r="G4" s="123"/>
      <c r="J4" s="179"/>
      <c r="K4" s="166"/>
    </row>
    <row r="5" spans="2:11" ht="62">
      <c r="B5" s="123"/>
      <c r="G5" s="123"/>
      <c r="J5" s="180" t="s">
        <v>1384</v>
      </c>
      <c r="K5" s="2"/>
    </row>
    <row r="6" spans="2:11" ht="15.5">
      <c r="B6" s="123"/>
      <c r="G6" s="123"/>
      <c r="J6" s="179"/>
      <c r="K6" s="2"/>
    </row>
    <row r="7" spans="2:11" ht="15.5">
      <c r="B7" s="123"/>
      <c r="G7" s="123"/>
      <c r="J7" s="179"/>
    </row>
    <row r="8" spans="2:11" ht="15.5">
      <c r="B8" s="123"/>
      <c r="G8" s="123"/>
      <c r="J8" s="181"/>
      <c r="K8" s="2"/>
    </row>
    <row r="9" spans="2:11" ht="31">
      <c r="B9" s="123"/>
      <c r="G9" s="123"/>
      <c r="J9" s="182" t="s">
        <v>1385</v>
      </c>
      <c r="K9" s="2"/>
    </row>
    <row r="10" spans="2:11" ht="15.5">
      <c r="B10" s="123"/>
      <c r="G10" s="123"/>
      <c r="J10" s="183" t="s">
        <v>1386</v>
      </c>
      <c r="K10" s="165"/>
    </row>
    <row r="11" spans="2:11" ht="15.5">
      <c r="B11" s="123"/>
      <c r="G11" s="123"/>
      <c r="J11" s="183" t="s">
        <v>1387</v>
      </c>
      <c r="K11" s="2"/>
    </row>
    <row r="12" spans="2:11" ht="15.5">
      <c r="B12" s="123"/>
      <c r="G12" s="123"/>
      <c r="J12" s="183" t="s">
        <v>1388</v>
      </c>
      <c r="K12" s="2"/>
    </row>
    <row r="13" spans="2:11" ht="15.5">
      <c r="B13" s="123"/>
      <c r="G13" s="123"/>
      <c r="J13" s="183" t="s">
        <v>1389</v>
      </c>
      <c r="K13" s="2"/>
    </row>
    <row r="14" spans="2:11" ht="15.5">
      <c r="B14" s="123"/>
      <c r="G14" s="123"/>
      <c r="J14" s="184" t="s">
        <v>1390</v>
      </c>
      <c r="K14" s="2"/>
    </row>
    <row r="15" spans="2:11" ht="62">
      <c r="B15" s="123"/>
      <c r="G15" s="123"/>
      <c r="J15" s="180" t="s">
        <v>1391</v>
      </c>
      <c r="K15" s="2"/>
    </row>
    <row r="16" spans="2:11" ht="26.25" customHeight="1">
      <c r="B16" s="123"/>
      <c r="G16" s="123"/>
      <c r="J16" s="185" t="s">
        <v>1392</v>
      </c>
      <c r="K16" s="2"/>
    </row>
    <row r="17" spans="2:11" ht="15.5">
      <c r="B17" s="123"/>
      <c r="G17" s="123"/>
      <c r="J17" s="186" t="s">
        <v>1393</v>
      </c>
      <c r="K17" s="2"/>
    </row>
    <row r="18" spans="2:11" ht="60" customHeight="1">
      <c r="B18" s="123"/>
      <c r="G18" s="123"/>
      <c r="J18" s="187" t="s">
        <v>1394</v>
      </c>
      <c r="K18" s="2"/>
    </row>
    <row r="19" spans="2:11" ht="93.75" customHeight="1">
      <c r="B19" s="123"/>
      <c r="G19" s="123"/>
      <c r="J19" s="188" t="s">
        <v>1395</v>
      </c>
    </row>
    <row r="20" spans="2:11" ht="10.5" customHeight="1">
      <c r="B20" s="123"/>
      <c r="G20" s="123"/>
      <c r="J20" s="179"/>
    </row>
    <row r="21" spans="2:11" ht="66" customHeight="1">
      <c r="B21" s="123"/>
      <c r="G21" s="123"/>
      <c r="J21" s="189"/>
    </row>
    <row r="22" spans="2:11" ht="14.5" thickBot="1">
      <c r="B22" s="123"/>
      <c r="G22" s="123"/>
      <c r="J22" s="129"/>
    </row>
    <row r="23" spans="2:11" ht="18" customHeight="1" thickBot="1">
      <c r="B23" s="123"/>
      <c r="G23" s="123"/>
      <c r="J23" s="332" t="s">
        <v>2783</v>
      </c>
    </row>
    <row r="24" spans="2:11" ht="18.75" customHeight="1">
      <c r="B24" s="123"/>
      <c r="C24" s="173"/>
      <c r="D24" s="174"/>
      <c r="E24" s="174"/>
      <c r="F24" s="175"/>
      <c r="G24" s="123"/>
      <c r="J24" s="130"/>
    </row>
    <row r="25" spans="2:11" ht="18" customHeight="1">
      <c r="B25" s="123"/>
      <c r="C25" s="176"/>
      <c r="D25" s="176"/>
      <c r="E25" s="177"/>
      <c r="F25" s="176"/>
      <c r="G25" s="123"/>
    </row>
    <row r="26" spans="2:11">
      <c r="B26" s="123"/>
      <c r="C26" s="127"/>
      <c r="D26" s="127"/>
      <c r="E26" s="128"/>
      <c r="F26" s="127"/>
      <c r="G26" s="123"/>
    </row>
    <row r="44" ht="9.75" customHeight="1"/>
    <row r="50" spans="5:6">
      <c r="E50"/>
      <c r="F50" s="2"/>
    </row>
  </sheetData>
  <pageMargins left="0.7" right="0.7" top="0.75" bottom="0.75" header="0.3" footer="0.3"/>
  <pageSetup orientation="portrait" r:id="rId1"/>
  <customProperties>
    <customPr name="IbpWorksheetKeyString_GUID" r:id="rId2"/>
  </customProperties>
  <drawing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theme="3"/>
  </sheetPr>
  <dimension ref="A1:XDM2932"/>
  <sheetViews>
    <sheetView topLeftCell="O1" zoomScale="80" zoomScaleNormal="80" workbookViewId="0">
      <pane ySplit="1" topLeftCell="A631" activePane="bottomLeft" state="frozen"/>
      <selection activeCell="O1" sqref="O1"/>
      <selection pane="bottomLeft" activeCell="P686" sqref="P686"/>
    </sheetView>
  </sheetViews>
  <sheetFormatPr defaultColWidth="7.6640625" defaultRowHeight="17.5" outlineLevelRow="2"/>
  <cols>
    <col min="1" max="2" width="4.83203125" style="10" customWidth="1"/>
    <col min="3" max="3" width="4.83203125" style="8" customWidth="1"/>
    <col min="4" max="4" width="4.83203125" style="10" customWidth="1"/>
    <col min="5" max="5" width="9.5" style="8" customWidth="1"/>
    <col min="6" max="6" width="10" style="8" bestFit="1" customWidth="1"/>
    <col min="7" max="7" width="47.1640625" style="8" bestFit="1" customWidth="1"/>
    <col min="8" max="9" width="10.6640625" style="8" customWidth="1"/>
    <col min="10" max="10" width="8.5" style="8" customWidth="1"/>
    <col min="11" max="11" width="3.5" style="8" customWidth="1"/>
    <col min="12" max="12" width="2.83203125" style="8" customWidth="1"/>
    <col min="13" max="13" width="4.83203125" style="8" customWidth="1"/>
    <col min="14" max="14" width="47" style="72" customWidth="1"/>
    <col min="15" max="15" width="67.83203125" style="10" customWidth="1"/>
    <col min="16" max="16" width="71.33203125" style="99" customWidth="1"/>
    <col min="17" max="17" width="23.6640625" style="10" customWidth="1"/>
    <col min="18" max="16384" width="7.6640625" style="10"/>
  </cols>
  <sheetData>
    <row r="1" spans="1:17" ht="42">
      <c r="A1" s="132" t="s">
        <v>415</v>
      </c>
      <c r="B1" s="132" t="s">
        <v>416</v>
      </c>
      <c r="C1" s="132" t="s">
        <v>412</v>
      </c>
      <c r="D1" s="132" t="s">
        <v>411</v>
      </c>
      <c r="E1" s="132" t="s">
        <v>410</v>
      </c>
      <c r="F1" s="132" t="s">
        <v>409</v>
      </c>
      <c r="G1" s="132" t="s">
        <v>408</v>
      </c>
      <c r="H1" s="132" t="s">
        <v>407</v>
      </c>
      <c r="I1" s="132" t="s">
        <v>406</v>
      </c>
      <c r="J1" s="42" t="s">
        <v>535</v>
      </c>
      <c r="K1" s="42" t="s">
        <v>534</v>
      </c>
      <c r="L1" s="42" t="s">
        <v>533</v>
      </c>
      <c r="M1" s="42" t="s">
        <v>532</v>
      </c>
      <c r="N1" s="69" t="s">
        <v>617</v>
      </c>
      <c r="O1" s="69" t="s">
        <v>618</v>
      </c>
      <c r="P1" s="69" t="s">
        <v>1069</v>
      </c>
      <c r="Q1" s="69" t="s">
        <v>1787</v>
      </c>
    </row>
    <row r="2" spans="1:17" ht="22.5" customHeight="1">
      <c r="A2" s="400" t="s">
        <v>886</v>
      </c>
      <c r="B2" s="401"/>
      <c r="C2" s="401"/>
      <c r="D2" s="401"/>
      <c r="E2" s="401"/>
      <c r="F2" s="401"/>
      <c r="G2" s="401"/>
      <c r="H2" s="401"/>
      <c r="I2" s="401"/>
      <c r="J2" s="401"/>
      <c r="K2" s="401"/>
      <c r="L2" s="401"/>
      <c r="M2" s="401"/>
      <c r="N2" s="401"/>
    </row>
    <row r="3" spans="1:17">
      <c r="A3" s="21" t="s">
        <v>421</v>
      </c>
      <c r="B3" s="134"/>
      <c r="C3" s="135"/>
      <c r="D3" s="134"/>
      <c r="E3" s="134"/>
      <c r="F3" s="134"/>
      <c r="G3" s="134"/>
      <c r="H3" s="134"/>
      <c r="I3" s="134"/>
      <c r="J3" s="136"/>
      <c r="K3" s="136"/>
      <c r="L3" s="136"/>
      <c r="M3" s="136"/>
      <c r="N3" s="137"/>
    </row>
    <row r="4" spans="1:17">
      <c r="A4" s="17"/>
      <c r="B4" s="17"/>
      <c r="C4" s="17" t="s">
        <v>405</v>
      </c>
      <c r="D4" s="17" t="s">
        <v>422</v>
      </c>
      <c r="E4" s="17"/>
      <c r="F4" s="17"/>
      <c r="G4" s="17"/>
      <c r="H4" s="17" t="s">
        <v>66</v>
      </c>
      <c r="I4" s="17" t="s">
        <v>65</v>
      </c>
      <c r="J4" s="17">
        <v>1</v>
      </c>
      <c r="K4" s="17"/>
      <c r="L4" s="17"/>
      <c r="M4" s="17"/>
      <c r="N4" s="138"/>
      <c r="O4" s="98" t="s">
        <v>919</v>
      </c>
    </row>
    <row r="5" spans="1:17" outlineLevel="1">
      <c r="E5" s="8" t="s">
        <v>404</v>
      </c>
      <c r="F5" s="8">
        <v>143</v>
      </c>
      <c r="G5" s="8" t="s">
        <v>403</v>
      </c>
      <c r="H5" s="8" t="s">
        <v>66</v>
      </c>
      <c r="I5" s="8" t="s">
        <v>65</v>
      </c>
      <c r="J5" s="8">
        <v>1</v>
      </c>
      <c r="K5" s="8" t="s">
        <v>514</v>
      </c>
      <c r="L5" s="8">
        <v>3</v>
      </c>
      <c r="M5" s="8">
        <v>3</v>
      </c>
      <c r="N5" s="72" t="s">
        <v>619</v>
      </c>
      <c r="O5" s="98"/>
    </row>
    <row r="6" spans="1:17" outlineLevel="1">
      <c r="E6" s="8" t="s">
        <v>402</v>
      </c>
      <c r="F6" s="8">
        <v>329</v>
      </c>
      <c r="G6" s="8" t="s">
        <v>401</v>
      </c>
      <c r="H6" s="8" t="s">
        <v>66</v>
      </c>
      <c r="I6" s="8" t="s">
        <v>65</v>
      </c>
      <c r="J6" s="8">
        <v>1</v>
      </c>
      <c r="K6" s="8" t="s">
        <v>509</v>
      </c>
      <c r="L6" s="8">
        <v>4</v>
      </c>
      <c r="M6" s="8">
        <v>9</v>
      </c>
      <c r="O6" s="98"/>
    </row>
    <row r="7" spans="1:17" ht="35">
      <c r="A7" s="17"/>
      <c r="B7" s="17"/>
      <c r="C7" s="17" t="s">
        <v>400</v>
      </c>
      <c r="D7" s="17" t="s">
        <v>620</v>
      </c>
      <c r="E7" s="17"/>
      <c r="F7" s="17"/>
      <c r="G7" s="17"/>
      <c r="H7" s="17" t="s">
        <v>66</v>
      </c>
      <c r="I7" s="17" t="s">
        <v>65</v>
      </c>
      <c r="J7" s="17">
        <v>1</v>
      </c>
      <c r="K7" s="17"/>
      <c r="L7" s="17"/>
      <c r="M7" s="17"/>
      <c r="N7" s="138"/>
      <c r="O7" s="98" t="s">
        <v>953</v>
      </c>
      <c r="P7" s="99" t="s">
        <v>1070</v>
      </c>
    </row>
    <row r="8" spans="1:17" ht="56" outlineLevel="1">
      <c r="E8" s="8" t="s">
        <v>399</v>
      </c>
      <c r="F8" s="8">
        <v>353</v>
      </c>
      <c r="G8" s="8" t="s">
        <v>398</v>
      </c>
      <c r="H8" s="8" t="s">
        <v>66</v>
      </c>
      <c r="I8" s="8" t="s">
        <v>65</v>
      </c>
      <c r="J8" s="8">
        <v>1</v>
      </c>
      <c r="K8" s="8" t="s">
        <v>514</v>
      </c>
      <c r="L8" s="8">
        <v>2</v>
      </c>
      <c r="M8" s="8">
        <v>2</v>
      </c>
      <c r="N8" s="70" t="s">
        <v>621</v>
      </c>
      <c r="O8" s="98"/>
    </row>
    <row r="9" spans="1:17" ht="98" outlineLevel="1">
      <c r="E9" s="8" t="s">
        <v>397</v>
      </c>
      <c r="F9" s="8">
        <v>92</v>
      </c>
      <c r="G9" s="8" t="s">
        <v>396</v>
      </c>
      <c r="H9" s="8" t="s">
        <v>66</v>
      </c>
      <c r="I9" s="8" t="s">
        <v>65</v>
      </c>
      <c r="J9" s="8">
        <v>1</v>
      </c>
      <c r="K9" s="8" t="s">
        <v>514</v>
      </c>
      <c r="L9" s="8">
        <v>2</v>
      </c>
      <c r="M9" s="8">
        <v>2</v>
      </c>
      <c r="N9" s="70" t="s">
        <v>622</v>
      </c>
      <c r="O9" s="98"/>
    </row>
    <row r="10" spans="1:17" outlineLevel="1">
      <c r="E10" s="8" t="s">
        <v>395</v>
      </c>
      <c r="F10" s="8">
        <v>324</v>
      </c>
      <c r="G10" s="8" t="s">
        <v>394</v>
      </c>
      <c r="H10" s="8" t="s">
        <v>66</v>
      </c>
      <c r="I10" s="8" t="s">
        <v>65</v>
      </c>
      <c r="J10" s="8">
        <v>1</v>
      </c>
      <c r="K10" s="8" t="s">
        <v>509</v>
      </c>
      <c r="L10" s="8">
        <v>1</v>
      </c>
      <c r="M10" s="8">
        <v>22</v>
      </c>
      <c r="O10" s="98"/>
    </row>
    <row r="11" spans="1:17" outlineLevel="1">
      <c r="E11" s="8" t="s">
        <v>393</v>
      </c>
      <c r="F11" s="8">
        <v>328</v>
      </c>
      <c r="G11" s="8" t="s">
        <v>392</v>
      </c>
      <c r="H11" s="8" t="s">
        <v>17</v>
      </c>
      <c r="I11" s="8" t="s">
        <v>71</v>
      </c>
      <c r="J11" s="8">
        <v>1</v>
      </c>
      <c r="K11" s="8" t="s">
        <v>509</v>
      </c>
      <c r="L11" s="8">
        <v>1</v>
      </c>
      <c r="M11" s="8">
        <v>30</v>
      </c>
      <c r="O11" s="98"/>
    </row>
    <row r="12" spans="1:17" outlineLevel="1">
      <c r="E12" s="8" t="s">
        <v>391</v>
      </c>
      <c r="F12" s="8">
        <v>373</v>
      </c>
      <c r="G12" s="8" t="s">
        <v>1</v>
      </c>
      <c r="H12" s="8" t="s">
        <v>66</v>
      </c>
      <c r="I12" s="8" t="s">
        <v>65</v>
      </c>
      <c r="J12" s="8">
        <v>1</v>
      </c>
      <c r="K12" s="8" t="s">
        <v>519</v>
      </c>
      <c r="L12" s="8">
        <v>8</v>
      </c>
      <c r="M12" s="8">
        <v>8</v>
      </c>
      <c r="O12" s="98"/>
    </row>
    <row r="13" spans="1:17">
      <c r="A13" s="17"/>
      <c r="B13" s="17"/>
      <c r="C13" s="17" t="s">
        <v>252</v>
      </c>
      <c r="D13" s="17" t="s">
        <v>476</v>
      </c>
      <c r="E13" s="17"/>
      <c r="F13" s="17"/>
      <c r="G13" s="17"/>
      <c r="H13" s="17" t="s">
        <v>17</v>
      </c>
      <c r="I13" s="17" t="s">
        <v>71</v>
      </c>
      <c r="J13" s="17">
        <v>1</v>
      </c>
      <c r="K13" s="17"/>
      <c r="L13" s="17"/>
      <c r="M13" s="17"/>
      <c r="N13" s="138"/>
      <c r="O13" s="98" t="s">
        <v>920</v>
      </c>
      <c r="P13" s="99" t="s">
        <v>476</v>
      </c>
    </row>
    <row r="14" spans="1:17" outlineLevel="1">
      <c r="E14" s="8" t="s">
        <v>251</v>
      </c>
      <c r="F14" s="8">
        <v>98</v>
      </c>
      <c r="G14" s="8" t="s">
        <v>156</v>
      </c>
      <c r="H14" s="8" t="s">
        <v>66</v>
      </c>
      <c r="I14" s="8" t="s">
        <v>65</v>
      </c>
      <c r="J14" s="8">
        <v>1</v>
      </c>
      <c r="K14" s="8" t="s">
        <v>514</v>
      </c>
      <c r="L14" s="8">
        <v>2</v>
      </c>
      <c r="M14" s="8">
        <v>3</v>
      </c>
      <c r="N14" s="72" t="s">
        <v>623</v>
      </c>
      <c r="O14" s="98"/>
    </row>
    <row r="15" spans="1:17" outlineLevel="1">
      <c r="E15" s="8" t="s">
        <v>250</v>
      </c>
      <c r="F15" s="8">
        <v>100</v>
      </c>
      <c r="G15" s="8" t="s">
        <v>249</v>
      </c>
      <c r="H15" s="8" t="s">
        <v>66</v>
      </c>
      <c r="I15" s="8" t="s">
        <v>65</v>
      </c>
      <c r="J15" s="8">
        <v>1</v>
      </c>
      <c r="K15" s="8" t="s">
        <v>514</v>
      </c>
      <c r="L15" s="8">
        <v>3</v>
      </c>
      <c r="M15" s="8">
        <v>3</v>
      </c>
      <c r="N15" s="70" t="s">
        <v>624</v>
      </c>
      <c r="O15" s="98"/>
    </row>
    <row r="16" spans="1:17" outlineLevel="1">
      <c r="E16" s="8" t="s">
        <v>290</v>
      </c>
      <c r="F16" s="8">
        <v>280</v>
      </c>
      <c r="G16" s="8" t="s">
        <v>289</v>
      </c>
      <c r="H16" s="8" t="s">
        <v>17</v>
      </c>
      <c r="I16" s="8" t="s">
        <v>71</v>
      </c>
      <c r="J16" s="8">
        <v>1</v>
      </c>
      <c r="K16" s="8" t="s">
        <v>438</v>
      </c>
      <c r="L16" s="8">
        <v>4</v>
      </c>
      <c r="M16" s="8">
        <v>10</v>
      </c>
      <c r="O16" s="98"/>
    </row>
    <row r="17" spans="1:16" outlineLevel="1">
      <c r="E17" s="8" t="s">
        <v>288</v>
      </c>
      <c r="F17" s="8">
        <v>98</v>
      </c>
      <c r="G17" s="8" t="s">
        <v>156</v>
      </c>
      <c r="H17" s="8" t="s">
        <v>17</v>
      </c>
      <c r="I17" s="8" t="s">
        <v>71</v>
      </c>
      <c r="J17" s="8">
        <v>1</v>
      </c>
      <c r="K17" s="8" t="s">
        <v>514</v>
      </c>
      <c r="L17" s="8">
        <v>2</v>
      </c>
      <c r="M17" s="8">
        <v>3</v>
      </c>
      <c r="N17" s="72" t="s">
        <v>625</v>
      </c>
      <c r="O17" s="98"/>
    </row>
    <row r="18" spans="1:16" outlineLevel="1">
      <c r="E18" s="8" t="s">
        <v>287</v>
      </c>
      <c r="F18" s="8">
        <v>100</v>
      </c>
      <c r="G18" s="8" t="s">
        <v>249</v>
      </c>
      <c r="H18" s="8" t="s">
        <v>17</v>
      </c>
      <c r="I18" s="8" t="s">
        <v>71</v>
      </c>
      <c r="J18" s="8">
        <v>1</v>
      </c>
      <c r="K18" s="8" t="s">
        <v>514</v>
      </c>
      <c r="L18" s="8">
        <v>3</v>
      </c>
      <c r="M18" s="8">
        <v>3</v>
      </c>
      <c r="N18" s="70" t="s">
        <v>624</v>
      </c>
      <c r="O18" s="98"/>
    </row>
    <row r="19" spans="1:16" outlineLevel="1" collapsed="1">
      <c r="A19" s="17"/>
      <c r="B19" s="17"/>
      <c r="C19" s="17" t="s">
        <v>130</v>
      </c>
      <c r="D19" s="17" t="s">
        <v>126</v>
      </c>
      <c r="E19" s="17"/>
      <c r="F19" s="17"/>
      <c r="G19" s="17"/>
      <c r="H19" s="17" t="s">
        <v>17</v>
      </c>
      <c r="I19" s="17" t="s">
        <v>71</v>
      </c>
      <c r="J19" s="17" t="s">
        <v>525</v>
      </c>
      <c r="K19" s="17"/>
      <c r="L19" s="17"/>
      <c r="M19" s="17"/>
      <c r="N19" s="138"/>
      <c r="O19" s="98"/>
    </row>
    <row r="20" spans="1:16" ht="42" outlineLevel="1">
      <c r="E20" s="8" t="s">
        <v>129</v>
      </c>
      <c r="F20" s="8">
        <v>128</v>
      </c>
      <c r="G20" s="8" t="s">
        <v>128</v>
      </c>
      <c r="H20" s="8" t="s">
        <v>66</v>
      </c>
      <c r="I20" s="8" t="s">
        <v>65</v>
      </c>
      <c r="J20" s="8">
        <v>1</v>
      </c>
      <c r="K20" s="8" t="s">
        <v>514</v>
      </c>
      <c r="L20" s="8">
        <v>2</v>
      </c>
      <c r="M20" s="8">
        <v>3</v>
      </c>
      <c r="N20" s="72" t="s">
        <v>750</v>
      </c>
      <c r="O20" s="8" t="s">
        <v>2771</v>
      </c>
      <c r="P20" s="72" t="s">
        <v>2772</v>
      </c>
    </row>
    <row r="21" spans="1:16" outlineLevel="1">
      <c r="E21" s="8" t="s">
        <v>127</v>
      </c>
      <c r="F21" s="8">
        <v>127</v>
      </c>
      <c r="G21" s="8" t="s">
        <v>126</v>
      </c>
      <c r="H21" s="8" t="s">
        <v>78</v>
      </c>
      <c r="I21" s="8" t="s">
        <v>71</v>
      </c>
      <c r="J21" s="8">
        <v>1</v>
      </c>
      <c r="K21" s="8" t="s">
        <v>509</v>
      </c>
      <c r="L21" s="8">
        <v>1</v>
      </c>
      <c r="M21" s="8">
        <v>30</v>
      </c>
      <c r="O21" s="98"/>
    </row>
    <row r="22" spans="1:16" outlineLevel="1">
      <c r="A22" s="17"/>
      <c r="B22" s="17"/>
      <c r="C22" s="17" t="s">
        <v>130</v>
      </c>
      <c r="D22" s="17" t="s">
        <v>126</v>
      </c>
      <c r="E22" s="17"/>
      <c r="F22" s="17"/>
      <c r="G22" s="17"/>
      <c r="H22" s="17" t="s">
        <v>17</v>
      </c>
      <c r="I22" s="17" t="s">
        <v>17</v>
      </c>
      <c r="J22" s="17" t="s">
        <v>525</v>
      </c>
      <c r="K22" s="17"/>
      <c r="L22" s="17"/>
      <c r="M22" s="17"/>
      <c r="N22" s="138"/>
      <c r="O22" s="98"/>
    </row>
    <row r="23" spans="1:16" outlineLevel="1">
      <c r="E23" s="8" t="s">
        <v>129</v>
      </c>
      <c r="F23" s="8">
        <v>128</v>
      </c>
      <c r="G23" s="8" t="s">
        <v>128</v>
      </c>
      <c r="H23" s="8" t="s">
        <v>66</v>
      </c>
      <c r="I23" s="8" t="s">
        <v>65</v>
      </c>
      <c r="J23" s="8">
        <v>1</v>
      </c>
      <c r="K23" s="8" t="s">
        <v>514</v>
      </c>
      <c r="L23" s="8">
        <v>2</v>
      </c>
      <c r="M23" s="8">
        <v>3</v>
      </c>
      <c r="N23" s="72" t="s">
        <v>627</v>
      </c>
      <c r="O23" s="98"/>
    </row>
    <row r="24" spans="1:16" outlineLevel="1">
      <c r="E24" s="8" t="s">
        <v>127</v>
      </c>
      <c r="F24" s="8">
        <v>127</v>
      </c>
      <c r="G24" s="8" t="s">
        <v>126</v>
      </c>
      <c r="H24" s="8" t="s">
        <v>78</v>
      </c>
      <c r="I24" s="8" t="s">
        <v>71</v>
      </c>
      <c r="J24" s="8">
        <v>1</v>
      </c>
      <c r="K24" s="8" t="s">
        <v>509</v>
      </c>
      <c r="L24" s="8">
        <v>1</v>
      </c>
      <c r="M24" s="8">
        <v>30</v>
      </c>
      <c r="N24" s="72" t="s">
        <v>628</v>
      </c>
      <c r="O24" s="98"/>
    </row>
    <row r="25" spans="1:16" outlineLevel="1">
      <c r="E25" s="8" t="s">
        <v>125</v>
      </c>
      <c r="F25" s="8">
        <v>352</v>
      </c>
      <c r="G25" s="8" t="s">
        <v>3</v>
      </c>
      <c r="H25" s="8" t="s">
        <v>78</v>
      </c>
      <c r="I25" s="8" t="s">
        <v>71</v>
      </c>
      <c r="J25" s="8">
        <v>1</v>
      </c>
      <c r="K25" s="8" t="s">
        <v>509</v>
      </c>
      <c r="L25" s="8">
        <v>1</v>
      </c>
      <c r="M25" s="8">
        <v>80</v>
      </c>
      <c r="O25" s="98"/>
    </row>
    <row r="26" spans="1:16">
      <c r="A26" s="17"/>
      <c r="B26" s="17"/>
      <c r="C26" s="17" t="s">
        <v>130</v>
      </c>
      <c r="D26" s="139" t="s">
        <v>126</v>
      </c>
      <c r="E26" s="17"/>
      <c r="F26" s="17"/>
      <c r="G26" s="17"/>
      <c r="H26" s="17" t="s">
        <v>17</v>
      </c>
      <c r="I26" s="17" t="s">
        <v>71</v>
      </c>
      <c r="J26" s="17" t="s">
        <v>525</v>
      </c>
      <c r="K26" s="17"/>
      <c r="L26" s="17"/>
      <c r="M26" s="17"/>
      <c r="N26" s="138"/>
      <c r="O26" s="98" t="s">
        <v>954</v>
      </c>
      <c r="P26" s="99" t="s">
        <v>1071</v>
      </c>
    </row>
    <row r="27" spans="1:16" outlineLevel="1">
      <c r="E27" s="8" t="s">
        <v>129</v>
      </c>
      <c r="F27" s="8">
        <v>128</v>
      </c>
      <c r="G27" s="8" t="s">
        <v>128</v>
      </c>
      <c r="H27" s="8" t="s">
        <v>66</v>
      </c>
      <c r="I27" s="8" t="s">
        <v>65</v>
      </c>
      <c r="J27" s="8">
        <v>1</v>
      </c>
      <c r="K27" s="8" t="s">
        <v>514</v>
      </c>
      <c r="L27" s="8">
        <v>2</v>
      </c>
      <c r="M27" s="8">
        <v>3</v>
      </c>
      <c r="N27" s="72" t="s">
        <v>629</v>
      </c>
      <c r="O27" s="98"/>
    </row>
    <row r="28" spans="1:16" outlineLevel="1">
      <c r="E28" s="8" t="s">
        <v>127</v>
      </c>
      <c r="F28" s="8">
        <v>127</v>
      </c>
      <c r="G28" s="8" t="s">
        <v>126</v>
      </c>
      <c r="H28" s="8" t="s">
        <v>78</v>
      </c>
      <c r="I28" s="8" t="s">
        <v>71</v>
      </c>
      <c r="J28" s="8">
        <v>1</v>
      </c>
      <c r="K28" s="8" t="s">
        <v>509</v>
      </c>
      <c r="L28" s="8">
        <v>1</v>
      </c>
      <c r="M28" s="8">
        <v>30</v>
      </c>
      <c r="O28" s="98"/>
    </row>
    <row r="29" spans="1:16">
      <c r="A29" s="17"/>
      <c r="B29" s="17"/>
      <c r="C29" s="17" t="s">
        <v>130</v>
      </c>
      <c r="D29" s="139" t="s">
        <v>126</v>
      </c>
      <c r="E29" s="17"/>
      <c r="F29" s="17"/>
      <c r="G29" s="17"/>
      <c r="H29" s="17" t="s">
        <v>17</v>
      </c>
      <c r="I29" s="17" t="s">
        <v>71</v>
      </c>
      <c r="J29" s="17" t="s">
        <v>525</v>
      </c>
      <c r="K29" s="17"/>
      <c r="L29" s="17"/>
      <c r="M29" s="17"/>
      <c r="N29" s="138"/>
      <c r="O29" s="98" t="s">
        <v>2343</v>
      </c>
      <c r="P29" s="99" t="s">
        <v>1072</v>
      </c>
    </row>
    <row r="30" spans="1:16" outlineLevel="1">
      <c r="E30" s="8" t="s">
        <v>129</v>
      </c>
      <c r="F30" s="8">
        <v>128</v>
      </c>
      <c r="G30" s="8" t="s">
        <v>128</v>
      </c>
      <c r="H30" s="8" t="s">
        <v>66</v>
      </c>
      <c r="I30" s="8" t="s">
        <v>65</v>
      </c>
      <c r="J30" s="8">
        <v>1</v>
      </c>
      <c r="K30" s="8" t="s">
        <v>514</v>
      </c>
      <c r="L30" s="8">
        <v>2</v>
      </c>
      <c r="M30" s="8">
        <v>3</v>
      </c>
      <c r="N30" s="72" t="s">
        <v>630</v>
      </c>
      <c r="O30" s="98"/>
    </row>
    <row r="31" spans="1:16" outlineLevel="1">
      <c r="E31" s="8" t="s">
        <v>127</v>
      </c>
      <c r="F31" s="8">
        <v>127</v>
      </c>
      <c r="G31" s="8" t="s">
        <v>126</v>
      </c>
      <c r="H31" s="8" t="s">
        <v>78</v>
      </c>
      <c r="I31" s="8" t="s">
        <v>65</v>
      </c>
      <c r="J31" s="8">
        <v>1</v>
      </c>
      <c r="K31" s="8" t="s">
        <v>509</v>
      </c>
      <c r="L31" s="8">
        <v>1</v>
      </c>
      <c r="M31" s="8">
        <v>30</v>
      </c>
      <c r="N31" s="72" t="s">
        <v>631</v>
      </c>
      <c r="O31" s="98"/>
    </row>
    <row r="32" spans="1:16" outlineLevel="1">
      <c r="E32" s="8" t="s">
        <v>125</v>
      </c>
      <c r="F32" s="8">
        <v>352</v>
      </c>
      <c r="G32" s="8" t="s">
        <v>3</v>
      </c>
      <c r="H32" s="8" t="s">
        <v>17</v>
      </c>
      <c r="I32" s="8" t="s">
        <v>71</v>
      </c>
      <c r="J32" s="8">
        <v>1</v>
      </c>
      <c r="K32" s="8" t="s">
        <v>509</v>
      </c>
      <c r="L32" s="8">
        <v>1</v>
      </c>
      <c r="M32" s="8">
        <v>80</v>
      </c>
      <c r="O32" s="98"/>
    </row>
    <row r="33" spans="1:16" outlineLevel="1" collapsed="1">
      <c r="A33" s="17"/>
      <c r="B33" s="17"/>
      <c r="C33" s="17" t="s">
        <v>130</v>
      </c>
      <c r="D33" s="139" t="s">
        <v>126</v>
      </c>
      <c r="E33" s="17"/>
      <c r="F33" s="17"/>
      <c r="G33" s="17"/>
      <c r="H33" s="17" t="s">
        <v>17</v>
      </c>
      <c r="I33" s="17" t="s">
        <v>17</v>
      </c>
      <c r="J33" s="17" t="s">
        <v>525</v>
      </c>
      <c r="K33" s="17"/>
      <c r="L33" s="17"/>
      <c r="M33" s="17"/>
      <c r="N33" s="138"/>
      <c r="O33" s="98"/>
    </row>
    <row r="34" spans="1:16" outlineLevel="1">
      <c r="E34" s="8" t="s">
        <v>129</v>
      </c>
      <c r="F34" s="8">
        <v>128</v>
      </c>
      <c r="G34" s="8" t="s">
        <v>128</v>
      </c>
      <c r="H34" s="8" t="s">
        <v>66</v>
      </c>
      <c r="I34" s="8" t="s">
        <v>65</v>
      </c>
      <c r="J34" s="8">
        <v>1</v>
      </c>
      <c r="K34" s="8" t="s">
        <v>514</v>
      </c>
      <c r="L34" s="8">
        <v>2</v>
      </c>
      <c r="M34" s="8">
        <v>3</v>
      </c>
      <c r="N34" s="72" t="s">
        <v>632</v>
      </c>
      <c r="O34" s="98"/>
    </row>
    <row r="35" spans="1:16" outlineLevel="1">
      <c r="E35" s="8" t="s">
        <v>127</v>
      </c>
      <c r="F35" s="8">
        <v>127</v>
      </c>
      <c r="G35" s="8" t="s">
        <v>126</v>
      </c>
      <c r="H35" s="8" t="s">
        <v>78</v>
      </c>
      <c r="I35" s="8" t="s">
        <v>71</v>
      </c>
      <c r="J35" s="8">
        <v>1</v>
      </c>
      <c r="K35" s="8" t="s">
        <v>509</v>
      </c>
      <c r="L35" s="8">
        <v>1</v>
      </c>
      <c r="M35" s="8">
        <v>30</v>
      </c>
      <c r="O35" s="98"/>
    </row>
    <row r="36" spans="1:16" outlineLevel="1">
      <c r="A36" s="17"/>
      <c r="B36" s="17"/>
      <c r="C36" s="17" t="s">
        <v>130</v>
      </c>
      <c r="D36" s="139" t="s">
        <v>126</v>
      </c>
      <c r="E36" s="17"/>
      <c r="F36" s="17"/>
      <c r="G36" s="17"/>
      <c r="H36" s="17" t="s">
        <v>17</v>
      </c>
      <c r="I36" s="17" t="s">
        <v>71</v>
      </c>
      <c r="J36" s="17" t="s">
        <v>525</v>
      </c>
      <c r="K36" s="17"/>
      <c r="L36" s="17"/>
      <c r="M36" s="17"/>
      <c r="N36" s="138"/>
      <c r="O36" s="98"/>
    </row>
    <row r="37" spans="1:16" outlineLevel="1">
      <c r="E37" s="8" t="s">
        <v>129</v>
      </c>
      <c r="F37" s="8">
        <v>128</v>
      </c>
      <c r="G37" s="8" t="s">
        <v>128</v>
      </c>
      <c r="H37" s="8" t="s">
        <v>66</v>
      </c>
      <c r="I37" s="8" t="s">
        <v>65</v>
      </c>
      <c r="J37" s="8">
        <v>1</v>
      </c>
      <c r="K37" s="8" t="s">
        <v>514</v>
      </c>
      <c r="L37" s="8">
        <v>2</v>
      </c>
      <c r="M37" s="8">
        <v>3</v>
      </c>
      <c r="N37" s="72" t="s">
        <v>633</v>
      </c>
      <c r="O37" s="98"/>
    </row>
    <row r="38" spans="1:16" outlineLevel="1">
      <c r="C38" s="19"/>
      <c r="D38" s="140"/>
      <c r="E38" s="19" t="s">
        <v>127</v>
      </c>
      <c r="F38" s="19">
        <v>127</v>
      </c>
      <c r="G38" s="19" t="s">
        <v>126</v>
      </c>
      <c r="H38" s="19" t="s">
        <v>78</v>
      </c>
      <c r="I38" s="19" t="s">
        <v>174</v>
      </c>
      <c r="J38" s="19">
        <v>1</v>
      </c>
      <c r="K38" s="19" t="s">
        <v>509</v>
      </c>
      <c r="L38" s="19">
        <v>1</v>
      </c>
      <c r="M38" s="19">
        <v>30</v>
      </c>
      <c r="N38" s="25"/>
      <c r="O38" s="98"/>
    </row>
    <row r="39" spans="1:16" outlineLevel="1">
      <c r="E39" s="8" t="s">
        <v>125</v>
      </c>
      <c r="F39" s="8">
        <v>352</v>
      </c>
      <c r="G39" s="8" t="s">
        <v>3</v>
      </c>
      <c r="H39" s="8" t="s">
        <v>78</v>
      </c>
      <c r="I39" s="8" t="s">
        <v>71</v>
      </c>
      <c r="J39" s="8">
        <v>1</v>
      </c>
      <c r="K39" s="8" t="s">
        <v>509</v>
      </c>
      <c r="L39" s="8">
        <v>1</v>
      </c>
      <c r="M39" s="8">
        <v>80</v>
      </c>
      <c r="O39" s="98"/>
    </row>
    <row r="40" spans="1:16" outlineLevel="1">
      <c r="A40" s="17"/>
      <c r="B40" s="17"/>
      <c r="C40" s="17" t="s">
        <v>130</v>
      </c>
      <c r="D40" s="139" t="s">
        <v>126</v>
      </c>
      <c r="E40" s="17"/>
      <c r="F40" s="17"/>
      <c r="G40" s="17"/>
      <c r="H40" s="17" t="s">
        <v>17</v>
      </c>
      <c r="I40" s="17" t="s">
        <v>71</v>
      </c>
      <c r="J40" s="17" t="s">
        <v>525</v>
      </c>
      <c r="K40" s="17"/>
      <c r="L40" s="17"/>
      <c r="M40" s="17"/>
      <c r="N40" s="138"/>
      <c r="O40" s="98"/>
    </row>
    <row r="41" spans="1:16" outlineLevel="1">
      <c r="E41" s="8" t="s">
        <v>129</v>
      </c>
      <c r="F41" s="8">
        <v>128</v>
      </c>
      <c r="G41" s="8" t="s">
        <v>128</v>
      </c>
      <c r="H41" s="8" t="s">
        <v>66</v>
      </c>
      <c r="I41" s="8" t="s">
        <v>65</v>
      </c>
      <c r="J41" s="8">
        <v>1</v>
      </c>
      <c r="K41" s="8" t="s">
        <v>514</v>
      </c>
      <c r="L41" s="8">
        <v>2</v>
      </c>
      <c r="M41" s="8">
        <v>3</v>
      </c>
      <c r="N41" s="72" t="s">
        <v>634</v>
      </c>
      <c r="O41" s="98"/>
    </row>
    <row r="42" spans="1:16" outlineLevel="1">
      <c r="E42" s="19" t="s">
        <v>127</v>
      </c>
      <c r="F42" s="19">
        <v>127</v>
      </c>
      <c r="G42" s="19" t="s">
        <v>126</v>
      </c>
      <c r="H42" s="19" t="s">
        <v>78</v>
      </c>
      <c r="I42" s="19" t="s">
        <v>174</v>
      </c>
      <c r="J42" s="19">
        <v>1</v>
      </c>
      <c r="K42" s="19" t="s">
        <v>509</v>
      </c>
      <c r="L42" s="19">
        <v>1</v>
      </c>
      <c r="M42" s="19">
        <v>30</v>
      </c>
      <c r="N42" s="25"/>
      <c r="O42" s="98"/>
    </row>
    <row r="43" spans="1:16" outlineLevel="1">
      <c r="E43" s="8" t="s">
        <v>125</v>
      </c>
      <c r="F43" s="8">
        <v>352</v>
      </c>
      <c r="G43" s="8" t="s">
        <v>3</v>
      </c>
      <c r="H43" s="8" t="s">
        <v>78</v>
      </c>
      <c r="I43" s="8" t="s">
        <v>71</v>
      </c>
      <c r="J43" s="8">
        <v>1</v>
      </c>
      <c r="K43" s="8" t="s">
        <v>509</v>
      </c>
      <c r="L43" s="8">
        <v>1</v>
      </c>
      <c r="M43" s="8">
        <v>80</v>
      </c>
      <c r="O43" s="98"/>
    </row>
    <row r="44" spans="1:16" ht="35">
      <c r="A44" s="17"/>
      <c r="B44" s="17"/>
      <c r="C44" s="17" t="s">
        <v>130</v>
      </c>
      <c r="D44" s="139" t="s">
        <v>126</v>
      </c>
      <c r="E44" s="17"/>
      <c r="F44" s="17"/>
      <c r="G44" s="17"/>
      <c r="H44" s="17" t="s">
        <v>17</v>
      </c>
      <c r="I44" s="17" t="s">
        <v>71</v>
      </c>
      <c r="J44" s="17" t="s">
        <v>525</v>
      </c>
      <c r="K44" s="17"/>
      <c r="L44" s="17"/>
      <c r="M44" s="17"/>
      <c r="N44" s="138"/>
      <c r="O44" s="318" t="s">
        <v>2781</v>
      </c>
      <c r="P44" s="319" t="s">
        <v>2776</v>
      </c>
    </row>
    <row r="45" spans="1:16" hidden="1" outlineLevel="1">
      <c r="E45" s="8" t="s">
        <v>129</v>
      </c>
      <c r="F45" s="8">
        <v>128</v>
      </c>
      <c r="G45" s="8" t="s">
        <v>128</v>
      </c>
      <c r="H45" s="8" t="s">
        <v>66</v>
      </c>
      <c r="I45" s="8" t="s">
        <v>65</v>
      </c>
      <c r="J45" s="8">
        <v>1</v>
      </c>
      <c r="K45" s="8" t="s">
        <v>514</v>
      </c>
      <c r="L45" s="8">
        <v>2</v>
      </c>
      <c r="M45" s="8">
        <v>3</v>
      </c>
      <c r="N45" s="72" t="s">
        <v>635</v>
      </c>
      <c r="O45" s="98"/>
    </row>
    <row r="46" spans="1:16" hidden="1" outlineLevel="1">
      <c r="E46" s="8" t="s">
        <v>127</v>
      </c>
      <c r="F46" s="8">
        <v>127</v>
      </c>
      <c r="G46" s="8" t="s">
        <v>126</v>
      </c>
      <c r="H46" s="8" t="s">
        <v>78</v>
      </c>
      <c r="I46" s="8" t="s">
        <v>71</v>
      </c>
      <c r="J46" s="8">
        <v>1</v>
      </c>
      <c r="K46" s="8" t="s">
        <v>509</v>
      </c>
      <c r="L46" s="8">
        <v>1</v>
      </c>
      <c r="M46" s="8">
        <v>30</v>
      </c>
      <c r="O46" s="98"/>
    </row>
    <row r="47" spans="1:16" hidden="1" collapsed="1">
      <c r="A47" s="17"/>
      <c r="B47" s="17"/>
      <c r="C47" s="17" t="s">
        <v>130</v>
      </c>
      <c r="D47" s="139" t="s">
        <v>126</v>
      </c>
      <c r="E47" s="17"/>
      <c r="F47" s="17"/>
      <c r="G47" s="17"/>
      <c r="H47" s="17" t="s">
        <v>17</v>
      </c>
      <c r="I47" s="17" t="s">
        <v>71</v>
      </c>
      <c r="J47" s="17" t="s">
        <v>525</v>
      </c>
      <c r="K47" s="17"/>
      <c r="L47" s="17"/>
      <c r="M47" s="17"/>
      <c r="N47" s="138"/>
      <c r="O47" s="98"/>
    </row>
    <row r="48" spans="1:16" hidden="1">
      <c r="E48" s="8" t="s">
        <v>129</v>
      </c>
      <c r="F48" s="8">
        <v>128</v>
      </c>
      <c r="G48" s="8" t="s">
        <v>128</v>
      </c>
      <c r="H48" s="8" t="s">
        <v>66</v>
      </c>
      <c r="I48" s="8" t="s">
        <v>65</v>
      </c>
      <c r="J48" s="8">
        <v>1</v>
      </c>
      <c r="K48" s="8" t="s">
        <v>514</v>
      </c>
      <c r="L48" s="8">
        <v>2</v>
      </c>
      <c r="M48" s="8">
        <v>3</v>
      </c>
      <c r="N48" s="72" t="s">
        <v>636</v>
      </c>
      <c r="O48" s="98"/>
    </row>
    <row r="49" spans="1:15" s="99" customFormat="1" hidden="1">
      <c r="A49" s="10"/>
      <c r="B49" s="10"/>
      <c r="C49" s="8"/>
      <c r="D49" s="10"/>
      <c r="E49" s="8" t="s">
        <v>127</v>
      </c>
      <c r="F49" s="8">
        <v>127</v>
      </c>
      <c r="G49" s="8" t="s">
        <v>126</v>
      </c>
      <c r="H49" s="8" t="s">
        <v>78</v>
      </c>
      <c r="I49" s="8" t="s">
        <v>71</v>
      </c>
      <c r="J49" s="8">
        <v>1</v>
      </c>
      <c r="K49" s="8" t="s">
        <v>509</v>
      </c>
      <c r="L49" s="8">
        <v>1</v>
      </c>
      <c r="M49" s="8">
        <v>30</v>
      </c>
      <c r="N49" s="72"/>
      <c r="O49" s="98"/>
    </row>
    <row r="50" spans="1:15" s="99" customFormat="1" hidden="1">
      <c r="A50" s="10"/>
      <c r="B50" s="10"/>
      <c r="C50" s="8"/>
      <c r="D50" s="10"/>
      <c r="E50" s="8" t="s">
        <v>125</v>
      </c>
      <c r="F50" s="8">
        <v>352</v>
      </c>
      <c r="G50" s="8" t="s">
        <v>3</v>
      </c>
      <c r="H50" s="8" t="s">
        <v>78</v>
      </c>
      <c r="I50" s="8" t="s">
        <v>71</v>
      </c>
      <c r="J50" s="8">
        <v>1</v>
      </c>
      <c r="K50" s="8" t="s">
        <v>509</v>
      </c>
      <c r="L50" s="8">
        <v>1</v>
      </c>
      <c r="M50" s="8">
        <v>80</v>
      </c>
      <c r="N50" s="72"/>
      <c r="O50" s="98"/>
    </row>
    <row r="51" spans="1:15" s="99" customFormat="1" hidden="1">
      <c r="A51" s="17"/>
      <c r="B51" s="17"/>
      <c r="C51" s="17" t="s">
        <v>130</v>
      </c>
      <c r="D51" s="139" t="s">
        <v>126</v>
      </c>
      <c r="E51" s="17"/>
      <c r="F51" s="17"/>
      <c r="G51" s="17"/>
      <c r="H51" s="17" t="s">
        <v>17</v>
      </c>
      <c r="I51" s="17" t="s">
        <v>71</v>
      </c>
      <c r="J51" s="17" t="s">
        <v>525</v>
      </c>
      <c r="K51" s="17"/>
      <c r="L51" s="17"/>
      <c r="M51" s="17"/>
      <c r="N51" s="138"/>
      <c r="O51" s="98"/>
    </row>
    <row r="52" spans="1:15" s="99" customFormat="1" hidden="1">
      <c r="A52" s="10"/>
      <c r="B52" s="10"/>
      <c r="C52" s="8"/>
      <c r="D52" s="10"/>
      <c r="E52" s="8" t="s">
        <v>129</v>
      </c>
      <c r="F52" s="8">
        <v>128</v>
      </c>
      <c r="G52" s="8" t="s">
        <v>128</v>
      </c>
      <c r="H52" s="8" t="s">
        <v>66</v>
      </c>
      <c r="I52" s="8" t="s">
        <v>65</v>
      </c>
      <c r="J52" s="8">
        <v>1</v>
      </c>
      <c r="K52" s="8" t="s">
        <v>514</v>
      </c>
      <c r="L52" s="8">
        <v>2</v>
      </c>
      <c r="M52" s="8">
        <v>3</v>
      </c>
      <c r="N52" s="72" t="s">
        <v>637</v>
      </c>
      <c r="O52" s="98"/>
    </row>
    <row r="53" spans="1:15" s="99" customFormat="1" hidden="1">
      <c r="A53" s="10"/>
      <c r="B53" s="10"/>
      <c r="C53" s="8"/>
      <c r="D53" s="10"/>
      <c r="E53" s="8" t="s">
        <v>127</v>
      </c>
      <c r="F53" s="8">
        <v>127</v>
      </c>
      <c r="G53" s="8" t="s">
        <v>126</v>
      </c>
      <c r="H53" s="8" t="s">
        <v>78</v>
      </c>
      <c r="I53" s="8" t="s">
        <v>71</v>
      </c>
      <c r="J53" s="8">
        <v>1</v>
      </c>
      <c r="K53" s="8" t="s">
        <v>509</v>
      </c>
      <c r="L53" s="8">
        <v>1</v>
      </c>
      <c r="M53" s="8">
        <v>30</v>
      </c>
      <c r="N53" s="72"/>
      <c r="O53" s="98"/>
    </row>
    <row r="54" spans="1:15" s="99" customFormat="1" hidden="1">
      <c r="A54" s="17"/>
      <c r="B54" s="17"/>
      <c r="C54" s="17" t="s">
        <v>130</v>
      </c>
      <c r="D54" s="139" t="s">
        <v>126</v>
      </c>
      <c r="E54" s="17"/>
      <c r="F54" s="17"/>
      <c r="G54" s="17"/>
      <c r="H54" s="17" t="s">
        <v>17</v>
      </c>
      <c r="I54" s="17" t="s">
        <v>71</v>
      </c>
      <c r="J54" s="17" t="s">
        <v>525</v>
      </c>
      <c r="K54" s="17"/>
      <c r="L54" s="17"/>
      <c r="M54" s="17"/>
      <c r="N54" s="138"/>
      <c r="O54" s="98"/>
    </row>
    <row r="55" spans="1:15" s="99" customFormat="1" hidden="1">
      <c r="A55" s="10"/>
      <c r="B55" s="10"/>
      <c r="C55" s="8"/>
      <c r="D55" s="10"/>
      <c r="E55" s="8" t="s">
        <v>129</v>
      </c>
      <c r="F55" s="8">
        <v>128</v>
      </c>
      <c r="G55" s="8" t="s">
        <v>128</v>
      </c>
      <c r="H55" s="8" t="s">
        <v>66</v>
      </c>
      <c r="I55" s="8" t="s">
        <v>65</v>
      </c>
      <c r="J55" s="8">
        <v>1</v>
      </c>
      <c r="K55" s="8" t="s">
        <v>514</v>
      </c>
      <c r="L55" s="8">
        <v>2</v>
      </c>
      <c r="M55" s="8">
        <v>3</v>
      </c>
      <c r="N55" s="72" t="s">
        <v>638</v>
      </c>
      <c r="O55" s="98"/>
    </row>
    <row r="56" spans="1:15" s="99" customFormat="1" hidden="1">
      <c r="A56" s="10"/>
      <c r="B56" s="10"/>
      <c r="C56" s="8"/>
      <c r="D56" s="10"/>
      <c r="E56" s="8" t="s">
        <v>127</v>
      </c>
      <c r="F56" s="8">
        <v>127</v>
      </c>
      <c r="G56" s="8" t="s">
        <v>126</v>
      </c>
      <c r="H56" s="8" t="s">
        <v>78</v>
      </c>
      <c r="I56" s="8" t="s">
        <v>71</v>
      </c>
      <c r="J56" s="8">
        <v>1</v>
      </c>
      <c r="K56" s="8" t="s">
        <v>509</v>
      </c>
      <c r="L56" s="8">
        <v>1</v>
      </c>
      <c r="M56" s="8">
        <v>30</v>
      </c>
      <c r="N56" s="72"/>
      <c r="O56" s="98"/>
    </row>
    <row r="57" spans="1:15" s="99" customFormat="1" hidden="1">
      <c r="A57" s="17"/>
      <c r="B57" s="17"/>
      <c r="C57" s="17" t="s">
        <v>130</v>
      </c>
      <c r="D57" s="139" t="s">
        <v>126</v>
      </c>
      <c r="E57" s="17"/>
      <c r="F57" s="17"/>
      <c r="G57" s="17"/>
      <c r="H57" s="17" t="s">
        <v>17</v>
      </c>
      <c r="I57" s="17" t="s">
        <v>71</v>
      </c>
      <c r="J57" s="17" t="s">
        <v>525</v>
      </c>
      <c r="K57" s="17"/>
      <c r="L57" s="17"/>
      <c r="M57" s="17"/>
      <c r="N57" s="138"/>
      <c r="O57" s="98"/>
    </row>
    <row r="58" spans="1:15" s="99" customFormat="1" hidden="1">
      <c r="A58" s="10"/>
      <c r="B58" s="10"/>
      <c r="C58" s="8"/>
      <c r="D58" s="10"/>
      <c r="E58" s="8" t="s">
        <v>129</v>
      </c>
      <c r="F58" s="8">
        <v>128</v>
      </c>
      <c r="G58" s="8" t="s">
        <v>128</v>
      </c>
      <c r="H58" s="8" t="s">
        <v>66</v>
      </c>
      <c r="I58" s="8" t="s">
        <v>65</v>
      </c>
      <c r="J58" s="8">
        <v>1</v>
      </c>
      <c r="K58" s="8" t="s">
        <v>514</v>
      </c>
      <c r="L58" s="8">
        <v>2</v>
      </c>
      <c r="M58" s="8">
        <v>3</v>
      </c>
      <c r="N58" s="72" t="s">
        <v>639</v>
      </c>
      <c r="O58" s="98"/>
    </row>
    <row r="59" spans="1:15" s="99" customFormat="1" hidden="1">
      <c r="A59" s="10"/>
      <c r="B59" s="10"/>
      <c r="C59" s="8"/>
      <c r="D59" s="10"/>
      <c r="E59" s="8" t="s">
        <v>127</v>
      </c>
      <c r="F59" s="8">
        <v>127</v>
      </c>
      <c r="G59" s="8" t="s">
        <v>126</v>
      </c>
      <c r="H59" s="8" t="s">
        <v>78</v>
      </c>
      <c r="I59" s="8" t="s">
        <v>71</v>
      </c>
      <c r="J59" s="8">
        <v>1</v>
      </c>
      <c r="K59" s="8" t="s">
        <v>509</v>
      </c>
      <c r="L59" s="8">
        <v>1</v>
      </c>
      <c r="M59" s="8">
        <v>30</v>
      </c>
      <c r="N59" s="72"/>
      <c r="O59" s="98"/>
    </row>
    <row r="60" spans="1:15" s="99" customFormat="1" hidden="1">
      <c r="A60" s="17"/>
      <c r="B60" s="17"/>
      <c r="C60" s="17" t="s">
        <v>130</v>
      </c>
      <c r="D60" s="139" t="s">
        <v>126</v>
      </c>
      <c r="E60" s="17"/>
      <c r="F60" s="17"/>
      <c r="G60" s="17"/>
      <c r="H60" s="17" t="s">
        <v>17</v>
      </c>
      <c r="I60" s="17" t="s">
        <v>71</v>
      </c>
      <c r="J60" s="17" t="s">
        <v>525</v>
      </c>
      <c r="K60" s="17"/>
      <c r="L60" s="17"/>
      <c r="M60" s="17"/>
      <c r="N60" s="141"/>
      <c r="O60" s="98"/>
    </row>
    <row r="61" spans="1:15" s="99" customFormat="1" hidden="1">
      <c r="A61" s="10"/>
      <c r="B61" s="10"/>
      <c r="C61" s="8"/>
      <c r="D61" s="10"/>
      <c r="E61" s="8" t="s">
        <v>129</v>
      </c>
      <c r="F61" s="8">
        <v>128</v>
      </c>
      <c r="G61" s="8" t="s">
        <v>128</v>
      </c>
      <c r="H61" s="8" t="s">
        <v>66</v>
      </c>
      <c r="I61" s="8" t="s">
        <v>65</v>
      </c>
      <c r="J61" s="8">
        <v>1</v>
      </c>
      <c r="K61" s="8" t="s">
        <v>514</v>
      </c>
      <c r="L61" s="8">
        <v>2</v>
      </c>
      <c r="M61" s="8">
        <v>3</v>
      </c>
      <c r="N61" s="72" t="s">
        <v>640</v>
      </c>
      <c r="O61" s="98"/>
    </row>
    <row r="62" spans="1:15" s="99" customFormat="1" hidden="1">
      <c r="A62" s="10"/>
      <c r="B62" s="10"/>
      <c r="C62" s="8"/>
      <c r="D62" s="10"/>
      <c r="E62" s="8" t="s">
        <v>127</v>
      </c>
      <c r="F62" s="8">
        <v>127</v>
      </c>
      <c r="G62" s="8" t="s">
        <v>126</v>
      </c>
      <c r="H62" s="8" t="s">
        <v>78</v>
      </c>
      <c r="I62" s="8" t="s">
        <v>71</v>
      </c>
      <c r="J62" s="8">
        <v>1</v>
      </c>
      <c r="K62" s="8" t="s">
        <v>509</v>
      </c>
      <c r="L62" s="8">
        <v>1</v>
      </c>
      <c r="M62" s="8">
        <v>30</v>
      </c>
      <c r="N62" s="72"/>
      <c r="O62" s="98"/>
    </row>
    <row r="63" spans="1:15" s="99" customFormat="1" hidden="1">
      <c r="A63" s="17"/>
      <c r="B63" s="17"/>
      <c r="C63" s="17" t="s">
        <v>130</v>
      </c>
      <c r="D63" s="139" t="s">
        <v>126</v>
      </c>
      <c r="E63" s="17"/>
      <c r="F63" s="17"/>
      <c r="G63" s="17"/>
      <c r="H63" s="17" t="s">
        <v>17</v>
      </c>
      <c r="I63" s="17" t="s">
        <v>71</v>
      </c>
      <c r="J63" s="17" t="s">
        <v>525</v>
      </c>
      <c r="K63" s="17"/>
      <c r="L63" s="17"/>
      <c r="M63" s="17"/>
      <c r="N63" s="141"/>
      <c r="O63" s="98"/>
    </row>
    <row r="64" spans="1:15" s="99" customFormat="1" hidden="1">
      <c r="A64" s="10"/>
      <c r="B64" s="10"/>
      <c r="C64" s="8"/>
      <c r="D64" s="10"/>
      <c r="E64" s="8" t="s">
        <v>129</v>
      </c>
      <c r="F64" s="8">
        <v>128</v>
      </c>
      <c r="G64" s="8" t="s">
        <v>128</v>
      </c>
      <c r="H64" s="8" t="s">
        <v>66</v>
      </c>
      <c r="I64" s="8" t="s">
        <v>65</v>
      </c>
      <c r="J64" s="8">
        <v>1</v>
      </c>
      <c r="K64" s="8" t="s">
        <v>514</v>
      </c>
      <c r="L64" s="8">
        <v>2</v>
      </c>
      <c r="M64" s="8">
        <v>3</v>
      </c>
      <c r="N64" s="72" t="s">
        <v>641</v>
      </c>
      <c r="O64" s="98"/>
    </row>
    <row r="65" spans="1:16" hidden="1">
      <c r="E65" s="8" t="s">
        <v>127</v>
      </c>
      <c r="F65" s="8">
        <v>127</v>
      </c>
      <c r="G65" s="8" t="s">
        <v>126</v>
      </c>
      <c r="H65" s="8" t="s">
        <v>78</v>
      </c>
      <c r="I65" s="8" t="s">
        <v>71</v>
      </c>
      <c r="J65" s="8">
        <v>1</v>
      </c>
      <c r="K65" s="8" t="s">
        <v>509</v>
      </c>
      <c r="L65" s="8">
        <v>1</v>
      </c>
      <c r="M65" s="8">
        <v>30</v>
      </c>
      <c r="O65" s="98"/>
    </row>
    <row r="66" spans="1:16">
      <c r="A66" s="17"/>
      <c r="B66" s="17"/>
      <c r="C66" s="17" t="s">
        <v>130</v>
      </c>
      <c r="D66" s="139" t="s">
        <v>126</v>
      </c>
      <c r="E66" s="17"/>
      <c r="F66" s="17"/>
      <c r="G66" s="17"/>
      <c r="H66" s="17" t="s">
        <v>17</v>
      </c>
      <c r="I66" s="17" t="s">
        <v>71</v>
      </c>
      <c r="J66" s="17" t="s">
        <v>525</v>
      </c>
      <c r="K66" s="17"/>
      <c r="L66" s="17"/>
      <c r="M66" s="17"/>
      <c r="N66" s="138"/>
      <c r="O66" s="98" t="s">
        <v>2342</v>
      </c>
      <c r="P66" s="99" t="s">
        <v>1073</v>
      </c>
    </row>
    <row r="67" spans="1:16" hidden="1" outlineLevel="1">
      <c r="D67" s="8"/>
      <c r="E67" s="8" t="s">
        <v>129</v>
      </c>
      <c r="F67" s="8">
        <v>128</v>
      </c>
      <c r="G67" s="8" t="s">
        <v>128</v>
      </c>
      <c r="H67" s="8" t="s">
        <v>66</v>
      </c>
      <c r="I67" s="8" t="s">
        <v>65</v>
      </c>
      <c r="J67" s="8">
        <v>1</v>
      </c>
      <c r="K67" s="8" t="s">
        <v>514</v>
      </c>
      <c r="L67" s="8">
        <v>2</v>
      </c>
      <c r="M67" s="8">
        <v>3</v>
      </c>
      <c r="N67" s="72" t="s">
        <v>642</v>
      </c>
      <c r="O67" s="98"/>
    </row>
    <row r="68" spans="1:16" hidden="1" outlineLevel="1">
      <c r="D68" s="8"/>
      <c r="E68" s="8" t="s">
        <v>127</v>
      </c>
      <c r="F68" s="8">
        <v>127</v>
      </c>
      <c r="G68" s="8" t="s">
        <v>126</v>
      </c>
      <c r="H68" s="8" t="s">
        <v>78</v>
      </c>
      <c r="I68" s="8" t="s">
        <v>71</v>
      </c>
      <c r="J68" s="8">
        <v>1</v>
      </c>
      <c r="K68" s="8" t="s">
        <v>509</v>
      </c>
      <c r="L68" s="8">
        <v>1</v>
      </c>
      <c r="M68" s="8">
        <v>30</v>
      </c>
      <c r="O68" s="98"/>
    </row>
    <row r="69" spans="1:16" hidden="1" outlineLevel="1">
      <c r="D69" s="8"/>
      <c r="E69" s="8" t="s">
        <v>125</v>
      </c>
      <c r="F69" s="8">
        <v>352</v>
      </c>
      <c r="G69" s="8" t="s">
        <v>3</v>
      </c>
      <c r="H69" s="8" t="s">
        <v>78</v>
      </c>
      <c r="I69" s="8" t="s">
        <v>71</v>
      </c>
      <c r="J69" s="8">
        <v>1</v>
      </c>
      <c r="K69" s="8" t="s">
        <v>509</v>
      </c>
      <c r="L69" s="8">
        <v>1</v>
      </c>
      <c r="M69" s="8">
        <v>80</v>
      </c>
      <c r="O69" s="98"/>
    </row>
    <row r="70" spans="1:16" hidden="1" outlineLevel="1">
      <c r="D70" s="33"/>
      <c r="E70" s="11" t="s">
        <v>918</v>
      </c>
      <c r="F70" s="11"/>
      <c r="G70" s="33" t="s">
        <v>180</v>
      </c>
      <c r="H70" s="33" t="s">
        <v>17</v>
      </c>
      <c r="I70" s="33" t="s">
        <v>71</v>
      </c>
      <c r="J70" s="11">
        <v>1</v>
      </c>
      <c r="K70" s="11"/>
      <c r="L70" s="11"/>
      <c r="M70" s="11"/>
      <c r="N70" s="18"/>
      <c r="O70" s="98"/>
    </row>
    <row r="71" spans="1:16" hidden="1" outlineLevel="1">
      <c r="D71" s="8"/>
      <c r="E71" s="33" t="s">
        <v>887</v>
      </c>
      <c r="F71" s="11">
        <v>128</v>
      </c>
      <c r="G71" s="33" t="s">
        <v>128</v>
      </c>
      <c r="H71" s="33" t="s">
        <v>66</v>
      </c>
      <c r="I71" s="33" t="s">
        <v>65</v>
      </c>
      <c r="J71" s="11">
        <v>1</v>
      </c>
      <c r="K71" s="11" t="s">
        <v>514</v>
      </c>
      <c r="L71" s="11">
        <v>2</v>
      </c>
      <c r="M71" s="11">
        <v>3</v>
      </c>
      <c r="N71" s="18" t="s">
        <v>642</v>
      </c>
      <c r="O71" s="98"/>
    </row>
    <row r="72" spans="1:16" hidden="1" outlineLevel="1">
      <c r="D72" s="8"/>
      <c r="E72" s="33" t="s">
        <v>888</v>
      </c>
      <c r="F72" s="11">
        <v>127</v>
      </c>
      <c r="G72" s="33" t="s">
        <v>126</v>
      </c>
      <c r="H72" s="33" t="s">
        <v>66</v>
      </c>
      <c r="I72" s="33" t="s">
        <v>65</v>
      </c>
      <c r="J72" s="11">
        <v>1</v>
      </c>
      <c r="K72" s="11" t="s">
        <v>509</v>
      </c>
      <c r="L72" s="11">
        <v>1</v>
      </c>
      <c r="M72" s="11">
        <v>30</v>
      </c>
      <c r="N72" s="18"/>
      <c r="O72" s="98"/>
    </row>
    <row r="73" spans="1:16" collapsed="1">
      <c r="A73" s="17"/>
      <c r="B73" s="17"/>
      <c r="C73" s="17" t="s">
        <v>130</v>
      </c>
      <c r="D73" s="139" t="s">
        <v>126</v>
      </c>
      <c r="E73" s="17"/>
      <c r="F73" s="17"/>
      <c r="G73" s="17"/>
      <c r="H73" s="17" t="s">
        <v>17</v>
      </c>
      <c r="I73" s="17" t="s">
        <v>71</v>
      </c>
      <c r="J73" s="17" t="s">
        <v>525</v>
      </c>
      <c r="K73" s="17"/>
      <c r="L73" s="17"/>
      <c r="M73" s="17"/>
      <c r="N73" s="141"/>
      <c r="O73" s="98"/>
    </row>
    <row r="74" spans="1:16" hidden="1" outlineLevel="1">
      <c r="E74" s="8" t="s">
        <v>129</v>
      </c>
      <c r="F74" s="8">
        <v>128</v>
      </c>
      <c r="G74" s="8" t="s">
        <v>128</v>
      </c>
      <c r="H74" s="8" t="s">
        <v>66</v>
      </c>
      <c r="I74" s="8" t="s">
        <v>65</v>
      </c>
      <c r="J74" s="8">
        <v>1</v>
      </c>
      <c r="K74" s="8" t="s">
        <v>514</v>
      </c>
      <c r="L74" s="8">
        <v>2</v>
      </c>
      <c r="M74" s="8">
        <v>3</v>
      </c>
      <c r="N74" s="72" t="s">
        <v>643</v>
      </c>
      <c r="O74" s="98"/>
    </row>
    <row r="75" spans="1:16" hidden="1" outlineLevel="1">
      <c r="E75" s="8" t="s">
        <v>127</v>
      </c>
      <c r="F75" s="8">
        <v>127</v>
      </c>
      <c r="G75" s="8" t="s">
        <v>126</v>
      </c>
      <c r="H75" s="8" t="s">
        <v>78</v>
      </c>
      <c r="I75" s="8" t="s">
        <v>71</v>
      </c>
      <c r="J75" s="8">
        <v>1</v>
      </c>
      <c r="K75" s="8" t="s">
        <v>509</v>
      </c>
      <c r="L75" s="8">
        <v>1</v>
      </c>
      <c r="M75" s="8">
        <v>30</v>
      </c>
    </row>
    <row r="76" spans="1:16" hidden="1" outlineLevel="1">
      <c r="A76" s="143"/>
      <c r="B76" s="143"/>
      <c r="C76" s="24"/>
      <c r="D76" s="143"/>
      <c r="E76" s="8" t="s">
        <v>125</v>
      </c>
      <c r="F76" s="8">
        <v>352</v>
      </c>
      <c r="G76" s="8" t="s">
        <v>3</v>
      </c>
      <c r="H76" s="8" t="s">
        <v>78</v>
      </c>
      <c r="I76" s="8" t="s">
        <v>71</v>
      </c>
      <c r="J76" s="8">
        <v>1</v>
      </c>
      <c r="K76" s="8" t="s">
        <v>509</v>
      </c>
      <c r="L76" s="8">
        <v>1</v>
      </c>
      <c r="M76" s="8">
        <v>80</v>
      </c>
    </row>
    <row r="77" spans="1:16" s="143" customFormat="1" collapsed="1">
      <c r="C77" s="24"/>
      <c r="E77" s="11"/>
      <c r="F77" s="11"/>
      <c r="G77" s="11"/>
      <c r="H77" s="11"/>
      <c r="I77" s="11"/>
      <c r="J77" s="11"/>
      <c r="K77" s="11"/>
      <c r="L77" s="11"/>
      <c r="M77" s="11"/>
      <c r="N77" s="18" t="s">
        <v>891</v>
      </c>
      <c r="O77" s="98" t="s">
        <v>921</v>
      </c>
      <c r="P77" s="99" t="s">
        <v>1074</v>
      </c>
    </row>
    <row r="78" spans="1:16" s="143" customFormat="1">
      <c r="C78" s="24"/>
      <c r="E78" s="11"/>
      <c r="F78" s="11"/>
      <c r="G78" s="11"/>
      <c r="H78" s="11"/>
      <c r="I78" s="11"/>
      <c r="J78" s="11"/>
      <c r="K78" s="11"/>
      <c r="L78" s="11"/>
      <c r="M78" s="11"/>
      <c r="N78" s="18" t="s">
        <v>1258</v>
      </c>
      <c r="O78" s="98" t="s">
        <v>960</v>
      </c>
      <c r="P78" s="99" t="s">
        <v>1259</v>
      </c>
    </row>
    <row r="79" spans="1:16" s="143" customFormat="1">
      <c r="C79" s="24"/>
      <c r="E79" s="11"/>
      <c r="F79" s="11"/>
      <c r="G79" s="11"/>
      <c r="H79" s="11"/>
      <c r="I79" s="11"/>
      <c r="J79" s="11"/>
      <c r="K79" s="11"/>
      <c r="L79" s="11"/>
      <c r="M79" s="11"/>
      <c r="N79" s="18" t="s">
        <v>1260</v>
      </c>
      <c r="O79" s="98" t="s">
        <v>961</v>
      </c>
      <c r="P79" s="99" t="s">
        <v>1261</v>
      </c>
    </row>
    <row r="80" spans="1:16" s="143" customFormat="1">
      <c r="C80" s="24"/>
      <c r="E80" s="11"/>
      <c r="F80" s="11"/>
      <c r="G80" s="11"/>
      <c r="H80" s="11"/>
      <c r="I80" s="11"/>
      <c r="J80" s="11"/>
      <c r="K80" s="11"/>
      <c r="L80" s="11"/>
      <c r="M80" s="11"/>
      <c r="N80" s="18" t="s">
        <v>1262</v>
      </c>
      <c r="O80" s="98" t="s">
        <v>1264</v>
      </c>
      <c r="P80" s="99" t="s">
        <v>1263</v>
      </c>
    </row>
    <row r="81" spans="3:16" s="143" customFormat="1">
      <c r="C81" s="24"/>
      <c r="E81" s="11"/>
      <c r="F81" s="11"/>
      <c r="G81" s="11"/>
      <c r="H81" s="11"/>
      <c r="I81" s="11"/>
      <c r="J81" s="11"/>
      <c r="K81" s="11"/>
      <c r="L81" s="11"/>
      <c r="M81" s="11"/>
      <c r="N81" s="18" t="s">
        <v>1265</v>
      </c>
      <c r="O81" s="98" t="s">
        <v>962</v>
      </c>
      <c r="P81" s="99" t="s">
        <v>1266</v>
      </c>
    </row>
    <row r="82" spans="3:16" s="143" customFormat="1">
      <c r="C82" s="24"/>
      <c r="E82" s="11"/>
      <c r="F82" s="11"/>
      <c r="G82" s="11"/>
      <c r="H82" s="11"/>
      <c r="I82" s="11"/>
      <c r="J82" s="11"/>
      <c r="K82" s="11"/>
      <c r="L82" s="11"/>
      <c r="M82" s="11"/>
      <c r="N82" s="18" t="s">
        <v>2341</v>
      </c>
      <c r="O82" s="98" t="s">
        <v>2340</v>
      </c>
      <c r="P82" s="99"/>
    </row>
    <row r="83" spans="3:16" s="143" customFormat="1">
      <c r="C83" s="24"/>
      <c r="E83" s="11"/>
      <c r="F83" s="11"/>
      <c r="G83" s="11"/>
      <c r="H83" s="11"/>
      <c r="I83" s="11"/>
      <c r="J83" s="11"/>
      <c r="K83" s="11"/>
      <c r="L83" s="11"/>
      <c r="M83" s="11"/>
      <c r="N83" s="18" t="s">
        <v>1305</v>
      </c>
      <c r="O83" s="98" t="s">
        <v>2339</v>
      </c>
      <c r="P83" s="99" t="s">
        <v>1280</v>
      </c>
    </row>
    <row r="84" spans="3:16" s="143" customFormat="1">
      <c r="C84" s="24"/>
      <c r="E84" s="11"/>
      <c r="F84" s="11"/>
      <c r="G84" s="11"/>
      <c r="H84" s="11"/>
      <c r="I84" s="11"/>
      <c r="J84" s="11"/>
      <c r="K84" s="11"/>
      <c r="L84" s="11"/>
      <c r="M84" s="11"/>
      <c r="N84" s="18" t="s">
        <v>1283</v>
      </c>
      <c r="O84" s="98" t="s">
        <v>963</v>
      </c>
      <c r="P84" s="99" t="s">
        <v>1660</v>
      </c>
    </row>
    <row r="85" spans="3:16" s="143" customFormat="1">
      <c r="N85" s="18" t="s">
        <v>1284</v>
      </c>
      <c r="O85" s="98" t="s">
        <v>1271</v>
      </c>
      <c r="P85" s="99" t="s">
        <v>1270</v>
      </c>
    </row>
    <row r="86" spans="3:16" s="143" customFormat="1" ht="35">
      <c r="N86" s="18" t="s">
        <v>2338</v>
      </c>
      <c r="O86" s="98" t="s">
        <v>2337</v>
      </c>
      <c r="P86" s="99" t="s">
        <v>2336</v>
      </c>
    </row>
    <row r="87" spans="3:16" s="143" customFormat="1" ht="35">
      <c r="N87" s="18" t="s">
        <v>2335</v>
      </c>
      <c r="O87" s="98" t="s">
        <v>2334</v>
      </c>
      <c r="P87" s="99" t="s">
        <v>2333</v>
      </c>
    </row>
    <row r="88" spans="3:16" s="143" customFormat="1">
      <c r="N88" s="18" t="s">
        <v>2332</v>
      </c>
      <c r="O88" s="98" t="s">
        <v>2331</v>
      </c>
      <c r="P88" s="99" t="s">
        <v>2330</v>
      </c>
    </row>
    <row r="89" spans="3:16" s="143" customFormat="1">
      <c r="N89" s="18" t="s">
        <v>2329</v>
      </c>
      <c r="O89" s="98" t="s">
        <v>2328</v>
      </c>
      <c r="P89" s="99" t="s">
        <v>2327</v>
      </c>
    </row>
    <row r="90" spans="3:16" s="143" customFormat="1">
      <c r="C90" s="24"/>
      <c r="E90" s="11"/>
      <c r="F90" s="11"/>
      <c r="G90" s="11"/>
      <c r="H90" s="11"/>
      <c r="I90" s="11"/>
      <c r="J90" s="11"/>
      <c r="K90" s="11"/>
      <c r="L90" s="11"/>
      <c r="M90" s="11"/>
      <c r="N90" s="18" t="s">
        <v>1285</v>
      </c>
      <c r="O90" s="98" t="s">
        <v>964</v>
      </c>
      <c r="P90" s="99" t="s">
        <v>1272</v>
      </c>
    </row>
    <row r="91" spans="3:16" s="143" customFormat="1">
      <c r="C91" s="24"/>
      <c r="E91" s="11"/>
      <c r="F91" s="11"/>
      <c r="G91" s="11"/>
      <c r="H91" s="11"/>
      <c r="I91" s="11"/>
      <c r="J91" s="11"/>
      <c r="K91" s="11"/>
      <c r="L91" s="11"/>
      <c r="M91" s="11"/>
      <c r="N91" s="18" t="s">
        <v>1630</v>
      </c>
      <c r="O91" s="98" t="s">
        <v>965</v>
      </c>
      <c r="P91" s="99" t="s">
        <v>1273</v>
      </c>
    </row>
    <row r="92" spans="3:16" s="143" customFormat="1">
      <c r="C92" s="24"/>
      <c r="E92" s="11"/>
      <c r="F92" s="11"/>
      <c r="G92" s="11"/>
      <c r="H92" s="11"/>
      <c r="I92" s="11"/>
      <c r="J92" s="11"/>
      <c r="K92" s="11"/>
      <c r="L92" s="11"/>
      <c r="M92" s="11"/>
      <c r="N92" s="18" t="s">
        <v>1295</v>
      </c>
      <c r="O92" s="98" t="s">
        <v>966</v>
      </c>
      <c r="P92" s="99" t="s">
        <v>2326</v>
      </c>
    </row>
    <row r="93" spans="3:16" s="143" customFormat="1">
      <c r="C93" s="24"/>
      <c r="E93" s="11"/>
      <c r="F93" s="11"/>
      <c r="G93" s="11"/>
      <c r="H93" s="11"/>
      <c r="I93" s="11"/>
      <c r="J93" s="11"/>
      <c r="K93" s="11"/>
      <c r="L93" s="11"/>
      <c r="M93" s="11"/>
      <c r="N93" s="18" t="s">
        <v>1286</v>
      </c>
      <c r="O93" s="98" t="s">
        <v>967</v>
      </c>
      <c r="P93" s="99" t="s">
        <v>289</v>
      </c>
    </row>
    <row r="94" spans="3:16" s="143" customFormat="1">
      <c r="C94" s="24"/>
      <c r="E94" s="11"/>
      <c r="F94" s="11"/>
      <c r="G94" s="11"/>
      <c r="H94" s="11"/>
      <c r="I94" s="11"/>
      <c r="J94" s="11"/>
      <c r="K94" s="11"/>
      <c r="L94" s="11"/>
      <c r="M94" s="11"/>
      <c r="N94" s="18" t="s">
        <v>2762</v>
      </c>
      <c r="O94" s="98" t="s">
        <v>2763</v>
      </c>
      <c r="P94" s="8" t="s">
        <v>2764</v>
      </c>
    </row>
    <row r="95" spans="3:16" s="143" customFormat="1">
      <c r="C95" s="24"/>
      <c r="E95" s="11"/>
      <c r="F95" s="11"/>
      <c r="G95" s="11"/>
      <c r="H95" s="11"/>
      <c r="I95" s="11"/>
      <c r="J95" s="11"/>
      <c r="K95" s="11"/>
      <c r="L95" s="11"/>
      <c r="M95" s="11"/>
      <c r="N95" s="18" t="s">
        <v>1287</v>
      </c>
      <c r="O95" s="98" t="s">
        <v>968</v>
      </c>
      <c r="P95" s="99" t="s">
        <v>1274</v>
      </c>
    </row>
    <row r="96" spans="3:16" s="143" customFormat="1">
      <c r="C96" s="24"/>
      <c r="E96" s="11"/>
      <c r="F96" s="11"/>
      <c r="G96" s="11"/>
      <c r="H96" s="11"/>
      <c r="I96" s="11"/>
      <c r="J96" s="11"/>
      <c r="K96" s="11"/>
      <c r="L96" s="11"/>
      <c r="M96" s="11"/>
      <c r="N96" s="18" t="s">
        <v>1288</v>
      </c>
      <c r="O96" s="98" t="s">
        <v>949</v>
      </c>
      <c r="P96" s="99" t="s">
        <v>1269</v>
      </c>
    </row>
    <row r="97" spans="3:16" s="143" customFormat="1">
      <c r="C97" s="24"/>
      <c r="E97" s="11"/>
      <c r="F97" s="11"/>
      <c r="G97" s="11"/>
      <c r="H97" s="11"/>
      <c r="I97" s="11"/>
      <c r="J97" s="11"/>
      <c r="K97" s="11"/>
      <c r="L97" s="11"/>
      <c r="M97" s="11"/>
      <c r="N97" s="18" t="s">
        <v>1289</v>
      </c>
      <c r="O97" s="98" t="s">
        <v>1268</v>
      </c>
      <c r="P97" s="99" t="s">
        <v>1275</v>
      </c>
    </row>
    <row r="98" spans="3:16" s="143" customFormat="1">
      <c r="C98" s="24"/>
      <c r="E98" s="11"/>
      <c r="F98" s="11"/>
      <c r="G98" s="11"/>
      <c r="H98" s="11"/>
      <c r="I98" s="11"/>
      <c r="J98" s="11"/>
      <c r="K98" s="11"/>
      <c r="L98" s="11"/>
      <c r="M98" s="11"/>
      <c r="N98" s="18" t="s">
        <v>2325</v>
      </c>
      <c r="O98" s="98" t="s">
        <v>2324</v>
      </c>
      <c r="P98" s="99" t="s">
        <v>2323</v>
      </c>
    </row>
    <row r="99" spans="3:16" s="143" customFormat="1">
      <c r="C99" s="24"/>
      <c r="E99" s="11"/>
      <c r="F99" s="11"/>
      <c r="G99" s="11"/>
      <c r="H99" s="11"/>
      <c r="I99" s="11"/>
      <c r="J99" s="11"/>
      <c r="K99" s="11"/>
      <c r="L99" s="11"/>
      <c r="M99" s="11"/>
      <c r="N99" s="18" t="s">
        <v>2322</v>
      </c>
      <c r="O99" s="98" t="s">
        <v>2321</v>
      </c>
      <c r="P99" s="99" t="s">
        <v>2320</v>
      </c>
    </row>
    <row r="100" spans="3:16" s="143" customFormat="1">
      <c r="C100" s="24"/>
      <c r="E100" s="11"/>
      <c r="F100" s="11"/>
      <c r="G100" s="11"/>
      <c r="H100" s="11"/>
      <c r="I100" s="11"/>
      <c r="J100" s="11"/>
      <c r="K100" s="11"/>
      <c r="L100" s="11"/>
      <c r="M100" s="11"/>
      <c r="N100" s="18" t="s">
        <v>2319</v>
      </c>
      <c r="O100" s="98" t="s">
        <v>2318</v>
      </c>
      <c r="P100" s="208" t="s">
        <v>1308</v>
      </c>
    </row>
    <row r="101" spans="3:16" s="143" customFormat="1">
      <c r="C101" s="24"/>
      <c r="E101" s="11"/>
      <c r="F101" s="11"/>
      <c r="G101" s="11"/>
      <c r="H101" s="11"/>
      <c r="I101" s="11"/>
      <c r="J101" s="11"/>
      <c r="K101" s="11"/>
      <c r="L101" s="11"/>
      <c r="M101" s="11"/>
      <c r="N101" s="18" t="s">
        <v>2317</v>
      </c>
      <c r="O101" s="98" t="s">
        <v>2316</v>
      </c>
      <c r="P101" s="99" t="s">
        <v>1631</v>
      </c>
    </row>
    <row r="102" spans="3:16" s="143" customFormat="1" ht="52.5">
      <c r="C102" s="24"/>
      <c r="E102" s="11"/>
      <c r="F102" s="11"/>
      <c r="G102" s="11"/>
      <c r="H102" s="11"/>
      <c r="I102" s="11"/>
      <c r="J102" s="11"/>
      <c r="K102" s="11"/>
      <c r="L102" s="11"/>
      <c r="M102" s="11"/>
      <c r="N102" s="18" t="s">
        <v>2315</v>
      </c>
      <c r="O102" s="98" t="s">
        <v>2314</v>
      </c>
      <c r="P102" s="99" t="s">
        <v>1629</v>
      </c>
    </row>
    <row r="103" spans="3:16" s="143" customFormat="1">
      <c r="C103" s="24"/>
      <c r="E103" s="11"/>
      <c r="F103" s="11"/>
      <c r="G103" s="11"/>
      <c r="H103" s="11"/>
      <c r="I103" s="11"/>
      <c r="J103" s="11"/>
      <c r="K103" s="11"/>
      <c r="L103" s="11"/>
      <c r="M103" s="11"/>
      <c r="N103" s="18" t="s">
        <v>1290</v>
      </c>
      <c r="O103" s="98" t="s">
        <v>969</v>
      </c>
      <c r="P103" s="99" t="s">
        <v>1276</v>
      </c>
    </row>
    <row r="104" spans="3:16" s="143" customFormat="1">
      <c r="C104" s="24"/>
      <c r="E104" s="11"/>
      <c r="F104" s="11"/>
      <c r="G104" s="11"/>
      <c r="H104" s="11"/>
      <c r="I104" s="11"/>
      <c r="J104" s="11"/>
      <c r="K104" s="11"/>
      <c r="L104" s="11"/>
      <c r="M104" s="11"/>
      <c r="N104" s="18" t="s">
        <v>1291</v>
      </c>
      <c r="O104" s="98" t="s">
        <v>970</v>
      </c>
      <c r="P104" s="99" t="s">
        <v>1277</v>
      </c>
    </row>
    <row r="105" spans="3:16" s="143" customFormat="1">
      <c r="C105" s="24"/>
      <c r="E105" s="11"/>
      <c r="F105" s="11"/>
      <c r="G105" s="11"/>
      <c r="H105" s="11"/>
      <c r="I105" s="11"/>
      <c r="J105" s="11"/>
      <c r="K105" s="11"/>
      <c r="L105" s="11"/>
      <c r="M105" s="11"/>
      <c r="N105" s="18" t="s">
        <v>2313</v>
      </c>
      <c r="O105" s="98" t="s">
        <v>2312</v>
      </c>
      <c r="P105" s="99" t="s">
        <v>1632</v>
      </c>
    </row>
    <row r="106" spans="3:16" s="143" customFormat="1">
      <c r="C106" s="24"/>
      <c r="E106" s="11"/>
      <c r="F106" s="11"/>
      <c r="G106" s="11"/>
      <c r="H106" s="11"/>
      <c r="I106" s="11"/>
      <c r="J106" s="11"/>
      <c r="K106" s="11"/>
      <c r="L106" s="11"/>
      <c r="M106" s="11"/>
      <c r="N106" s="18" t="s">
        <v>2311</v>
      </c>
      <c r="O106" s="98" t="s">
        <v>2310</v>
      </c>
      <c r="P106" s="99" t="s">
        <v>1633</v>
      </c>
    </row>
    <row r="107" spans="3:16" s="143" customFormat="1">
      <c r="C107" s="24"/>
      <c r="E107" s="11"/>
      <c r="F107" s="11"/>
      <c r="G107" s="11"/>
      <c r="H107" s="11"/>
      <c r="I107" s="11"/>
      <c r="J107" s="11"/>
      <c r="K107" s="11"/>
      <c r="L107" s="11"/>
      <c r="M107" s="11"/>
      <c r="N107" s="18" t="s">
        <v>2309</v>
      </c>
      <c r="O107" s="98" t="s">
        <v>2308</v>
      </c>
      <c r="P107" s="99" t="s">
        <v>1278</v>
      </c>
    </row>
    <row r="108" spans="3:16" s="143" customFormat="1">
      <c r="C108" s="24"/>
      <c r="E108" s="11"/>
      <c r="F108" s="11"/>
      <c r="G108" s="11"/>
      <c r="H108" s="11"/>
      <c r="I108" s="11"/>
      <c r="J108" s="11"/>
      <c r="K108" s="11"/>
      <c r="L108" s="11"/>
      <c r="M108" s="11"/>
      <c r="N108" s="18" t="s">
        <v>2307</v>
      </c>
      <c r="O108" s="98" t="s">
        <v>2306</v>
      </c>
      <c r="P108" s="268" t="s">
        <v>1634</v>
      </c>
    </row>
    <row r="109" spans="3:16" s="143" customFormat="1">
      <c r="C109" s="24"/>
      <c r="E109" s="11"/>
      <c r="F109" s="11"/>
      <c r="G109" s="11"/>
      <c r="H109" s="11"/>
      <c r="I109" s="11"/>
      <c r="J109" s="11"/>
      <c r="K109" s="11"/>
      <c r="L109" s="11"/>
      <c r="M109" s="11"/>
      <c r="N109" s="18" t="s">
        <v>2305</v>
      </c>
      <c r="O109" s="98" t="s">
        <v>2304</v>
      </c>
      <c r="P109" s="268" t="s">
        <v>1635</v>
      </c>
    </row>
    <row r="110" spans="3:16" s="143" customFormat="1">
      <c r="C110" s="24"/>
      <c r="E110" s="11"/>
      <c r="F110" s="11"/>
      <c r="G110" s="11"/>
      <c r="H110" s="11"/>
      <c r="I110" s="11"/>
      <c r="J110" s="11"/>
      <c r="K110" s="11"/>
      <c r="L110" s="11"/>
      <c r="M110" s="11"/>
      <c r="N110" s="18" t="s">
        <v>2303</v>
      </c>
      <c r="O110" s="98" t="s">
        <v>2302</v>
      </c>
      <c r="P110" s="268" t="s">
        <v>1636</v>
      </c>
    </row>
    <row r="111" spans="3:16" s="143" customFormat="1">
      <c r="C111" s="24"/>
      <c r="E111" s="11"/>
      <c r="F111" s="11"/>
      <c r="G111" s="11"/>
      <c r="H111" s="11"/>
      <c r="I111" s="11"/>
      <c r="J111" s="11"/>
      <c r="K111" s="11"/>
      <c r="L111" s="11"/>
      <c r="M111" s="11"/>
      <c r="N111" s="18" t="s">
        <v>1292</v>
      </c>
      <c r="O111" s="98" t="s">
        <v>971</v>
      </c>
      <c r="P111" s="99" t="s">
        <v>1279</v>
      </c>
    </row>
    <row r="112" spans="3:16" s="143" customFormat="1">
      <c r="C112" s="24"/>
      <c r="E112" s="11"/>
      <c r="F112" s="11"/>
      <c r="G112" s="11"/>
      <c r="H112" s="11"/>
      <c r="I112" s="11"/>
      <c r="J112" s="11"/>
      <c r="K112" s="11"/>
      <c r="L112" s="11"/>
      <c r="M112" s="11"/>
      <c r="N112" s="18" t="s">
        <v>1293</v>
      </c>
      <c r="O112" s="98" t="s">
        <v>972</v>
      </c>
      <c r="P112" s="99" t="s">
        <v>1280</v>
      </c>
    </row>
    <row r="113" spans="3:17" s="143" customFormat="1" ht="35">
      <c r="C113" s="24"/>
      <c r="E113" s="11"/>
      <c r="F113" s="11"/>
      <c r="G113" s="11"/>
      <c r="H113" s="11"/>
      <c r="I113" s="11"/>
      <c r="J113" s="11"/>
      <c r="K113" s="11"/>
      <c r="L113" s="11"/>
      <c r="M113" s="11"/>
      <c r="N113" s="18" t="s">
        <v>2301</v>
      </c>
      <c r="O113" s="98" t="s">
        <v>2300</v>
      </c>
      <c r="P113" s="99" t="s">
        <v>1281</v>
      </c>
      <c r="Q113" s="98"/>
    </row>
    <row r="114" spans="3:17" s="143" customFormat="1">
      <c r="C114" s="24"/>
      <c r="E114" s="11"/>
      <c r="F114" s="11"/>
      <c r="G114" s="11"/>
      <c r="H114" s="11"/>
      <c r="I114" s="11"/>
      <c r="J114" s="11"/>
      <c r="K114" s="11"/>
      <c r="L114" s="11"/>
      <c r="M114" s="11"/>
      <c r="N114" s="18" t="s">
        <v>2299</v>
      </c>
      <c r="O114" s="98" t="s">
        <v>2298</v>
      </c>
      <c r="P114" s="99" t="s">
        <v>1661</v>
      </c>
      <c r="Q114" s="98"/>
    </row>
    <row r="115" spans="3:17">
      <c r="N115" s="72" t="s">
        <v>2297</v>
      </c>
      <c r="O115" s="207" t="s">
        <v>2296</v>
      </c>
      <c r="P115" s="99" t="s">
        <v>1662</v>
      </c>
    </row>
    <row r="116" spans="3:17" s="143" customFormat="1">
      <c r="C116" s="24"/>
      <c r="E116" s="11"/>
      <c r="F116" s="11"/>
      <c r="G116" s="11"/>
      <c r="H116" s="11"/>
      <c r="I116" s="11"/>
      <c r="J116" s="11"/>
      <c r="K116" s="11"/>
      <c r="L116" s="11"/>
      <c r="M116" s="11"/>
      <c r="N116" s="18"/>
      <c r="O116" s="98" t="s">
        <v>2295</v>
      </c>
      <c r="P116" s="99"/>
      <c r="Q116" s="98"/>
    </row>
    <row r="117" spans="3:17" s="143" customFormat="1">
      <c r="C117" s="24"/>
      <c r="E117" s="11"/>
      <c r="F117" s="11"/>
      <c r="G117" s="11"/>
      <c r="H117" s="11"/>
      <c r="I117" s="11"/>
      <c r="J117" s="11"/>
      <c r="K117" s="11"/>
      <c r="L117" s="11"/>
      <c r="M117" s="11"/>
      <c r="N117" s="18"/>
      <c r="O117" s="207" t="s">
        <v>2294</v>
      </c>
      <c r="P117" s="99"/>
      <c r="Q117" s="98"/>
    </row>
    <row r="118" spans="3:17" s="143" customFormat="1">
      <c r="C118" s="24"/>
      <c r="E118" s="11"/>
      <c r="F118" s="11"/>
      <c r="G118" s="11"/>
      <c r="H118" s="11"/>
      <c r="I118" s="11"/>
      <c r="J118" s="11"/>
      <c r="K118" s="11"/>
      <c r="L118" s="11"/>
      <c r="M118" s="11"/>
      <c r="N118" s="18"/>
      <c r="O118" s="98" t="s">
        <v>2293</v>
      </c>
      <c r="P118" s="99"/>
      <c r="Q118" s="98"/>
    </row>
    <row r="119" spans="3:17" s="143" customFormat="1">
      <c r="C119" s="24"/>
      <c r="E119" s="11"/>
      <c r="F119" s="11"/>
      <c r="G119" s="11"/>
      <c r="H119" s="11"/>
      <c r="I119" s="11"/>
      <c r="J119" s="11"/>
      <c r="K119" s="11"/>
      <c r="L119" s="11"/>
      <c r="M119" s="11"/>
      <c r="N119" s="18"/>
      <c r="O119" s="207" t="s">
        <v>2292</v>
      </c>
      <c r="P119" s="99"/>
      <c r="Q119" s="98"/>
    </row>
    <row r="120" spans="3:17" s="143" customFormat="1">
      <c r="C120" s="24"/>
      <c r="E120" s="11"/>
      <c r="F120" s="11"/>
      <c r="G120" s="11"/>
      <c r="H120" s="11"/>
      <c r="I120" s="11"/>
      <c r="J120" s="11"/>
      <c r="K120" s="11"/>
      <c r="L120" s="11"/>
      <c r="M120" s="11"/>
      <c r="N120" s="18"/>
      <c r="O120" s="98" t="s">
        <v>2291</v>
      </c>
      <c r="P120" s="99"/>
      <c r="Q120" s="98"/>
    </row>
    <row r="121" spans="3:17" s="143" customFormat="1">
      <c r="C121" s="24"/>
      <c r="E121" s="11"/>
      <c r="F121" s="11"/>
      <c r="G121" s="11"/>
      <c r="H121" s="11"/>
      <c r="I121" s="11"/>
      <c r="J121" s="11"/>
      <c r="K121" s="11"/>
      <c r="L121" s="11"/>
      <c r="M121" s="11"/>
      <c r="N121" s="18"/>
      <c r="O121" s="207" t="s">
        <v>2290</v>
      </c>
      <c r="P121" s="99"/>
      <c r="Q121" s="98"/>
    </row>
    <row r="122" spans="3:17" s="143" customFormat="1">
      <c r="C122" s="24"/>
      <c r="E122" s="11"/>
      <c r="F122" s="11"/>
      <c r="G122" s="11"/>
      <c r="H122" s="11"/>
      <c r="I122" s="11"/>
      <c r="J122" s="11"/>
      <c r="K122" s="11"/>
      <c r="L122" s="11"/>
      <c r="M122" s="11"/>
      <c r="N122" s="18"/>
      <c r="O122" s="98" t="s">
        <v>2289</v>
      </c>
      <c r="P122" s="99"/>
      <c r="Q122" s="98"/>
    </row>
    <row r="123" spans="3:17" s="143" customFormat="1">
      <c r="C123" s="24"/>
      <c r="E123" s="11"/>
      <c r="F123" s="11"/>
      <c r="G123" s="11"/>
      <c r="H123" s="11"/>
      <c r="I123" s="11"/>
      <c r="J123" s="11"/>
      <c r="K123" s="11"/>
      <c r="L123" s="11"/>
      <c r="M123" s="11"/>
      <c r="N123" s="18"/>
      <c r="O123" s="98" t="s">
        <v>2288</v>
      </c>
      <c r="P123" s="99"/>
      <c r="Q123" s="98"/>
    </row>
    <row r="124" spans="3:17" s="143" customFormat="1">
      <c r="C124" s="24"/>
      <c r="E124" s="11"/>
      <c r="F124" s="11"/>
      <c r="G124" s="11"/>
      <c r="H124" s="11"/>
      <c r="I124" s="11"/>
      <c r="J124" s="11"/>
      <c r="K124" s="11"/>
      <c r="L124" s="11"/>
      <c r="M124" s="11"/>
      <c r="N124" s="18"/>
      <c r="O124" s="98" t="s">
        <v>2287</v>
      </c>
      <c r="P124" s="99"/>
      <c r="Q124" s="98"/>
    </row>
    <row r="125" spans="3:17" s="143" customFormat="1">
      <c r="C125" s="24"/>
      <c r="E125" s="11"/>
      <c r="F125" s="11"/>
      <c r="G125" s="11"/>
      <c r="H125" s="11"/>
      <c r="I125" s="11"/>
      <c r="J125" s="11"/>
      <c r="K125" s="11"/>
      <c r="L125" s="11"/>
      <c r="M125" s="11"/>
      <c r="N125" s="18"/>
      <c r="O125" s="98" t="s">
        <v>2286</v>
      </c>
      <c r="P125" s="99"/>
      <c r="Q125" s="98"/>
    </row>
    <row r="126" spans="3:17" s="143" customFormat="1">
      <c r="C126" s="24"/>
      <c r="E126" s="11"/>
      <c r="F126" s="11"/>
      <c r="G126" s="11"/>
      <c r="H126" s="11"/>
      <c r="I126" s="11"/>
      <c r="J126" s="11"/>
      <c r="K126" s="11"/>
      <c r="L126" s="11"/>
      <c r="M126" s="11"/>
      <c r="N126" s="18"/>
      <c r="O126" s="98" t="s">
        <v>2285</v>
      </c>
      <c r="P126" s="99"/>
      <c r="Q126" s="98"/>
    </row>
    <row r="127" spans="3:17" s="143" customFormat="1">
      <c r="C127" s="24"/>
      <c r="E127" s="11"/>
      <c r="F127" s="11"/>
      <c r="G127" s="11"/>
      <c r="H127" s="11"/>
      <c r="I127" s="11"/>
      <c r="J127" s="11"/>
      <c r="K127" s="11"/>
      <c r="L127" s="11"/>
      <c r="M127" s="11"/>
      <c r="N127" s="18"/>
      <c r="O127" s="98" t="s">
        <v>2284</v>
      </c>
      <c r="P127" s="99"/>
      <c r="Q127" s="98"/>
    </row>
    <row r="128" spans="3:17" s="143" customFormat="1">
      <c r="C128" s="24"/>
      <c r="E128" s="11"/>
      <c r="F128" s="11"/>
      <c r="G128" s="11"/>
      <c r="H128" s="11"/>
      <c r="I128" s="11"/>
      <c r="J128" s="11"/>
      <c r="K128" s="11"/>
      <c r="L128" s="11"/>
      <c r="M128" s="11"/>
      <c r="N128" s="18"/>
      <c r="O128" s="98" t="s">
        <v>2283</v>
      </c>
      <c r="P128" s="99"/>
      <c r="Q128" s="98"/>
    </row>
    <row r="129" spans="1:17" s="143" customFormat="1">
      <c r="C129" s="24"/>
      <c r="E129" s="11"/>
      <c r="F129" s="11"/>
      <c r="G129" s="11"/>
      <c r="H129" s="11"/>
      <c r="I129" s="11"/>
      <c r="J129" s="11"/>
      <c r="K129" s="11"/>
      <c r="L129" s="11"/>
      <c r="M129" s="11"/>
      <c r="N129" s="18"/>
      <c r="O129" s="98" t="s">
        <v>2282</v>
      </c>
      <c r="P129" s="99"/>
      <c r="Q129" s="98"/>
    </row>
    <row r="130" spans="1:17" s="143" customFormat="1">
      <c r="C130" s="24"/>
      <c r="E130" s="11"/>
      <c r="F130" s="11"/>
      <c r="G130" s="11"/>
      <c r="H130" s="11"/>
      <c r="I130" s="11"/>
      <c r="J130" s="11"/>
      <c r="K130" s="11"/>
      <c r="L130" s="11"/>
      <c r="M130" s="11"/>
      <c r="N130" s="18" t="s">
        <v>1294</v>
      </c>
      <c r="O130" s="98" t="s">
        <v>973</v>
      </c>
      <c r="P130" s="99" t="s">
        <v>1282</v>
      </c>
      <c r="Q130" s="98" t="s">
        <v>1788</v>
      </c>
    </row>
    <row r="131" spans="1:17" s="143" customFormat="1" ht="35">
      <c r="C131" s="24"/>
      <c r="E131" s="11"/>
      <c r="F131" s="11"/>
      <c r="G131" s="11"/>
      <c r="H131" s="11"/>
      <c r="I131" s="11"/>
      <c r="J131" s="11"/>
      <c r="K131" s="11"/>
      <c r="L131" s="11"/>
      <c r="M131" s="11"/>
      <c r="N131" s="18" t="s">
        <v>2281</v>
      </c>
      <c r="O131" s="98" t="s">
        <v>2280</v>
      </c>
      <c r="P131" s="99" t="s">
        <v>1668</v>
      </c>
      <c r="Q131" s="98" t="s">
        <v>1788</v>
      </c>
    </row>
    <row r="132" spans="1:17" s="143" customFormat="1">
      <c r="C132" s="24"/>
      <c r="E132" s="11"/>
      <c r="F132" s="11"/>
      <c r="G132" s="11"/>
      <c r="H132" s="11"/>
      <c r="I132" s="11"/>
      <c r="J132" s="11"/>
      <c r="K132" s="11"/>
      <c r="L132" s="11"/>
      <c r="M132" s="11"/>
      <c r="N132" s="18"/>
      <c r="O132" s="98" t="s">
        <v>2279</v>
      </c>
      <c r="P132" s="99" t="s">
        <v>2278</v>
      </c>
      <c r="Q132" s="98" t="s">
        <v>2029</v>
      </c>
    </row>
    <row r="133" spans="1:17" s="143" customFormat="1">
      <c r="C133" s="24"/>
      <c r="E133" s="11"/>
      <c r="F133" s="11"/>
      <c r="G133" s="11"/>
      <c r="H133" s="11"/>
      <c r="I133" s="11"/>
      <c r="J133" s="11"/>
      <c r="K133" s="11"/>
      <c r="L133" s="11"/>
      <c r="M133" s="11"/>
      <c r="N133" s="18"/>
      <c r="O133" s="98" t="s">
        <v>2277</v>
      </c>
      <c r="P133" s="99" t="s">
        <v>1666</v>
      </c>
      <c r="Q133" s="98"/>
    </row>
    <row r="134" spans="1:17" s="143" customFormat="1">
      <c r="C134" s="24"/>
      <c r="E134" s="11"/>
      <c r="F134" s="11"/>
      <c r="G134" s="11"/>
      <c r="H134" s="11"/>
      <c r="I134" s="11"/>
      <c r="J134" s="11"/>
      <c r="K134" s="11"/>
      <c r="L134" s="11"/>
      <c r="M134" s="11"/>
      <c r="N134" s="18"/>
      <c r="O134" s="98" t="s">
        <v>2276</v>
      </c>
      <c r="P134" s="98" t="s">
        <v>1667</v>
      </c>
      <c r="Q134" s="98"/>
    </row>
    <row r="135" spans="1:17" s="143" customFormat="1">
      <c r="C135" s="24"/>
      <c r="E135" s="11"/>
      <c r="F135" s="11"/>
      <c r="G135" s="11"/>
      <c r="H135" s="11"/>
      <c r="I135" s="11"/>
      <c r="J135" s="11"/>
      <c r="K135" s="11"/>
      <c r="L135" s="11"/>
      <c r="M135" s="11"/>
      <c r="N135" s="18"/>
      <c r="O135" s="98" t="s">
        <v>2275</v>
      </c>
      <c r="P135" s="267" t="s">
        <v>1665</v>
      </c>
      <c r="Q135" s="98"/>
    </row>
    <row r="136" spans="1:17" s="143" customFormat="1" ht="52.5">
      <c r="C136" s="24"/>
      <c r="E136" s="11"/>
      <c r="F136" s="11"/>
      <c r="G136" s="11"/>
      <c r="H136" s="11"/>
      <c r="I136" s="11"/>
      <c r="J136" s="11"/>
      <c r="K136" s="11"/>
      <c r="L136" s="11"/>
      <c r="M136" s="11"/>
      <c r="N136" s="18"/>
      <c r="O136" s="98" t="s">
        <v>2274</v>
      </c>
      <c r="P136" s="99" t="s">
        <v>1786</v>
      </c>
      <c r="Q136" s="98"/>
    </row>
    <row r="137" spans="1:17" hidden="1">
      <c r="A137" s="17"/>
      <c r="B137" s="17"/>
      <c r="C137" s="17" t="s">
        <v>130</v>
      </c>
      <c r="D137" s="139" t="s">
        <v>126</v>
      </c>
      <c r="E137" s="17"/>
      <c r="F137" s="17"/>
      <c r="G137" s="17"/>
      <c r="H137" s="17" t="s">
        <v>17</v>
      </c>
      <c r="I137" s="17" t="s">
        <v>71</v>
      </c>
      <c r="J137" s="17" t="s">
        <v>525</v>
      </c>
      <c r="K137" s="17"/>
      <c r="L137" s="17"/>
      <c r="M137" s="17"/>
      <c r="N137" s="138"/>
      <c r="O137" s="98"/>
      <c r="Q137" s="98"/>
    </row>
    <row r="138" spans="1:17" hidden="1">
      <c r="E138" s="8" t="s">
        <v>129</v>
      </c>
      <c r="F138" s="8">
        <v>128</v>
      </c>
      <c r="G138" s="8" t="s">
        <v>128</v>
      </c>
      <c r="H138" s="8" t="s">
        <v>66</v>
      </c>
      <c r="I138" s="8" t="s">
        <v>65</v>
      </c>
      <c r="J138" s="8">
        <v>1</v>
      </c>
      <c r="K138" s="8" t="s">
        <v>514</v>
      </c>
      <c r="L138" s="8">
        <v>2</v>
      </c>
      <c r="M138" s="8">
        <v>3</v>
      </c>
      <c r="N138" s="72" t="s">
        <v>644</v>
      </c>
      <c r="O138" s="98"/>
      <c r="Q138" s="98"/>
    </row>
    <row r="139" spans="1:17" hidden="1">
      <c r="E139" s="8" t="s">
        <v>127</v>
      </c>
      <c r="F139" s="8">
        <v>127</v>
      </c>
      <c r="G139" s="8" t="s">
        <v>126</v>
      </c>
      <c r="H139" s="8" t="s">
        <v>78</v>
      </c>
      <c r="I139" s="8" t="s">
        <v>71</v>
      </c>
      <c r="J139" s="8">
        <v>1</v>
      </c>
      <c r="K139" s="8" t="s">
        <v>509</v>
      </c>
      <c r="L139" s="8">
        <v>1</v>
      </c>
      <c r="M139" s="8">
        <v>30</v>
      </c>
      <c r="O139" s="98"/>
      <c r="Q139" s="98"/>
    </row>
    <row r="140" spans="1:17" hidden="1">
      <c r="A140" s="17"/>
      <c r="B140" s="17"/>
      <c r="C140" s="17" t="s">
        <v>130</v>
      </c>
      <c r="D140" s="139" t="s">
        <v>126</v>
      </c>
      <c r="E140" s="17"/>
      <c r="F140" s="17"/>
      <c r="G140" s="17"/>
      <c r="H140" s="17" t="s">
        <v>17</v>
      </c>
      <c r="I140" s="17" t="s">
        <v>71</v>
      </c>
      <c r="J140" s="17" t="s">
        <v>525</v>
      </c>
      <c r="K140" s="17"/>
      <c r="L140" s="17"/>
      <c r="M140" s="17"/>
      <c r="N140" s="138"/>
      <c r="O140" s="98"/>
      <c r="Q140" s="98"/>
    </row>
    <row r="141" spans="1:17" hidden="1">
      <c r="E141" s="8" t="s">
        <v>129</v>
      </c>
      <c r="F141" s="8">
        <v>128</v>
      </c>
      <c r="G141" s="8" t="s">
        <v>128</v>
      </c>
      <c r="H141" s="8" t="s">
        <v>66</v>
      </c>
      <c r="I141" s="8" t="s">
        <v>65</v>
      </c>
      <c r="J141" s="8">
        <v>1</v>
      </c>
      <c r="K141" s="8" t="s">
        <v>514</v>
      </c>
      <c r="L141" s="8">
        <v>2</v>
      </c>
      <c r="M141" s="8">
        <v>3</v>
      </c>
      <c r="N141" s="72" t="s">
        <v>645</v>
      </c>
      <c r="O141" s="98"/>
      <c r="Q141" s="98"/>
    </row>
    <row r="142" spans="1:17" hidden="1">
      <c r="E142" s="8" t="s">
        <v>127</v>
      </c>
      <c r="F142" s="8">
        <v>127</v>
      </c>
      <c r="G142" s="8" t="s">
        <v>126</v>
      </c>
      <c r="H142" s="8" t="s">
        <v>78</v>
      </c>
      <c r="I142" s="8" t="s">
        <v>71</v>
      </c>
      <c r="J142" s="8">
        <v>1</v>
      </c>
      <c r="K142" s="8" t="s">
        <v>509</v>
      </c>
      <c r="L142" s="8">
        <v>1</v>
      </c>
      <c r="M142" s="8">
        <v>30</v>
      </c>
      <c r="O142" s="98"/>
      <c r="Q142" s="98"/>
    </row>
    <row r="143" spans="1:17" hidden="1">
      <c r="A143" s="17"/>
      <c r="B143" s="17"/>
      <c r="C143" s="17" t="s">
        <v>130</v>
      </c>
      <c r="D143" s="139" t="s">
        <v>126</v>
      </c>
      <c r="E143" s="17"/>
      <c r="F143" s="17"/>
      <c r="G143" s="17"/>
      <c r="H143" s="17" t="s">
        <v>17</v>
      </c>
      <c r="I143" s="17" t="s">
        <v>71</v>
      </c>
      <c r="J143" s="17" t="s">
        <v>525</v>
      </c>
      <c r="K143" s="17"/>
      <c r="L143" s="17"/>
      <c r="M143" s="17"/>
      <c r="N143" s="138"/>
      <c r="O143" s="98"/>
      <c r="Q143" s="98"/>
    </row>
    <row r="144" spans="1:17" hidden="1">
      <c r="E144" s="8" t="s">
        <v>129</v>
      </c>
      <c r="F144" s="8">
        <v>128</v>
      </c>
      <c r="G144" s="8" t="s">
        <v>128</v>
      </c>
      <c r="H144" s="8" t="s">
        <v>66</v>
      </c>
      <c r="I144" s="8" t="s">
        <v>65</v>
      </c>
      <c r="J144" s="8">
        <v>1</v>
      </c>
      <c r="K144" s="8" t="s">
        <v>514</v>
      </c>
      <c r="L144" s="8">
        <v>2</v>
      </c>
      <c r="M144" s="8">
        <v>3</v>
      </c>
      <c r="N144" s="72" t="s">
        <v>646</v>
      </c>
      <c r="O144" s="98"/>
      <c r="Q144" s="98"/>
    </row>
    <row r="145" spans="1:17" hidden="1">
      <c r="E145" s="8" t="s">
        <v>127</v>
      </c>
      <c r="F145" s="8">
        <v>127</v>
      </c>
      <c r="G145" s="8" t="s">
        <v>126</v>
      </c>
      <c r="H145" s="8" t="s">
        <v>78</v>
      </c>
      <c r="I145" s="8" t="s">
        <v>71</v>
      </c>
      <c r="J145" s="8">
        <v>1</v>
      </c>
      <c r="K145" s="8" t="s">
        <v>509</v>
      </c>
      <c r="L145" s="8">
        <v>1</v>
      </c>
      <c r="M145" s="8">
        <v>30</v>
      </c>
      <c r="O145" s="98"/>
      <c r="Q145" s="98"/>
    </row>
    <row r="146" spans="1:17" hidden="1">
      <c r="D146" s="8"/>
      <c r="E146" s="8" t="s">
        <v>125</v>
      </c>
      <c r="F146" s="8">
        <v>352</v>
      </c>
      <c r="G146" s="8" t="s">
        <v>3</v>
      </c>
      <c r="H146" s="8" t="s">
        <v>78</v>
      </c>
      <c r="I146" s="8" t="s">
        <v>71</v>
      </c>
      <c r="J146" s="8">
        <v>1</v>
      </c>
      <c r="K146" s="8" t="s">
        <v>509</v>
      </c>
      <c r="L146" s="8">
        <v>1</v>
      </c>
      <c r="M146" s="8">
        <v>80</v>
      </c>
      <c r="O146" s="98"/>
      <c r="Q146" s="98"/>
    </row>
    <row r="147" spans="1:17" hidden="1">
      <c r="A147" s="17"/>
      <c r="B147" s="17"/>
      <c r="C147" s="17" t="s">
        <v>130</v>
      </c>
      <c r="D147" s="139" t="s">
        <v>126</v>
      </c>
      <c r="E147" s="17"/>
      <c r="F147" s="17"/>
      <c r="G147" s="17"/>
      <c r="H147" s="17" t="s">
        <v>17</v>
      </c>
      <c r="I147" s="17" t="s">
        <v>71</v>
      </c>
      <c r="J147" s="17" t="s">
        <v>525</v>
      </c>
      <c r="K147" s="17"/>
      <c r="L147" s="17"/>
      <c r="M147" s="17"/>
      <c r="N147" s="138"/>
      <c r="O147" s="98"/>
      <c r="Q147" s="98"/>
    </row>
    <row r="148" spans="1:17" hidden="1">
      <c r="E148" s="8" t="s">
        <v>129</v>
      </c>
      <c r="F148" s="8">
        <v>128</v>
      </c>
      <c r="G148" s="8" t="s">
        <v>128</v>
      </c>
      <c r="H148" s="8" t="s">
        <v>66</v>
      </c>
      <c r="I148" s="8" t="s">
        <v>65</v>
      </c>
      <c r="J148" s="8">
        <v>1</v>
      </c>
      <c r="K148" s="8" t="s">
        <v>514</v>
      </c>
      <c r="L148" s="8">
        <v>2</v>
      </c>
      <c r="M148" s="8">
        <v>3</v>
      </c>
      <c r="N148" s="72" t="s">
        <v>831</v>
      </c>
      <c r="O148" s="98"/>
      <c r="Q148" s="98"/>
    </row>
    <row r="149" spans="1:17" hidden="1">
      <c r="E149" s="8" t="s">
        <v>127</v>
      </c>
      <c r="F149" s="8">
        <v>127</v>
      </c>
      <c r="G149" s="8" t="s">
        <v>126</v>
      </c>
      <c r="H149" s="8" t="s">
        <v>78</v>
      </c>
      <c r="I149" s="8" t="s">
        <v>71</v>
      </c>
      <c r="J149" s="8">
        <v>1</v>
      </c>
      <c r="K149" s="8" t="s">
        <v>509</v>
      </c>
      <c r="L149" s="8">
        <v>1</v>
      </c>
      <c r="M149" s="8">
        <v>30</v>
      </c>
      <c r="O149" s="98"/>
      <c r="Q149" s="98"/>
    </row>
    <row r="150" spans="1:17" hidden="1">
      <c r="D150" s="8"/>
      <c r="E150" s="8" t="s">
        <v>125</v>
      </c>
      <c r="F150" s="8">
        <v>352</v>
      </c>
      <c r="G150" s="8" t="s">
        <v>3</v>
      </c>
      <c r="H150" s="8" t="s">
        <v>78</v>
      </c>
      <c r="I150" s="8" t="s">
        <v>71</v>
      </c>
      <c r="J150" s="8">
        <v>1</v>
      </c>
      <c r="K150" s="8" t="s">
        <v>509</v>
      </c>
      <c r="L150" s="8">
        <v>1</v>
      </c>
      <c r="M150" s="8">
        <v>80</v>
      </c>
      <c r="O150" s="98"/>
      <c r="Q150" s="98"/>
    </row>
    <row r="151" spans="1:17" s="143" customFormat="1" hidden="1">
      <c r="A151" s="17"/>
      <c r="B151" s="17"/>
      <c r="C151" s="75" t="s">
        <v>124</v>
      </c>
      <c r="D151" s="142" t="s">
        <v>475</v>
      </c>
      <c r="E151" s="75"/>
      <c r="F151" s="75"/>
      <c r="G151" s="75"/>
      <c r="H151" s="75" t="s">
        <v>17</v>
      </c>
      <c r="I151" s="75" t="s">
        <v>71</v>
      </c>
      <c r="J151" s="75">
        <v>3</v>
      </c>
      <c r="K151" s="75"/>
      <c r="L151" s="75"/>
      <c r="M151" s="75"/>
      <c r="N151" s="78"/>
      <c r="P151" s="99"/>
      <c r="Q151" s="98"/>
    </row>
    <row r="152" spans="1:17" s="143" customFormat="1" hidden="1">
      <c r="C152" s="11"/>
      <c r="D152" s="33"/>
      <c r="E152" s="11" t="s">
        <v>123</v>
      </c>
      <c r="F152" s="11">
        <v>366</v>
      </c>
      <c r="G152" s="11" t="s">
        <v>122</v>
      </c>
      <c r="H152" s="11" t="s">
        <v>66</v>
      </c>
      <c r="I152" s="11" t="s">
        <v>65</v>
      </c>
      <c r="J152" s="11">
        <v>1</v>
      </c>
      <c r="K152" s="11" t="s">
        <v>514</v>
      </c>
      <c r="L152" s="11">
        <v>2</v>
      </c>
      <c r="M152" s="11">
        <v>2</v>
      </c>
      <c r="N152" s="18" t="s">
        <v>643</v>
      </c>
      <c r="O152" s="98"/>
      <c r="P152" s="99"/>
      <c r="Q152" s="98"/>
    </row>
    <row r="153" spans="1:17" s="143" customFormat="1" hidden="1">
      <c r="C153" s="11"/>
      <c r="D153" s="33"/>
      <c r="E153" s="11" t="s">
        <v>121</v>
      </c>
      <c r="F153" s="11">
        <v>93</v>
      </c>
      <c r="G153" s="11" t="s">
        <v>120</v>
      </c>
      <c r="H153" s="11" t="s">
        <v>17</v>
      </c>
      <c r="I153" s="11" t="s">
        <v>71</v>
      </c>
      <c r="J153" s="11">
        <v>1</v>
      </c>
      <c r="K153" s="11" t="s">
        <v>509</v>
      </c>
      <c r="L153" s="11">
        <v>1</v>
      </c>
      <c r="M153" s="11">
        <v>60</v>
      </c>
      <c r="O153" s="98"/>
      <c r="P153" s="99"/>
      <c r="Q153" s="98"/>
    </row>
    <row r="154" spans="1:17" s="143" customFormat="1" hidden="1">
      <c r="C154" s="19"/>
      <c r="D154" s="19"/>
      <c r="E154" s="19" t="s">
        <v>119</v>
      </c>
      <c r="F154" s="19">
        <v>365</v>
      </c>
      <c r="G154" s="19" t="s">
        <v>114</v>
      </c>
      <c r="H154" s="19" t="s">
        <v>78</v>
      </c>
      <c r="I154" s="19" t="s">
        <v>174</v>
      </c>
      <c r="J154" s="19">
        <v>1</v>
      </c>
      <c r="K154" s="19" t="s">
        <v>514</v>
      </c>
      <c r="L154" s="19">
        <v>2</v>
      </c>
      <c r="M154" s="19">
        <v>2</v>
      </c>
      <c r="N154" s="19"/>
      <c r="O154" s="98"/>
      <c r="P154" s="99"/>
      <c r="Q154" s="98"/>
    </row>
    <row r="155" spans="1:17" s="143" customFormat="1" hidden="1">
      <c r="C155" s="19"/>
      <c r="D155" s="19"/>
      <c r="E155" s="19" t="s">
        <v>118</v>
      </c>
      <c r="F155" s="19">
        <v>364</v>
      </c>
      <c r="G155" s="19" t="s">
        <v>112</v>
      </c>
      <c r="H155" s="19" t="s">
        <v>78</v>
      </c>
      <c r="I155" s="19" t="s">
        <v>96</v>
      </c>
      <c r="J155" s="19">
        <v>1</v>
      </c>
      <c r="K155" s="19" t="s">
        <v>509</v>
      </c>
      <c r="L155" s="19">
        <v>1</v>
      </c>
      <c r="M155" s="19">
        <v>80</v>
      </c>
      <c r="N155" s="19"/>
      <c r="O155" s="98"/>
      <c r="P155" s="99"/>
      <c r="Q155" s="98"/>
    </row>
    <row r="156" spans="1:17" s="143" customFormat="1" hidden="1">
      <c r="C156" s="19"/>
      <c r="D156" s="19"/>
      <c r="E156" s="19" t="s">
        <v>117</v>
      </c>
      <c r="F156" s="19">
        <v>365</v>
      </c>
      <c r="G156" s="19" t="s">
        <v>114</v>
      </c>
      <c r="H156" s="19" t="s">
        <v>78</v>
      </c>
      <c r="I156" s="19" t="s">
        <v>96</v>
      </c>
      <c r="J156" s="19">
        <v>1</v>
      </c>
      <c r="K156" s="19" t="s">
        <v>514</v>
      </c>
      <c r="L156" s="19">
        <v>2</v>
      </c>
      <c r="M156" s="19">
        <v>2</v>
      </c>
      <c r="N156" s="19"/>
      <c r="O156" s="98"/>
      <c r="P156" s="99"/>
      <c r="Q156" s="98"/>
    </row>
    <row r="157" spans="1:17" s="143" customFormat="1" hidden="1">
      <c r="C157" s="19"/>
      <c r="D157" s="19"/>
      <c r="E157" s="19" t="s">
        <v>116</v>
      </c>
      <c r="F157" s="19">
        <v>364</v>
      </c>
      <c r="G157" s="19" t="s">
        <v>112</v>
      </c>
      <c r="H157" s="19" t="s">
        <v>78</v>
      </c>
      <c r="I157" s="19" t="s">
        <v>96</v>
      </c>
      <c r="J157" s="19">
        <v>1</v>
      </c>
      <c r="K157" s="19" t="s">
        <v>509</v>
      </c>
      <c r="L157" s="19">
        <v>1</v>
      </c>
      <c r="M157" s="19">
        <v>80</v>
      </c>
      <c r="N157" s="19"/>
      <c r="O157" s="98"/>
      <c r="P157" s="99"/>
      <c r="Q157" s="98"/>
    </row>
    <row r="158" spans="1:17" s="143" customFormat="1" hidden="1">
      <c r="C158" s="19"/>
      <c r="D158" s="19"/>
      <c r="E158" s="19" t="s">
        <v>115</v>
      </c>
      <c r="F158" s="19">
        <v>365</v>
      </c>
      <c r="G158" s="19" t="s">
        <v>114</v>
      </c>
      <c r="H158" s="19" t="s">
        <v>78</v>
      </c>
      <c r="I158" s="19" t="s">
        <v>96</v>
      </c>
      <c r="J158" s="19">
        <v>1</v>
      </c>
      <c r="K158" s="19" t="s">
        <v>514</v>
      </c>
      <c r="L158" s="19">
        <v>2</v>
      </c>
      <c r="M158" s="19">
        <v>2</v>
      </c>
      <c r="N158" s="19"/>
      <c r="O158" s="98"/>
      <c r="P158" s="99"/>
      <c r="Q158" s="98"/>
    </row>
    <row r="159" spans="1:17" s="143" customFormat="1" hidden="1">
      <c r="C159" s="24"/>
      <c r="E159" s="19" t="s">
        <v>113</v>
      </c>
      <c r="F159" s="19">
        <v>364</v>
      </c>
      <c r="G159" s="19" t="s">
        <v>112</v>
      </c>
      <c r="H159" s="19" t="s">
        <v>78</v>
      </c>
      <c r="I159" s="19" t="s">
        <v>96</v>
      </c>
      <c r="J159" s="19">
        <v>1</v>
      </c>
      <c r="K159" s="19" t="s">
        <v>509</v>
      </c>
      <c r="L159" s="19">
        <v>1</v>
      </c>
      <c r="M159" s="19">
        <v>80</v>
      </c>
      <c r="N159" s="19"/>
      <c r="O159" s="98"/>
      <c r="P159" s="99"/>
      <c r="Q159" s="98"/>
    </row>
    <row r="160" spans="1:17" s="143" customFormat="1" ht="15.75" hidden="1" customHeight="1">
      <c r="C160" s="24"/>
      <c r="E160" s="11" t="s">
        <v>889</v>
      </c>
      <c r="F160" s="11">
        <v>443</v>
      </c>
      <c r="G160" s="11" t="s">
        <v>890</v>
      </c>
      <c r="H160" s="11" t="s">
        <v>78</v>
      </c>
      <c r="I160" s="11" t="s">
        <v>71</v>
      </c>
      <c r="J160" s="11">
        <v>1</v>
      </c>
      <c r="K160" s="11" t="s">
        <v>509</v>
      </c>
      <c r="L160" s="11">
        <v>1</v>
      </c>
      <c r="M160" s="11">
        <v>20</v>
      </c>
      <c r="P160" s="99"/>
      <c r="Q160" s="98"/>
    </row>
    <row r="161" spans="1:17" s="143" customFormat="1" hidden="1">
      <c r="A161" s="17"/>
      <c r="B161" s="17"/>
      <c r="C161" s="75" t="s">
        <v>124</v>
      </c>
      <c r="D161" s="142" t="s">
        <v>475</v>
      </c>
      <c r="E161" s="75"/>
      <c r="F161" s="75"/>
      <c r="G161" s="75"/>
      <c r="H161" s="75" t="s">
        <v>17</v>
      </c>
      <c r="I161" s="75" t="s">
        <v>71</v>
      </c>
      <c r="J161" s="75">
        <v>3</v>
      </c>
      <c r="K161" s="75"/>
      <c r="L161" s="75"/>
      <c r="M161" s="75"/>
      <c r="N161" s="78"/>
      <c r="O161" s="98"/>
      <c r="P161" s="99"/>
      <c r="Q161" s="98"/>
    </row>
    <row r="162" spans="1:17" s="143" customFormat="1" hidden="1">
      <c r="C162" s="11"/>
      <c r="D162" s="33"/>
      <c r="E162" s="11" t="s">
        <v>123</v>
      </c>
      <c r="F162" s="11">
        <v>366</v>
      </c>
      <c r="G162" s="11" t="s">
        <v>122</v>
      </c>
      <c r="H162" s="11" t="s">
        <v>66</v>
      </c>
      <c r="I162" s="11" t="s">
        <v>65</v>
      </c>
      <c r="J162" s="11">
        <v>1</v>
      </c>
      <c r="K162" s="11" t="s">
        <v>514</v>
      </c>
      <c r="L162" s="11">
        <v>2</v>
      </c>
      <c r="M162" s="11">
        <v>2</v>
      </c>
      <c r="N162" s="18" t="s">
        <v>643</v>
      </c>
      <c r="O162" s="98"/>
      <c r="P162" s="99"/>
      <c r="Q162" s="98"/>
    </row>
    <row r="163" spans="1:17" s="143" customFormat="1" hidden="1">
      <c r="C163" s="11"/>
      <c r="D163" s="33"/>
      <c r="E163" s="11" t="s">
        <v>121</v>
      </c>
      <c r="F163" s="11">
        <v>93</v>
      </c>
      <c r="G163" s="11" t="s">
        <v>120</v>
      </c>
      <c r="H163" s="11" t="s">
        <v>17</v>
      </c>
      <c r="I163" s="11" t="s">
        <v>71</v>
      </c>
      <c r="J163" s="11">
        <v>1</v>
      </c>
      <c r="K163" s="11" t="s">
        <v>509</v>
      </c>
      <c r="L163" s="11">
        <v>1</v>
      </c>
      <c r="M163" s="11">
        <v>60</v>
      </c>
      <c r="N163" s="18"/>
      <c r="O163" s="98"/>
      <c r="P163" s="99"/>
      <c r="Q163" s="98"/>
    </row>
    <row r="164" spans="1:17" s="143" customFormat="1" hidden="1">
      <c r="C164" s="19"/>
      <c r="D164" s="19"/>
      <c r="E164" s="19" t="s">
        <v>119</v>
      </c>
      <c r="F164" s="19">
        <v>365</v>
      </c>
      <c r="G164" s="19" t="s">
        <v>114</v>
      </c>
      <c r="H164" s="19" t="s">
        <v>78</v>
      </c>
      <c r="I164" s="19" t="s">
        <v>174</v>
      </c>
      <c r="J164" s="19">
        <v>1</v>
      </c>
      <c r="K164" s="19" t="s">
        <v>514</v>
      </c>
      <c r="L164" s="19">
        <v>2</v>
      </c>
      <c r="M164" s="19">
        <v>2</v>
      </c>
      <c r="N164" s="19"/>
      <c r="O164" s="98"/>
      <c r="P164" s="99"/>
      <c r="Q164" s="98"/>
    </row>
    <row r="165" spans="1:17" s="143" customFormat="1" hidden="1">
      <c r="C165" s="19"/>
      <c r="D165" s="19"/>
      <c r="E165" s="19" t="s">
        <v>118</v>
      </c>
      <c r="F165" s="19">
        <v>364</v>
      </c>
      <c r="G165" s="19" t="s">
        <v>112</v>
      </c>
      <c r="H165" s="19" t="s">
        <v>78</v>
      </c>
      <c r="I165" s="19" t="s">
        <v>96</v>
      </c>
      <c r="J165" s="19">
        <v>1</v>
      </c>
      <c r="K165" s="19" t="s">
        <v>509</v>
      </c>
      <c r="L165" s="19">
        <v>1</v>
      </c>
      <c r="M165" s="19">
        <v>80</v>
      </c>
      <c r="N165" s="19"/>
      <c r="O165" s="98"/>
      <c r="P165" s="99"/>
      <c r="Q165" s="98"/>
    </row>
    <row r="166" spans="1:17" s="143" customFormat="1" hidden="1">
      <c r="C166" s="19"/>
      <c r="D166" s="19"/>
      <c r="E166" s="19" t="s">
        <v>117</v>
      </c>
      <c r="F166" s="19">
        <v>365</v>
      </c>
      <c r="G166" s="19" t="s">
        <v>114</v>
      </c>
      <c r="H166" s="19" t="s">
        <v>78</v>
      </c>
      <c r="I166" s="19" t="s">
        <v>96</v>
      </c>
      <c r="J166" s="19">
        <v>1</v>
      </c>
      <c r="K166" s="19" t="s">
        <v>514</v>
      </c>
      <c r="L166" s="19">
        <v>2</v>
      </c>
      <c r="M166" s="19">
        <v>2</v>
      </c>
      <c r="N166" s="19"/>
      <c r="O166" s="98"/>
      <c r="P166" s="99"/>
      <c r="Q166" s="98"/>
    </row>
    <row r="167" spans="1:17" s="143" customFormat="1" hidden="1">
      <c r="C167" s="19"/>
      <c r="D167" s="19"/>
      <c r="E167" s="19" t="s">
        <v>116</v>
      </c>
      <c r="F167" s="19">
        <v>364</v>
      </c>
      <c r="G167" s="19" t="s">
        <v>112</v>
      </c>
      <c r="H167" s="19" t="s">
        <v>78</v>
      </c>
      <c r="I167" s="19" t="s">
        <v>96</v>
      </c>
      <c r="J167" s="19">
        <v>1</v>
      </c>
      <c r="K167" s="19" t="s">
        <v>509</v>
      </c>
      <c r="L167" s="19">
        <v>1</v>
      </c>
      <c r="M167" s="19">
        <v>80</v>
      </c>
      <c r="N167" s="19"/>
      <c r="O167" s="98"/>
      <c r="P167" s="99"/>
      <c r="Q167" s="98"/>
    </row>
    <row r="168" spans="1:17" s="143" customFormat="1" hidden="1">
      <c r="C168" s="19"/>
      <c r="D168" s="19"/>
      <c r="E168" s="19" t="s">
        <v>115</v>
      </c>
      <c r="F168" s="19">
        <v>365</v>
      </c>
      <c r="G168" s="19" t="s">
        <v>114</v>
      </c>
      <c r="H168" s="19" t="s">
        <v>78</v>
      </c>
      <c r="I168" s="19" t="s">
        <v>96</v>
      </c>
      <c r="J168" s="19">
        <v>1</v>
      </c>
      <c r="K168" s="19" t="s">
        <v>514</v>
      </c>
      <c r="L168" s="19">
        <v>2</v>
      </c>
      <c r="M168" s="19">
        <v>2</v>
      </c>
      <c r="N168" s="19"/>
      <c r="O168" s="98"/>
      <c r="P168" s="99"/>
      <c r="Q168" s="98"/>
    </row>
    <row r="169" spans="1:17" s="143" customFormat="1" hidden="1">
      <c r="C169" s="24"/>
      <c r="E169" s="19" t="s">
        <v>113</v>
      </c>
      <c r="F169" s="19">
        <v>364</v>
      </c>
      <c r="G169" s="19" t="s">
        <v>112</v>
      </c>
      <c r="H169" s="19" t="s">
        <v>78</v>
      </c>
      <c r="I169" s="19" t="s">
        <v>96</v>
      </c>
      <c r="J169" s="19">
        <v>1</v>
      </c>
      <c r="K169" s="19" t="s">
        <v>509</v>
      </c>
      <c r="L169" s="19">
        <v>1</v>
      </c>
      <c r="M169" s="19">
        <v>80</v>
      </c>
      <c r="N169" s="19"/>
      <c r="O169" s="98"/>
      <c r="P169" s="99"/>
      <c r="Q169" s="98"/>
    </row>
    <row r="170" spans="1:17" s="143" customFormat="1" hidden="1">
      <c r="C170" s="24"/>
      <c r="E170" s="11" t="s">
        <v>889</v>
      </c>
      <c r="F170" s="11">
        <v>443</v>
      </c>
      <c r="G170" s="11" t="s">
        <v>890</v>
      </c>
      <c r="H170" s="11" t="s">
        <v>78</v>
      </c>
      <c r="I170" s="11" t="s">
        <v>71</v>
      </c>
      <c r="J170" s="11">
        <v>1</v>
      </c>
      <c r="K170" s="11" t="s">
        <v>509</v>
      </c>
      <c r="L170" s="11">
        <v>1</v>
      </c>
      <c r="M170" s="11">
        <v>20</v>
      </c>
      <c r="N170" s="18" t="s">
        <v>892</v>
      </c>
      <c r="O170" s="98"/>
      <c r="P170" s="99"/>
      <c r="Q170" s="98"/>
    </row>
    <row r="171" spans="1:17" s="143" customFormat="1" hidden="1">
      <c r="A171" s="17"/>
      <c r="B171" s="17"/>
      <c r="C171" s="75" t="s">
        <v>124</v>
      </c>
      <c r="D171" s="142" t="s">
        <v>475</v>
      </c>
      <c r="E171" s="75"/>
      <c r="F171" s="75"/>
      <c r="G171" s="75"/>
      <c r="H171" s="75" t="s">
        <v>17</v>
      </c>
      <c r="I171" s="75" t="s">
        <v>71</v>
      </c>
      <c r="J171" s="75">
        <v>3</v>
      </c>
      <c r="K171" s="75"/>
      <c r="L171" s="75"/>
      <c r="M171" s="75"/>
      <c r="N171" s="78"/>
      <c r="O171" s="98"/>
      <c r="P171" s="99"/>
      <c r="Q171" s="98"/>
    </row>
    <row r="172" spans="1:17" s="143" customFormat="1" hidden="1">
      <c r="C172" s="11"/>
      <c r="D172" s="33"/>
      <c r="E172" s="11" t="s">
        <v>123</v>
      </c>
      <c r="F172" s="11">
        <v>366</v>
      </c>
      <c r="G172" s="11" t="s">
        <v>122</v>
      </c>
      <c r="H172" s="11" t="s">
        <v>66</v>
      </c>
      <c r="I172" s="11" t="s">
        <v>65</v>
      </c>
      <c r="J172" s="11">
        <v>1</v>
      </c>
      <c r="K172" s="11" t="s">
        <v>514</v>
      </c>
      <c r="L172" s="11">
        <v>2</v>
      </c>
      <c r="M172" s="11">
        <v>2</v>
      </c>
      <c r="N172" s="18" t="s">
        <v>643</v>
      </c>
      <c r="O172" s="98"/>
      <c r="P172" s="99"/>
      <c r="Q172" s="98"/>
    </row>
    <row r="173" spans="1:17" s="143" customFormat="1" hidden="1">
      <c r="C173" s="11"/>
      <c r="D173" s="33"/>
      <c r="E173" s="11" t="s">
        <v>121</v>
      </c>
      <c r="F173" s="11">
        <v>93</v>
      </c>
      <c r="G173" s="11" t="s">
        <v>120</v>
      </c>
      <c r="H173" s="11" t="s">
        <v>17</v>
      </c>
      <c r="I173" s="11" t="s">
        <v>71</v>
      </c>
      <c r="J173" s="11">
        <v>1</v>
      </c>
      <c r="K173" s="11" t="s">
        <v>509</v>
      </c>
      <c r="L173" s="11">
        <v>1</v>
      </c>
      <c r="M173" s="11">
        <v>60</v>
      </c>
      <c r="N173" s="18"/>
      <c r="O173" s="98"/>
      <c r="P173" s="99"/>
      <c r="Q173" s="98"/>
    </row>
    <row r="174" spans="1:17" s="143" customFormat="1" hidden="1">
      <c r="C174" s="19"/>
      <c r="D174" s="19"/>
      <c r="E174" s="19" t="s">
        <v>119</v>
      </c>
      <c r="F174" s="19">
        <v>365</v>
      </c>
      <c r="G174" s="19" t="s">
        <v>114</v>
      </c>
      <c r="H174" s="19" t="s">
        <v>78</v>
      </c>
      <c r="I174" s="19" t="s">
        <v>174</v>
      </c>
      <c r="J174" s="19">
        <v>1</v>
      </c>
      <c r="K174" s="19" t="s">
        <v>514</v>
      </c>
      <c r="L174" s="19">
        <v>2</v>
      </c>
      <c r="M174" s="19">
        <v>2</v>
      </c>
      <c r="N174" s="19"/>
      <c r="O174" s="98"/>
      <c r="P174" s="99"/>
      <c r="Q174" s="98"/>
    </row>
    <row r="175" spans="1:17" s="143" customFormat="1" hidden="1">
      <c r="C175" s="19"/>
      <c r="D175" s="19"/>
      <c r="E175" s="19" t="s">
        <v>118</v>
      </c>
      <c r="F175" s="19">
        <v>364</v>
      </c>
      <c r="G175" s="19" t="s">
        <v>112</v>
      </c>
      <c r="H175" s="19" t="s">
        <v>78</v>
      </c>
      <c r="I175" s="19" t="s">
        <v>96</v>
      </c>
      <c r="J175" s="19">
        <v>1</v>
      </c>
      <c r="K175" s="19" t="s">
        <v>509</v>
      </c>
      <c r="L175" s="19">
        <v>1</v>
      </c>
      <c r="M175" s="19">
        <v>80</v>
      </c>
      <c r="N175" s="19"/>
      <c r="O175" s="98"/>
      <c r="P175" s="99"/>
      <c r="Q175" s="98"/>
    </row>
    <row r="176" spans="1:17" s="143" customFormat="1" hidden="1">
      <c r="C176" s="19"/>
      <c r="D176" s="19"/>
      <c r="E176" s="19" t="s">
        <v>117</v>
      </c>
      <c r="F176" s="19">
        <v>365</v>
      </c>
      <c r="G176" s="19" t="s">
        <v>114</v>
      </c>
      <c r="H176" s="19" t="s">
        <v>78</v>
      </c>
      <c r="I176" s="19" t="s">
        <v>96</v>
      </c>
      <c r="J176" s="19">
        <v>1</v>
      </c>
      <c r="K176" s="19" t="s">
        <v>514</v>
      </c>
      <c r="L176" s="19">
        <v>2</v>
      </c>
      <c r="M176" s="19">
        <v>2</v>
      </c>
      <c r="N176" s="19"/>
      <c r="O176" s="98"/>
      <c r="P176" s="99"/>
      <c r="Q176" s="98"/>
    </row>
    <row r="177" spans="1:17" s="143" customFormat="1" hidden="1">
      <c r="C177" s="19"/>
      <c r="D177" s="19"/>
      <c r="E177" s="19" t="s">
        <v>116</v>
      </c>
      <c r="F177" s="19">
        <v>364</v>
      </c>
      <c r="G177" s="19" t="s">
        <v>112</v>
      </c>
      <c r="H177" s="19" t="s">
        <v>78</v>
      </c>
      <c r="I177" s="19" t="s">
        <v>96</v>
      </c>
      <c r="J177" s="19">
        <v>1</v>
      </c>
      <c r="K177" s="19" t="s">
        <v>509</v>
      </c>
      <c r="L177" s="19">
        <v>1</v>
      </c>
      <c r="M177" s="19">
        <v>80</v>
      </c>
      <c r="N177" s="19"/>
      <c r="O177" s="98"/>
      <c r="P177" s="99"/>
      <c r="Q177" s="98"/>
    </row>
    <row r="178" spans="1:17" s="143" customFormat="1" hidden="1">
      <c r="C178" s="19"/>
      <c r="D178" s="19"/>
      <c r="E178" s="19" t="s">
        <v>115</v>
      </c>
      <c r="F178" s="19">
        <v>365</v>
      </c>
      <c r="G178" s="19" t="s">
        <v>114</v>
      </c>
      <c r="H178" s="19" t="s">
        <v>78</v>
      </c>
      <c r="I178" s="19" t="s">
        <v>96</v>
      </c>
      <c r="J178" s="19">
        <v>1</v>
      </c>
      <c r="K178" s="19" t="s">
        <v>514</v>
      </c>
      <c r="L178" s="19">
        <v>2</v>
      </c>
      <c r="M178" s="19">
        <v>2</v>
      </c>
      <c r="N178" s="19"/>
      <c r="O178" s="98"/>
      <c r="P178" s="99"/>
      <c r="Q178" s="98"/>
    </row>
    <row r="179" spans="1:17" s="143" customFormat="1" hidden="1">
      <c r="C179" s="24"/>
      <c r="E179" s="19" t="s">
        <v>113</v>
      </c>
      <c r="F179" s="19">
        <v>364</v>
      </c>
      <c r="G179" s="19" t="s">
        <v>112</v>
      </c>
      <c r="H179" s="19" t="s">
        <v>78</v>
      </c>
      <c r="I179" s="19" t="s">
        <v>96</v>
      </c>
      <c r="J179" s="19">
        <v>1</v>
      </c>
      <c r="K179" s="19" t="s">
        <v>509</v>
      </c>
      <c r="L179" s="19">
        <v>1</v>
      </c>
      <c r="M179" s="19">
        <v>80</v>
      </c>
      <c r="N179" s="19"/>
      <c r="O179" s="98"/>
      <c r="P179" s="99"/>
      <c r="Q179" s="98"/>
    </row>
    <row r="180" spans="1:17" s="143" customFormat="1" hidden="1">
      <c r="C180" s="24"/>
      <c r="E180" s="11" t="s">
        <v>889</v>
      </c>
      <c r="F180" s="11">
        <v>443</v>
      </c>
      <c r="G180" s="11" t="s">
        <v>890</v>
      </c>
      <c r="H180" s="11" t="s">
        <v>78</v>
      </c>
      <c r="I180" s="11" t="s">
        <v>71</v>
      </c>
      <c r="J180" s="11">
        <v>1</v>
      </c>
      <c r="K180" s="11" t="s">
        <v>509</v>
      </c>
      <c r="L180" s="11">
        <v>1</v>
      </c>
      <c r="M180" s="11">
        <v>20</v>
      </c>
      <c r="N180" s="18" t="s">
        <v>893</v>
      </c>
      <c r="O180" s="98"/>
      <c r="P180" s="99"/>
      <c r="Q180" s="98"/>
    </row>
    <row r="181" spans="1:17" s="143" customFormat="1" hidden="1">
      <c r="C181" s="24"/>
      <c r="E181" s="11"/>
      <c r="F181" s="11"/>
      <c r="G181" s="11"/>
      <c r="H181" s="11"/>
      <c r="I181" s="11"/>
      <c r="J181" s="11"/>
      <c r="K181" s="11"/>
      <c r="L181" s="11"/>
      <c r="M181" s="11"/>
      <c r="N181" s="18"/>
      <c r="P181" s="99"/>
      <c r="Q181" s="98"/>
    </row>
    <row r="182" spans="1:17" s="143" customFormat="1" hidden="1">
      <c r="C182" s="24"/>
      <c r="E182" s="11"/>
      <c r="F182" s="11"/>
      <c r="G182" s="11"/>
      <c r="H182" s="11"/>
      <c r="I182" s="11"/>
      <c r="J182" s="11"/>
      <c r="K182" s="11"/>
      <c r="L182" s="11"/>
      <c r="M182" s="11"/>
      <c r="N182" s="18"/>
      <c r="P182" s="99"/>
      <c r="Q182" s="98"/>
    </row>
    <row r="183" spans="1:17" s="143" customFormat="1" hidden="1">
      <c r="C183" s="24"/>
      <c r="E183" s="11"/>
      <c r="F183" s="11"/>
      <c r="G183" s="11"/>
      <c r="H183" s="11"/>
      <c r="I183" s="11"/>
      <c r="J183" s="11"/>
      <c r="K183" s="11"/>
      <c r="L183" s="11"/>
      <c r="M183" s="11"/>
      <c r="N183" s="18"/>
      <c r="P183" s="99"/>
      <c r="Q183" s="98"/>
    </row>
    <row r="184" spans="1:17" ht="35">
      <c r="A184" s="17"/>
      <c r="B184" s="17"/>
      <c r="C184" s="17" t="s">
        <v>130</v>
      </c>
      <c r="D184" s="139" t="s">
        <v>126</v>
      </c>
      <c r="E184" s="17"/>
      <c r="F184" s="17"/>
      <c r="G184" s="17"/>
      <c r="H184" s="17" t="s">
        <v>17</v>
      </c>
      <c r="I184" s="17" t="s">
        <v>71</v>
      </c>
      <c r="J184" s="17" t="s">
        <v>525</v>
      </c>
      <c r="K184" s="17"/>
      <c r="L184" s="17"/>
      <c r="M184" s="17"/>
      <c r="N184" s="138"/>
      <c r="O184" s="98" t="s">
        <v>2273</v>
      </c>
      <c r="P184" s="99" t="s">
        <v>1625</v>
      </c>
      <c r="Q184" s="98"/>
    </row>
    <row r="185" spans="1:17" hidden="1" outlineLevel="1">
      <c r="E185" s="8" t="s">
        <v>129</v>
      </c>
      <c r="F185" s="8">
        <v>128</v>
      </c>
      <c r="G185" s="8" t="s">
        <v>128</v>
      </c>
      <c r="H185" s="8" t="s">
        <v>66</v>
      </c>
      <c r="I185" s="8" t="s">
        <v>65</v>
      </c>
      <c r="J185" s="8">
        <v>1</v>
      </c>
      <c r="K185" s="8" t="s">
        <v>514</v>
      </c>
      <c r="L185" s="8">
        <v>2</v>
      </c>
      <c r="M185" s="8">
        <v>3</v>
      </c>
      <c r="N185" s="72" t="s">
        <v>1302</v>
      </c>
      <c r="O185" s="98"/>
      <c r="Q185" s="98"/>
    </row>
    <row r="186" spans="1:17" hidden="1" outlineLevel="1">
      <c r="E186" s="8" t="s">
        <v>127</v>
      </c>
      <c r="F186" s="8">
        <v>127</v>
      </c>
      <c r="G186" s="8" t="s">
        <v>126</v>
      </c>
      <c r="H186" s="8" t="s">
        <v>78</v>
      </c>
      <c r="I186" s="8" t="s">
        <v>65</v>
      </c>
      <c r="J186" s="8">
        <v>1</v>
      </c>
      <c r="K186" s="8" t="s">
        <v>509</v>
      </c>
      <c r="L186" s="8">
        <v>1</v>
      </c>
      <c r="M186" s="8">
        <v>30</v>
      </c>
      <c r="N186" s="72" t="s">
        <v>631</v>
      </c>
      <c r="O186" s="98"/>
      <c r="Q186" s="98"/>
    </row>
    <row r="187" spans="1:17" hidden="1" outlineLevel="1">
      <c r="E187" s="8" t="s">
        <v>125</v>
      </c>
      <c r="F187" s="8">
        <v>352</v>
      </c>
      <c r="G187" s="8" t="s">
        <v>3</v>
      </c>
      <c r="H187" s="8" t="s">
        <v>17</v>
      </c>
      <c r="I187" s="8" t="s">
        <v>71</v>
      </c>
      <c r="J187" s="8">
        <v>1</v>
      </c>
      <c r="K187" s="8" t="s">
        <v>509</v>
      </c>
      <c r="L187" s="8">
        <v>1</v>
      </c>
      <c r="M187" s="8">
        <v>80</v>
      </c>
      <c r="O187" s="98"/>
      <c r="Q187" s="98"/>
    </row>
    <row r="188" spans="1:17" hidden="1" collapsed="1">
      <c r="A188" s="17"/>
      <c r="B188" s="17"/>
      <c r="C188" s="17" t="s">
        <v>130</v>
      </c>
      <c r="D188" s="139" t="s">
        <v>126</v>
      </c>
      <c r="E188" s="17"/>
      <c r="F188" s="17"/>
      <c r="G188" s="17"/>
      <c r="H188" s="17" t="s">
        <v>17</v>
      </c>
      <c r="I188" s="17" t="s">
        <v>17</v>
      </c>
      <c r="J188" s="17" t="s">
        <v>525</v>
      </c>
      <c r="K188" s="17"/>
      <c r="L188" s="17"/>
      <c r="M188" s="17"/>
      <c r="N188" s="138"/>
      <c r="O188" s="98"/>
      <c r="Q188" s="98"/>
    </row>
    <row r="189" spans="1:17" hidden="1">
      <c r="E189" s="8" t="s">
        <v>129</v>
      </c>
      <c r="F189" s="8">
        <v>128</v>
      </c>
      <c r="G189" s="8" t="s">
        <v>128</v>
      </c>
      <c r="H189" s="8" t="s">
        <v>66</v>
      </c>
      <c r="I189" s="8" t="s">
        <v>65</v>
      </c>
      <c r="J189" s="8">
        <v>1</v>
      </c>
      <c r="K189" s="8" t="s">
        <v>514</v>
      </c>
      <c r="L189" s="8">
        <v>2</v>
      </c>
      <c r="M189" s="8">
        <v>3</v>
      </c>
      <c r="N189" s="72" t="s">
        <v>632</v>
      </c>
      <c r="O189" s="98"/>
      <c r="Q189" s="98"/>
    </row>
    <row r="190" spans="1:17" hidden="1">
      <c r="E190" s="8" t="s">
        <v>127</v>
      </c>
      <c r="F190" s="8">
        <v>127</v>
      </c>
      <c r="G190" s="8" t="s">
        <v>126</v>
      </c>
      <c r="H190" s="8" t="s">
        <v>78</v>
      </c>
      <c r="I190" s="8" t="s">
        <v>71</v>
      </c>
      <c r="J190" s="8">
        <v>1</v>
      </c>
      <c r="K190" s="8" t="s">
        <v>509</v>
      </c>
      <c r="L190" s="8">
        <v>1</v>
      </c>
      <c r="M190" s="8">
        <v>30</v>
      </c>
      <c r="O190" s="98"/>
      <c r="Q190" s="98"/>
    </row>
    <row r="191" spans="1:17" hidden="1">
      <c r="A191" s="17"/>
      <c r="B191" s="17"/>
      <c r="C191" s="17" t="s">
        <v>130</v>
      </c>
      <c r="D191" s="139" t="s">
        <v>126</v>
      </c>
      <c r="E191" s="17"/>
      <c r="F191" s="17"/>
      <c r="G191" s="17"/>
      <c r="H191" s="17" t="s">
        <v>17</v>
      </c>
      <c r="I191" s="17" t="s">
        <v>71</v>
      </c>
      <c r="J191" s="17" t="s">
        <v>525</v>
      </c>
      <c r="K191" s="17"/>
      <c r="L191" s="17"/>
      <c r="M191" s="17"/>
      <c r="N191" s="138"/>
      <c r="O191" s="98"/>
      <c r="Q191" s="98"/>
    </row>
    <row r="192" spans="1:17" hidden="1">
      <c r="E192" s="8" t="s">
        <v>129</v>
      </c>
      <c r="F192" s="8">
        <v>128</v>
      </c>
      <c r="G192" s="8" t="s">
        <v>128</v>
      </c>
      <c r="H192" s="8" t="s">
        <v>66</v>
      </c>
      <c r="I192" s="8" t="s">
        <v>65</v>
      </c>
      <c r="J192" s="8">
        <v>1</v>
      </c>
      <c r="K192" s="8" t="s">
        <v>514</v>
      </c>
      <c r="L192" s="8">
        <v>2</v>
      </c>
      <c r="M192" s="8">
        <v>3</v>
      </c>
      <c r="N192" s="72" t="s">
        <v>633</v>
      </c>
      <c r="O192" s="98"/>
      <c r="Q192" s="98"/>
    </row>
    <row r="193" spans="1:17" hidden="1">
      <c r="C193" s="19"/>
      <c r="D193" s="140"/>
      <c r="E193" s="19" t="s">
        <v>127</v>
      </c>
      <c r="F193" s="19">
        <v>127</v>
      </c>
      <c r="G193" s="19" t="s">
        <v>126</v>
      </c>
      <c r="H193" s="19" t="s">
        <v>78</v>
      </c>
      <c r="I193" s="19" t="s">
        <v>174</v>
      </c>
      <c r="J193" s="19">
        <v>1</v>
      </c>
      <c r="K193" s="19" t="s">
        <v>509</v>
      </c>
      <c r="L193" s="19">
        <v>1</v>
      </c>
      <c r="M193" s="19">
        <v>30</v>
      </c>
      <c r="N193" s="25"/>
      <c r="O193" s="98"/>
      <c r="Q193" s="98"/>
    </row>
    <row r="194" spans="1:17" hidden="1">
      <c r="E194" s="8" t="s">
        <v>125</v>
      </c>
      <c r="F194" s="8">
        <v>352</v>
      </c>
      <c r="G194" s="8" t="s">
        <v>3</v>
      </c>
      <c r="H194" s="8" t="s">
        <v>78</v>
      </c>
      <c r="I194" s="8" t="s">
        <v>71</v>
      </c>
      <c r="J194" s="8">
        <v>1</v>
      </c>
      <c r="K194" s="8" t="s">
        <v>509</v>
      </c>
      <c r="L194" s="8">
        <v>1</v>
      </c>
      <c r="M194" s="8">
        <v>80</v>
      </c>
      <c r="O194" s="98"/>
      <c r="Q194" s="98"/>
    </row>
    <row r="195" spans="1:17" hidden="1">
      <c r="A195" s="17"/>
      <c r="B195" s="17"/>
      <c r="C195" s="17" t="s">
        <v>130</v>
      </c>
      <c r="D195" s="139" t="s">
        <v>126</v>
      </c>
      <c r="E195" s="17"/>
      <c r="F195" s="17"/>
      <c r="G195" s="17"/>
      <c r="H195" s="17" t="s">
        <v>17</v>
      </c>
      <c r="I195" s="17" t="s">
        <v>71</v>
      </c>
      <c r="J195" s="17" t="s">
        <v>525</v>
      </c>
      <c r="K195" s="17"/>
      <c r="L195" s="17"/>
      <c r="M195" s="17"/>
      <c r="N195" s="138"/>
      <c r="O195" s="98"/>
      <c r="Q195" s="98"/>
    </row>
    <row r="196" spans="1:17" hidden="1">
      <c r="E196" s="8" t="s">
        <v>129</v>
      </c>
      <c r="F196" s="8">
        <v>128</v>
      </c>
      <c r="G196" s="8" t="s">
        <v>128</v>
      </c>
      <c r="H196" s="8" t="s">
        <v>66</v>
      </c>
      <c r="I196" s="8" t="s">
        <v>65</v>
      </c>
      <c r="J196" s="8">
        <v>1</v>
      </c>
      <c r="K196" s="8" t="s">
        <v>514</v>
      </c>
      <c r="L196" s="8">
        <v>2</v>
      </c>
      <c r="M196" s="8">
        <v>3</v>
      </c>
      <c r="N196" s="72" t="s">
        <v>634</v>
      </c>
      <c r="O196" s="98"/>
      <c r="Q196" s="98"/>
    </row>
    <row r="197" spans="1:17" ht="31.5" hidden="1" customHeight="1">
      <c r="E197" s="19" t="s">
        <v>127</v>
      </c>
      <c r="F197" s="19">
        <v>127</v>
      </c>
      <c r="G197" s="19" t="s">
        <v>126</v>
      </c>
      <c r="H197" s="19" t="s">
        <v>78</v>
      </c>
      <c r="I197" s="19" t="s">
        <v>174</v>
      </c>
      <c r="J197" s="19">
        <v>1</v>
      </c>
      <c r="K197" s="19" t="s">
        <v>509</v>
      </c>
      <c r="L197" s="19">
        <v>1</v>
      </c>
      <c r="M197" s="19">
        <v>30</v>
      </c>
      <c r="N197" s="25"/>
      <c r="O197" s="98"/>
      <c r="Q197" s="98"/>
    </row>
    <row r="198" spans="1:17" ht="24" hidden="1" customHeight="1">
      <c r="E198" s="8" t="s">
        <v>125</v>
      </c>
      <c r="F198" s="8">
        <v>352</v>
      </c>
      <c r="G198" s="8" t="s">
        <v>3</v>
      </c>
      <c r="H198" s="8" t="s">
        <v>78</v>
      </c>
      <c r="I198" s="8" t="s">
        <v>71</v>
      </c>
      <c r="J198" s="8">
        <v>1</v>
      </c>
      <c r="K198" s="8" t="s">
        <v>509</v>
      </c>
      <c r="L198" s="8">
        <v>1</v>
      </c>
      <c r="M198" s="8">
        <v>80</v>
      </c>
      <c r="O198" s="98"/>
      <c r="Q198" s="98"/>
    </row>
    <row r="199" spans="1:17">
      <c r="A199" s="17"/>
      <c r="B199" s="17"/>
      <c r="C199" s="17" t="s">
        <v>130</v>
      </c>
      <c r="D199" s="139" t="s">
        <v>126</v>
      </c>
      <c r="E199" s="17"/>
      <c r="F199" s="17"/>
      <c r="G199" s="17"/>
      <c r="H199" s="17" t="s">
        <v>17</v>
      </c>
      <c r="I199" s="17" t="s">
        <v>71</v>
      </c>
      <c r="J199" s="17" t="s">
        <v>525</v>
      </c>
      <c r="K199" s="17"/>
      <c r="L199" s="17"/>
      <c r="M199" s="17"/>
      <c r="N199" s="138"/>
      <c r="O199" s="98" t="s">
        <v>2272</v>
      </c>
      <c r="P199" s="99" t="s">
        <v>2271</v>
      </c>
      <c r="Q199" s="98"/>
    </row>
    <row r="200" spans="1:17" hidden="1" outlineLevel="1">
      <c r="E200" s="8" t="s">
        <v>129</v>
      </c>
      <c r="F200" s="8">
        <v>128</v>
      </c>
      <c r="G200" s="8" t="s">
        <v>128</v>
      </c>
      <c r="H200" s="8" t="s">
        <v>66</v>
      </c>
      <c r="I200" s="8" t="s">
        <v>65</v>
      </c>
      <c r="J200" s="8">
        <v>1</v>
      </c>
      <c r="K200" s="8" t="s">
        <v>514</v>
      </c>
      <c r="L200" s="8">
        <v>2</v>
      </c>
      <c r="M200" s="8">
        <v>3</v>
      </c>
      <c r="N200" s="72" t="s">
        <v>721</v>
      </c>
      <c r="O200" s="98"/>
    </row>
    <row r="201" spans="1:17" hidden="1" outlineLevel="1">
      <c r="E201" s="8" t="s">
        <v>127</v>
      </c>
      <c r="F201" s="8">
        <v>127</v>
      </c>
      <c r="G201" s="8" t="s">
        <v>126</v>
      </c>
      <c r="H201" s="8" t="s">
        <v>78</v>
      </c>
      <c r="I201" s="8" t="s">
        <v>71</v>
      </c>
      <c r="J201" s="8">
        <v>1</v>
      </c>
      <c r="K201" s="8" t="s">
        <v>509</v>
      </c>
      <c r="L201" s="8">
        <v>1</v>
      </c>
      <c r="M201" s="8">
        <v>30</v>
      </c>
      <c r="O201" s="98"/>
    </row>
    <row r="202" spans="1:17" s="143" customFormat="1" hidden="1" outlineLevel="1">
      <c r="C202" s="24"/>
      <c r="E202" s="11"/>
      <c r="F202" s="11"/>
      <c r="G202" s="11"/>
      <c r="H202" s="11"/>
      <c r="I202" s="11"/>
      <c r="J202" s="11"/>
      <c r="K202" s="11"/>
      <c r="L202" s="11"/>
      <c r="M202" s="11"/>
      <c r="N202" s="18"/>
      <c r="O202" s="98"/>
      <c r="P202" s="99"/>
    </row>
    <row r="203" spans="1:17" collapsed="1">
      <c r="A203" s="17"/>
      <c r="B203" s="17"/>
      <c r="C203" s="17" t="s">
        <v>248</v>
      </c>
      <c r="D203" s="139" t="s">
        <v>472</v>
      </c>
      <c r="E203" s="17"/>
      <c r="F203" s="17"/>
      <c r="G203" s="17"/>
      <c r="H203" s="17" t="s">
        <v>17</v>
      </c>
      <c r="I203" s="17" t="s">
        <v>71</v>
      </c>
      <c r="J203" s="17" t="s">
        <v>525</v>
      </c>
      <c r="K203" s="17"/>
      <c r="L203" s="17"/>
      <c r="M203" s="17"/>
      <c r="N203" s="138"/>
      <c r="O203" s="98" t="s">
        <v>922</v>
      </c>
      <c r="P203" s="99" t="s">
        <v>1075</v>
      </c>
    </row>
    <row r="204" spans="1:17" hidden="1" outlineLevel="1">
      <c r="E204" s="8" t="s">
        <v>247</v>
      </c>
      <c r="F204" s="8">
        <v>146</v>
      </c>
      <c r="G204" s="8" t="s">
        <v>246</v>
      </c>
      <c r="H204" s="8" t="s">
        <v>66</v>
      </c>
      <c r="I204" s="8" t="s">
        <v>65</v>
      </c>
      <c r="J204" s="8">
        <v>1</v>
      </c>
      <c r="K204" s="8" t="s">
        <v>514</v>
      </c>
      <c r="L204" s="8">
        <v>2</v>
      </c>
      <c r="M204" s="8">
        <v>2</v>
      </c>
      <c r="N204" s="70" t="s">
        <v>624</v>
      </c>
      <c r="O204" s="98"/>
    </row>
    <row r="205" spans="1:17" hidden="1" outlineLevel="1">
      <c r="E205" s="8" t="s">
        <v>245</v>
      </c>
      <c r="F205" s="8">
        <v>309</v>
      </c>
      <c r="G205" s="8" t="s">
        <v>133</v>
      </c>
      <c r="H205" s="8" t="s">
        <v>78</v>
      </c>
      <c r="I205" s="8" t="s">
        <v>71</v>
      </c>
      <c r="J205" s="8">
        <v>1</v>
      </c>
      <c r="K205" s="8" t="s">
        <v>514</v>
      </c>
      <c r="L205" s="8">
        <v>1</v>
      </c>
      <c r="M205" s="8">
        <v>2</v>
      </c>
      <c r="N205" s="70" t="s">
        <v>624</v>
      </c>
      <c r="O205" s="98"/>
    </row>
    <row r="206" spans="1:17" hidden="1" outlineLevel="1">
      <c r="E206" s="8" t="s">
        <v>244</v>
      </c>
      <c r="F206" s="8">
        <v>352</v>
      </c>
      <c r="G206" s="8" t="s">
        <v>3</v>
      </c>
      <c r="H206" s="8" t="s">
        <v>17</v>
      </c>
      <c r="I206" s="8" t="s">
        <v>71</v>
      </c>
      <c r="J206" s="8">
        <v>1</v>
      </c>
      <c r="K206" s="8" t="s">
        <v>509</v>
      </c>
      <c r="L206" s="8">
        <v>1</v>
      </c>
      <c r="M206" s="8">
        <v>80</v>
      </c>
      <c r="O206" s="98"/>
    </row>
    <row r="207" spans="1:17" hidden="1" outlineLevel="1">
      <c r="E207" s="8" t="s">
        <v>243</v>
      </c>
      <c r="F207" s="8">
        <v>334</v>
      </c>
      <c r="G207" s="8" t="s">
        <v>242</v>
      </c>
      <c r="H207" s="8" t="s">
        <v>17</v>
      </c>
      <c r="I207" s="8" t="s">
        <v>71</v>
      </c>
      <c r="J207" s="8">
        <v>1</v>
      </c>
      <c r="K207" s="8" t="s">
        <v>514</v>
      </c>
      <c r="L207" s="8">
        <v>2</v>
      </c>
      <c r="M207" s="8">
        <v>2</v>
      </c>
      <c r="N207" s="18" t="s">
        <v>643</v>
      </c>
      <c r="O207" s="98"/>
    </row>
    <row r="208" spans="1:17" hidden="1" outlineLevel="1">
      <c r="E208" s="8" t="s">
        <v>241</v>
      </c>
      <c r="F208" s="8">
        <v>335</v>
      </c>
      <c r="G208" s="8" t="s">
        <v>240</v>
      </c>
      <c r="H208" s="8" t="s">
        <v>78</v>
      </c>
      <c r="I208" s="8" t="s">
        <v>71</v>
      </c>
      <c r="J208" s="8">
        <v>1</v>
      </c>
      <c r="K208" s="8" t="s">
        <v>514</v>
      </c>
      <c r="L208" s="8">
        <v>3</v>
      </c>
      <c r="M208" s="8">
        <v>3</v>
      </c>
      <c r="N208" s="70" t="s">
        <v>624</v>
      </c>
      <c r="O208" s="98"/>
    </row>
    <row r="209" spans="1:16" hidden="1" outlineLevel="1">
      <c r="E209" s="8" t="s">
        <v>239</v>
      </c>
      <c r="F209" s="8">
        <v>309</v>
      </c>
      <c r="G209" s="8" t="s">
        <v>133</v>
      </c>
      <c r="H209" s="8" t="s">
        <v>78</v>
      </c>
      <c r="I209" s="8" t="s">
        <v>71</v>
      </c>
      <c r="J209" s="8">
        <v>1</v>
      </c>
      <c r="K209" s="8" t="s">
        <v>514</v>
      </c>
      <c r="L209" s="8">
        <v>1</v>
      </c>
      <c r="M209" s="8">
        <v>2</v>
      </c>
      <c r="N209" s="18" t="s">
        <v>643</v>
      </c>
      <c r="O209" s="98"/>
    </row>
    <row r="210" spans="1:16" hidden="1" outlineLevel="1">
      <c r="E210" s="8" t="s">
        <v>238</v>
      </c>
      <c r="F210" s="8">
        <v>352</v>
      </c>
      <c r="G210" s="8" t="s">
        <v>3</v>
      </c>
      <c r="H210" s="8" t="s">
        <v>17</v>
      </c>
      <c r="I210" s="8" t="s">
        <v>71</v>
      </c>
      <c r="J210" s="8">
        <v>1</v>
      </c>
      <c r="K210" s="8" t="s">
        <v>509</v>
      </c>
      <c r="L210" s="8">
        <v>1</v>
      </c>
      <c r="M210" s="8">
        <v>80</v>
      </c>
      <c r="O210" s="98"/>
    </row>
    <row r="211" spans="1:16" ht="52.5" collapsed="1">
      <c r="A211" s="17"/>
      <c r="B211" s="17"/>
      <c r="C211" s="17" t="s">
        <v>390</v>
      </c>
      <c r="D211" s="139" t="s">
        <v>647</v>
      </c>
      <c r="E211" s="17"/>
      <c r="F211" s="17"/>
      <c r="G211" s="17"/>
      <c r="H211" s="17" t="s">
        <v>17</v>
      </c>
      <c r="I211" s="17" t="s">
        <v>71</v>
      </c>
      <c r="J211" s="17">
        <v>5</v>
      </c>
      <c r="K211" s="17"/>
      <c r="L211" s="17"/>
      <c r="M211" s="17"/>
      <c r="N211" s="138"/>
      <c r="O211" s="98" t="s">
        <v>2270</v>
      </c>
      <c r="P211" s="99" t="s">
        <v>1629</v>
      </c>
    </row>
    <row r="212" spans="1:16" hidden="1" outlineLevel="1">
      <c r="E212" s="8" t="s">
        <v>389</v>
      </c>
      <c r="F212" s="8">
        <v>563</v>
      </c>
      <c r="G212" s="8" t="s">
        <v>388</v>
      </c>
      <c r="H212" s="8" t="s">
        <v>17</v>
      </c>
      <c r="I212" s="8" t="s">
        <v>71</v>
      </c>
      <c r="J212" s="8">
        <v>1</v>
      </c>
      <c r="K212" s="8" t="s">
        <v>514</v>
      </c>
      <c r="L212" s="8">
        <v>1</v>
      </c>
      <c r="M212" s="8">
        <v>2</v>
      </c>
      <c r="N212" s="72" t="s">
        <v>648</v>
      </c>
      <c r="O212" s="98"/>
    </row>
    <row r="213" spans="1:16" hidden="1" collapsed="1">
      <c r="A213" s="17" t="s">
        <v>278</v>
      </c>
      <c r="B213" s="17" t="s">
        <v>524</v>
      </c>
      <c r="C213" s="17"/>
      <c r="D213" s="139"/>
      <c r="E213" s="17"/>
      <c r="F213" s="17"/>
      <c r="G213" s="17"/>
      <c r="H213" s="17" t="s">
        <v>17</v>
      </c>
      <c r="I213" s="17" t="s">
        <v>71</v>
      </c>
      <c r="J213" s="17">
        <v>25</v>
      </c>
      <c r="K213" s="17"/>
      <c r="L213" s="17"/>
      <c r="M213" s="17"/>
      <c r="N213" s="138"/>
      <c r="O213" s="98"/>
    </row>
    <row r="214" spans="1:16" hidden="1">
      <c r="A214" s="17"/>
      <c r="B214" s="17"/>
      <c r="C214" s="17" t="s">
        <v>278</v>
      </c>
      <c r="D214" s="139" t="s">
        <v>524</v>
      </c>
      <c r="E214" s="17"/>
      <c r="F214" s="17"/>
      <c r="G214" s="17"/>
      <c r="H214" s="17" t="s">
        <v>66</v>
      </c>
      <c r="I214" s="17" t="s">
        <v>65</v>
      </c>
      <c r="J214" s="17">
        <v>1</v>
      </c>
      <c r="K214" s="17"/>
      <c r="L214" s="17"/>
      <c r="M214" s="17"/>
      <c r="N214" s="138"/>
      <c r="O214" s="98"/>
    </row>
    <row r="215" spans="1:16" hidden="1">
      <c r="E215" s="8" t="s">
        <v>277</v>
      </c>
      <c r="F215" s="8">
        <v>248</v>
      </c>
      <c r="G215" s="8" t="s">
        <v>276</v>
      </c>
      <c r="H215" s="8" t="s">
        <v>66</v>
      </c>
      <c r="I215" s="8" t="s">
        <v>65</v>
      </c>
      <c r="J215" s="8">
        <v>1</v>
      </c>
      <c r="K215" s="8" t="s">
        <v>514</v>
      </c>
      <c r="L215" s="8">
        <v>1</v>
      </c>
      <c r="M215" s="8">
        <v>1</v>
      </c>
      <c r="N215" s="72" t="s">
        <v>649</v>
      </c>
      <c r="O215" s="98"/>
    </row>
    <row r="216" spans="1:16" hidden="1">
      <c r="E216" s="8" t="s">
        <v>275</v>
      </c>
      <c r="F216" s="8">
        <v>1300</v>
      </c>
      <c r="G216" s="8" t="s">
        <v>274</v>
      </c>
      <c r="H216" s="8" t="s">
        <v>78</v>
      </c>
      <c r="I216" s="8" t="s">
        <v>71</v>
      </c>
      <c r="J216" s="8">
        <v>1</v>
      </c>
      <c r="K216" s="8" t="s">
        <v>514</v>
      </c>
      <c r="L216" s="8">
        <v>4</v>
      </c>
      <c r="M216" s="8">
        <v>4</v>
      </c>
      <c r="N216" s="72" t="s">
        <v>650</v>
      </c>
      <c r="O216" s="98"/>
    </row>
    <row r="217" spans="1:16" hidden="1">
      <c r="E217" s="19" t="s">
        <v>273</v>
      </c>
      <c r="F217" s="19">
        <v>559</v>
      </c>
      <c r="G217" s="19" t="s">
        <v>197</v>
      </c>
      <c r="H217" s="19" t="s">
        <v>78</v>
      </c>
      <c r="I217" s="19" t="s">
        <v>174</v>
      </c>
      <c r="J217" s="19">
        <v>1</v>
      </c>
      <c r="K217" s="19" t="s">
        <v>514</v>
      </c>
      <c r="L217" s="19">
        <v>2</v>
      </c>
      <c r="M217" s="19">
        <v>2</v>
      </c>
      <c r="N217" s="25"/>
      <c r="O217" s="98"/>
    </row>
    <row r="218" spans="1:16" hidden="1">
      <c r="E218" s="19" t="s">
        <v>272</v>
      </c>
      <c r="F218" s="19">
        <v>1301</v>
      </c>
      <c r="G218" s="19" t="s">
        <v>271</v>
      </c>
      <c r="H218" s="19" t="s">
        <v>78</v>
      </c>
      <c r="I218" s="19" t="s">
        <v>174</v>
      </c>
      <c r="J218" s="19">
        <v>1</v>
      </c>
      <c r="K218" s="19" t="s">
        <v>509</v>
      </c>
      <c r="L218" s="19">
        <v>1</v>
      </c>
      <c r="M218" s="19">
        <v>10</v>
      </c>
      <c r="N218" s="25"/>
      <c r="O218" s="98"/>
    </row>
    <row r="219" spans="1:16" hidden="1">
      <c r="E219" s="8" t="s">
        <v>270</v>
      </c>
      <c r="F219" s="8">
        <v>610</v>
      </c>
      <c r="G219" s="8" t="s">
        <v>269</v>
      </c>
      <c r="H219" s="8" t="s">
        <v>17</v>
      </c>
      <c r="I219" s="8" t="s">
        <v>71</v>
      </c>
      <c r="J219" s="8">
        <v>1</v>
      </c>
      <c r="K219" s="8" t="s">
        <v>150</v>
      </c>
      <c r="L219" s="8">
        <v>1</v>
      </c>
      <c r="M219" s="8">
        <v>15</v>
      </c>
      <c r="O219" s="98"/>
    </row>
    <row r="220" spans="1:16" hidden="1">
      <c r="E220" s="19" t="s">
        <v>268</v>
      </c>
      <c r="F220" s="19">
        <v>378</v>
      </c>
      <c r="G220" s="19" t="s">
        <v>267</v>
      </c>
      <c r="H220" s="19" t="s">
        <v>78</v>
      </c>
      <c r="I220" s="19" t="s">
        <v>174</v>
      </c>
      <c r="J220" s="19">
        <v>1</v>
      </c>
      <c r="K220" s="19" t="s">
        <v>514</v>
      </c>
      <c r="L220" s="19">
        <v>1</v>
      </c>
      <c r="M220" s="19">
        <v>1</v>
      </c>
      <c r="N220" s="25"/>
      <c r="O220" s="98"/>
    </row>
    <row r="221" spans="1:16" hidden="1">
      <c r="E221" s="19" t="s">
        <v>266</v>
      </c>
      <c r="F221" s="19">
        <v>332</v>
      </c>
      <c r="G221" s="19" t="s">
        <v>232</v>
      </c>
      <c r="H221" s="19" t="s">
        <v>78</v>
      </c>
      <c r="I221" s="19" t="s">
        <v>174</v>
      </c>
      <c r="J221" s="19">
        <v>1</v>
      </c>
      <c r="K221" s="19" t="s">
        <v>438</v>
      </c>
      <c r="L221" s="19">
        <v>1</v>
      </c>
      <c r="M221" s="19">
        <v>6</v>
      </c>
      <c r="N221" s="25"/>
      <c r="O221" s="98"/>
    </row>
    <row r="222" spans="1:16" hidden="1">
      <c r="E222" s="19" t="s">
        <v>265</v>
      </c>
      <c r="F222" s="19">
        <v>118</v>
      </c>
      <c r="G222" s="19" t="s">
        <v>264</v>
      </c>
      <c r="H222" s="19" t="s">
        <v>17</v>
      </c>
      <c r="I222" s="19" t="s">
        <v>174</v>
      </c>
      <c r="J222" s="19">
        <v>1</v>
      </c>
      <c r="K222" s="19" t="s">
        <v>438</v>
      </c>
      <c r="L222" s="19">
        <v>1</v>
      </c>
      <c r="M222" s="19">
        <v>9</v>
      </c>
      <c r="N222" s="25"/>
      <c r="O222" s="98"/>
    </row>
    <row r="223" spans="1:16" hidden="1">
      <c r="E223" s="19" t="s">
        <v>263</v>
      </c>
      <c r="F223" s="19">
        <v>355</v>
      </c>
      <c r="G223" s="19" t="s">
        <v>103</v>
      </c>
      <c r="H223" s="19" t="s">
        <v>78</v>
      </c>
      <c r="I223" s="19" t="s">
        <v>174</v>
      </c>
      <c r="J223" s="19">
        <v>1</v>
      </c>
      <c r="K223" s="19" t="s">
        <v>514</v>
      </c>
      <c r="L223" s="19">
        <v>2</v>
      </c>
      <c r="M223" s="19">
        <v>2</v>
      </c>
      <c r="N223" s="25"/>
      <c r="O223" s="98"/>
    </row>
    <row r="224" spans="1:16" hidden="1">
      <c r="E224" s="19" t="s">
        <v>262</v>
      </c>
      <c r="F224" s="19">
        <v>380</v>
      </c>
      <c r="G224" s="19" t="s">
        <v>105</v>
      </c>
      <c r="H224" s="19" t="s">
        <v>78</v>
      </c>
      <c r="I224" s="19" t="s">
        <v>174</v>
      </c>
      <c r="J224" s="19">
        <v>1</v>
      </c>
      <c r="K224" s="19" t="s">
        <v>438</v>
      </c>
      <c r="L224" s="19">
        <v>1</v>
      </c>
      <c r="M224" s="19">
        <v>15</v>
      </c>
      <c r="N224" s="25"/>
      <c r="O224" s="98"/>
    </row>
    <row r="225" spans="1:15" hidden="1">
      <c r="E225" s="19" t="s">
        <v>261</v>
      </c>
      <c r="F225" s="19">
        <v>380</v>
      </c>
      <c r="G225" s="19" t="s">
        <v>105</v>
      </c>
      <c r="H225" s="19" t="s">
        <v>17</v>
      </c>
      <c r="I225" s="19" t="s">
        <v>174</v>
      </c>
      <c r="J225" s="19">
        <v>1</v>
      </c>
      <c r="K225" s="19" t="s">
        <v>438</v>
      </c>
      <c r="L225" s="19">
        <v>1</v>
      </c>
      <c r="M225" s="19">
        <v>15</v>
      </c>
      <c r="N225" s="25"/>
      <c r="O225" s="98"/>
    </row>
    <row r="226" spans="1:15" s="99" customFormat="1" hidden="1">
      <c r="A226" s="10"/>
      <c r="B226" s="10"/>
      <c r="C226" s="8"/>
      <c r="D226" s="10"/>
      <c r="E226" s="19" t="s">
        <v>260</v>
      </c>
      <c r="F226" s="19">
        <v>331</v>
      </c>
      <c r="G226" s="19" t="s">
        <v>259</v>
      </c>
      <c r="H226" s="19" t="s">
        <v>17</v>
      </c>
      <c r="I226" s="19" t="s">
        <v>174</v>
      </c>
      <c r="J226" s="19">
        <v>1</v>
      </c>
      <c r="K226" s="19" t="s">
        <v>514</v>
      </c>
      <c r="L226" s="19">
        <v>2</v>
      </c>
      <c r="M226" s="19">
        <v>2</v>
      </c>
      <c r="N226" s="25"/>
      <c r="O226" s="98"/>
    </row>
    <row r="227" spans="1:15" s="99" customFormat="1" hidden="1">
      <c r="A227" s="10"/>
      <c r="B227" s="10"/>
      <c r="C227" s="8"/>
      <c r="D227" s="10"/>
      <c r="E227" s="8" t="s">
        <v>258</v>
      </c>
      <c r="F227" s="8">
        <v>127</v>
      </c>
      <c r="G227" s="8" t="s">
        <v>126</v>
      </c>
      <c r="H227" s="8" t="s">
        <v>78</v>
      </c>
      <c r="I227" s="8" t="s">
        <v>71</v>
      </c>
      <c r="J227" s="8">
        <v>1</v>
      </c>
      <c r="K227" s="8" t="s">
        <v>509</v>
      </c>
      <c r="L227" s="8">
        <v>1</v>
      </c>
      <c r="M227" s="8">
        <v>30</v>
      </c>
      <c r="N227" s="72"/>
      <c r="O227" s="98"/>
    </row>
    <row r="228" spans="1:15" s="99" customFormat="1" hidden="1">
      <c r="A228" s="10"/>
      <c r="B228" s="10"/>
      <c r="C228" s="8"/>
      <c r="D228" s="10"/>
      <c r="E228" s="19" t="s">
        <v>257</v>
      </c>
      <c r="F228" s="19">
        <v>770</v>
      </c>
      <c r="G228" s="19" t="s">
        <v>256</v>
      </c>
      <c r="H228" s="19" t="s">
        <v>17</v>
      </c>
      <c r="I228" s="19" t="s">
        <v>174</v>
      </c>
      <c r="J228" s="19">
        <v>1</v>
      </c>
      <c r="K228" s="19" t="s">
        <v>509</v>
      </c>
      <c r="L228" s="19">
        <v>1</v>
      </c>
      <c r="M228" s="19">
        <v>20</v>
      </c>
      <c r="N228" s="25"/>
      <c r="O228" s="98"/>
    </row>
    <row r="229" spans="1:15" s="99" customFormat="1" hidden="1">
      <c r="A229" s="10"/>
      <c r="B229" s="10"/>
      <c r="C229" s="8"/>
      <c r="D229" s="10"/>
      <c r="E229" s="8" t="s">
        <v>255</v>
      </c>
      <c r="F229" s="8">
        <v>352</v>
      </c>
      <c r="G229" s="8" t="s">
        <v>3</v>
      </c>
      <c r="H229" s="8" t="s">
        <v>78</v>
      </c>
      <c r="I229" s="8" t="s">
        <v>71</v>
      </c>
      <c r="J229" s="8">
        <v>1</v>
      </c>
      <c r="K229" s="8" t="s">
        <v>509</v>
      </c>
      <c r="L229" s="8">
        <v>1</v>
      </c>
      <c r="M229" s="8">
        <v>80</v>
      </c>
      <c r="N229" s="72"/>
      <c r="O229" s="98"/>
    </row>
    <row r="230" spans="1:15" s="99" customFormat="1" hidden="1">
      <c r="A230" s="10"/>
      <c r="B230" s="10"/>
      <c r="C230" s="8"/>
      <c r="D230" s="10"/>
      <c r="E230" s="8" t="s">
        <v>254</v>
      </c>
      <c r="F230" s="8">
        <v>819</v>
      </c>
      <c r="G230" s="8" t="s">
        <v>253</v>
      </c>
      <c r="H230" s="8" t="s">
        <v>17</v>
      </c>
      <c r="I230" s="8" t="s">
        <v>71</v>
      </c>
      <c r="J230" s="8">
        <v>1</v>
      </c>
      <c r="K230" s="8" t="s">
        <v>514</v>
      </c>
      <c r="L230" s="8">
        <v>2</v>
      </c>
      <c r="M230" s="8">
        <v>3</v>
      </c>
      <c r="N230" s="70" t="s">
        <v>624</v>
      </c>
      <c r="O230" s="98"/>
    </row>
    <row r="231" spans="1:15" s="99" customFormat="1" hidden="1" collapsed="1">
      <c r="A231" s="17"/>
      <c r="B231" s="17"/>
      <c r="C231" s="17" t="s">
        <v>252</v>
      </c>
      <c r="D231" s="139" t="s">
        <v>476</v>
      </c>
      <c r="E231" s="17"/>
      <c r="F231" s="17"/>
      <c r="G231" s="17"/>
      <c r="H231" s="17" t="s">
        <v>17</v>
      </c>
      <c r="I231" s="17" t="s">
        <v>71</v>
      </c>
      <c r="J231" s="17">
        <v>1</v>
      </c>
      <c r="K231" s="17"/>
      <c r="L231" s="17"/>
      <c r="M231" s="17"/>
      <c r="N231" s="138"/>
      <c r="O231" s="98"/>
    </row>
    <row r="232" spans="1:15" s="99" customFormat="1" hidden="1">
      <c r="A232" s="10"/>
      <c r="B232" s="10"/>
      <c r="C232" s="8"/>
      <c r="D232" s="10"/>
      <c r="E232" s="8" t="s">
        <v>251</v>
      </c>
      <c r="F232" s="8">
        <v>98</v>
      </c>
      <c r="G232" s="8" t="s">
        <v>156</v>
      </c>
      <c r="H232" s="8" t="s">
        <v>66</v>
      </c>
      <c r="I232" s="8" t="s">
        <v>65</v>
      </c>
      <c r="J232" s="8">
        <v>1</v>
      </c>
      <c r="K232" s="8" t="s">
        <v>514</v>
      </c>
      <c r="L232" s="8">
        <v>2</v>
      </c>
      <c r="M232" s="8">
        <v>3</v>
      </c>
      <c r="N232" s="72" t="s">
        <v>623</v>
      </c>
      <c r="O232" s="98"/>
    </row>
    <row r="233" spans="1:15" s="99" customFormat="1" hidden="1">
      <c r="A233" s="10"/>
      <c r="B233" s="10"/>
      <c r="C233" s="8"/>
      <c r="D233" s="10"/>
      <c r="E233" s="8" t="s">
        <v>250</v>
      </c>
      <c r="F233" s="8">
        <v>100</v>
      </c>
      <c r="G233" s="8" t="s">
        <v>249</v>
      </c>
      <c r="H233" s="8" t="s">
        <v>66</v>
      </c>
      <c r="I233" s="8" t="s">
        <v>65</v>
      </c>
      <c r="J233" s="8">
        <v>1</v>
      </c>
      <c r="K233" s="8" t="s">
        <v>514</v>
      </c>
      <c r="L233" s="8">
        <v>3</v>
      </c>
      <c r="M233" s="8">
        <v>3</v>
      </c>
      <c r="N233" s="72"/>
      <c r="O233" s="98"/>
    </row>
    <row r="234" spans="1:15" s="99" customFormat="1" hidden="1">
      <c r="A234" s="10"/>
      <c r="B234" s="10"/>
      <c r="C234" s="8"/>
      <c r="D234" s="10"/>
      <c r="E234" s="8" t="s">
        <v>290</v>
      </c>
      <c r="F234" s="8">
        <v>280</v>
      </c>
      <c r="G234" s="8" t="s">
        <v>289</v>
      </c>
      <c r="H234" s="8" t="s">
        <v>17</v>
      </c>
      <c r="I234" s="8" t="s">
        <v>71</v>
      </c>
      <c r="J234" s="8">
        <v>1</v>
      </c>
      <c r="K234" s="8" t="s">
        <v>438</v>
      </c>
      <c r="L234" s="8">
        <v>4</v>
      </c>
      <c r="M234" s="8">
        <v>10</v>
      </c>
      <c r="N234" s="72"/>
      <c r="O234" s="98"/>
    </row>
    <row r="235" spans="1:15" s="99" customFormat="1" hidden="1">
      <c r="A235" s="10"/>
      <c r="B235" s="10"/>
      <c r="C235" s="8"/>
      <c r="D235" s="10"/>
      <c r="E235" s="8" t="s">
        <v>288</v>
      </c>
      <c r="F235" s="8">
        <v>98</v>
      </c>
      <c r="G235" s="8" t="s">
        <v>156</v>
      </c>
      <c r="H235" s="8" t="s">
        <v>17</v>
      </c>
      <c r="I235" s="8" t="s">
        <v>71</v>
      </c>
      <c r="J235" s="8">
        <v>1</v>
      </c>
      <c r="K235" s="8" t="s">
        <v>514</v>
      </c>
      <c r="L235" s="8">
        <v>2</v>
      </c>
      <c r="M235" s="8">
        <v>3</v>
      </c>
      <c r="N235" s="72" t="s">
        <v>625</v>
      </c>
      <c r="O235" s="98"/>
    </row>
    <row r="236" spans="1:15" s="99" customFormat="1" hidden="1">
      <c r="A236" s="10"/>
      <c r="B236" s="10"/>
      <c r="C236" s="8"/>
      <c r="D236" s="10"/>
      <c r="E236" s="8" t="s">
        <v>287</v>
      </c>
      <c r="F236" s="8">
        <v>100</v>
      </c>
      <c r="G236" s="8" t="s">
        <v>249</v>
      </c>
      <c r="H236" s="8" t="s">
        <v>17</v>
      </c>
      <c r="I236" s="8" t="s">
        <v>71</v>
      </c>
      <c r="J236" s="8">
        <v>1</v>
      </c>
      <c r="K236" s="8" t="s">
        <v>514</v>
      </c>
      <c r="L236" s="8">
        <v>3</v>
      </c>
      <c r="M236" s="8">
        <v>3</v>
      </c>
      <c r="N236" s="72"/>
      <c r="O236" s="98"/>
    </row>
    <row r="237" spans="1:15" s="99" customFormat="1" hidden="1" collapsed="1">
      <c r="A237" s="17" t="s">
        <v>278</v>
      </c>
      <c r="B237" s="17" t="s">
        <v>524</v>
      </c>
      <c r="C237" s="17"/>
      <c r="D237" s="139"/>
      <c r="E237" s="17"/>
      <c r="F237" s="17"/>
      <c r="G237" s="17"/>
      <c r="H237" s="17" t="s">
        <v>17</v>
      </c>
      <c r="I237" s="17" t="s">
        <v>71</v>
      </c>
      <c r="J237" s="17">
        <v>25</v>
      </c>
      <c r="K237" s="17"/>
      <c r="L237" s="17"/>
      <c r="M237" s="17"/>
      <c r="N237" s="138"/>
      <c r="O237" s="98"/>
    </row>
    <row r="238" spans="1:15" s="99" customFormat="1" hidden="1">
      <c r="A238" s="17"/>
      <c r="B238" s="17"/>
      <c r="C238" s="17" t="s">
        <v>278</v>
      </c>
      <c r="D238" s="139"/>
      <c r="E238" s="17"/>
      <c r="F238" s="17"/>
      <c r="G238" s="17"/>
      <c r="H238" s="17" t="s">
        <v>66</v>
      </c>
      <c r="I238" s="17" t="s">
        <v>65</v>
      </c>
      <c r="J238" s="17">
        <v>1</v>
      </c>
      <c r="K238" s="17"/>
      <c r="L238" s="17"/>
      <c r="M238" s="17"/>
      <c r="N238" s="138"/>
      <c r="O238" s="98"/>
    </row>
    <row r="239" spans="1:15" s="99" customFormat="1" hidden="1">
      <c r="A239" s="10"/>
      <c r="B239" s="10"/>
      <c r="C239" s="8"/>
      <c r="D239" s="10"/>
      <c r="E239" s="8" t="s">
        <v>277</v>
      </c>
      <c r="F239" s="8">
        <v>248</v>
      </c>
      <c r="G239" s="8" t="s">
        <v>276</v>
      </c>
      <c r="H239" s="8" t="s">
        <v>66</v>
      </c>
      <c r="I239" s="8" t="s">
        <v>65</v>
      </c>
      <c r="J239" s="8">
        <v>1</v>
      </c>
      <c r="K239" s="8" t="s">
        <v>514</v>
      </c>
      <c r="L239" s="8">
        <v>1</v>
      </c>
      <c r="M239" s="8">
        <v>1</v>
      </c>
      <c r="N239" s="72" t="s">
        <v>651</v>
      </c>
      <c r="O239" s="98"/>
    </row>
    <row r="240" spans="1:15" s="99" customFormat="1" hidden="1">
      <c r="A240" s="10"/>
      <c r="B240" s="10"/>
      <c r="C240" s="8"/>
      <c r="D240" s="10"/>
      <c r="E240" s="8" t="s">
        <v>275</v>
      </c>
      <c r="F240" s="8">
        <v>1300</v>
      </c>
      <c r="G240" s="8" t="s">
        <v>274</v>
      </c>
      <c r="H240" s="8" t="s">
        <v>78</v>
      </c>
      <c r="I240" s="8" t="s">
        <v>96</v>
      </c>
      <c r="J240" s="8">
        <v>1</v>
      </c>
      <c r="K240" s="8" t="s">
        <v>514</v>
      </c>
      <c r="L240" s="8">
        <v>4</v>
      </c>
      <c r="M240" s="8">
        <v>4</v>
      </c>
      <c r="N240" s="72" t="s">
        <v>652</v>
      </c>
      <c r="O240" s="98"/>
    </row>
    <row r="241" spans="1:15" s="99" customFormat="1" hidden="1">
      <c r="A241" s="10"/>
      <c r="B241" s="10"/>
      <c r="C241" s="8"/>
      <c r="D241" s="10"/>
      <c r="E241" s="8" t="s">
        <v>273</v>
      </c>
      <c r="F241" s="8">
        <v>559</v>
      </c>
      <c r="G241" s="8" t="s">
        <v>197</v>
      </c>
      <c r="H241" s="8" t="s">
        <v>78</v>
      </c>
      <c r="I241" s="8" t="s">
        <v>71</v>
      </c>
      <c r="J241" s="8">
        <v>1</v>
      </c>
      <c r="K241" s="8" t="s">
        <v>514</v>
      </c>
      <c r="L241" s="8">
        <v>2</v>
      </c>
      <c r="M241" s="8">
        <v>2</v>
      </c>
      <c r="N241" s="72" t="s">
        <v>643</v>
      </c>
      <c r="O241" s="98"/>
    </row>
    <row r="242" spans="1:15" s="99" customFormat="1" hidden="1">
      <c r="A242" s="10"/>
      <c r="B242" s="10"/>
      <c r="C242" s="8"/>
      <c r="D242" s="10"/>
      <c r="E242" s="19" t="s">
        <v>272</v>
      </c>
      <c r="F242" s="19">
        <v>1301</v>
      </c>
      <c r="G242" s="19" t="s">
        <v>271</v>
      </c>
      <c r="H242" s="19" t="s">
        <v>78</v>
      </c>
      <c r="I242" s="25" t="s">
        <v>96</v>
      </c>
      <c r="J242" s="19">
        <v>1</v>
      </c>
      <c r="K242" s="19" t="s">
        <v>509</v>
      </c>
      <c r="L242" s="19">
        <v>1</v>
      </c>
      <c r="M242" s="19">
        <v>10</v>
      </c>
      <c r="N242" s="25"/>
      <c r="O242" s="98"/>
    </row>
    <row r="243" spans="1:15" s="99" customFormat="1" hidden="1">
      <c r="A243" s="10"/>
      <c r="B243" s="10"/>
      <c r="C243" s="8"/>
      <c r="D243" s="10"/>
      <c r="E243" s="8" t="s">
        <v>270</v>
      </c>
      <c r="F243" s="8">
        <v>610</v>
      </c>
      <c r="G243" s="8" t="s">
        <v>269</v>
      </c>
      <c r="H243" s="8" t="s">
        <v>17</v>
      </c>
      <c r="I243" s="8" t="s">
        <v>71</v>
      </c>
      <c r="J243" s="8">
        <v>1</v>
      </c>
      <c r="K243" s="8" t="s">
        <v>150</v>
      </c>
      <c r="L243" s="8">
        <v>1</v>
      </c>
      <c r="M243" s="8">
        <v>15</v>
      </c>
      <c r="N243" s="72"/>
      <c r="O243" s="98"/>
    </row>
    <row r="244" spans="1:15" s="99" customFormat="1" hidden="1">
      <c r="A244" s="10"/>
      <c r="B244" s="10"/>
      <c r="C244" s="8"/>
      <c r="D244" s="10"/>
      <c r="E244" s="19" t="s">
        <v>268</v>
      </c>
      <c r="F244" s="19">
        <v>378</v>
      </c>
      <c r="G244" s="19" t="s">
        <v>267</v>
      </c>
      <c r="H244" s="19" t="s">
        <v>78</v>
      </c>
      <c r="I244" s="19" t="s">
        <v>174</v>
      </c>
      <c r="J244" s="19">
        <v>1</v>
      </c>
      <c r="K244" s="19" t="s">
        <v>514</v>
      </c>
      <c r="L244" s="19">
        <v>1</v>
      </c>
      <c r="M244" s="19">
        <v>1</v>
      </c>
      <c r="N244" s="25"/>
      <c r="O244" s="98"/>
    </row>
    <row r="245" spans="1:15" s="99" customFormat="1" hidden="1">
      <c r="A245" s="10"/>
      <c r="B245" s="10"/>
      <c r="C245" s="8"/>
      <c r="D245" s="10"/>
      <c r="E245" s="19" t="s">
        <v>266</v>
      </c>
      <c r="F245" s="19">
        <v>332</v>
      </c>
      <c r="G245" s="19" t="s">
        <v>232</v>
      </c>
      <c r="H245" s="19" t="s">
        <v>78</v>
      </c>
      <c r="I245" s="19" t="s">
        <v>174</v>
      </c>
      <c r="J245" s="19">
        <v>1</v>
      </c>
      <c r="K245" s="19" t="s">
        <v>438</v>
      </c>
      <c r="L245" s="19">
        <v>1</v>
      </c>
      <c r="M245" s="19">
        <v>6</v>
      </c>
      <c r="N245" s="25"/>
      <c r="O245" s="98"/>
    </row>
    <row r="246" spans="1:15" s="99" customFormat="1" hidden="1">
      <c r="A246" s="10"/>
      <c r="B246" s="10"/>
      <c r="C246" s="8"/>
      <c r="D246" s="10"/>
      <c r="E246" s="19" t="s">
        <v>265</v>
      </c>
      <c r="F246" s="19">
        <v>118</v>
      </c>
      <c r="G246" s="19" t="s">
        <v>264</v>
      </c>
      <c r="H246" s="19" t="s">
        <v>17</v>
      </c>
      <c r="I246" s="19" t="s">
        <v>174</v>
      </c>
      <c r="J246" s="19">
        <v>1</v>
      </c>
      <c r="K246" s="19" t="s">
        <v>438</v>
      </c>
      <c r="L246" s="19">
        <v>1</v>
      </c>
      <c r="M246" s="19">
        <v>9</v>
      </c>
      <c r="N246" s="25"/>
      <c r="O246" s="98"/>
    </row>
    <row r="247" spans="1:15" s="99" customFormat="1" hidden="1">
      <c r="A247" s="10"/>
      <c r="B247" s="10"/>
      <c r="C247" s="8"/>
      <c r="D247" s="10"/>
      <c r="E247" s="19" t="s">
        <v>263</v>
      </c>
      <c r="F247" s="19">
        <v>355</v>
      </c>
      <c r="G247" s="19" t="s">
        <v>103</v>
      </c>
      <c r="H247" s="19" t="s">
        <v>78</v>
      </c>
      <c r="I247" s="19" t="s">
        <v>174</v>
      </c>
      <c r="J247" s="19">
        <v>1</v>
      </c>
      <c r="K247" s="19" t="s">
        <v>514</v>
      </c>
      <c r="L247" s="19">
        <v>2</v>
      </c>
      <c r="M247" s="19">
        <v>2</v>
      </c>
      <c r="N247" s="25"/>
      <c r="O247" s="98"/>
    </row>
    <row r="248" spans="1:15" s="99" customFormat="1" hidden="1">
      <c r="A248" s="10"/>
      <c r="B248" s="10"/>
      <c r="C248" s="8"/>
      <c r="D248" s="10"/>
      <c r="E248" s="19" t="s">
        <v>262</v>
      </c>
      <c r="F248" s="19">
        <v>380</v>
      </c>
      <c r="G248" s="19" t="s">
        <v>105</v>
      </c>
      <c r="H248" s="19" t="s">
        <v>78</v>
      </c>
      <c r="I248" s="19" t="s">
        <v>174</v>
      </c>
      <c r="J248" s="19">
        <v>1</v>
      </c>
      <c r="K248" s="19" t="s">
        <v>438</v>
      </c>
      <c r="L248" s="19">
        <v>1</v>
      </c>
      <c r="M248" s="19">
        <v>15</v>
      </c>
      <c r="N248" s="25"/>
      <c r="O248" s="98"/>
    </row>
    <row r="249" spans="1:15" s="99" customFormat="1" hidden="1">
      <c r="A249" s="10"/>
      <c r="B249" s="10"/>
      <c r="C249" s="8"/>
      <c r="D249" s="10"/>
      <c r="E249" s="19" t="s">
        <v>261</v>
      </c>
      <c r="F249" s="19">
        <v>380</v>
      </c>
      <c r="G249" s="19" t="s">
        <v>105</v>
      </c>
      <c r="H249" s="19" t="s">
        <v>17</v>
      </c>
      <c r="I249" s="19" t="s">
        <v>174</v>
      </c>
      <c r="J249" s="19">
        <v>1</v>
      </c>
      <c r="K249" s="19" t="s">
        <v>438</v>
      </c>
      <c r="L249" s="19">
        <v>1</v>
      </c>
      <c r="M249" s="19">
        <v>15</v>
      </c>
      <c r="N249" s="25"/>
      <c r="O249" s="98"/>
    </row>
    <row r="250" spans="1:15" s="99" customFormat="1" hidden="1">
      <c r="A250" s="10"/>
      <c r="B250" s="10"/>
      <c r="C250" s="8"/>
      <c r="D250" s="10"/>
      <c r="E250" s="19" t="s">
        <v>260</v>
      </c>
      <c r="F250" s="19">
        <v>331</v>
      </c>
      <c r="G250" s="19" t="s">
        <v>259</v>
      </c>
      <c r="H250" s="19" t="s">
        <v>17</v>
      </c>
      <c r="I250" s="19" t="s">
        <v>174</v>
      </c>
      <c r="J250" s="19">
        <v>1</v>
      </c>
      <c r="K250" s="19" t="s">
        <v>514</v>
      </c>
      <c r="L250" s="19">
        <v>2</v>
      </c>
      <c r="M250" s="19">
        <v>2</v>
      </c>
      <c r="N250" s="25"/>
      <c r="O250" s="98"/>
    </row>
    <row r="251" spans="1:15" s="99" customFormat="1" hidden="1">
      <c r="A251" s="10"/>
      <c r="B251" s="10"/>
      <c r="C251" s="8"/>
      <c r="D251" s="10"/>
      <c r="E251" s="8" t="s">
        <v>258</v>
      </c>
      <c r="F251" s="8">
        <v>127</v>
      </c>
      <c r="G251" s="8" t="s">
        <v>126</v>
      </c>
      <c r="H251" s="8" t="s">
        <v>78</v>
      </c>
      <c r="I251" s="8" t="s">
        <v>174</v>
      </c>
      <c r="J251" s="8">
        <v>1</v>
      </c>
      <c r="K251" s="8" t="s">
        <v>509</v>
      </c>
      <c r="L251" s="8">
        <v>1</v>
      </c>
      <c r="M251" s="8">
        <v>30</v>
      </c>
      <c r="N251" s="72"/>
      <c r="O251" s="98"/>
    </row>
    <row r="252" spans="1:15" s="99" customFormat="1" hidden="1">
      <c r="A252" s="10"/>
      <c r="B252" s="10"/>
      <c r="C252" s="8"/>
      <c r="D252" s="10"/>
      <c r="E252" s="19" t="s">
        <v>257</v>
      </c>
      <c r="F252" s="19">
        <v>770</v>
      </c>
      <c r="G252" s="19" t="s">
        <v>256</v>
      </c>
      <c r="H252" s="19" t="s">
        <v>17</v>
      </c>
      <c r="I252" s="19" t="s">
        <v>174</v>
      </c>
      <c r="J252" s="19">
        <v>1</v>
      </c>
      <c r="K252" s="19" t="s">
        <v>509</v>
      </c>
      <c r="L252" s="19">
        <v>1</v>
      </c>
      <c r="M252" s="19">
        <v>20</v>
      </c>
      <c r="N252" s="25"/>
      <c r="O252" s="98"/>
    </row>
    <row r="253" spans="1:15" s="99" customFormat="1" hidden="1">
      <c r="A253" s="10"/>
      <c r="B253" s="10"/>
      <c r="C253" s="8"/>
      <c r="D253" s="10"/>
      <c r="E253" s="8" t="s">
        <v>255</v>
      </c>
      <c r="F253" s="8">
        <v>352</v>
      </c>
      <c r="G253" s="8" t="s">
        <v>3</v>
      </c>
      <c r="H253" s="8" t="s">
        <v>78</v>
      </c>
      <c r="I253" s="8" t="s">
        <v>71</v>
      </c>
      <c r="J253" s="8">
        <v>1</v>
      </c>
      <c r="K253" s="8" t="s">
        <v>509</v>
      </c>
      <c r="L253" s="8">
        <v>1</v>
      </c>
      <c r="M253" s="8">
        <v>80</v>
      </c>
      <c r="N253" s="72" t="s">
        <v>653</v>
      </c>
      <c r="O253" s="98"/>
    </row>
    <row r="254" spans="1:15" s="99" customFormat="1" hidden="1">
      <c r="A254" s="10"/>
      <c r="B254" s="10"/>
      <c r="C254" s="8"/>
      <c r="D254" s="10"/>
      <c r="E254" s="8" t="s">
        <v>254</v>
      </c>
      <c r="F254" s="8">
        <v>819</v>
      </c>
      <c r="G254" s="8" t="s">
        <v>253</v>
      </c>
      <c r="H254" s="8" t="s">
        <v>17</v>
      </c>
      <c r="I254" s="8" t="s">
        <v>71</v>
      </c>
      <c r="J254" s="8">
        <v>1</v>
      </c>
      <c r="K254" s="8" t="s">
        <v>514</v>
      </c>
      <c r="L254" s="8">
        <v>2</v>
      </c>
      <c r="M254" s="8">
        <v>3</v>
      </c>
      <c r="N254" s="70" t="s">
        <v>624</v>
      </c>
      <c r="O254" s="98"/>
    </row>
    <row r="255" spans="1:15" s="99" customFormat="1" hidden="1">
      <c r="A255" s="17"/>
      <c r="B255" s="17"/>
      <c r="C255" s="17" t="s">
        <v>252</v>
      </c>
      <c r="D255" s="139"/>
      <c r="E255" s="17"/>
      <c r="F255" s="17"/>
      <c r="G255" s="17"/>
      <c r="H255" s="17" t="s">
        <v>17</v>
      </c>
      <c r="I255" s="17" t="s">
        <v>71</v>
      </c>
      <c r="J255" s="17">
        <v>1</v>
      </c>
      <c r="K255" s="17"/>
      <c r="L255" s="17"/>
      <c r="M255" s="17"/>
      <c r="N255" s="138"/>
      <c r="O255" s="98"/>
    </row>
    <row r="256" spans="1:15" s="99" customFormat="1" hidden="1">
      <c r="A256" s="10"/>
      <c r="B256" s="10"/>
      <c r="C256" s="8"/>
      <c r="D256" s="10"/>
      <c r="E256" s="8" t="s">
        <v>251</v>
      </c>
      <c r="F256" s="8">
        <v>98</v>
      </c>
      <c r="G256" s="8" t="s">
        <v>156</v>
      </c>
      <c r="H256" s="8" t="s">
        <v>66</v>
      </c>
      <c r="I256" s="8" t="s">
        <v>65</v>
      </c>
      <c r="J256" s="8">
        <v>1</v>
      </c>
      <c r="K256" s="8" t="s">
        <v>514</v>
      </c>
      <c r="L256" s="8">
        <v>2</v>
      </c>
      <c r="M256" s="8">
        <v>3</v>
      </c>
      <c r="N256" s="72" t="s">
        <v>623</v>
      </c>
      <c r="O256" s="98"/>
    </row>
    <row r="257" spans="1:28" s="99" customFormat="1" hidden="1">
      <c r="A257" s="10"/>
      <c r="B257" s="10"/>
      <c r="C257" s="8"/>
      <c r="D257" s="10"/>
      <c r="E257" s="8" t="s">
        <v>250</v>
      </c>
      <c r="F257" s="8">
        <v>100</v>
      </c>
      <c r="G257" s="8" t="s">
        <v>249</v>
      </c>
      <c r="H257" s="8" t="s">
        <v>66</v>
      </c>
      <c r="I257" s="8" t="s">
        <v>65</v>
      </c>
      <c r="J257" s="8">
        <v>1</v>
      </c>
      <c r="K257" s="8" t="s">
        <v>514</v>
      </c>
      <c r="L257" s="8">
        <v>3</v>
      </c>
      <c r="M257" s="8">
        <v>3</v>
      </c>
      <c r="N257" s="72"/>
      <c r="O257" s="98"/>
    </row>
    <row r="258" spans="1:28" hidden="1">
      <c r="A258" s="17" t="s">
        <v>278</v>
      </c>
      <c r="B258" s="17" t="s">
        <v>524</v>
      </c>
      <c r="C258" s="17"/>
      <c r="D258" s="139"/>
      <c r="E258" s="17"/>
      <c r="F258" s="17"/>
      <c r="G258" s="17"/>
      <c r="H258" s="17" t="s">
        <v>17</v>
      </c>
      <c r="I258" s="17" t="s">
        <v>71</v>
      </c>
      <c r="J258" s="17">
        <v>25</v>
      </c>
      <c r="K258" s="17"/>
      <c r="L258" s="17"/>
      <c r="M258" s="17"/>
      <c r="N258" s="138"/>
      <c r="O258" s="98"/>
    </row>
    <row r="259" spans="1:28" hidden="1">
      <c r="A259" s="17"/>
      <c r="B259" s="17"/>
      <c r="C259" s="17" t="s">
        <v>278</v>
      </c>
      <c r="D259" s="139"/>
      <c r="E259" s="17"/>
      <c r="F259" s="17"/>
      <c r="G259" s="17"/>
      <c r="H259" s="17" t="s">
        <v>66</v>
      </c>
      <c r="I259" s="17" t="s">
        <v>65</v>
      </c>
      <c r="J259" s="17">
        <v>1</v>
      </c>
      <c r="K259" s="17"/>
      <c r="L259" s="17"/>
      <c r="M259" s="17"/>
      <c r="N259" s="138"/>
      <c r="O259" s="98"/>
    </row>
    <row r="260" spans="1:28" ht="28" hidden="1">
      <c r="E260" s="8" t="s">
        <v>277</v>
      </c>
      <c r="F260" s="8">
        <v>248</v>
      </c>
      <c r="G260" s="8" t="s">
        <v>276</v>
      </c>
      <c r="H260" s="8" t="s">
        <v>66</v>
      </c>
      <c r="I260" s="8" t="s">
        <v>65</v>
      </c>
      <c r="J260" s="8">
        <v>1</v>
      </c>
      <c r="K260" s="8" t="s">
        <v>514</v>
      </c>
      <c r="L260" s="8">
        <v>1</v>
      </c>
      <c r="M260" s="8">
        <v>1</v>
      </c>
      <c r="N260" s="72" t="s">
        <v>654</v>
      </c>
      <c r="O260" s="98"/>
    </row>
    <row r="261" spans="1:28" hidden="1">
      <c r="E261" s="8" t="s">
        <v>275</v>
      </c>
      <c r="F261" s="8">
        <v>1300</v>
      </c>
      <c r="G261" s="8" t="s">
        <v>274</v>
      </c>
      <c r="H261" s="8" t="s">
        <v>78</v>
      </c>
      <c r="I261" s="8" t="s">
        <v>96</v>
      </c>
      <c r="J261" s="8">
        <v>1</v>
      </c>
      <c r="K261" s="8" t="s">
        <v>514</v>
      </c>
      <c r="L261" s="8">
        <v>4</v>
      </c>
      <c r="M261" s="8">
        <v>4</v>
      </c>
      <c r="N261" s="70" t="s">
        <v>624</v>
      </c>
      <c r="O261" s="98"/>
    </row>
    <row r="262" spans="1:28" hidden="1">
      <c r="E262" s="8" t="s">
        <v>273</v>
      </c>
      <c r="F262" s="8">
        <v>559</v>
      </c>
      <c r="G262" s="8" t="s">
        <v>197</v>
      </c>
      <c r="H262" s="8" t="s">
        <v>78</v>
      </c>
      <c r="I262" s="8" t="s">
        <v>71</v>
      </c>
      <c r="J262" s="8">
        <v>1</v>
      </c>
      <c r="K262" s="8" t="s">
        <v>514</v>
      </c>
      <c r="L262" s="8">
        <v>2</v>
      </c>
      <c r="M262" s="8">
        <v>2</v>
      </c>
      <c r="N262" s="72" t="s">
        <v>643</v>
      </c>
      <c r="O262" s="98"/>
    </row>
    <row r="263" spans="1:28" hidden="1">
      <c r="E263" s="13" t="s">
        <v>272</v>
      </c>
      <c r="F263" s="13">
        <v>1301</v>
      </c>
      <c r="G263" s="13" t="s">
        <v>271</v>
      </c>
      <c r="H263" s="13" t="s">
        <v>78</v>
      </c>
      <c r="I263" s="25" t="s">
        <v>96</v>
      </c>
      <c r="J263" s="13">
        <v>1</v>
      </c>
      <c r="K263" s="13" t="s">
        <v>509</v>
      </c>
      <c r="L263" s="13">
        <v>1</v>
      </c>
      <c r="M263" s="13">
        <v>10</v>
      </c>
      <c r="N263" s="25"/>
      <c r="O263" s="98"/>
    </row>
    <row r="264" spans="1:28" hidden="1">
      <c r="E264" s="8" t="s">
        <v>270</v>
      </c>
      <c r="F264" s="8">
        <v>610</v>
      </c>
      <c r="G264" s="8" t="s">
        <v>269</v>
      </c>
      <c r="H264" s="8" t="s">
        <v>17</v>
      </c>
      <c r="I264" s="8" t="s">
        <v>71</v>
      </c>
      <c r="J264" s="8">
        <v>1</v>
      </c>
      <c r="K264" s="8" t="s">
        <v>150</v>
      </c>
      <c r="L264" s="8">
        <v>1</v>
      </c>
      <c r="M264" s="8">
        <v>15</v>
      </c>
      <c r="O264" s="98"/>
    </row>
    <row r="265" spans="1:28" hidden="1">
      <c r="E265" s="8" t="s">
        <v>268</v>
      </c>
      <c r="F265" s="8">
        <v>378</v>
      </c>
      <c r="G265" s="8" t="s">
        <v>267</v>
      </c>
      <c r="H265" s="8" t="s">
        <v>78</v>
      </c>
      <c r="I265" s="8" t="s">
        <v>71</v>
      </c>
      <c r="J265" s="8">
        <v>1</v>
      </c>
      <c r="K265" s="8" t="s">
        <v>514</v>
      </c>
      <c r="L265" s="8">
        <v>1</v>
      </c>
      <c r="M265" s="8">
        <v>1</v>
      </c>
      <c r="N265" s="72" t="s">
        <v>626</v>
      </c>
      <c r="O265" s="98"/>
    </row>
    <row r="266" spans="1:28" hidden="1">
      <c r="E266" s="8" t="s">
        <v>266</v>
      </c>
      <c r="F266" s="8">
        <v>332</v>
      </c>
      <c r="G266" s="8" t="s">
        <v>232</v>
      </c>
      <c r="H266" s="8" t="s">
        <v>78</v>
      </c>
      <c r="I266" s="8" t="s">
        <v>71</v>
      </c>
      <c r="J266" s="8">
        <v>1</v>
      </c>
      <c r="K266" s="8" t="s">
        <v>438</v>
      </c>
      <c r="L266" s="8">
        <v>1</v>
      </c>
      <c r="M266" s="8">
        <v>6</v>
      </c>
      <c r="O266" s="98"/>
    </row>
    <row r="267" spans="1:28" hidden="1">
      <c r="E267" s="19" t="s">
        <v>265</v>
      </c>
      <c r="F267" s="19">
        <v>118</v>
      </c>
      <c r="G267" s="19" t="s">
        <v>264</v>
      </c>
      <c r="H267" s="19" t="s">
        <v>17</v>
      </c>
      <c r="I267" s="19" t="s">
        <v>174</v>
      </c>
      <c r="J267" s="19">
        <v>1</v>
      </c>
      <c r="K267" s="19" t="s">
        <v>438</v>
      </c>
      <c r="L267" s="19">
        <v>1</v>
      </c>
      <c r="M267" s="19">
        <v>9</v>
      </c>
      <c r="N267" s="25"/>
      <c r="O267" s="98"/>
    </row>
    <row r="268" spans="1:28" hidden="1">
      <c r="E268" s="19" t="s">
        <v>263</v>
      </c>
      <c r="F268" s="19">
        <v>355</v>
      </c>
      <c r="G268" s="19" t="s">
        <v>103</v>
      </c>
      <c r="H268" s="19" t="s">
        <v>78</v>
      </c>
      <c r="I268" s="19" t="s">
        <v>174</v>
      </c>
      <c r="J268" s="19">
        <v>1</v>
      </c>
      <c r="K268" s="19" t="s">
        <v>514</v>
      </c>
      <c r="L268" s="19">
        <v>2</v>
      </c>
      <c r="M268" s="19">
        <v>2</v>
      </c>
      <c r="N268" s="25"/>
      <c r="O268" s="98"/>
    </row>
    <row r="269" spans="1:28" hidden="1">
      <c r="E269" s="19" t="s">
        <v>262</v>
      </c>
      <c r="F269" s="19">
        <v>380</v>
      </c>
      <c r="G269" s="19" t="s">
        <v>105</v>
      </c>
      <c r="H269" s="19" t="s">
        <v>78</v>
      </c>
      <c r="I269" s="19" t="s">
        <v>174</v>
      </c>
      <c r="J269" s="19">
        <v>1</v>
      </c>
      <c r="K269" s="19" t="s">
        <v>438</v>
      </c>
      <c r="L269" s="19">
        <v>1</v>
      </c>
      <c r="M269" s="19">
        <v>15</v>
      </c>
      <c r="N269" s="25"/>
      <c r="O269" s="98"/>
    </row>
    <row r="270" spans="1:28" hidden="1">
      <c r="E270" s="19" t="s">
        <v>261</v>
      </c>
      <c r="F270" s="19">
        <v>380</v>
      </c>
      <c r="G270" s="19" t="s">
        <v>105</v>
      </c>
      <c r="H270" s="19" t="s">
        <v>17</v>
      </c>
      <c r="I270" s="19" t="s">
        <v>174</v>
      </c>
      <c r="J270" s="19">
        <v>1</v>
      </c>
      <c r="K270" s="19" t="s">
        <v>438</v>
      </c>
      <c r="L270" s="19">
        <v>1</v>
      </c>
      <c r="M270" s="19">
        <v>15</v>
      </c>
      <c r="N270" s="25"/>
      <c r="O270" s="98"/>
    </row>
    <row r="271" spans="1:28" hidden="1">
      <c r="E271" s="19" t="s">
        <v>260</v>
      </c>
      <c r="F271" s="19">
        <v>331</v>
      </c>
      <c r="G271" s="19" t="s">
        <v>259</v>
      </c>
      <c r="H271" s="19" t="s">
        <v>17</v>
      </c>
      <c r="I271" s="19" t="s">
        <v>174</v>
      </c>
      <c r="J271" s="19">
        <v>1</v>
      </c>
      <c r="K271" s="19" t="s">
        <v>514</v>
      </c>
      <c r="L271" s="19">
        <v>2</v>
      </c>
      <c r="M271" s="19">
        <v>2</v>
      </c>
      <c r="N271" s="25"/>
      <c r="O271" s="98"/>
      <c r="Q271" s="145"/>
      <c r="R271" s="145"/>
      <c r="S271" s="145"/>
      <c r="T271" s="145"/>
      <c r="U271" s="145"/>
      <c r="V271" s="145"/>
      <c r="W271" s="145"/>
      <c r="X271" s="145"/>
      <c r="Y271" s="145"/>
      <c r="Z271" s="145"/>
      <c r="AA271" s="145"/>
      <c r="AB271" s="145"/>
    </row>
    <row r="272" spans="1:28" hidden="1">
      <c r="E272" s="8" t="s">
        <v>258</v>
      </c>
      <c r="F272" s="8">
        <v>127</v>
      </c>
      <c r="G272" s="8" t="s">
        <v>126</v>
      </c>
      <c r="H272" s="8" t="s">
        <v>78</v>
      </c>
      <c r="I272" s="8" t="s">
        <v>71</v>
      </c>
      <c r="J272" s="8">
        <v>1</v>
      </c>
      <c r="K272" s="8" t="s">
        <v>509</v>
      </c>
      <c r="L272" s="8">
        <v>1</v>
      </c>
      <c r="M272" s="8">
        <v>30</v>
      </c>
      <c r="N272" s="72" t="s">
        <v>655</v>
      </c>
      <c r="O272" s="98"/>
      <c r="Q272" s="145"/>
      <c r="R272" s="145"/>
      <c r="S272" s="145"/>
      <c r="T272" s="145"/>
      <c r="U272" s="145"/>
      <c r="V272" s="145"/>
      <c r="W272" s="145"/>
      <c r="X272" s="145"/>
      <c r="Y272" s="145"/>
      <c r="Z272" s="145"/>
      <c r="AA272" s="145"/>
      <c r="AB272" s="145"/>
    </row>
    <row r="273" spans="1:28" hidden="1">
      <c r="E273" s="8" t="s">
        <v>257</v>
      </c>
      <c r="F273" s="8">
        <v>770</v>
      </c>
      <c r="G273" s="8" t="s">
        <v>256</v>
      </c>
      <c r="H273" s="8" t="s">
        <v>17</v>
      </c>
      <c r="I273" s="8" t="s">
        <v>71</v>
      </c>
      <c r="J273" s="8">
        <v>1</v>
      </c>
      <c r="K273" s="8" t="s">
        <v>509</v>
      </c>
      <c r="L273" s="8">
        <v>1</v>
      </c>
      <c r="M273" s="8">
        <v>20</v>
      </c>
      <c r="N273" s="70" t="s">
        <v>624</v>
      </c>
      <c r="O273" s="98"/>
      <c r="Q273" s="145"/>
      <c r="R273" s="145"/>
      <c r="S273" s="145"/>
      <c r="T273" s="145"/>
      <c r="U273" s="145"/>
      <c r="V273" s="145"/>
      <c r="W273" s="145"/>
      <c r="X273" s="145"/>
      <c r="Y273" s="145"/>
      <c r="Z273" s="145"/>
      <c r="AA273" s="145"/>
      <c r="AB273" s="145"/>
    </row>
    <row r="274" spans="1:28" hidden="1">
      <c r="E274" s="8" t="s">
        <v>255</v>
      </c>
      <c r="F274" s="8">
        <v>352</v>
      </c>
      <c r="G274" s="8" t="s">
        <v>3</v>
      </c>
      <c r="H274" s="8" t="s">
        <v>78</v>
      </c>
      <c r="I274" s="8" t="s">
        <v>71</v>
      </c>
      <c r="J274" s="8">
        <v>1</v>
      </c>
      <c r="K274" s="8" t="s">
        <v>509</v>
      </c>
      <c r="L274" s="8">
        <v>1</v>
      </c>
      <c r="M274" s="8">
        <v>80</v>
      </c>
      <c r="O274" s="98"/>
      <c r="Q274" s="145"/>
      <c r="R274" s="145"/>
      <c r="S274" s="145"/>
      <c r="T274" s="145"/>
      <c r="U274" s="145"/>
      <c r="V274" s="145"/>
      <c r="W274" s="145"/>
      <c r="X274" s="145"/>
      <c r="Y274" s="145"/>
      <c r="Z274" s="145"/>
      <c r="AA274" s="145"/>
      <c r="AB274" s="145"/>
    </row>
    <row r="275" spans="1:28" hidden="1">
      <c r="E275" s="8" t="s">
        <v>254</v>
      </c>
      <c r="F275" s="8">
        <v>819</v>
      </c>
      <c r="G275" s="8" t="s">
        <v>253</v>
      </c>
      <c r="H275" s="8" t="s">
        <v>17</v>
      </c>
      <c r="I275" s="8" t="s">
        <v>71</v>
      </c>
      <c r="J275" s="8">
        <v>1</v>
      </c>
      <c r="K275" s="8" t="s">
        <v>514</v>
      </c>
      <c r="L275" s="8">
        <v>2</v>
      </c>
      <c r="M275" s="8">
        <v>3</v>
      </c>
      <c r="N275" s="70" t="s">
        <v>624</v>
      </c>
      <c r="O275" s="98"/>
      <c r="Q275" s="145"/>
      <c r="R275" s="145"/>
      <c r="S275" s="145"/>
      <c r="T275" s="145"/>
      <c r="U275" s="145"/>
      <c r="V275" s="145"/>
      <c r="W275" s="145"/>
      <c r="X275" s="145"/>
      <c r="Y275" s="145"/>
      <c r="Z275" s="145"/>
      <c r="AA275" s="145"/>
      <c r="AB275" s="145"/>
    </row>
    <row r="276" spans="1:28" hidden="1">
      <c r="A276" s="17"/>
      <c r="B276" s="17"/>
      <c r="C276" s="17" t="s">
        <v>252</v>
      </c>
      <c r="D276" s="139"/>
      <c r="E276" s="17"/>
      <c r="F276" s="17"/>
      <c r="G276" s="17"/>
      <c r="H276" s="17" t="s">
        <v>17</v>
      </c>
      <c r="I276" s="17" t="s">
        <v>71</v>
      </c>
      <c r="J276" s="17">
        <v>1</v>
      </c>
      <c r="K276" s="17"/>
      <c r="L276" s="17"/>
      <c r="M276" s="17"/>
      <c r="N276" s="138"/>
      <c r="O276" s="98"/>
      <c r="Q276" s="145"/>
      <c r="R276" s="145"/>
      <c r="S276" s="145"/>
      <c r="T276" s="145"/>
      <c r="U276" s="145"/>
      <c r="V276" s="145"/>
      <c r="W276" s="145"/>
      <c r="X276" s="145"/>
      <c r="Y276" s="145"/>
      <c r="Z276" s="145"/>
      <c r="AA276" s="145"/>
      <c r="AB276" s="145"/>
    </row>
    <row r="277" spans="1:28" hidden="1">
      <c r="E277" s="8" t="s">
        <v>251</v>
      </c>
      <c r="F277" s="8">
        <v>98</v>
      </c>
      <c r="G277" s="8" t="s">
        <v>156</v>
      </c>
      <c r="H277" s="8" t="s">
        <v>66</v>
      </c>
      <c r="I277" s="8" t="s">
        <v>65</v>
      </c>
      <c r="J277" s="8">
        <v>1</v>
      </c>
      <c r="K277" s="8" t="s">
        <v>514</v>
      </c>
      <c r="L277" s="8">
        <v>2</v>
      </c>
      <c r="M277" s="8">
        <v>3</v>
      </c>
      <c r="N277" s="72" t="s">
        <v>623</v>
      </c>
      <c r="O277" s="98"/>
    </row>
    <row r="278" spans="1:28" hidden="1">
      <c r="E278" s="8" t="s">
        <v>250</v>
      </c>
      <c r="F278" s="8">
        <v>100</v>
      </c>
      <c r="G278" s="8" t="s">
        <v>249</v>
      </c>
      <c r="H278" s="8" t="s">
        <v>66</v>
      </c>
      <c r="I278" s="8" t="s">
        <v>65</v>
      </c>
      <c r="J278" s="8">
        <v>1</v>
      </c>
      <c r="K278" s="8" t="s">
        <v>514</v>
      </c>
      <c r="L278" s="8">
        <v>3</v>
      </c>
      <c r="M278" s="8">
        <v>3</v>
      </c>
      <c r="O278" s="98"/>
    </row>
    <row r="279" spans="1:28" hidden="1">
      <c r="E279" s="19" t="s">
        <v>290</v>
      </c>
      <c r="F279" s="19">
        <v>280</v>
      </c>
      <c r="G279" s="19" t="s">
        <v>289</v>
      </c>
      <c r="H279" s="19" t="s">
        <v>17</v>
      </c>
      <c r="I279" s="19" t="s">
        <v>96</v>
      </c>
      <c r="J279" s="19">
        <v>1</v>
      </c>
      <c r="K279" s="19" t="s">
        <v>438</v>
      </c>
      <c r="L279" s="19">
        <v>4</v>
      </c>
      <c r="M279" s="19">
        <v>10</v>
      </c>
      <c r="N279" s="25"/>
      <c r="O279" s="98"/>
    </row>
    <row r="280" spans="1:28" hidden="1">
      <c r="E280" s="19" t="s">
        <v>288</v>
      </c>
      <c r="F280" s="19">
        <v>98</v>
      </c>
      <c r="G280" s="19" t="s">
        <v>156</v>
      </c>
      <c r="H280" s="19" t="s">
        <v>17</v>
      </c>
      <c r="I280" s="19" t="s">
        <v>96</v>
      </c>
      <c r="J280" s="19">
        <v>1</v>
      </c>
      <c r="K280" s="19" t="s">
        <v>514</v>
      </c>
      <c r="L280" s="19">
        <v>2</v>
      </c>
      <c r="M280" s="19">
        <v>3</v>
      </c>
      <c r="N280" s="25"/>
      <c r="O280" s="98"/>
    </row>
    <row r="281" spans="1:28" hidden="1">
      <c r="E281" s="19" t="s">
        <v>287</v>
      </c>
      <c r="F281" s="19">
        <v>100</v>
      </c>
      <c r="G281" s="19" t="s">
        <v>249</v>
      </c>
      <c r="H281" s="19" t="s">
        <v>17</v>
      </c>
      <c r="I281" s="19" t="s">
        <v>96</v>
      </c>
      <c r="J281" s="19">
        <v>1</v>
      </c>
      <c r="K281" s="19" t="s">
        <v>514</v>
      </c>
      <c r="L281" s="19">
        <v>3</v>
      </c>
      <c r="M281" s="19">
        <v>3</v>
      </c>
      <c r="N281" s="25"/>
      <c r="O281" s="98"/>
    </row>
    <row r="282" spans="1:28" hidden="1">
      <c r="E282" s="19" t="s">
        <v>286</v>
      </c>
      <c r="F282" s="19">
        <v>669</v>
      </c>
      <c r="G282" s="19" t="s">
        <v>285</v>
      </c>
      <c r="H282" s="19" t="s">
        <v>17</v>
      </c>
      <c r="I282" s="19" t="s">
        <v>96</v>
      </c>
      <c r="J282" s="19">
        <v>1</v>
      </c>
      <c r="K282" s="19" t="s">
        <v>514</v>
      </c>
      <c r="L282" s="19">
        <v>3</v>
      </c>
      <c r="M282" s="19">
        <v>3</v>
      </c>
      <c r="N282" s="25"/>
      <c r="O282" s="98"/>
    </row>
    <row r="283" spans="1:28" hidden="1">
      <c r="E283" s="8" t="s">
        <v>284</v>
      </c>
      <c r="F283" s="8">
        <v>374</v>
      </c>
      <c r="G283" s="8" t="s">
        <v>82</v>
      </c>
      <c r="H283" s="8" t="s">
        <v>78</v>
      </c>
      <c r="I283" s="8" t="s">
        <v>71</v>
      </c>
      <c r="J283" s="8">
        <v>1</v>
      </c>
      <c r="K283" s="8" t="s">
        <v>514</v>
      </c>
      <c r="L283" s="8">
        <v>3</v>
      </c>
      <c r="M283" s="8">
        <v>3</v>
      </c>
      <c r="N283" s="72" t="s">
        <v>656</v>
      </c>
      <c r="O283" s="98"/>
    </row>
    <row r="284" spans="1:28" hidden="1">
      <c r="E284" s="8" t="s">
        <v>283</v>
      </c>
      <c r="F284" s="8">
        <v>373</v>
      </c>
      <c r="G284" s="8" t="s">
        <v>1</v>
      </c>
      <c r="H284" s="8" t="s">
        <v>17</v>
      </c>
      <c r="I284" s="8" t="s">
        <v>71</v>
      </c>
      <c r="J284" s="8">
        <v>1</v>
      </c>
      <c r="K284" s="8" t="s">
        <v>519</v>
      </c>
      <c r="L284" s="8">
        <v>8</v>
      </c>
      <c r="M284" s="8">
        <v>8</v>
      </c>
      <c r="O284" s="98"/>
    </row>
    <row r="285" spans="1:28" hidden="1">
      <c r="E285" s="8" t="s">
        <v>282</v>
      </c>
      <c r="F285" s="8">
        <v>337</v>
      </c>
      <c r="G285" s="8" t="s">
        <v>79</v>
      </c>
      <c r="H285" s="8" t="s">
        <v>17</v>
      </c>
      <c r="I285" s="8" t="s">
        <v>71</v>
      </c>
      <c r="J285" s="8">
        <v>1</v>
      </c>
      <c r="K285" s="8" t="s">
        <v>518</v>
      </c>
      <c r="L285" s="8">
        <v>4</v>
      </c>
      <c r="M285" s="8">
        <v>8</v>
      </c>
      <c r="O285" s="98"/>
    </row>
    <row r="286" spans="1:28" hidden="1">
      <c r="E286" s="8" t="s">
        <v>281</v>
      </c>
      <c r="F286" s="8">
        <v>374</v>
      </c>
      <c r="G286" s="8" t="s">
        <v>82</v>
      </c>
      <c r="H286" s="8" t="s">
        <v>78</v>
      </c>
      <c r="I286" s="8" t="s">
        <v>71</v>
      </c>
      <c r="J286" s="8">
        <v>1</v>
      </c>
      <c r="K286" s="8" t="s">
        <v>514</v>
      </c>
      <c r="L286" s="8">
        <v>3</v>
      </c>
      <c r="M286" s="8">
        <v>3</v>
      </c>
      <c r="N286" s="72" t="s">
        <v>657</v>
      </c>
      <c r="O286" s="98"/>
    </row>
    <row r="287" spans="1:28" hidden="1">
      <c r="E287" s="8" t="s">
        <v>280</v>
      </c>
      <c r="F287" s="8">
        <v>373</v>
      </c>
      <c r="G287" s="8" t="s">
        <v>1</v>
      </c>
      <c r="H287" s="8" t="s">
        <v>78</v>
      </c>
      <c r="I287" s="8" t="s">
        <v>71</v>
      </c>
      <c r="J287" s="8">
        <v>1</v>
      </c>
      <c r="K287" s="8" t="s">
        <v>519</v>
      </c>
      <c r="L287" s="8">
        <v>8</v>
      </c>
      <c r="M287" s="8">
        <v>8</v>
      </c>
      <c r="O287" s="98"/>
    </row>
    <row r="288" spans="1:28" hidden="1">
      <c r="E288" s="8" t="s">
        <v>279</v>
      </c>
      <c r="F288" s="8">
        <v>337</v>
      </c>
      <c r="G288" s="8" t="s">
        <v>79</v>
      </c>
      <c r="H288" s="8" t="s">
        <v>78</v>
      </c>
      <c r="I288" s="8" t="s">
        <v>71</v>
      </c>
      <c r="J288" s="8">
        <v>1</v>
      </c>
      <c r="K288" s="8" t="s">
        <v>518</v>
      </c>
      <c r="L288" s="8">
        <v>4</v>
      </c>
      <c r="M288" s="8">
        <v>8</v>
      </c>
      <c r="O288" s="98"/>
    </row>
    <row r="289" spans="1:16">
      <c r="A289" s="17"/>
      <c r="B289" s="17"/>
      <c r="C289" s="17" t="s">
        <v>387</v>
      </c>
      <c r="D289" s="139"/>
      <c r="E289" s="17"/>
      <c r="F289" s="17"/>
      <c r="G289" s="17"/>
      <c r="H289" s="17" t="s">
        <v>17</v>
      </c>
      <c r="I289" s="17" t="s">
        <v>71</v>
      </c>
      <c r="J289" s="17" t="s">
        <v>525</v>
      </c>
      <c r="K289" s="17"/>
      <c r="L289" s="17"/>
      <c r="M289" s="17"/>
      <c r="N289" s="138"/>
      <c r="O289" s="98" t="s">
        <v>2269</v>
      </c>
      <c r="P289" s="99" t="s">
        <v>1643</v>
      </c>
    </row>
    <row r="290" spans="1:16" hidden="1" outlineLevel="1">
      <c r="E290" s="8" t="s">
        <v>386</v>
      </c>
      <c r="F290" s="8">
        <v>336</v>
      </c>
      <c r="G290" s="8" t="s">
        <v>385</v>
      </c>
      <c r="H290" s="8" t="s">
        <v>17</v>
      </c>
      <c r="I290" s="8" t="s">
        <v>71</v>
      </c>
      <c r="J290" s="8">
        <v>1</v>
      </c>
      <c r="K290" s="8" t="s">
        <v>514</v>
      </c>
      <c r="L290" s="8">
        <v>2</v>
      </c>
      <c r="M290" s="8">
        <v>2</v>
      </c>
      <c r="N290" s="70" t="s">
        <v>624</v>
      </c>
      <c r="O290" s="98"/>
    </row>
    <row r="291" spans="1:16" hidden="1" outlineLevel="1">
      <c r="E291" s="8" t="s">
        <v>384</v>
      </c>
      <c r="F291" s="8">
        <v>333</v>
      </c>
      <c r="G291" s="8" t="s">
        <v>383</v>
      </c>
      <c r="H291" s="8" t="s">
        <v>17</v>
      </c>
      <c r="I291" s="8" t="s">
        <v>71</v>
      </c>
      <c r="J291" s="8">
        <v>1</v>
      </c>
      <c r="K291" s="8" t="s">
        <v>514</v>
      </c>
      <c r="L291" s="8">
        <v>1</v>
      </c>
      <c r="M291" s="8">
        <v>2</v>
      </c>
      <c r="N291" s="72" t="s">
        <v>658</v>
      </c>
      <c r="O291" s="98"/>
    </row>
    <row r="292" spans="1:16" hidden="1" outlineLevel="1">
      <c r="E292" s="8" t="s">
        <v>382</v>
      </c>
      <c r="F292" s="8">
        <v>338</v>
      </c>
      <c r="G292" s="8" t="s">
        <v>381</v>
      </c>
      <c r="H292" s="8" t="s">
        <v>17</v>
      </c>
      <c r="I292" s="8" t="s">
        <v>71</v>
      </c>
      <c r="J292" s="8">
        <v>1</v>
      </c>
      <c r="K292" s="8" t="s">
        <v>438</v>
      </c>
      <c r="L292" s="8">
        <v>1</v>
      </c>
      <c r="M292" s="8">
        <v>6</v>
      </c>
      <c r="O292" s="98"/>
    </row>
    <row r="293" spans="1:16" hidden="1" outlineLevel="1">
      <c r="E293" s="19" t="s">
        <v>380</v>
      </c>
      <c r="F293" s="19">
        <v>370</v>
      </c>
      <c r="G293" s="19" t="s">
        <v>379</v>
      </c>
      <c r="H293" s="19" t="s">
        <v>78</v>
      </c>
      <c r="I293" s="19" t="s">
        <v>174</v>
      </c>
      <c r="J293" s="19">
        <v>1</v>
      </c>
      <c r="K293" s="19" t="s">
        <v>519</v>
      </c>
      <c r="L293" s="19">
        <v>8</v>
      </c>
      <c r="M293" s="19">
        <v>8</v>
      </c>
      <c r="N293" s="25"/>
      <c r="O293" s="98"/>
    </row>
    <row r="294" spans="1:16" hidden="1" outlineLevel="1">
      <c r="E294" s="8" t="s">
        <v>378</v>
      </c>
      <c r="F294" s="8">
        <v>351</v>
      </c>
      <c r="G294" s="8" t="s">
        <v>377</v>
      </c>
      <c r="H294" s="8" t="s">
        <v>78</v>
      </c>
      <c r="I294" s="8" t="s">
        <v>71</v>
      </c>
      <c r="J294" s="8">
        <v>1</v>
      </c>
      <c r="K294" s="8" t="s">
        <v>510</v>
      </c>
      <c r="L294" s="8">
        <v>1</v>
      </c>
      <c r="M294" s="8">
        <v>3</v>
      </c>
      <c r="O294" s="98"/>
    </row>
    <row r="295" spans="1:16" hidden="1" outlineLevel="1">
      <c r="E295" s="19" t="s">
        <v>376</v>
      </c>
      <c r="F295" s="19">
        <v>446</v>
      </c>
      <c r="G295" s="19" t="s">
        <v>375</v>
      </c>
      <c r="H295" s="19" t="s">
        <v>17</v>
      </c>
      <c r="I295" s="19" t="s">
        <v>174</v>
      </c>
      <c r="J295" s="19">
        <v>1</v>
      </c>
      <c r="K295" s="19" t="s">
        <v>519</v>
      </c>
      <c r="L295" s="19">
        <v>8</v>
      </c>
      <c r="M295" s="19">
        <v>8</v>
      </c>
      <c r="N295" s="25"/>
      <c r="O295" s="98"/>
    </row>
    <row r="296" spans="1:16" hidden="1" outlineLevel="1">
      <c r="E296" s="8" t="s">
        <v>374</v>
      </c>
      <c r="F296" s="8">
        <v>386</v>
      </c>
      <c r="G296" s="8" t="s">
        <v>373</v>
      </c>
      <c r="H296" s="8" t="s">
        <v>17</v>
      </c>
      <c r="I296" s="8" t="s">
        <v>71</v>
      </c>
      <c r="J296" s="8">
        <v>1</v>
      </c>
      <c r="K296" s="8" t="s">
        <v>510</v>
      </c>
      <c r="L296" s="8">
        <v>1</v>
      </c>
      <c r="M296" s="8">
        <v>3</v>
      </c>
      <c r="O296" s="98"/>
    </row>
    <row r="297" spans="1:16" hidden="1" outlineLevel="1">
      <c r="E297" s="8" t="s">
        <v>372</v>
      </c>
      <c r="F297" s="8">
        <v>362</v>
      </c>
      <c r="G297" s="8" t="s">
        <v>371</v>
      </c>
      <c r="H297" s="8" t="s">
        <v>17</v>
      </c>
      <c r="I297" s="8" t="s">
        <v>71</v>
      </c>
      <c r="J297" s="8">
        <v>1</v>
      </c>
      <c r="K297" s="8" t="s">
        <v>150</v>
      </c>
      <c r="L297" s="8">
        <v>1</v>
      </c>
      <c r="M297" s="8">
        <v>10</v>
      </c>
      <c r="O297" s="98"/>
    </row>
    <row r="298" spans="1:16" hidden="1" outlineLevel="1">
      <c r="E298" s="19" t="s">
        <v>370</v>
      </c>
      <c r="F298" s="19">
        <v>388</v>
      </c>
      <c r="G298" s="19" t="s">
        <v>369</v>
      </c>
      <c r="H298" s="19" t="s">
        <v>17</v>
      </c>
      <c r="I298" s="19" t="s">
        <v>174</v>
      </c>
      <c r="J298" s="19">
        <v>1</v>
      </c>
      <c r="K298" s="19" t="s">
        <v>519</v>
      </c>
      <c r="L298" s="19">
        <v>8</v>
      </c>
      <c r="M298" s="19">
        <v>8</v>
      </c>
      <c r="N298" s="25"/>
      <c r="O298" s="98"/>
    </row>
    <row r="299" spans="1:16" hidden="1" outlineLevel="1">
      <c r="E299" s="19" t="s">
        <v>368</v>
      </c>
      <c r="F299" s="19">
        <v>389</v>
      </c>
      <c r="G299" s="19" t="s">
        <v>367</v>
      </c>
      <c r="H299" s="19" t="s">
        <v>78</v>
      </c>
      <c r="I299" s="19" t="s">
        <v>174</v>
      </c>
      <c r="J299" s="19">
        <v>1</v>
      </c>
      <c r="K299" s="19" t="s">
        <v>150</v>
      </c>
      <c r="L299" s="19">
        <v>1</v>
      </c>
      <c r="M299" s="19">
        <v>10</v>
      </c>
      <c r="N299" s="25"/>
      <c r="O299" s="98"/>
    </row>
    <row r="300" spans="1:16" hidden="1" outlineLevel="1">
      <c r="E300" s="19" t="s">
        <v>366</v>
      </c>
      <c r="F300" s="19">
        <v>342</v>
      </c>
      <c r="G300" s="19" t="s">
        <v>365</v>
      </c>
      <c r="H300" s="19" t="s">
        <v>78</v>
      </c>
      <c r="I300" s="19" t="s">
        <v>174</v>
      </c>
      <c r="J300" s="19">
        <v>1</v>
      </c>
      <c r="K300" s="19" t="s">
        <v>438</v>
      </c>
      <c r="L300" s="19">
        <v>1</v>
      </c>
      <c r="M300" s="19">
        <v>5</v>
      </c>
      <c r="N300" s="25"/>
      <c r="O300" s="98"/>
    </row>
    <row r="301" spans="1:16" hidden="1" outlineLevel="1">
      <c r="E301" s="8" t="s">
        <v>364</v>
      </c>
      <c r="F301" s="8">
        <v>352</v>
      </c>
      <c r="G301" s="8" t="s">
        <v>3</v>
      </c>
      <c r="H301" s="8" t="s">
        <v>17</v>
      </c>
      <c r="I301" s="8" t="s">
        <v>174</v>
      </c>
      <c r="J301" s="8">
        <v>1</v>
      </c>
      <c r="K301" s="8" t="s">
        <v>509</v>
      </c>
      <c r="L301" s="8">
        <v>1</v>
      </c>
      <c r="M301" s="8">
        <v>80</v>
      </c>
      <c r="O301" s="98"/>
    </row>
    <row r="302" spans="1:16" hidden="1" outlineLevel="1">
      <c r="E302" s="19" t="s">
        <v>363</v>
      </c>
      <c r="F302" s="19">
        <v>765</v>
      </c>
      <c r="G302" s="19" t="s">
        <v>362</v>
      </c>
      <c r="H302" s="19" t="s">
        <v>78</v>
      </c>
      <c r="I302" s="19" t="s">
        <v>174</v>
      </c>
      <c r="J302" s="19">
        <v>1</v>
      </c>
      <c r="K302" s="19" t="s">
        <v>510</v>
      </c>
      <c r="L302" s="19">
        <v>1</v>
      </c>
      <c r="M302" s="19">
        <v>2</v>
      </c>
      <c r="N302" s="25"/>
      <c r="O302" s="98"/>
    </row>
    <row r="303" spans="1:16" hidden="1" outlineLevel="1">
      <c r="E303" s="19" t="s">
        <v>361</v>
      </c>
      <c r="F303" s="19">
        <v>107</v>
      </c>
      <c r="G303" s="19" t="s">
        <v>360</v>
      </c>
      <c r="H303" s="19" t="s">
        <v>17</v>
      </c>
      <c r="I303" s="19" t="s">
        <v>174</v>
      </c>
      <c r="J303" s="19">
        <v>1</v>
      </c>
      <c r="K303" s="19" t="s">
        <v>514</v>
      </c>
      <c r="L303" s="19">
        <v>1</v>
      </c>
      <c r="M303" s="19">
        <v>2</v>
      </c>
      <c r="N303" s="25"/>
      <c r="O303" s="98"/>
    </row>
    <row r="304" spans="1:16" hidden="1" outlineLevel="1">
      <c r="E304" s="8" t="s">
        <v>359</v>
      </c>
      <c r="F304" s="8">
        <v>954</v>
      </c>
      <c r="G304" s="8" t="s">
        <v>232</v>
      </c>
      <c r="H304" s="8" t="s">
        <v>17</v>
      </c>
      <c r="I304" s="8" t="s">
        <v>71</v>
      </c>
      <c r="J304" s="8">
        <v>1</v>
      </c>
      <c r="K304" s="8" t="s">
        <v>438</v>
      </c>
      <c r="L304" s="8">
        <v>1</v>
      </c>
      <c r="M304" s="8">
        <v>10</v>
      </c>
      <c r="O304" s="98"/>
    </row>
    <row r="305" spans="1:16" collapsed="1">
      <c r="A305" s="17"/>
      <c r="B305" s="17"/>
      <c r="C305" s="17" t="s">
        <v>84</v>
      </c>
      <c r="D305" s="139" t="s">
        <v>428</v>
      </c>
      <c r="E305" s="17"/>
      <c r="F305" s="17"/>
      <c r="G305" s="17"/>
      <c r="H305" s="17" t="s">
        <v>17</v>
      </c>
      <c r="I305" s="17" t="s">
        <v>71</v>
      </c>
      <c r="J305" s="17">
        <v>10</v>
      </c>
      <c r="K305" s="17"/>
      <c r="L305" s="17"/>
      <c r="M305" s="17"/>
      <c r="N305" s="138"/>
      <c r="O305" s="98" t="s">
        <v>955</v>
      </c>
      <c r="P305" s="99" t="s">
        <v>1076</v>
      </c>
    </row>
    <row r="306" spans="1:16" s="99" customFormat="1" hidden="1" outlineLevel="1">
      <c r="A306" s="10"/>
      <c r="B306" s="10"/>
      <c r="C306" s="8"/>
      <c r="D306" s="10"/>
      <c r="E306" s="8" t="s">
        <v>83</v>
      </c>
      <c r="F306" s="8">
        <v>374</v>
      </c>
      <c r="G306" s="8" t="s">
        <v>82</v>
      </c>
      <c r="H306" s="8" t="s">
        <v>66</v>
      </c>
      <c r="I306" s="8" t="s">
        <v>65</v>
      </c>
      <c r="J306" s="8">
        <v>1</v>
      </c>
      <c r="K306" s="8" t="s">
        <v>514</v>
      </c>
      <c r="L306" s="8">
        <v>3</v>
      </c>
      <c r="M306" s="8">
        <v>3</v>
      </c>
      <c r="N306" s="72" t="s">
        <v>659</v>
      </c>
      <c r="O306" s="98"/>
    </row>
    <row r="307" spans="1:16" s="99" customFormat="1" hidden="1" outlineLevel="1">
      <c r="A307" s="10"/>
      <c r="B307" s="10"/>
      <c r="C307" s="8"/>
      <c r="D307" s="10"/>
      <c r="E307" s="8" t="s">
        <v>81</v>
      </c>
      <c r="F307" s="8">
        <v>373</v>
      </c>
      <c r="G307" s="8" t="s">
        <v>1</v>
      </c>
      <c r="H307" s="8" t="s">
        <v>78</v>
      </c>
      <c r="I307" s="8" t="s">
        <v>71</v>
      </c>
      <c r="J307" s="8">
        <v>1</v>
      </c>
      <c r="K307" s="8" t="s">
        <v>519</v>
      </c>
      <c r="L307" s="8">
        <v>8</v>
      </c>
      <c r="M307" s="8">
        <v>8</v>
      </c>
      <c r="N307" s="72"/>
      <c r="O307" s="98"/>
    </row>
    <row r="308" spans="1:16" s="99" customFormat="1" hidden="1" outlineLevel="1">
      <c r="A308" s="10"/>
      <c r="B308" s="10"/>
      <c r="C308" s="8"/>
      <c r="D308" s="10"/>
      <c r="E308" s="8" t="s">
        <v>80</v>
      </c>
      <c r="F308" s="8">
        <v>337</v>
      </c>
      <c r="G308" s="8" t="s">
        <v>79</v>
      </c>
      <c r="H308" s="8" t="s">
        <v>78</v>
      </c>
      <c r="I308" s="8" t="s">
        <v>71</v>
      </c>
      <c r="J308" s="8">
        <v>1</v>
      </c>
      <c r="K308" s="8" t="s">
        <v>518</v>
      </c>
      <c r="L308" s="8">
        <v>4</v>
      </c>
      <c r="M308" s="8">
        <v>8</v>
      </c>
      <c r="N308" s="72"/>
      <c r="O308" s="98"/>
    </row>
    <row r="309" spans="1:16" s="99" customFormat="1" hidden="1" outlineLevel="1">
      <c r="A309" s="10"/>
      <c r="B309" s="10"/>
      <c r="C309" s="8"/>
      <c r="D309" s="10"/>
      <c r="E309" s="8" t="s">
        <v>77</v>
      </c>
      <c r="F309" s="8">
        <v>623</v>
      </c>
      <c r="G309" s="8" t="s">
        <v>76</v>
      </c>
      <c r="H309" s="8" t="s">
        <v>17</v>
      </c>
      <c r="I309" s="8" t="s">
        <v>71</v>
      </c>
      <c r="J309" s="8">
        <v>1</v>
      </c>
      <c r="K309" s="8" t="s">
        <v>514</v>
      </c>
      <c r="L309" s="8">
        <v>2</v>
      </c>
      <c r="M309" s="8">
        <v>2</v>
      </c>
      <c r="N309" s="70" t="s">
        <v>624</v>
      </c>
      <c r="O309" s="98"/>
    </row>
    <row r="310" spans="1:16" s="99" customFormat="1" hidden="1" collapsed="1">
      <c r="A310" s="17"/>
      <c r="B310" s="17"/>
      <c r="C310" s="17" t="s">
        <v>84</v>
      </c>
      <c r="D310" s="139" t="s">
        <v>428</v>
      </c>
      <c r="E310" s="17"/>
      <c r="F310" s="17"/>
      <c r="G310" s="17"/>
      <c r="H310" s="17" t="s">
        <v>17</v>
      </c>
      <c r="I310" s="17" t="s">
        <v>71</v>
      </c>
      <c r="J310" s="17">
        <v>10</v>
      </c>
      <c r="K310" s="17"/>
      <c r="L310" s="17"/>
      <c r="M310" s="17"/>
      <c r="N310" s="138"/>
      <c r="O310" s="98"/>
    </row>
    <row r="311" spans="1:16" s="99" customFormat="1" hidden="1">
      <c r="A311" s="10"/>
      <c r="B311" s="10"/>
      <c r="C311" s="8"/>
      <c r="D311" s="10"/>
      <c r="E311" s="8" t="s">
        <v>83</v>
      </c>
      <c r="F311" s="8">
        <v>374</v>
      </c>
      <c r="G311" s="8" t="s">
        <v>82</v>
      </c>
      <c r="H311" s="8" t="s">
        <v>66</v>
      </c>
      <c r="I311" s="8" t="s">
        <v>65</v>
      </c>
      <c r="J311" s="8">
        <v>1</v>
      </c>
      <c r="K311" s="8" t="s">
        <v>514</v>
      </c>
      <c r="L311" s="8">
        <v>3</v>
      </c>
      <c r="M311" s="8">
        <v>3</v>
      </c>
      <c r="N311" s="72" t="s">
        <v>660</v>
      </c>
      <c r="O311" s="98"/>
    </row>
    <row r="312" spans="1:16" s="99" customFormat="1" hidden="1">
      <c r="A312" s="10"/>
      <c r="B312" s="10"/>
      <c r="C312" s="8"/>
      <c r="D312" s="10"/>
      <c r="E312" s="8" t="s">
        <v>81</v>
      </c>
      <c r="F312" s="8">
        <v>373</v>
      </c>
      <c r="G312" s="8" t="s">
        <v>1</v>
      </c>
      <c r="H312" s="8" t="s">
        <v>78</v>
      </c>
      <c r="I312" s="8" t="s">
        <v>71</v>
      </c>
      <c r="J312" s="8">
        <v>1</v>
      </c>
      <c r="K312" s="8" t="s">
        <v>519</v>
      </c>
      <c r="L312" s="8">
        <v>8</v>
      </c>
      <c r="M312" s="8">
        <v>8</v>
      </c>
      <c r="N312" s="72"/>
      <c r="O312" s="98"/>
    </row>
    <row r="313" spans="1:16" s="99" customFormat="1" hidden="1">
      <c r="A313" s="10"/>
      <c r="B313" s="10"/>
      <c r="C313" s="8"/>
      <c r="D313" s="10"/>
      <c r="E313" s="8" t="s">
        <v>80</v>
      </c>
      <c r="F313" s="8">
        <v>337</v>
      </c>
      <c r="G313" s="8" t="s">
        <v>79</v>
      </c>
      <c r="H313" s="8" t="s">
        <v>78</v>
      </c>
      <c r="I313" s="8" t="s">
        <v>71</v>
      </c>
      <c r="J313" s="8">
        <v>1</v>
      </c>
      <c r="K313" s="8" t="s">
        <v>518</v>
      </c>
      <c r="L313" s="8">
        <v>4</v>
      </c>
      <c r="M313" s="8">
        <v>8</v>
      </c>
      <c r="N313" s="72"/>
      <c r="O313" s="98"/>
    </row>
    <row r="314" spans="1:16" s="99" customFormat="1" hidden="1">
      <c r="A314" s="10"/>
      <c r="B314" s="10"/>
      <c r="C314" s="8"/>
      <c r="D314" s="10"/>
      <c r="E314" s="8" t="s">
        <v>77</v>
      </c>
      <c r="F314" s="8">
        <v>623</v>
      </c>
      <c r="G314" s="8" t="s">
        <v>76</v>
      </c>
      <c r="H314" s="8" t="s">
        <v>17</v>
      </c>
      <c r="I314" s="8" t="s">
        <v>71</v>
      </c>
      <c r="J314" s="8">
        <v>1</v>
      </c>
      <c r="K314" s="8" t="s">
        <v>514</v>
      </c>
      <c r="L314" s="8">
        <v>2</v>
      </c>
      <c r="M314" s="8">
        <v>2</v>
      </c>
      <c r="N314" s="70" t="s">
        <v>624</v>
      </c>
      <c r="O314" s="98"/>
    </row>
    <row r="315" spans="1:16" s="99" customFormat="1" hidden="1">
      <c r="A315" s="17"/>
      <c r="B315" s="17"/>
      <c r="C315" s="17" t="s">
        <v>84</v>
      </c>
      <c r="D315" s="139" t="s">
        <v>428</v>
      </c>
      <c r="E315" s="17"/>
      <c r="F315" s="17"/>
      <c r="G315" s="17"/>
      <c r="H315" s="17" t="s">
        <v>17</v>
      </c>
      <c r="I315" s="17" t="s">
        <v>71</v>
      </c>
      <c r="J315" s="17">
        <v>10</v>
      </c>
      <c r="K315" s="17"/>
      <c r="L315" s="17"/>
      <c r="M315" s="17"/>
      <c r="N315" s="138"/>
      <c r="O315" s="98"/>
    </row>
    <row r="316" spans="1:16" s="99" customFormat="1" hidden="1">
      <c r="A316" s="10"/>
      <c r="B316" s="10"/>
      <c r="C316" s="8"/>
      <c r="D316" s="10"/>
      <c r="E316" s="8" t="s">
        <v>83</v>
      </c>
      <c r="F316" s="8">
        <v>374</v>
      </c>
      <c r="G316" s="8" t="s">
        <v>82</v>
      </c>
      <c r="H316" s="8" t="s">
        <v>66</v>
      </c>
      <c r="I316" s="8" t="s">
        <v>65</v>
      </c>
      <c r="J316" s="8">
        <v>1</v>
      </c>
      <c r="K316" s="8" t="s">
        <v>514</v>
      </c>
      <c r="L316" s="8">
        <v>3</v>
      </c>
      <c r="M316" s="8">
        <v>3</v>
      </c>
      <c r="N316" s="72" t="s">
        <v>661</v>
      </c>
      <c r="O316" s="98"/>
    </row>
    <row r="317" spans="1:16" s="99" customFormat="1" hidden="1">
      <c r="A317" s="10"/>
      <c r="B317" s="10"/>
      <c r="C317" s="8"/>
      <c r="D317" s="10"/>
      <c r="E317" s="8" t="s">
        <v>81</v>
      </c>
      <c r="F317" s="8">
        <v>373</v>
      </c>
      <c r="G317" s="8" t="s">
        <v>1</v>
      </c>
      <c r="H317" s="8" t="s">
        <v>78</v>
      </c>
      <c r="I317" s="8" t="s">
        <v>71</v>
      </c>
      <c r="J317" s="8">
        <v>1</v>
      </c>
      <c r="K317" s="8" t="s">
        <v>519</v>
      </c>
      <c r="L317" s="8">
        <v>8</v>
      </c>
      <c r="M317" s="8">
        <v>8</v>
      </c>
      <c r="N317" s="72"/>
      <c r="O317" s="98"/>
    </row>
    <row r="318" spans="1:16" s="99" customFormat="1" hidden="1">
      <c r="A318" s="10"/>
      <c r="B318" s="10"/>
      <c r="C318" s="8"/>
      <c r="D318" s="10"/>
      <c r="E318" s="8" t="s">
        <v>80</v>
      </c>
      <c r="F318" s="8">
        <v>337</v>
      </c>
      <c r="G318" s="8" t="s">
        <v>79</v>
      </c>
      <c r="H318" s="8" t="s">
        <v>78</v>
      </c>
      <c r="I318" s="8" t="s">
        <v>71</v>
      </c>
      <c r="J318" s="8">
        <v>1</v>
      </c>
      <c r="K318" s="8" t="s">
        <v>518</v>
      </c>
      <c r="L318" s="8">
        <v>4</v>
      </c>
      <c r="M318" s="8">
        <v>8</v>
      </c>
      <c r="N318" s="72"/>
      <c r="O318" s="98"/>
    </row>
    <row r="319" spans="1:16" s="99" customFormat="1" hidden="1">
      <c r="A319" s="10"/>
      <c r="B319" s="10"/>
      <c r="C319" s="8"/>
      <c r="D319" s="10"/>
      <c r="E319" s="8" t="s">
        <v>77</v>
      </c>
      <c r="F319" s="8">
        <v>623</v>
      </c>
      <c r="G319" s="8" t="s">
        <v>76</v>
      </c>
      <c r="H319" s="8" t="s">
        <v>17</v>
      </c>
      <c r="I319" s="8" t="s">
        <v>71</v>
      </c>
      <c r="J319" s="8">
        <v>1</v>
      </c>
      <c r="K319" s="8" t="s">
        <v>514</v>
      </c>
      <c r="L319" s="8">
        <v>2</v>
      </c>
      <c r="M319" s="8">
        <v>2</v>
      </c>
      <c r="N319" s="70" t="s">
        <v>624</v>
      </c>
      <c r="O319" s="98"/>
    </row>
    <row r="320" spans="1:16" s="99" customFormat="1" hidden="1">
      <c r="A320" s="17"/>
      <c r="B320" s="17"/>
      <c r="C320" s="17" t="s">
        <v>84</v>
      </c>
      <c r="D320" s="139" t="s">
        <v>428</v>
      </c>
      <c r="E320" s="17"/>
      <c r="F320" s="17"/>
      <c r="G320" s="17"/>
      <c r="H320" s="17" t="s">
        <v>17</v>
      </c>
      <c r="I320" s="17" t="s">
        <v>71</v>
      </c>
      <c r="J320" s="17">
        <v>10</v>
      </c>
      <c r="K320" s="17"/>
      <c r="L320" s="17"/>
      <c r="M320" s="17"/>
      <c r="N320" s="138"/>
      <c r="O320" s="98"/>
    </row>
    <row r="321" spans="1:15" s="99" customFormat="1" hidden="1">
      <c r="A321" s="10"/>
      <c r="B321" s="10"/>
      <c r="C321" s="8"/>
      <c r="D321" s="10"/>
      <c r="E321" s="8" t="s">
        <v>83</v>
      </c>
      <c r="F321" s="8">
        <v>374</v>
      </c>
      <c r="G321" s="8" t="s">
        <v>82</v>
      </c>
      <c r="H321" s="8" t="s">
        <v>66</v>
      </c>
      <c r="I321" s="8" t="s">
        <v>65</v>
      </c>
      <c r="J321" s="8">
        <v>1</v>
      </c>
      <c r="K321" s="8" t="s">
        <v>514</v>
      </c>
      <c r="L321" s="8">
        <v>3</v>
      </c>
      <c r="M321" s="8">
        <v>3</v>
      </c>
      <c r="N321" s="72" t="s">
        <v>662</v>
      </c>
      <c r="O321" s="98"/>
    </row>
    <row r="322" spans="1:15" s="99" customFormat="1" hidden="1">
      <c r="A322" s="10"/>
      <c r="B322" s="10"/>
      <c r="C322" s="8"/>
      <c r="D322" s="10"/>
      <c r="E322" s="8" t="s">
        <v>81</v>
      </c>
      <c r="F322" s="8">
        <v>373</v>
      </c>
      <c r="G322" s="8" t="s">
        <v>1</v>
      </c>
      <c r="H322" s="8" t="s">
        <v>78</v>
      </c>
      <c r="I322" s="8" t="s">
        <v>71</v>
      </c>
      <c r="J322" s="8">
        <v>1</v>
      </c>
      <c r="K322" s="8" t="s">
        <v>519</v>
      </c>
      <c r="L322" s="8">
        <v>8</v>
      </c>
      <c r="M322" s="8">
        <v>8</v>
      </c>
      <c r="N322" s="72"/>
      <c r="O322" s="98"/>
    </row>
    <row r="323" spans="1:15" s="99" customFormat="1" hidden="1">
      <c r="A323" s="10"/>
      <c r="B323" s="10"/>
      <c r="C323" s="8"/>
      <c r="D323" s="10"/>
      <c r="E323" s="8" t="s">
        <v>80</v>
      </c>
      <c r="F323" s="8">
        <v>337</v>
      </c>
      <c r="G323" s="8" t="s">
        <v>79</v>
      </c>
      <c r="H323" s="8" t="s">
        <v>78</v>
      </c>
      <c r="I323" s="8" t="s">
        <v>71</v>
      </c>
      <c r="J323" s="8">
        <v>1</v>
      </c>
      <c r="K323" s="8" t="s">
        <v>518</v>
      </c>
      <c r="L323" s="8">
        <v>4</v>
      </c>
      <c r="M323" s="8">
        <v>8</v>
      </c>
      <c r="N323" s="72"/>
      <c r="O323" s="98"/>
    </row>
    <row r="324" spans="1:15" s="99" customFormat="1" hidden="1">
      <c r="A324" s="10"/>
      <c r="B324" s="10"/>
      <c r="C324" s="8"/>
      <c r="D324" s="10"/>
      <c r="E324" s="8" t="s">
        <v>77</v>
      </c>
      <c r="F324" s="8">
        <v>623</v>
      </c>
      <c r="G324" s="8" t="s">
        <v>76</v>
      </c>
      <c r="H324" s="8" t="s">
        <v>17</v>
      </c>
      <c r="I324" s="8" t="s">
        <v>71</v>
      </c>
      <c r="J324" s="8">
        <v>1</v>
      </c>
      <c r="K324" s="8" t="s">
        <v>514</v>
      </c>
      <c r="L324" s="8">
        <v>2</v>
      </c>
      <c r="M324" s="8">
        <v>2</v>
      </c>
      <c r="N324" s="70" t="s">
        <v>624</v>
      </c>
      <c r="O324" s="98"/>
    </row>
    <row r="325" spans="1:15" s="99" customFormat="1" hidden="1">
      <c r="A325" s="17"/>
      <c r="B325" s="17"/>
      <c r="C325" s="17" t="s">
        <v>84</v>
      </c>
      <c r="D325" s="139" t="s">
        <v>428</v>
      </c>
      <c r="E325" s="17"/>
      <c r="F325" s="17"/>
      <c r="G325" s="17"/>
      <c r="H325" s="17" t="s">
        <v>17</v>
      </c>
      <c r="I325" s="17" t="s">
        <v>71</v>
      </c>
      <c r="J325" s="17">
        <v>10</v>
      </c>
      <c r="K325" s="17"/>
      <c r="L325" s="17"/>
      <c r="M325" s="17"/>
      <c r="N325" s="138"/>
      <c r="O325" s="98"/>
    </row>
    <row r="326" spans="1:15" s="99" customFormat="1" hidden="1">
      <c r="A326" s="10"/>
      <c r="B326" s="10"/>
      <c r="C326" s="8"/>
      <c r="D326" s="10"/>
      <c r="E326" s="8" t="s">
        <v>83</v>
      </c>
      <c r="F326" s="8">
        <v>374</v>
      </c>
      <c r="G326" s="8" t="s">
        <v>82</v>
      </c>
      <c r="H326" s="8" t="s">
        <v>66</v>
      </c>
      <c r="I326" s="8" t="s">
        <v>65</v>
      </c>
      <c r="J326" s="8">
        <v>1</v>
      </c>
      <c r="K326" s="8" t="s">
        <v>514</v>
      </c>
      <c r="L326" s="8">
        <v>3</v>
      </c>
      <c r="M326" s="8">
        <v>3</v>
      </c>
      <c r="N326" s="72" t="s">
        <v>663</v>
      </c>
      <c r="O326" s="98"/>
    </row>
    <row r="327" spans="1:15" s="99" customFormat="1" hidden="1">
      <c r="A327" s="10"/>
      <c r="B327" s="10"/>
      <c r="C327" s="8"/>
      <c r="D327" s="10"/>
      <c r="E327" s="8" t="s">
        <v>81</v>
      </c>
      <c r="F327" s="8">
        <v>373</v>
      </c>
      <c r="G327" s="8" t="s">
        <v>1</v>
      </c>
      <c r="H327" s="8" t="s">
        <v>78</v>
      </c>
      <c r="I327" s="8" t="s">
        <v>71</v>
      </c>
      <c r="J327" s="8">
        <v>1</v>
      </c>
      <c r="K327" s="8" t="s">
        <v>519</v>
      </c>
      <c r="L327" s="8">
        <v>8</v>
      </c>
      <c r="M327" s="8">
        <v>8</v>
      </c>
      <c r="N327" s="72"/>
      <c r="O327" s="98"/>
    </row>
    <row r="328" spans="1:15" s="99" customFormat="1" hidden="1">
      <c r="A328" s="10"/>
      <c r="B328" s="10"/>
      <c r="C328" s="8"/>
      <c r="D328" s="10"/>
      <c r="E328" s="8" t="s">
        <v>80</v>
      </c>
      <c r="F328" s="8">
        <v>337</v>
      </c>
      <c r="G328" s="8" t="s">
        <v>79</v>
      </c>
      <c r="H328" s="8" t="s">
        <v>78</v>
      </c>
      <c r="I328" s="8" t="s">
        <v>71</v>
      </c>
      <c r="J328" s="8">
        <v>1</v>
      </c>
      <c r="K328" s="8" t="s">
        <v>518</v>
      </c>
      <c r="L328" s="8">
        <v>4</v>
      </c>
      <c r="M328" s="8">
        <v>8</v>
      </c>
      <c r="N328" s="72"/>
      <c r="O328" s="98"/>
    </row>
    <row r="329" spans="1:15" s="99" customFormat="1" hidden="1">
      <c r="A329" s="10"/>
      <c r="B329" s="10"/>
      <c r="C329" s="8"/>
      <c r="D329" s="10"/>
      <c r="E329" s="8" t="s">
        <v>77</v>
      </c>
      <c r="F329" s="8">
        <v>623</v>
      </c>
      <c r="G329" s="8" t="s">
        <v>76</v>
      </c>
      <c r="H329" s="8" t="s">
        <v>17</v>
      </c>
      <c r="I329" s="8" t="s">
        <v>71</v>
      </c>
      <c r="J329" s="8">
        <v>1</v>
      </c>
      <c r="K329" s="8" t="s">
        <v>514</v>
      </c>
      <c r="L329" s="8">
        <v>2</v>
      </c>
      <c r="M329" s="8">
        <v>2</v>
      </c>
      <c r="N329" s="70" t="s">
        <v>624</v>
      </c>
      <c r="O329" s="98"/>
    </row>
    <row r="330" spans="1:15" s="99" customFormat="1" hidden="1">
      <c r="A330" s="17"/>
      <c r="B330" s="17"/>
      <c r="C330" s="17" t="s">
        <v>84</v>
      </c>
      <c r="D330" s="139" t="s">
        <v>428</v>
      </c>
      <c r="E330" s="17"/>
      <c r="F330" s="17"/>
      <c r="G330" s="17"/>
      <c r="H330" s="17" t="s">
        <v>17</v>
      </c>
      <c r="I330" s="17" t="s">
        <v>71</v>
      </c>
      <c r="J330" s="17">
        <v>10</v>
      </c>
      <c r="K330" s="17"/>
      <c r="L330" s="17"/>
      <c r="M330" s="17"/>
      <c r="N330" s="138"/>
      <c r="O330" s="98"/>
    </row>
    <row r="331" spans="1:15" s="99" customFormat="1" hidden="1">
      <c r="A331" s="10"/>
      <c r="B331" s="10"/>
      <c r="C331" s="8"/>
      <c r="D331" s="10"/>
      <c r="E331" s="8" t="s">
        <v>83</v>
      </c>
      <c r="F331" s="8">
        <v>374</v>
      </c>
      <c r="G331" s="8" t="s">
        <v>82</v>
      </c>
      <c r="H331" s="8" t="s">
        <v>66</v>
      </c>
      <c r="I331" s="8" t="s">
        <v>65</v>
      </c>
      <c r="J331" s="8">
        <v>1</v>
      </c>
      <c r="K331" s="8" t="s">
        <v>514</v>
      </c>
      <c r="L331" s="8">
        <v>3</v>
      </c>
      <c r="M331" s="8">
        <v>3</v>
      </c>
      <c r="N331" s="72" t="s">
        <v>664</v>
      </c>
      <c r="O331" s="98"/>
    </row>
    <row r="332" spans="1:15" s="99" customFormat="1" hidden="1">
      <c r="A332" s="10"/>
      <c r="B332" s="10"/>
      <c r="C332" s="8"/>
      <c r="D332" s="10"/>
      <c r="E332" s="8" t="s">
        <v>81</v>
      </c>
      <c r="F332" s="8">
        <v>373</v>
      </c>
      <c r="G332" s="8" t="s">
        <v>1</v>
      </c>
      <c r="H332" s="8" t="s">
        <v>78</v>
      </c>
      <c r="I332" s="8" t="s">
        <v>71</v>
      </c>
      <c r="J332" s="8">
        <v>1</v>
      </c>
      <c r="K332" s="8" t="s">
        <v>519</v>
      </c>
      <c r="L332" s="8">
        <v>8</v>
      </c>
      <c r="M332" s="8">
        <v>8</v>
      </c>
      <c r="N332" s="72"/>
      <c r="O332" s="98"/>
    </row>
    <row r="333" spans="1:15" s="99" customFormat="1" hidden="1">
      <c r="A333" s="10"/>
      <c r="B333" s="10"/>
      <c r="C333" s="8"/>
      <c r="D333" s="10"/>
      <c r="E333" s="8" t="s">
        <v>80</v>
      </c>
      <c r="F333" s="8">
        <v>337</v>
      </c>
      <c r="G333" s="8" t="s">
        <v>79</v>
      </c>
      <c r="H333" s="8" t="s">
        <v>78</v>
      </c>
      <c r="I333" s="8" t="s">
        <v>71</v>
      </c>
      <c r="J333" s="8">
        <v>1</v>
      </c>
      <c r="K333" s="8" t="s">
        <v>518</v>
      </c>
      <c r="L333" s="8">
        <v>4</v>
      </c>
      <c r="M333" s="8">
        <v>8</v>
      </c>
      <c r="N333" s="72"/>
      <c r="O333" s="98"/>
    </row>
    <row r="334" spans="1:15" s="99" customFormat="1" hidden="1">
      <c r="A334" s="10"/>
      <c r="B334" s="10"/>
      <c r="C334" s="8"/>
      <c r="D334" s="10"/>
      <c r="E334" s="8" t="s">
        <v>77</v>
      </c>
      <c r="F334" s="8">
        <v>623</v>
      </c>
      <c r="G334" s="8" t="s">
        <v>76</v>
      </c>
      <c r="H334" s="8" t="s">
        <v>17</v>
      </c>
      <c r="I334" s="8" t="s">
        <v>71</v>
      </c>
      <c r="J334" s="8">
        <v>1</v>
      </c>
      <c r="K334" s="8" t="s">
        <v>514</v>
      </c>
      <c r="L334" s="8">
        <v>2</v>
      </c>
      <c r="M334" s="8">
        <v>2</v>
      </c>
      <c r="N334" s="70" t="s">
        <v>624</v>
      </c>
      <c r="O334" s="98"/>
    </row>
    <row r="335" spans="1:15" s="99" customFormat="1" hidden="1">
      <c r="A335" s="17"/>
      <c r="B335" s="17"/>
      <c r="C335" s="17" t="s">
        <v>84</v>
      </c>
      <c r="D335" s="139" t="s">
        <v>428</v>
      </c>
      <c r="E335" s="17"/>
      <c r="F335" s="17"/>
      <c r="G335" s="17"/>
      <c r="H335" s="17" t="s">
        <v>17</v>
      </c>
      <c r="I335" s="17" t="s">
        <v>71</v>
      </c>
      <c r="J335" s="17">
        <v>10</v>
      </c>
      <c r="K335" s="17"/>
      <c r="L335" s="17"/>
      <c r="M335" s="17"/>
      <c r="N335" s="138"/>
      <c r="O335" s="98"/>
    </row>
    <row r="336" spans="1:15" s="99" customFormat="1" hidden="1">
      <c r="A336" s="10"/>
      <c r="B336" s="10"/>
      <c r="C336" s="8"/>
      <c r="D336" s="10"/>
      <c r="E336" s="8" t="s">
        <v>83</v>
      </c>
      <c r="F336" s="8">
        <v>374</v>
      </c>
      <c r="G336" s="8" t="s">
        <v>82</v>
      </c>
      <c r="H336" s="8" t="s">
        <v>66</v>
      </c>
      <c r="I336" s="8" t="s">
        <v>65</v>
      </c>
      <c r="J336" s="8">
        <v>1</v>
      </c>
      <c r="K336" s="8" t="s">
        <v>514</v>
      </c>
      <c r="L336" s="8">
        <v>3</v>
      </c>
      <c r="M336" s="8">
        <v>3</v>
      </c>
      <c r="N336" s="72" t="s">
        <v>665</v>
      </c>
      <c r="O336" s="98"/>
    </row>
    <row r="337" spans="1:16" s="99" customFormat="1" hidden="1">
      <c r="A337" s="10"/>
      <c r="B337" s="10"/>
      <c r="C337" s="8"/>
      <c r="D337" s="10"/>
      <c r="E337" s="8" t="s">
        <v>81</v>
      </c>
      <c r="F337" s="8">
        <v>373</v>
      </c>
      <c r="G337" s="8" t="s">
        <v>1</v>
      </c>
      <c r="H337" s="8" t="s">
        <v>78</v>
      </c>
      <c r="I337" s="8" t="s">
        <v>71</v>
      </c>
      <c r="J337" s="8">
        <v>1</v>
      </c>
      <c r="K337" s="8" t="s">
        <v>519</v>
      </c>
      <c r="L337" s="8">
        <v>8</v>
      </c>
      <c r="M337" s="8">
        <v>8</v>
      </c>
      <c r="N337" s="72"/>
      <c r="O337" s="98"/>
    </row>
    <row r="338" spans="1:16" hidden="1">
      <c r="E338" s="8" t="s">
        <v>80</v>
      </c>
      <c r="F338" s="8">
        <v>337</v>
      </c>
      <c r="G338" s="8" t="s">
        <v>79</v>
      </c>
      <c r="H338" s="8" t="s">
        <v>78</v>
      </c>
      <c r="I338" s="8" t="s">
        <v>71</v>
      </c>
      <c r="J338" s="8">
        <v>1</v>
      </c>
      <c r="K338" s="8" t="s">
        <v>518</v>
      </c>
      <c r="L338" s="8">
        <v>4</v>
      </c>
      <c r="M338" s="8">
        <v>8</v>
      </c>
      <c r="O338" s="98"/>
    </row>
    <row r="339" spans="1:16" hidden="1">
      <c r="E339" s="8" t="s">
        <v>77</v>
      </c>
      <c r="F339" s="8">
        <v>623</v>
      </c>
      <c r="G339" s="8" t="s">
        <v>76</v>
      </c>
      <c r="H339" s="8" t="s">
        <v>17</v>
      </c>
      <c r="I339" s="8" t="s">
        <v>71</v>
      </c>
      <c r="J339" s="8">
        <v>1</v>
      </c>
      <c r="K339" s="8" t="s">
        <v>514</v>
      </c>
      <c r="L339" s="8">
        <v>2</v>
      </c>
      <c r="M339" s="8">
        <v>2</v>
      </c>
      <c r="N339" s="70" t="s">
        <v>624</v>
      </c>
      <c r="O339" s="98"/>
    </row>
    <row r="340" spans="1:16" ht="35">
      <c r="A340" s="17"/>
      <c r="B340" s="17"/>
      <c r="C340" s="17" t="s">
        <v>298</v>
      </c>
      <c r="D340" s="139" t="s">
        <v>426</v>
      </c>
      <c r="E340" s="17"/>
      <c r="F340" s="17"/>
      <c r="G340" s="17"/>
      <c r="H340" s="17" t="s">
        <v>17</v>
      </c>
      <c r="I340" s="17" t="s">
        <v>71</v>
      </c>
      <c r="J340" s="17">
        <v>200</v>
      </c>
      <c r="K340" s="17"/>
      <c r="L340" s="17"/>
      <c r="M340" s="17"/>
      <c r="N340" s="138"/>
      <c r="O340" s="98" t="s">
        <v>2268</v>
      </c>
      <c r="P340" s="99" t="s">
        <v>2267</v>
      </c>
    </row>
    <row r="341" spans="1:16" hidden="1" outlineLevel="1">
      <c r="E341" s="10" t="s">
        <v>297</v>
      </c>
      <c r="F341" s="8">
        <v>349</v>
      </c>
      <c r="G341" s="10" t="s">
        <v>201</v>
      </c>
      <c r="H341" s="10" t="s">
        <v>66</v>
      </c>
      <c r="I341" s="10" t="s">
        <v>65</v>
      </c>
      <c r="J341" s="8">
        <v>1</v>
      </c>
      <c r="K341" s="8" t="s">
        <v>514</v>
      </c>
      <c r="L341" s="8">
        <v>1</v>
      </c>
      <c r="M341" s="8">
        <v>1</v>
      </c>
      <c r="N341" s="93" t="s">
        <v>666</v>
      </c>
      <c r="O341" s="98"/>
    </row>
    <row r="342" spans="1:16" hidden="1" outlineLevel="1">
      <c r="E342" s="10" t="s">
        <v>296</v>
      </c>
      <c r="F342" s="8">
        <v>750</v>
      </c>
      <c r="G342" s="10" t="s">
        <v>295</v>
      </c>
      <c r="H342" s="10" t="s">
        <v>17</v>
      </c>
      <c r="I342" s="10" t="s">
        <v>71</v>
      </c>
      <c r="J342" s="8">
        <v>1</v>
      </c>
      <c r="K342" s="8" t="s">
        <v>514</v>
      </c>
      <c r="L342" s="8">
        <v>2</v>
      </c>
      <c r="M342" s="8">
        <v>3</v>
      </c>
      <c r="N342" s="93" t="s">
        <v>667</v>
      </c>
      <c r="O342" s="98"/>
    </row>
    <row r="343" spans="1:16" hidden="1" outlineLevel="1">
      <c r="E343" s="140" t="s">
        <v>294</v>
      </c>
      <c r="F343" s="19">
        <v>559</v>
      </c>
      <c r="G343" s="140" t="s">
        <v>197</v>
      </c>
      <c r="H343" s="140" t="s">
        <v>78</v>
      </c>
      <c r="I343" s="140" t="s">
        <v>96</v>
      </c>
      <c r="J343" s="19">
        <v>1</v>
      </c>
      <c r="K343" s="19" t="s">
        <v>514</v>
      </c>
      <c r="L343" s="19">
        <v>2</v>
      </c>
      <c r="M343" s="19">
        <v>2</v>
      </c>
      <c r="N343" s="146"/>
      <c r="O343" s="98"/>
    </row>
    <row r="344" spans="1:16" hidden="1" outlineLevel="1">
      <c r="E344" s="140" t="s">
        <v>293</v>
      </c>
      <c r="F344" s="19">
        <v>751</v>
      </c>
      <c r="G344" s="140" t="s">
        <v>292</v>
      </c>
      <c r="H344" s="140" t="s">
        <v>78</v>
      </c>
      <c r="I344" s="140" t="s">
        <v>96</v>
      </c>
      <c r="J344" s="19">
        <v>1</v>
      </c>
      <c r="K344" s="19" t="s">
        <v>509</v>
      </c>
      <c r="L344" s="19">
        <v>1</v>
      </c>
      <c r="M344" s="19">
        <v>12</v>
      </c>
      <c r="N344" s="146"/>
      <c r="O344" s="98"/>
    </row>
    <row r="345" spans="1:16" hidden="1" outlineLevel="1">
      <c r="E345" s="10" t="s">
        <v>291</v>
      </c>
      <c r="F345" s="8">
        <v>352</v>
      </c>
      <c r="G345" s="10" t="s">
        <v>3</v>
      </c>
      <c r="H345" s="10" t="s">
        <v>78</v>
      </c>
      <c r="I345" s="10" t="s">
        <v>71</v>
      </c>
      <c r="J345" s="8">
        <v>1</v>
      </c>
      <c r="K345" s="8" t="s">
        <v>509</v>
      </c>
      <c r="L345" s="8">
        <v>1</v>
      </c>
      <c r="M345" s="8">
        <v>80</v>
      </c>
      <c r="N345" s="93"/>
      <c r="O345" s="98"/>
    </row>
    <row r="346" spans="1:16" hidden="1" outlineLevel="1">
      <c r="E346" s="140" t="s">
        <v>305</v>
      </c>
      <c r="F346" s="19">
        <v>752</v>
      </c>
      <c r="G346" s="140" t="s">
        <v>304</v>
      </c>
      <c r="H346" s="140" t="s">
        <v>17</v>
      </c>
      <c r="I346" s="140" t="s">
        <v>96</v>
      </c>
      <c r="J346" s="19">
        <v>1</v>
      </c>
      <c r="K346" s="19" t="s">
        <v>514</v>
      </c>
      <c r="L346" s="19">
        <v>2</v>
      </c>
      <c r="M346" s="19">
        <v>2</v>
      </c>
      <c r="N346" s="146"/>
      <c r="O346" s="98"/>
    </row>
    <row r="347" spans="1:16" hidden="1" outlineLevel="1">
      <c r="E347" s="140" t="s">
        <v>303</v>
      </c>
      <c r="F347" s="19">
        <v>822</v>
      </c>
      <c r="G347" s="140" t="s">
        <v>302</v>
      </c>
      <c r="H347" s="140" t="s">
        <v>17</v>
      </c>
      <c r="I347" s="140" t="s">
        <v>96</v>
      </c>
      <c r="J347" s="19">
        <v>1</v>
      </c>
      <c r="K347" s="19" t="s">
        <v>509</v>
      </c>
      <c r="L347" s="19">
        <v>1</v>
      </c>
      <c r="M347" s="19">
        <v>15</v>
      </c>
      <c r="N347" s="146"/>
      <c r="O347" s="98"/>
    </row>
    <row r="348" spans="1:16" hidden="1" outlineLevel="1">
      <c r="E348" s="140" t="s">
        <v>301</v>
      </c>
      <c r="F348" s="19">
        <v>1073</v>
      </c>
      <c r="G348" s="140" t="s">
        <v>300</v>
      </c>
      <c r="H348" s="140" t="s">
        <v>17</v>
      </c>
      <c r="I348" s="140" t="s">
        <v>96</v>
      </c>
      <c r="J348" s="19">
        <v>1</v>
      </c>
      <c r="K348" s="19" t="s">
        <v>514</v>
      </c>
      <c r="L348" s="19">
        <v>1</v>
      </c>
      <c r="M348" s="19">
        <v>1</v>
      </c>
      <c r="N348" s="146"/>
      <c r="O348" s="98"/>
    </row>
    <row r="349" spans="1:16" hidden="1" outlineLevel="1">
      <c r="E349" s="10" t="s">
        <v>299</v>
      </c>
      <c r="F349" s="8">
        <v>819</v>
      </c>
      <c r="G349" s="10" t="s">
        <v>253</v>
      </c>
      <c r="H349" s="10" t="s">
        <v>17</v>
      </c>
      <c r="I349" s="10" t="s">
        <v>71</v>
      </c>
      <c r="J349" s="8">
        <v>1</v>
      </c>
      <c r="K349" s="8" t="s">
        <v>514</v>
      </c>
      <c r="L349" s="8">
        <v>2</v>
      </c>
      <c r="M349" s="8">
        <v>3</v>
      </c>
      <c r="N349" s="70" t="s">
        <v>624</v>
      </c>
      <c r="O349" s="98"/>
    </row>
    <row r="350" spans="1:16" hidden="1" collapsed="1">
      <c r="A350" s="17"/>
      <c r="B350" s="17"/>
      <c r="C350" s="17" t="s">
        <v>237</v>
      </c>
      <c r="D350" s="139" t="s">
        <v>517</v>
      </c>
      <c r="E350" s="17"/>
      <c r="F350" s="17"/>
      <c r="G350" s="17"/>
      <c r="H350" s="17" t="s">
        <v>17</v>
      </c>
      <c r="I350" s="17" t="s">
        <v>71</v>
      </c>
      <c r="J350" s="17" t="s">
        <v>525</v>
      </c>
      <c r="K350" s="17"/>
      <c r="L350" s="17"/>
      <c r="M350" s="17"/>
      <c r="N350" s="138"/>
      <c r="O350" s="98"/>
    </row>
    <row r="351" spans="1:16" hidden="1">
      <c r="E351" s="8" t="s">
        <v>236</v>
      </c>
      <c r="F351" s="8">
        <v>963</v>
      </c>
      <c r="G351" s="8" t="s">
        <v>235</v>
      </c>
      <c r="H351" s="8" t="s">
        <v>66</v>
      </c>
      <c r="I351" s="8" t="s">
        <v>65</v>
      </c>
      <c r="J351" s="8">
        <v>1</v>
      </c>
      <c r="K351" s="8" t="s">
        <v>514</v>
      </c>
      <c r="L351" s="8">
        <v>2</v>
      </c>
      <c r="M351" s="8">
        <v>2</v>
      </c>
      <c r="N351" s="72" t="s">
        <v>668</v>
      </c>
      <c r="O351" s="98"/>
    </row>
    <row r="352" spans="1:16" hidden="1">
      <c r="E352" s="8" t="s">
        <v>234</v>
      </c>
      <c r="F352" s="8">
        <v>782</v>
      </c>
      <c r="G352" s="8" t="s">
        <v>67</v>
      </c>
      <c r="H352" s="8" t="s">
        <v>78</v>
      </c>
      <c r="I352" s="8" t="s">
        <v>71</v>
      </c>
      <c r="J352" s="8">
        <v>1</v>
      </c>
      <c r="K352" s="8" t="s">
        <v>438</v>
      </c>
      <c r="L352" s="8">
        <v>1</v>
      </c>
      <c r="M352" s="8">
        <v>18</v>
      </c>
      <c r="O352" s="98"/>
    </row>
    <row r="353" spans="1:15" hidden="1">
      <c r="A353" s="17"/>
      <c r="B353" s="17"/>
      <c r="C353" s="17" t="s">
        <v>237</v>
      </c>
      <c r="D353" s="139" t="s">
        <v>517</v>
      </c>
      <c r="E353" s="17"/>
      <c r="F353" s="17"/>
      <c r="G353" s="17"/>
      <c r="H353" s="17" t="s">
        <v>17</v>
      </c>
      <c r="I353" s="17" t="s">
        <v>71</v>
      </c>
      <c r="J353" s="17" t="s">
        <v>525</v>
      </c>
      <c r="K353" s="17"/>
      <c r="L353" s="17"/>
      <c r="M353" s="17"/>
      <c r="N353" s="138"/>
      <c r="O353" s="98"/>
    </row>
    <row r="354" spans="1:15" s="99" customFormat="1" hidden="1">
      <c r="A354" s="10"/>
      <c r="B354" s="10"/>
      <c r="C354" s="8"/>
      <c r="D354" s="10"/>
      <c r="E354" s="8" t="s">
        <v>236</v>
      </c>
      <c r="F354" s="8">
        <v>963</v>
      </c>
      <c r="G354" s="8" t="s">
        <v>235</v>
      </c>
      <c r="H354" s="8" t="s">
        <v>66</v>
      </c>
      <c r="I354" s="8" t="s">
        <v>65</v>
      </c>
      <c r="J354" s="8">
        <v>1</v>
      </c>
      <c r="K354" s="8" t="s">
        <v>514</v>
      </c>
      <c r="L354" s="8">
        <v>2</v>
      </c>
      <c r="M354" s="8">
        <v>2</v>
      </c>
      <c r="N354" s="70" t="s">
        <v>624</v>
      </c>
      <c r="O354" s="98"/>
    </row>
    <row r="355" spans="1:15" s="99" customFormat="1" hidden="1">
      <c r="A355" s="10"/>
      <c r="B355" s="10"/>
      <c r="C355" s="8"/>
      <c r="D355" s="10"/>
      <c r="E355" s="8" t="s">
        <v>234</v>
      </c>
      <c r="F355" s="8">
        <v>782</v>
      </c>
      <c r="G355" s="8" t="s">
        <v>67</v>
      </c>
      <c r="H355" s="8" t="s">
        <v>78</v>
      </c>
      <c r="I355" s="8" t="s">
        <v>71</v>
      </c>
      <c r="J355" s="8">
        <v>1</v>
      </c>
      <c r="K355" s="8" t="s">
        <v>438</v>
      </c>
      <c r="L355" s="8">
        <v>1</v>
      </c>
      <c r="M355" s="8">
        <v>18</v>
      </c>
      <c r="N355" s="72"/>
      <c r="O355" s="98"/>
    </row>
    <row r="356" spans="1:15" s="99" customFormat="1" hidden="1">
      <c r="A356" s="10"/>
      <c r="B356" s="10"/>
      <c r="C356" s="8"/>
      <c r="D356" s="10"/>
      <c r="E356" s="8" t="s">
        <v>233</v>
      </c>
      <c r="F356" s="8">
        <v>954</v>
      </c>
      <c r="G356" s="8" t="s">
        <v>232</v>
      </c>
      <c r="H356" s="8" t="s">
        <v>78</v>
      </c>
      <c r="I356" s="8" t="s">
        <v>71</v>
      </c>
      <c r="J356" s="8">
        <v>1</v>
      </c>
      <c r="K356" s="8" t="s">
        <v>438</v>
      </c>
      <c r="L356" s="8">
        <v>1</v>
      </c>
      <c r="M356" s="8">
        <v>10</v>
      </c>
      <c r="N356" s="72"/>
      <c r="O356" s="98"/>
    </row>
    <row r="357" spans="1:15" s="99" customFormat="1" hidden="1">
      <c r="A357" s="10"/>
      <c r="B357" s="10"/>
      <c r="C357" s="8"/>
      <c r="D357" s="8"/>
      <c r="E357" s="8" t="s">
        <v>231</v>
      </c>
      <c r="F357" s="8">
        <v>955</v>
      </c>
      <c r="G357" s="10" t="s">
        <v>230</v>
      </c>
      <c r="H357" s="10" t="s">
        <v>78</v>
      </c>
      <c r="I357" s="10" t="s">
        <v>71</v>
      </c>
      <c r="J357" s="8">
        <v>1</v>
      </c>
      <c r="K357" s="8" t="s">
        <v>514</v>
      </c>
      <c r="L357" s="8">
        <v>2</v>
      </c>
      <c r="M357" s="8">
        <v>2</v>
      </c>
      <c r="N357" s="72" t="s">
        <v>669</v>
      </c>
      <c r="O357" s="98"/>
    </row>
    <row r="358" spans="1:15" s="99" customFormat="1" hidden="1">
      <c r="A358" s="10"/>
      <c r="B358" s="10"/>
      <c r="C358" s="8"/>
      <c r="D358" s="8"/>
      <c r="E358" s="8" t="s">
        <v>229</v>
      </c>
      <c r="F358" s="8">
        <v>956</v>
      </c>
      <c r="G358" s="10" t="s">
        <v>228</v>
      </c>
      <c r="H358" s="10" t="s">
        <v>78</v>
      </c>
      <c r="I358" s="10" t="s">
        <v>71</v>
      </c>
      <c r="J358" s="8">
        <v>1</v>
      </c>
      <c r="K358" s="8" t="s">
        <v>509</v>
      </c>
      <c r="L358" s="8">
        <v>1</v>
      </c>
      <c r="M358" s="8">
        <v>10</v>
      </c>
      <c r="N358" s="72"/>
      <c r="O358" s="98"/>
    </row>
    <row r="359" spans="1:15" s="99" customFormat="1" hidden="1">
      <c r="A359" s="10"/>
      <c r="B359" s="10"/>
      <c r="C359" s="8"/>
      <c r="D359" s="8"/>
      <c r="E359" s="8" t="s">
        <v>227</v>
      </c>
      <c r="F359" s="8">
        <v>441</v>
      </c>
      <c r="G359" s="10" t="s">
        <v>226</v>
      </c>
      <c r="H359" s="10" t="s">
        <v>78</v>
      </c>
      <c r="I359" s="10" t="s">
        <v>71</v>
      </c>
      <c r="J359" s="8">
        <v>1</v>
      </c>
      <c r="K359" s="8" t="s">
        <v>514</v>
      </c>
      <c r="L359" s="8">
        <v>1</v>
      </c>
      <c r="M359" s="8">
        <v>1</v>
      </c>
      <c r="N359" s="70" t="s">
        <v>624</v>
      </c>
      <c r="O359" s="98"/>
    </row>
    <row r="360" spans="1:15" s="99" customFormat="1" hidden="1">
      <c r="A360" s="10"/>
      <c r="B360" s="10"/>
      <c r="C360" s="8"/>
      <c r="D360" s="10"/>
      <c r="E360" s="19" t="s">
        <v>225</v>
      </c>
      <c r="F360" s="19">
        <v>662</v>
      </c>
      <c r="G360" s="19" t="s">
        <v>97</v>
      </c>
      <c r="H360" s="19" t="s">
        <v>17</v>
      </c>
      <c r="I360" s="19" t="s">
        <v>96</v>
      </c>
      <c r="J360" s="19">
        <v>1</v>
      </c>
      <c r="K360" s="19" t="s">
        <v>514</v>
      </c>
      <c r="L360" s="19">
        <v>1</v>
      </c>
      <c r="M360" s="19">
        <v>1</v>
      </c>
      <c r="N360" s="25"/>
      <c r="O360" s="98"/>
    </row>
    <row r="361" spans="1:15" s="99" customFormat="1" hidden="1">
      <c r="A361" s="10"/>
      <c r="B361" s="10"/>
      <c r="C361" s="8"/>
      <c r="D361" s="8"/>
      <c r="E361" s="8" t="s">
        <v>224</v>
      </c>
      <c r="F361" s="8">
        <v>828</v>
      </c>
      <c r="G361" s="10" t="s">
        <v>223</v>
      </c>
      <c r="H361" s="10" t="s">
        <v>17</v>
      </c>
      <c r="I361" s="10" t="s">
        <v>71</v>
      </c>
      <c r="J361" s="8">
        <v>1</v>
      </c>
      <c r="K361" s="8" t="s">
        <v>438</v>
      </c>
      <c r="L361" s="8">
        <v>1</v>
      </c>
      <c r="M361" s="8">
        <v>9</v>
      </c>
      <c r="N361" s="72"/>
      <c r="O361" s="98"/>
    </row>
    <row r="362" spans="1:15" s="99" customFormat="1" hidden="1">
      <c r="A362" s="10"/>
      <c r="B362" s="10"/>
      <c r="C362" s="11"/>
      <c r="D362" s="11"/>
      <c r="E362" s="33" t="s">
        <v>222</v>
      </c>
      <c r="F362" s="33">
        <v>325</v>
      </c>
      <c r="G362" s="33" t="s">
        <v>221</v>
      </c>
      <c r="H362" s="33" t="s">
        <v>17</v>
      </c>
      <c r="I362" s="33" t="s">
        <v>71</v>
      </c>
      <c r="J362" s="11">
        <v>1</v>
      </c>
      <c r="K362" s="11" t="s">
        <v>509</v>
      </c>
      <c r="L362" s="11">
        <v>1</v>
      </c>
      <c r="M362" s="11">
        <v>20</v>
      </c>
      <c r="N362" s="18"/>
      <c r="O362" s="98"/>
    </row>
    <row r="363" spans="1:15" s="99" customFormat="1" hidden="1">
      <c r="A363" s="10"/>
      <c r="B363" s="10"/>
      <c r="C363" s="8"/>
      <c r="D363" s="8"/>
      <c r="E363" s="8" t="s">
        <v>220</v>
      </c>
      <c r="F363" s="8">
        <v>350</v>
      </c>
      <c r="G363" s="10" t="s">
        <v>108</v>
      </c>
      <c r="H363" s="10" t="s">
        <v>17</v>
      </c>
      <c r="I363" s="10" t="s">
        <v>71</v>
      </c>
      <c r="J363" s="8">
        <v>1</v>
      </c>
      <c r="K363" s="8" t="s">
        <v>509</v>
      </c>
      <c r="L363" s="8">
        <v>1</v>
      </c>
      <c r="M363" s="8">
        <v>20</v>
      </c>
      <c r="N363" s="72"/>
      <c r="O363" s="98"/>
    </row>
    <row r="364" spans="1:15" s="99" customFormat="1" hidden="1">
      <c r="A364" s="17" t="s">
        <v>177</v>
      </c>
      <c r="B364" s="17" t="s">
        <v>126</v>
      </c>
      <c r="C364" s="17"/>
      <c r="D364" s="139"/>
      <c r="E364" s="17"/>
      <c r="F364" s="17"/>
      <c r="G364" s="17"/>
      <c r="H364" s="17" t="s">
        <v>17</v>
      </c>
      <c r="I364" s="17" t="s">
        <v>71</v>
      </c>
      <c r="J364" s="17">
        <v>1000</v>
      </c>
      <c r="K364" s="17"/>
      <c r="L364" s="17"/>
      <c r="M364" s="17"/>
      <c r="N364" s="138"/>
      <c r="O364" s="98"/>
    </row>
    <row r="365" spans="1:15" s="99" customFormat="1" hidden="1">
      <c r="A365" s="17"/>
      <c r="B365" s="17"/>
      <c r="C365" s="17" t="s">
        <v>177</v>
      </c>
      <c r="D365" s="139" t="s">
        <v>126</v>
      </c>
      <c r="E365" s="17"/>
      <c r="F365" s="17"/>
      <c r="G365" s="17"/>
      <c r="H365" s="17" t="s">
        <v>66</v>
      </c>
      <c r="I365" s="17" t="s">
        <v>65</v>
      </c>
      <c r="J365" s="17">
        <v>1</v>
      </c>
      <c r="K365" s="17"/>
      <c r="L365" s="17"/>
      <c r="M365" s="17"/>
      <c r="N365" s="138"/>
      <c r="O365" s="98"/>
    </row>
    <row r="366" spans="1:15" s="99" customFormat="1" hidden="1">
      <c r="A366" s="10"/>
      <c r="B366" s="10"/>
      <c r="C366" s="8"/>
      <c r="D366" s="10"/>
      <c r="E366" s="8" t="s">
        <v>176</v>
      </c>
      <c r="F366" s="8">
        <v>128</v>
      </c>
      <c r="G366" s="8" t="s">
        <v>128</v>
      </c>
      <c r="H366" s="8" t="s">
        <v>66</v>
      </c>
      <c r="I366" s="8" t="s">
        <v>65</v>
      </c>
      <c r="J366" s="8">
        <v>1</v>
      </c>
      <c r="K366" s="8" t="s">
        <v>514</v>
      </c>
      <c r="L366" s="8">
        <v>2</v>
      </c>
      <c r="M366" s="8">
        <v>3</v>
      </c>
      <c r="N366" s="72" t="s">
        <v>670</v>
      </c>
      <c r="O366" s="98"/>
    </row>
    <row r="367" spans="1:15" s="99" customFormat="1" hidden="1">
      <c r="A367" s="10"/>
      <c r="B367" s="10"/>
      <c r="C367" s="8"/>
      <c r="D367" s="10"/>
      <c r="E367" s="8" t="s">
        <v>175</v>
      </c>
      <c r="F367" s="8">
        <v>127</v>
      </c>
      <c r="G367" s="8" t="s">
        <v>126</v>
      </c>
      <c r="H367" s="8" t="s">
        <v>78</v>
      </c>
      <c r="I367" s="8" t="s">
        <v>71</v>
      </c>
      <c r="J367" s="8">
        <v>1</v>
      </c>
      <c r="K367" s="8" t="s">
        <v>509</v>
      </c>
      <c r="L367" s="8">
        <v>1</v>
      </c>
      <c r="M367" s="8">
        <v>30</v>
      </c>
      <c r="N367" s="72"/>
      <c r="O367" s="98"/>
    </row>
    <row r="368" spans="1:15" s="99" customFormat="1" hidden="1">
      <c r="A368" s="10"/>
      <c r="B368" s="10"/>
      <c r="C368" s="8"/>
      <c r="D368" s="10"/>
      <c r="E368" s="8" t="s">
        <v>173</v>
      </c>
      <c r="F368" s="8">
        <v>369</v>
      </c>
      <c r="G368" s="8" t="s">
        <v>172</v>
      </c>
      <c r="H368" s="8" t="s">
        <v>78</v>
      </c>
      <c r="I368" s="8" t="s">
        <v>71</v>
      </c>
      <c r="J368" s="8">
        <v>1</v>
      </c>
      <c r="K368" s="8" t="s">
        <v>509</v>
      </c>
      <c r="L368" s="8">
        <v>1</v>
      </c>
      <c r="M368" s="8">
        <v>45</v>
      </c>
      <c r="N368" s="72"/>
      <c r="O368" s="98"/>
    </row>
    <row r="369" spans="1:16" s="99" customFormat="1" hidden="1">
      <c r="A369" s="17"/>
      <c r="B369" s="17"/>
      <c r="C369" s="17" t="s">
        <v>84</v>
      </c>
      <c r="D369" s="139" t="s">
        <v>428</v>
      </c>
      <c r="E369" s="17"/>
      <c r="F369" s="17"/>
      <c r="G369" s="17"/>
      <c r="H369" s="17" t="s">
        <v>17</v>
      </c>
      <c r="I369" s="17" t="s">
        <v>71</v>
      </c>
      <c r="J369" s="17" t="s">
        <v>525</v>
      </c>
      <c r="K369" s="17"/>
      <c r="L369" s="17"/>
      <c r="M369" s="17"/>
      <c r="N369" s="138"/>
      <c r="O369" s="98"/>
    </row>
    <row r="370" spans="1:16" hidden="1">
      <c r="E370" s="8" t="s">
        <v>83</v>
      </c>
      <c r="F370" s="8">
        <v>374</v>
      </c>
      <c r="G370" s="8" t="s">
        <v>82</v>
      </c>
      <c r="H370" s="8" t="s">
        <v>66</v>
      </c>
      <c r="I370" s="8" t="s">
        <v>65</v>
      </c>
      <c r="J370" s="8">
        <v>1</v>
      </c>
      <c r="K370" s="8" t="s">
        <v>514</v>
      </c>
      <c r="L370" s="8">
        <v>3</v>
      </c>
      <c r="M370" s="8">
        <v>3</v>
      </c>
      <c r="N370" s="72" t="s">
        <v>661</v>
      </c>
      <c r="O370" s="98"/>
    </row>
    <row r="371" spans="1:16" hidden="1">
      <c r="E371" s="19" t="s">
        <v>81</v>
      </c>
      <c r="F371" s="19">
        <v>373</v>
      </c>
      <c r="G371" s="19" t="s">
        <v>1</v>
      </c>
      <c r="H371" s="19" t="s">
        <v>78</v>
      </c>
      <c r="I371" s="19" t="s">
        <v>174</v>
      </c>
      <c r="J371" s="19">
        <v>1</v>
      </c>
      <c r="K371" s="19" t="s">
        <v>519</v>
      </c>
      <c r="L371" s="19">
        <v>8</v>
      </c>
      <c r="M371" s="19">
        <v>8</v>
      </c>
      <c r="N371" s="25"/>
      <c r="O371" s="98"/>
    </row>
    <row r="372" spans="1:16" hidden="1">
      <c r="E372" s="19" t="s">
        <v>80</v>
      </c>
      <c r="F372" s="19">
        <v>337</v>
      </c>
      <c r="G372" s="19" t="s">
        <v>79</v>
      </c>
      <c r="H372" s="19" t="s">
        <v>78</v>
      </c>
      <c r="I372" s="19" t="s">
        <v>174</v>
      </c>
      <c r="J372" s="19">
        <v>1</v>
      </c>
      <c r="K372" s="19" t="s">
        <v>518</v>
      </c>
      <c r="L372" s="19">
        <v>4</v>
      </c>
      <c r="M372" s="19">
        <v>8</v>
      </c>
      <c r="N372" s="25"/>
      <c r="O372" s="98"/>
    </row>
    <row r="373" spans="1:16" hidden="1">
      <c r="E373" s="19" t="s">
        <v>77</v>
      </c>
      <c r="F373" s="19">
        <v>623</v>
      </c>
      <c r="G373" s="19" t="s">
        <v>76</v>
      </c>
      <c r="H373" s="19" t="s">
        <v>17</v>
      </c>
      <c r="I373" s="19" t="s">
        <v>174</v>
      </c>
      <c r="J373" s="19">
        <v>1</v>
      </c>
      <c r="K373" s="19" t="s">
        <v>514</v>
      </c>
      <c r="L373" s="19">
        <v>2</v>
      </c>
      <c r="M373" s="19">
        <v>2</v>
      </c>
      <c r="N373" s="25"/>
      <c r="O373" s="98"/>
    </row>
    <row r="374" spans="1:16" hidden="1">
      <c r="E374" s="8" t="s">
        <v>358</v>
      </c>
      <c r="F374" s="8">
        <v>1250</v>
      </c>
      <c r="G374" s="8" t="s">
        <v>357</v>
      </c>
      <c r="H374" s="8" t="s">
        <v>78</v>
      </c>
      <c r="I374" s="8" t="s">
        <v>71</v>
      </c>
      <c r="J374" s="8">
        <v>1</v>
      </c>
      <c r="K374" s="8" t="s">
        <v>514</v>
      </c>
      <c r="L374" s="8">
        <v>2</v>
      </c>
      <c r="M374" s="8">
        <v>3</v>
      </c>
      <c r="N374" s="72" t="s">
        <v>671</v>
      </c>
      <c r="O374" s="98"/>
    </row>
    <row r="375" spans="1:16" hidden="1">
      <c r="E375" s="8" t="s">
        <v>356</v>
      </c>
      <c r="F375" s="8">
        <v>1251</v>
      </c>
      <c r="G375" s="8" t="s">
        <v>355</v>
      </c>
      <c r="H375" s="8" t="s">
        <v>78</v>
      </c>
      <c r="I375" s="8" t="s">
        <v>71</v>
      </c>
      <c r="J375" s="8">
        <v>1</v>
      </c>
      <c r="K375" s="8" t="s">
        <v>509</v>
      </c>
      <c r="L375" s="8">
        <v>1</v>
      </c>
      <c r="M375" s="8">
        <v>35</v>
      </c>
      <c r="O375" s="98"/>
    </row>
    <row r="376" spans="1:16">
      <c r="A376" s="17" t="s">
        <v>177</v>
      </c>
      <c r="B376" s="17" t="s">
        <v>126</v>
      </c>
      <c r="C376" s="17"/>
      <c r="D376" s="139"/>
      <c r="E376" s="17"/>
      <c r="F376" s="17"/>
      <c r="G376" s="17"/>
      <c r="H376" s="17" t="s">
        <v>17</v>
      </c>
      <c r="I376" s="17" t="s">
        <v>71</v>
      </c>
      <c r="J376" s="17">
        <v>1000</v>
      </c>
      <c r="K376" s="17"/>
      <c r="L376" s="17"/>
      <c r="M376" s="17"/>
      <c r="N376" s="138"/>
      <c r="O376" s="98" t="s">
        <v>923</v>
      </c>
    </row>
    <row r="377" spans="1:16" hidden="1" outlineLevel="1">
      <c r="A377" s="17"/>
      <c r="B377" s="17"/>
      <c r="C377" s="17" t="s">
        <v>177</v>
      </c>
      <c r="D377" s="139" t="s">
        <v>126</v>
      </c>
      <c r="E377" s="17"/>
      <c r="F377" s="17"/>
      <c r="G377" s="17"/>
      <c r="H377" s="17" t="s">
        <v>66</v>
      </c>
      <c r="I377" s="17" t="s">
        <v>65</v>
      </c>
      <c r="J377" s="17">
        <v>1</v>
      </c>
      <c r="K377" s="17"/>
      <c r="L377" s="17"/>
      <c r="M377" s="17"/>
      <c r="N377" s="138"/>
      <c r="O377" s="98"/>
    </row>
    <row r="378" spans="1:16" hidden="1" outlineLevel="1">
      <c r="E378" s="8" t="s">
        <v>176</v>
      </c>
      <c r="F378" s="8">
        <v>128</v>
      </c>
      <c r="G378" s="8" t="s">
        <v>128</v>
      </c>
      <c r="H378" s="8" t="s">
        <v>66</v>
      </c>
      <c r="I378" s="8" t="s">
        <v>65</v>
      </c>
      <c r="J378" s="8">
        <v>1</v>
      </c>
      <c r="K378" s="8" t="s">
        <v>514</v>
      </c>
      <c r="L378" s="8">
        <v>2</v>
      </c>
      <c r="M378" s="8">
        <v>3</v>
      </c>
      <c r="N378" s="72" t="s">
        <v>672</v>
      </c>
      <c r="O378" s="98"/>
    </row>
    <row r="379" spans="1:16" hidden="1" outlineLevel="1">
      <c r="E379" s="8" t="s">
        <v>175</v>
      </c>
      <c r="F379" s="8">
        <v>127</v>
      </c>
      <c r="G379" s="8" t="s">
        <v>126</v>
      </c>
      <c r="H379" s="8" t="s">
        <v>78</v>
      </c>
      <c r="I379" s="8" t="s">
        <v>71</v>
      </c>
      <c r="J379" s="8">
        <v>1</v>
      </c>
      <c r="K379" s="8" t="s">
        <v>509</v>
      </c>
      <c r="L379" s="8">
        <v>1</v>
      </c>
      <c r="M379" s="8">
        <v>30</v>
      </c>
      <c r="O379" s="98"/>
    </row>
    <row r="380" spans="1:16" hidden="1" outlineLevel="1">
      <c r="E380" s="8" t="s">
        <v>173</v>
      </c>
      <c r="F380" s="8">
        <v>369</v>
      </c>
      <c r="G380" s="8" t="s">
        <v>172</v>
      </c>
      <c r="H380" s="8" t="s">
        <v>78</v>
      </c>
      <c r="I380" s="8" t="s">
        <v>71</v>
      </c>
      <c r="J380" s="8">
        <v>1</v>
      </c>
      <c r="K380" s="8" t="s">
        <v>509</v>
      </c>
      <c r="L380" s="8">
        <v>1</v>
      </c>
      <c r="M380" s="8">
        <v>45</v>
      </c>
      <c r="N380" s="18" t="s">
        <v>673</v>
      </c>
      <c r="O380" s="98"/>
    </row>
    <row r="381" spans="1:16" collapsed="1">
      <c r="A381" s="17"/>
      <c r="B381" s="17"/>
      <c r="C381" s="17" t="s">
        <v>87</v>
      </c>
      <c r="D381" s="139" t="s">
        <v>515</v>
      </c>
      <c r="E381" s="17"/>
      <c r="F381" s="17"/>
      <c r="G381" s="17"/>
      <c r="H381" s="17" t="s">
        <v>17</v>
      </c>
      <c r="I381" s="17" t="s">
        <v>71</v>
      </c>
      <c r="J381" s="17">
        <v>1000</v>
      </c>
      <c r="K381" s="17"/>
      <c r="L381" s="17"/>
      <c r="M381" s="17"/>
      <c r="N381" s="138"/>
      <c r="O381" s="98" t="s">
        <v>1907</v>
      </c>
      <c r="P381" s="99" t="s">
        <v>2792</v>
      </c>
    </row>
    <row r="382" spans="1:16" hidden="1" outlineLevel="1">
      <c r="E382" s="8" t="s">
        <v>86</v>
      </c>
      <c r="F382" s="8">
        <v>933</v>
      </c>
      <c r="G382" s="8" t="s">
        <v>85</v>
      </c>
      <c r="H382" s="8" t="s">
        <v>66</v>
      </c>
      <c r="I382" s="8" t="s">
        <v>65</v>
      </c>
      <c r="J382" s="8">
        <v>1</v>
      </c>
      <c r="K382" s="8" t="s">
        <v>509</v>
      </c>
      <c r="L382" s="8">
        <v>1</v>
      </c>
      <c r="M382" s="8">
        <v>264</v>
      </c>
      <c r="O382" s="98"/>
    </row>
    <row r="383" spans="1:16" hidden="1" outlineLevel="1">
      <c r="E383" s="8" t="s">
        <v>179</v>
      </c>
      <c r="F383" s="8">
        <v>934</v>
      </c>
      <c r="G383" s="8" t="s">
        <v>178</v>
      </c>
      <c r="H383" s="8" t="s">
        <v>78</v>
      </c>
      <c r="I383" s="8" t="s">
        <v>71</v>
      </c>
      <c r="J383" s="8">
        <v>1</v>
      </c>
      <c r="K383" s="8" t="s">
        <v>514</v>
      </c>
      <c r="L383" s="8">
        <v>2</v>
      </c>
      <c r="M383" s="8">
        <v>2</v>
      </c>
      <c r="N383" s="18" t="s">
        <v>674</v>
      </c>
      <c r="O383" s="98"/>
    </row>
    <row r="384" spans="1:16" collapsed="1">
      <c r="A384" s="17" t="s">
        <v>177</v>
      </c>
      <c r="B384" s="17" t="s">
        <v>126</v>
      </c>
      <c r="C384" s="17"/>
      <c r="D384" s="139"/>
      <c r="E384" s="17"/>
      <c r="F384" s="17"/>
      <c r="G384" s="17"/>
      <c r="H384" s="17" t="s">
        <v>17</v>
      </c>
      <c r="I384" s="17" t="s">
        <v>71</v>
      </c>
      <c r="J384" s="17">
        <v>1000</v>
      </c>
      <c r="K384" s="17"/>
      <c r="L384" s="17"/>
      <c r="M384" s="17"/>
      <c r="N384" s="138"/>
      <c r="O384" s="98" t="s">
        <v>2266</v>
      </c>
    </row>
    <row r="385" spans="1:16" hidden="1" outlineLevel="1">
      <c r="A385" s="17"/>
      <c r="B385" s="17"/>
      <c r="C385" s="17" t="s">
        <v>177</v>
      </c>
      <c r="D385" s="139" t="s">
        <v>126</v>
      </c>
      <c r="E385" s="17"/>
      <c r="F385" s="17"/>
      <c r="G385" s="17"/>
      <c r="H385" s="17" t="s">
        <v>66</v>
      </c>
      <c r="I385" s="17" t="s">
        <v>65</v>
      </c>
      <c r="J385" s="17">
        <v>1</v>
      </c>
      <c r="K385" s="17"/>
      <c r="L385" s="17"/>
      <c r="M385" s="17"/>
      <c r="N385" s="138"/>
    </row>
    <row r="386" spans="1:16" hidden="1" outlineLevel="1">
      <c r="E386" s="8" t="s">
        <v>176</v>
      </c>
      <c r="F386" s="8">
        <v>128</v>
      </c>
      <c r="G386" s="8" t="s">
        <v>128</v>
      </c>
      <c r="H386" s="8" t="s">
        <v>66</v>
      </c>
      <c r="I386" s="8" t="s">
        <v>65</v>
      </c>
      <c r="J386" s="8">
        <v>1</v>
      </c>
      <c r="K386" s="8" t="s">
        <v>514</v>
      </c>
      <c r="L386" s="8">
        <v>2</v>
      </c>
      <c r="M386" s="8">
        <v>3</v>
      </c>
      <c r="N386" s="72" t="s">
        <v>688</v>
      </c>
      <c r="O386" s="98"/>
    </row>
    <row r="387" spans="1:16" hidden="1" outlineLevel="1">
      <c r="E387" s="8" t="s">
        <v>175</v>
      </c>
      <c r="F387" s="8">
        <v>127</v>
      </c>
      <c r="G387" s="8" t="s">
        <v>126</v>
      </c>
      <c r="H387" s="8" t="s">
        <v>78</v>
      </c>
      <c r="I387" s="8" t="s">
        <v>71</v>
      </c>
      <c r="J387" s="8">
        <v>1</v>
      </c>
      <c r="K387" s="8" t="s">
        <v>509</v>
      </c>
      <c r="L387" s="8">
        <v>1</v>
      </c>
      <c r="M387" s="8">
        <v>30</v>
      </c>
      <c r="O387" s="98"/>
    </row>
    <row r="388" spans="1:16" hidden="1" outlineLevel="1">
      <c r="E388" s="8" t="s">
        <v>173</v>
      </c>
      <c r="F388" s="8">
        <v>369</v>
      </c>
      <c r="G388" s="8" t="s">
        <v>172</v>
      </c>
      <c r="H388" s="8" t="s">
        <v>78</v>
      </c>
      <c r="I388" s="8" t="s">
        <v>71</v>
      </c>
      <c r="J388" s="8">
        <v>1</v>
      </c>
      <c r="K388" s="8" t="s">
        <v>509</v>
      </c>
      <c r="L388" s="8">
        <v>1</v>
      </c>
      <c r="M388" s="8">
        <v>45</v>
      </c>
      <c r="N388" s="18" t="s">
        <v>673</v>
      </c>
      <c r="O388" s="98"/>
    </row>
    <row r="389" spans="1:16" collapsed="1">
      <c r="A389" s="17"/>
      <c r="B389" s="17"/>
      <c r="C389" s="17" t="s">
        <v>87</v>
      </c>
      <c r="D389" s="139" t="s">
        <v>515</v>
      </c>
      <c r="E389" s="17"/>
      <c r="F389" s="17"/>
      <c r="G389" s="17"/>
      <c r="H389" s="17" t="s">
        <v>17</v>
      </c>
      <c r="I389" s="17" t="s">
        <v>71</v>
      </c>
      <c r="J389" s="17">
        <v>1000</v>
      </c>
      <c r="K389" s="17"/>
      <c r="L389" s="17"/>
      <c r="M389" s="17"/>
      <c r="N389" s="138"/>
      <c r="O389" s="98" t="s">
        <v>1659</v>
      </c>
    </row>
    <row r="390" spans="1:16" hidden="1" outlineLevel="1">
      <c r="E390" s="8" t="s">
        <v>86</v>
      </c>
      <c r="F390" s="8">
        <v>933</v>
      </c>
      <c r="G390" s="8" t="s">
        <v>85</v>
      </c>
      <c r="H390" s="8" t="s">
        <v>66</v>
      </c>
      <c r="I390" s="8" t="s">
        <v>65</v>
      </c>
      <c r="J390" s="8">
        <v>1</v>
      </c>
      <c r="K390" s="8" t="s">
        <v>509</v>
      </c>
      <c r="L390" s="8">
        <v>1</v>
      </c>
      <c r="M390" s="8">
        <v>264</v>
      </c>
      <c r="O390" s="98"/>
    </row>
    <row r="391" spans="1:16" hidden="1" outlineLevel="1">
      <c r="E391" s="8" t="s">
        <v>179</v>
      </c>
      <c r="F391" s="8">
        <v>934</v>
      </c>
      <c r="G391" s="8" t="s">
        <v>178</v>
      </c>
      <c r="H391" s="8" t="s">
        <v>78</v>
      </c>
      <c r="I391" s="8" t="s">
        <v>71</v>
      </c>
      <c r="J391" s="8">
        <v>1</v>
      </c>
      <c r="K391" s="8" t="s">
        <v>514</v>
      </c>
      <c r="L391" s="8">
        <v>2</v>
      </c>
      <c r="M391" s="8">
        <v>2</v>
      </c>
      <c r="N391" s="18" t="s">
        <v>674</v>
      </c>
      <c r="O391" s="98"/>
    </row>
    <row r="392" spans="1:16" hidden="1" collapsed="1">
      <c r="A392" s="17" t="s">
        <v>177</v>
      </c>
      <c r="B392" s="17" t="s">
        <v>126</v>
      </c>
      <c r="C392" s="17"/>
      <c r="D392" s="139"/>
      <c r="E392" s="17"/>
      <c r="F392" s="17"/>
      <c r="G392" s="17"/>
      <c r="H392" s="17" t="s">
        <v>17</v>
      </c>
      <c r="I392" s="17" t="s">
        <v>71</v>
      </c>
      <c r="J392" s="17">
        <v>1000</v>
      </c>
      <c r="K392" s="17"/>
      <c r="L392" s="17"/>
      <c r="M392" s="17"/>
      <c r="N392" s="138"/>
      <c r="O392" s="98"/>
    </row>
    <row r="393" spans="1:16" hidden="1">
      <c r="A393" s="17"/>
      <c r="B393" s="17"/>
      <c r="C393" s="17" t="s">
        <v>177</v>
      </c>
      <c r="D393" s="139" t="s">
        <v>126</v>
      </c>
      <c r="E393" s="17"/>
      <c r="F393" s="17"/>
      <c r="G393" s="17"/>
      <c r="H393" s="17" t="s">
        <v>66</v>
      </c>
      <c r="I393" s="17" t="s">
        <v>65</v>
      </c>
      <c r="J393" s="17">
        <v>1</v>
      </c>
      <c r="K393" s="17"/>
      <c r="L393" s="17"/>
      <c r="M393" s="17"/>
      <c r="N393" s="138"/>
      <c r="O393" s="98"/>
    </row>
    <row r="394" spans="1:16" hidden="1">
      <c r="E394" s="8" t="s">
        <v>176</v>
      </c>
      <c r="F394" s="8">
        <v>128</v>
      </c>
      <c r="G394" s="8" t="s">
        <v>128</v>
      </c>
      <c r="H394" s="8" t="s">
        <v>66</v>
      </c>
      <c r="I394" s="8" t="s">
        <v>65</v>
      </c>
      <c r="J394" s="8">
        <v>1</v>
      </c>
      <c r="K394" s="8" t="s">
        <v>514</v>
      </c>
      <c r="L394" s="8">
        <v>2</v>
      </c>
      <c r="M394" s="8">
        <v>3</v>
      </c>
      <c r="N394" s="72" t="s">
        <v>675</v>
      </c>
      <c r="O394" s="98"/>
    </row>
    <row r="395" spans="1:16" hidden="1">
      <c r="E395" s="8" t="s">
        <v>173</v>
      </c>
      <c r="F395" s="8">
        <v>369</v>
      </c>
      <c r="G395" s="8" t="s">
        <v>172</v>
      </c>
      <c r="H395" s="8" t="s">
        <v>78</v>
      </c>
      <c r="I395" s="8" t="s">
        <v>71</v>
      </c>
      <c r="J395" s="8">
        <v>1</v>
      </c>
      <c r="K395" s="8" t="s">
        <v>509</v>
      </c>
      <c r="L395" s="8">
        <v>1</v>
      </c>
      <c r="M395" s="8">
        <v>30</v>
      </c>
      <c r="N395" s="18" t="s">
        <v>676</v>
      </c>
      <c r="O395" s="98"/>
    </row>
    <row r="396" spans="1:16" hidden="1">
      <c r="A396" s="17"/>
      <c r="B396" s="17"/>
      <c r="C396" s="17" t="s">
        <v>87</v>
      </c>
      <c r="D396" s="139" t="s">
        <v>515</v>
      </c>
      <c r="E396" s="17"/>
      <c r="F396" s="17"/>
      <c r="G396" s="17"/>
      <c r="H396" s="17" t="s">
        <v>17</v>
      </c>
      <c r="I396" s="17" t="s">
        <v>71</v>
      </c>
      <c r="J396" s="17">
        <v>1000</v>
      </c>
      <c r="K396" s="17"/>
      <c r="L396" s="17"/>
      <c r="M396" s="17"/>
      <c r="N396" s="138"/>
      <c r="O396" s="98"/>
    </row>
    <row r="397" spans="1:16" hidden="1">
      <c r="E397" s="8" t="s">
        <v>86</v>
      </c>
      <c r="F397" s="8">
        <v>933</v>
      </c>
      <c r="G397" s="8" t="s">
        <v>85</v>
      </c>
      <c r="H397" s="8" t="s">
        <v>66</v>
      </c>
      <c r="I397" s="8" t="s">
        <v>65</v>
      </c>
      <c r="J397" s="8">
        <v>1</v>
      </c>
      <c r="K397" s="8" t="s">
        <v>509</v>
      </c>
      <c r="L397" s="8">
        <v>1</v>
      </c>
      <c r="M397" s="8">
        <v>264</v>
      </c>
      <c r="O397" s="98"/>
    </row>
    <row r="398" spans="1:16" hidden="1">
      <c r="E398" s="8" t="s">
        <v>179</v>
      </c>
      <c r="F398" s="8">
        <v>934</v>
      </c>
      <c r="G398" s="8" t="s">
        <v>178</v>
      </c>
      <c r="H398" s="8" t="s">
        <v>78</v>
      </c>
      <c r="I398" s="8" t="s">
        <v>71</v>
      </c>
      <c r="J398" s="8">
        <v>1</v>
      </c>
      <c r="K398" s="8" t="s">
        <v>514</v>
      </c>
      <c r="L398" s="8">
        <v>2</v>
      </c>
      <c r="M398" s="8">
        <v>2</v>
      </c>
      <c r="N398" s="18" t="s">
        <v>674</v>
      </c>
      <c r="O398" s="98"/>
    </row>
    <row r="399" spans="1:16">
      <c r="A399" s="17" t="s">
        <v>177</v>
      </c>
      <c r="B399" s="17" t="s">
        <v>126</v>
      </c>
      <c r="C399" s="17"/>
      <c r="D399" s="139"/>
      <c r="E399" s="17"/>
      <c r="F399" s="17"/>
      <c r="G399" s="17"/>
      <c r="H399" s="17" t="s">
        <v>17</v>
      </c>
      <c r="I399" s="17" t="s">
        <v>71</v>
      </c>
      <c r="J399" s="17">
        <v>1000</v>
      </c>
      <c r="K399" s="17"/>
      <c r="L399" s="17"/>
      <c r="M399" s="17"/>
      <c r="N399" s="138"/>
      <c r="O399" s="98" t="s">
        <v>2265</v>
      </c>
      <c r="P399" s="99" t="s">
        <v>2264</v>
      </c>
    </row>
    <row r="400" spans="1:16" hidden="1" outlineLevel="1">
      <c r="A400" s="17"/>
      <c r="B400" s="17"/>
      <c r="C400" s="17" t="s">
        <v>177</v>
      </c>
      <c r="D400" s="139" t="s">
        <v>126</v>
      </c>
      <c r="E400" s="17"/>
      <c r="F400" s="17"/>
      <c r="G400" s="17"/>
      <c r="H400" s="17" t="s">
        <v>66</v>
      </c>
      <c r="I400" s="17" t="s">
        <v>65</v>
      </c>
      <c r="J400" s="17">
        <v>1</v>
      </c>
      <c r="K400" s="17"/>
      <c r="L400" s="17"/>
      <c r="M400" s="17"/>
      <c r="N400" s="138"/>
      <c r="O400" s="98"/>
    </row>
    <row r="401" spans="1:16" hidden="1" outlineLevel="1">
      <c r="E401" s="8" t="s">
        <v>176</v>
      </c>
      <c r="F401" s="8">
        <v>128</v>
      </c>
      <c r="G401" s="8" t="s">
        <v>128</v>
      </c>
      <c r="H401" s="8" t="s">
        <v>66</v>
      </c>
      <c r="I401" s="8" t="s">
        <v>65</v>
      </c>
      <c r="J401" s="8">
        <v>1</v>
      </c>
      <c r="K401" s="8" t="s">
        <v>514</v>
      </c>
      <c r="L401" s="8">
        <v>2</v>
      </c>
      <c r="M401" s="8">
        <v>3</v>
      </c>
      <c r="N401" s="72" t="s">
        <v>627</v>
      </c>
      <c r="O401" s="98"/>
    </row>
    <row r="402" spans="1:16" hidden="1" outlineLevel="1">
      <c r="E402" s="8" t="s">
        <v>175</v>
      </c>
      <c r="F402" s="8">
        <v>127</v>
      </c>
      <c r="G402" s="8" t="s">
        <v>126</v>
      </c>
      <c r="H402" s="8" t="s">
        <v>78</v>
      </c>
      <c r="I402" s="8" t="s">
        <v>71</v>
      </c>
      <c r="J402" s="8">
        <v>1</v>
      </c>
      <c r="K402" s="8" t="s">
        <v>509</v>
      </c>
      <c r="L402" s="8">
        <v>1</v>
      </c>
      <c r="M402" s="8">
        <v>30</v>
      </c>
      <c r="N402" s="93"/>
      <c r="O402" s="98"/>
    </row>
    <row r="403" spans="1:16" hidden="1" outlineLevel="1">
      <c r="E403" s="8" t="s">
        <v>173</v>
      </c>
      <c r="F403" s="8">
        <v>369</v>
      </c>
      <c r="G403" s="8" t="s">
        <v>172</v>
      </c>
      <c r="H403" s="8" t="s">
        <v>78</v>
      </c>
      <c r="I403" s="8" t="s">
        <v>71</v>
      </c>
      <c r="J403" s="8">
        <v>1</v>
      </c>
      <c r="K403" s="8" t="s">
        <v>509</v>
      </c>
      <c r="L403" s="8">
        <v>1</v>
      </c>
      <c r="M403" s="8">
        <v>45</v>
      </c>
      <c r="N403" s="72" t="s">
        <v>677</v>
      </c>
    </row>
    <row r="404" spans="1:16" collapsed="1">
      <c r="A404" s="17"/>
      <c r="B404" s="17"/>
      <c r="C404" s="17" t="s">
        <v>87</v>
      </c>
      <c r="D404" s="139" t="s">
        <v>515</v>
      </c>
      <c r="E404" s="17"/>
      <c r="F404" s="17"/>
      <c r="G404" s="17"/>
      <c r="H404" s="17" t="s">
        <v>17</v>
      </c>
      <c r="I404" s="17" t="s">
        <v>71</v>
      </c>
      <c r="J404" s="17">
        <v>1000</v>
      </c>
      <c r="K404" s="17"/>
      <c r="L404" s="17"/>
      <c r="M404" s="17"/>
      <c r="N404" s="138"/>
      <c r="O404" s="98" t="s">
        <v>2244</v>
      </c>
    </row>
    <row r="405" spans="1:16" hidden="1" outlineLevel="1">
      <c r="E405" s="8" t="s">
        <v>86</v>
      </c>
      <c r="F405" s="8">
        <v>933</v>
      </c>
      <c r="G405" s="8" t="s">
        <v>85</v>
      </c>
      <c r="H405" s="8" t="s">
        <v>66</v>
      </c>
      <c r="I405" s="8" t="s">
        <v>65</v>
      </c>
      <c r="J405" s="8">
        <v>1</v>
      </c>
      <c r="K405" s="8" t="s">
        <v>509</v>
      </c>
      <c r="L405" s="8">
        <v>1</v>
      </c>
      <c r="M405" s="8">
        <v>264</v>
      </c>
      <c r="O405" s="98"/>
    </row>
    <row r="406" spans="1:16" hidden="1" collapsed="1">
      <c r="A406" s="17" t="s">
        <v>177</v>
      </c>
      <c r="B406" s="17" t="s">
        <v>126</v>
      </c>
      <c r="C406" s="17"/>
      <c r="D406" s="139"/>
      <c r="E406" s="17"/>
      <c r="F406" s="17"/>
      <c r="G406" s="17"/>
      <c r="H406" s="17" t="s">
        <v>17</v>
      </c>
      <c r="I406" s="17" t="s">
        <v>71</v>
      </c>
      <c r="J406" s="17">
        <v>1000</v>
      </c>
      <c r="K406" s="17"/>
      <c r="L406" s="17"/>
      <c r="M406" s="17"/>
      <c r="N406" s="138"/>
      <c r="O406" s="98"/>
    </row>
    <row r="407" spans="1:16" hidden="1">
      <c r="A407" s="17"/>
      <c r="B407" s="17"/>
      <c r="C407" s="17" t="s">
        <v>177</v>
      </c>
      <c r="D407" s="139" t="s">
        <v>126</v>
      </c>
      <c r="E407" s="17"/>
      <c r="F407" s="17"/>
      <c r="G407" s="17"/>
      <c r="H407" s="17" t="s">
        <v>66</v>
      </c>
      <c r="I407" s="17" t="s">
        <v>65</v>
      </c>
      <c r="J407" s="17">
        <v>1</v>
      </c>
      <c r="K407" s="17"/>
      <c r="L407" s="17"/>
      <c r="M407" s="17"/>
      <c r="N407" s="138"/>
      <c r="O407" s="98"/>
    </row>
    <row r="408" spans="1:16" hidden="1">
      <c r="E408" s="8" t="s">
        <v>176</v>
      </c>
      <c r="F408" s="8">
        <v>128</v>
      </c>
      <c r="G408" s="8" t="s">
        <v>128</v>
      </c>
      <c r="H408" s="8" t="s">
        <v>66</v>
      </c>
      <c r="I408" s="8" t="s">
        <v>65</v>
      </c>
      <c r="J408" s="8">
        <v>1</v>
      </c>
      <c r="K408" s="8" t="s">
        <v>514</v>
      </c>
      <c r="L408" s="8">
        <v>2</v>
      </c>
      <c r="M408" s="8">
        <v>3</v>
      </c>
      <c r="N408" s="72" t="s">
        <v>627</v>
      </c>
      <c r="O408" s="98"/>
    </row>
    <row r="409" spans="1:16" hidden="1">
      <c r="E409" s="8" t="s">
        <v>175</v>
      </c>
      <c r="F409" s="8">
        <v>127</v>
      </c>
      <c r="G409" s="8" t="s">
        <v>126</v>
      </c>
      <c r="H409" s="8" t="s">
        <v>78</v>
      </c>
      <c r="I409" s="8" t="s">
        <v>71</v>
      </c>
      <c r="J409" s="8">
        <v>1</v>
      </c>
      <c r="K409" s="8" t="s">
        <v>509</v>
      </c>
      <c r="L409" s="8">
        <v>1</v>
      </c>
      <c r="M409" s="8">
        <v>30</v>
      </c>
      <c r="N409" s="93"/>
      <c r="O409" s="98"/>
    </row>
    <row r="410" spans="1:16" hidden="1">
      <c r="E410" s="8" t="s">
        <v>173</v>
      </c>
      <c r="F410" s="8">
        <v>369</v>
      </c>
      <c r="G410" s="8" t="s">
        <v>172</v>
      </c>
      <c r="H410" s="8" t="s">
        <v>78</v>
      </c>
      <c r="I410" s="8" t="s">
        <v>71</v>
      </c>
      <c r="J410" s="8">
        <v>1</v>
      </c>
      <c r="K410" s="8" t="s">
        <v>509</v>
      </c>
      <c r="L410" s="8">
        <v>1</v>
      </c>
      <c r="M410" s="8">
        <v>45</v>
      </c>
      <c r="N410" s="72" t="s">
        <v>678</v>
      </c>
      <c r="O410" s="98"/>
    </row>
    <row r="411" spans="1:16" hidden="1">
      <c r="A411" s="17"/>
      <c r="B411" s="17"/>
      <c r="C411" s="17" t="s">
        <v>87</v>
      </c>
      <c r="D411" s="139" t="s">
        <v>515</v>
      </c>
      <c r="E411" s="17"/>
      <c r="F411" s="17"/>
      <c r="G411" s="17"/>
      <c r="H411" s="17" t="s">
        <v>17</v>
      </c>
      <c r="I411" s="17" t="s">
        <v>71</v>
      </c>
      <c r="J411" s="17">
        <v>1000</v>
      </c>
      <c r="K411" s="17"/>
      <c r="L411" s="17"/>
      <c r="M411" s="17"/>
      <c r="N411" s="138"/>
      <c r="O411" s="98"/>
    </row>
    <row r="412" spans="1:16" ht="18.75" hidden="1" customHeight="1">
      <c r="E412" s="8" t="s">
        <v>86</v>
      </c>
      <c r="F412" s="8">
        <v>933</v>
      </c>
      <c r="G412" s="8" t="s">
        <v>85</v>
      </c>
      <c r="H412" s="8" t="s">
        <v>66</v>
      </c>
      <c r="I412" s="8" t="s">
        <v>65</v>
      </c>
      <c r="J412" s="8">
        <v>1</v>
      </c>
      <c r="K412" s="8" t="s">
        <v>509</v>
      </c>
      <c r="L412" s="8">
        <v>1</v>
      </c>
      <c r="M412" s="8">
        <v>264</v>
      </c>
      <c r="O412" s="98"/>
    </row>
    <row r="413" spans="1:16">
      <c r="A413" s="17" t="s">
        <v>177</v>
      </c>
      <c r="B413" s="17" t="s">
        <v>126</v>
      </c>
      <c r="C413" s="17"/>
      <c r="D413" s="139"/>
      <c r="E413" s="17"/>
      <c r="F413" s="17"/>
      <c r="G413" s="17"/>
      <c r="H413" s="17" t="s">
        <v>17</v>
      </c>
      <c r="I413" s="17" t="s">
        <v>71</v>
      </c>
      <c r="J413" s="17">
        <v>1000</v>
      </c>
      <c r="K413" s="17"/>
      <c r="L413" s="17"/>
      <c r="M413" s="17"/>
      <c r="N413" s="138"/>
      <c r="O413" s="98" t="s">
        <v>924</v>
      </c>
      <c r="P413" s="99" t="s">
        <v>1077</v>
      </c>
    </row>
    <row r="414" spans="1:16" hidden="1" outlineLevel="1">
      <c r="A414" s="17"/>
      <c r="B414" s="17"/>
      <c r="C414" s="17" t="s">
        <v>177</v>
      </c>
      <c r="D414" s="139" t="s">
        <v>126</v>
      </c>
      <c r="E414" s="17"/>
      <c r="F414" s="17"/>
      <c r="G414" s="17"/>
      <c r="H414" s="17" t="s">
        <v>66</v>
      </c>
      <c r="I414" s="17" t="s">
        <v>65</v>
      </c>
      <c r="J414" s="17">
        <v>1</v>
      </c>
      <c r="K414" s="17"/>
      <c r="L414" s="17"/>
      <c r="M414" s="17"/>
      <c r="N414" s="138"/>
      <c r="O414" s="98"/>
    </row>
    <row r="415" spans="1:16" hidden="1" outlineLevel="1">
      <c r="E415" s="8" t="s">
        <v>176</v>
      </c>
      <c r="F415" s="8">
        <v>128</v>
      </c>
      <c r="G415" s="8" t="s">
        <v>128</v>
      </c>
      <c r="H415" s="8" t="s">
        <v>66</v>
      </c>
      <c r="I415" s="8" t="s">
        <v>65</v>
      </c>
      <c r="J415" s="8">
        <v>1</v>
      </c>
      <c r="K415" s="8" t="s">
        <v>514</v>
      </c>
      <c r="L415" s="8">
        <v>2</v>
      </c>
      <c r="M415" s="8">
        <v>3</v>
      </c>
      <c r="N415" s="72" t="s">
        <v>679</v>
      </c>
      <c r="O415" s="98"/>
    </row>
    <row r="416" spans="1:16" hidden="1" outlineLevel="1">
      <c r="E416" s="8" t="s">
        <v>175</v>
      </c>
      <c r="F416" s="8">
        <v>127</v>
      </c>
      <c r="G416" s="8" t="s">
        <v>126</v>
      </c>
      <c r="H416" s="8" t="s">
        <v>78</v>
      </c>
      <c r="I416" s="8" t="s">
        <v>65</v>
      </c>
      <c r="J416" s="8">
        <v>1</v>
      </c>
      <c r="K416" s="8" t="s">
        <v>509</v>
      </c>
      <c r="L416" s="8">
        <v>1</v>
      </c>
      <c r="M416" s="8">
        <v>30</v>
      </c>
      <c r="N416" s="72" t="s">
        <v>680</v>
      </c>
      <c r="O416" s="98"/>
    </row>
    <row r="417" spans="1:16" hidden="1" outlineLevel="1">
      <c r="E417" s="8" t="s">
        <v>173</v>
      </c>
      <c r="F417" s="8">
        <v>369</v>
      </c>
      <c r="G417" s="8" t="s">
        <v>172</v>
      </c>
      <c r="H417" s="8" t="s">
        <v>78</v>
      </c>
      <c r="I417" s="8" t="s">
        <v>71</v>
      </c>
      <c r="J417" s="8">
        <v>1</v>
      </c>
      <c r="K417" s="8" t="s">
        <v>509</v>
      </c>
      <c r="L417" s="8">
        <v>1</v>
      </c>
      <c r="M417" s="8">
        <v>45</v>
      </c>
      <c r="O417" s="98"/>
    </row>
    <row r="418" spans="1:16" collapsed="1">
      <c r="A418" s="17"/>
      <c r="B418" s="17"/>
      <c r="C418" s="17" t="s">
        <v>87</v>
      </c>
      <c r="D418" s="139" t="s">
        <v>515</v>
      </c>
      <c r="E418" s="17"/>
      <c r="F418" s="17"/>
      <c r="G418" s="17"/>
      <c r="H418" s="17" t="s">
        <v>17</v>
      </c>
      <c r="I418" s="17" t="s">
        <v>71</v>
      </c>
      <c r="J418" s="17">
        <v>1000</v>
      </c>
      <c r="K418" s="17"/>
      <c r="L418" s="17"/>
      <c r="M418" s="17"/>
      <c r="N418" s="138"/>
      <c r="O418" s="98" t="s">
        <v>925</v>
      </c>
    </row>
    <row r="419" spans="1:16" hidden="1" outlineLevel="1">
      <c r="E419" s="8" t="s">
        <v>86</v>
      </c>
      <c r="F419" s="8">
        <v>933</v>
      </c>
      <c r="G419" s="8" t="s">
        <v>85</v>
      </c>
      <c r="H419" s="8" t="s">
        <v>66</v>
      </c>
      <c r="I419" s="8" t="s">
        <v>65</v>
      </c>
      <c r="J419" s="8">
        <v>1</v>
      </c>
      <c r="K419" s="8" t="s">
        <v>509</v>
      </c>
      <c r="L419" s="8">
        <v>1</v>
      </c>
      <c r="M419" s="8">
        <v>264</v>
      </c>
      <c r="O419" s="98"/>
    </row>
    <row r="420" spans="1:16" hidden="1" outlineLevel="1">
      <c r="E420" s="8" t="s">
        <v>179</v>
      </c>
      <c r="F420" s="8">
        <v>934</v>
      </c>
      <c r="G420" s="8" t="s">
        <v>178</v>
      </c>
      <c r="H420" s="8" t="s">
        <v>78</v>
      </c>
      <c r="I420" s="8" t="s">
        <v>71</v>
      </c>
      <c r="J420" s="8">
        <v>1</v>
      </c>
      <c r="K420" s="8" t="s">
        <v>514</v>
      </c>
      <c r="L420" s="8">
        <v>2</v>
      </c>
      <c r="M420" s="8">
        <v>2</v>
      </c>
      <c r="N420" s="18" t="s">
        <v>674</v>
      </c>
      <c r="O420" s="98"/>
    </row>
    <row r="421" spans="1:16" ht="52.5" collapsed="1">
      <c r="A421" s="17" t="s">
        <v>177</v>
      </c>
      <c r="B421" s="17" t="s">
        <v>126</v>
      </c>
      <c r="C421" s="17"/>
      <c r="D421" s="139"/>
      <c r="E421" s="17"/>
      <c r="F421" s="17"/>
      <c r="G421" s="17"/>
      <c r="H421" s="17" t="s">
        <v>17</v>
      </c>
      <c r="I421" s="17" t="s">
        <v>71</v>
      </c>
      <c r="J421" s="17">
        <v>1000</v>
      </c>
      <c r="K421" s="17"/>
      <c r="L421" s="17"/>
      <c r="M421" s="17"/>
      <c r="N421" s="138"/>
      <c r="O421" s="98" t="s">
        <v>926</v>
      </c>
      <c r="P421" s="99" t="s">
        <v>1296</v>
      </c>
    </row>
    <row r="422" spans="1:16" hidden="1" outlineLevel="1">
      <c r="A422" s="17"/>
      <c r="B422" s="17"/>
      <c r="C422" s="17" t="s">
        <v>177</v>
      </c>
      <c r="D422" s="139" t="s">
        <v>126</v>
      </c>
      <c r="E422" s="17"/>
      <c r="F422" s="17"/>
      <c r="G422" s="17"/>
      <c r="H422" s="17" t="s">
        <v>66</v>
      </c>
      <c r="I422" s="17" t="s">
        <v>65</v>
      </c>
      <c r="J422" s="17">
        <v>1</v>
      </c>
      <c r="K422" s="17"/>
      <c r="L422" s="17"/>
      <c r="M422" s="17"/>
      <c r="N422" s="138"/>
      <c r="O422" s="98"/>
    </row>
    <row r="423" spans="1:16" hidden="1" outlineLevel="1">
      <c r="E423" s="8" t="s">
        <v>176</v>
      </c>
      <c r="F423" s="8">
        <v>128</v>
      </c>
      <c r="G423" s="8" t="s">
        <v>128</v>
      </c>
      <c r="H423" s="8" t="s">
        <v>66</v>
      </c>
      <c r="I423" s="8" t="s">
        <v>65</v>
      </c>
      <c r="J423" s="8">
        <v>1</v>
      </c>
      <c r="K423" s="8" t="s">
        <v>514</v>
      </c>
      <c r="L423" s="8">
        <v>2</v>
      </c>
      <c r="M423" s="8">
        <v>3</v>
      </c>
      <c r="N423" s="72" t="s">
        <v>643</v>
      </c>
      <c r="O423" s="98"/>
    </row>
    <row r="424" spans="1:16" hidden="1" outlineLevel="1">
      <c r="E424" s="19" t="s">
        <v>175</v>
      </c>
      <c r="F424" s="19">
        <v>127</v>
      </c>
      <c r="G424" s="19" t="s">
        <v>126</v>
      </c>
      <c r="H424" s="19" t="s">
        <v>78</v>
      </c>
      <c r="I424" s="19" t="s">
        <v>174</v>
      </c>
      <c r="J424" s="19">
        <v>1</v>
      </c>
      <c r="K424" s="19" t="s">
        <v>509</v>
      </c>
      <c r="L424" s="19">
        <v>1</v>
      </c>
      <c r="M424" s="19">
        <v>30</v>
      </c>
      <c r="N424" s="25"/>
      <c r="O424" s="98"/>
    </row>
    <row r="425" spans="1:16" hidden="1" outlineLevel="1">
      <c r="E425" s="8" t="s">
        <v>173</v>
      </c>
      <c r="F425" s="8">
        <v>369</v>
      </c>
      <c r="G425" s="8" t="s">
        <v>172</v>
      </c>
      <c r="H425" s="8" t="s">
        <v>78</v>
      </c>
      <c r="I425" s="8" t="s">
        <v>71</v>
      </c>
      <c r="J425" s="8">
        <v>1</v>
      </c>
      <c r="K425" s="8" t="s">
        <v>509</v>
      </c>
      <c r="L425" s="8">
        <v>1</v>
      </c>
      <c r="M425" s="8">
        <v>45</v>
      </c>
      <c r="O425" s="98"/>
    </row>
    <row r="426" spans="1:16" collapsed="1">
      <c r="A426" s="17"/>
      <c r="B426" s="17"/>
      <c r="C426" s="75" t="s">
        <v>87</v>
      </c>
      <c r="D426" s="142" t="s">
        <v>515</v>
      </c>
      <c r="E426" s="75"/>
      <c r="F426" s="75"/>
      <c r="G426" s="75"/>
      <c r="H426" s="75" t="s">
        <v>17</v>
      </c>
      <c r="I426" s="75" t="s">
        <v>71</v>
      </c>
      <c r="J426" s="75">
        <v>1000</v>
      </c>
      <c r="K426" s="75"/>
      <c r="L426" s="75"/>
      <c r="M426" s="75"/>
      <c r="N426" s="78"/>
      <c r="O426" s="98" t="s">
        <v>927</v>
      </c>
    </row>
    <row r="427" spans="1:16" hidden="1" outlineLevel="1">
      <c r="C427" s="11"/>
      <c r="D427" s="33"/>
      <c r="E427" s="11" t="s">
        <v>86</v>
      </c>
      <c r="F427" s="11">
        <v>933</v>
      </c>
      <c r="G427" s="11" t="s">
        <v>85</v>
      </c>
      <c r="H427" s="11" t="s">
        <v>66</v>
      </c>
      <c r="I427" s="11" t="s">
        <v>65</v>
      </c>
      <c r="J427" s="11">
        <v>1</v>
      </c>
      <c r="K427" s="11" t="s">
        <v>509</v>
      </c>
      <c r="L427" s="11">
        <v>1</v>
      </c>
      <c r="M427" s="11">
        <v>264</v>
      </c>
      <c r="N427" s="18"/>
      <c r="O427" s="98"/>
    </row>
    <row r="428" spans="1:16" hidden="1" outlineLevel="1">
      <c r="C428" s="11"/>
      <c r="D428" s="33"/>
      <c r="E428" s="11" t="s">
        <v>179</v>
      </c>
      <c r="F428" s="11">
        <v>934</v>
      </c>
      <c r="G428" s="11" t="s">
        <v>178</v>
      </c>
      <c r="H428" s="11" t="s">
        <v>78</v>
      </c>
      <c r="I428" s="11" t="s">
        <v>71</v>
      </c>
      <c r="J428" s="11">
        <v>1</v>
      </c>
      <c r="K428" s="11" t="s">
        <v>514</v>
      </c>
      <c r="L428" s="11">
        <v>2</v>
      </c>
      <c r="M428" s="11">
        <v>2</v>
      </c>
      <c r="N428" s="18" t="s">
        <v>674</v>
      </c>
      <c r="O428" s="98"/>
    </row>
    <row r="429" spans="1:16" collapsed="1">
      <c r="C429" s="11"/>
      <c r="D429" s="33"/>
      <c r="E429" s="11"/>
      <c r="F429" s="11"/>
      <c r="G429" s="11"/>
      <c r="H429" s="11"/>
      <c r="I429" s="11"/>
      <c r="J429" s="11"/>
      <c r="K429" s="11"/>
      <c r="L429" s="11"/>
      <c r="M429" s="11"/>
      <c r="N429" s="18"/>
      <c r="O429" s="98" t="s">
        <v>974</v>
      </c>
    </row>
    <row r="430" spans="1:16">
      <c r="C430" s="11"/>
      <c r="D430" s="33"/>
      <c r="E430" s="11"/>
      <c r="F430" s="11"/>
      <c r="G430" s="11"/>
      <c r="H430" s="11"/>
      <c r="I430" s="11"/>
      <c r="J430" s="11"/>
      <c r="K430" s="11"/>
      <c r="L430" s="11"/>
      <c r="M430" s="11"/>
      <c r="N430" s="18"/>
      <c r="O430" s="98" t="s">
        <v>975</v>
      </c>
    </row>
    <row r="431" spans="1:16">
      <c r="C431" s="11"/>
      <c r="D431" s="33"/>
      <c r="E431" s="11"/>
      <c r="F431" s="11"/>
      <c r="G431" s="11"/>
      <c r="H431" s="11"/>
      <c r="I431" s="11"/>
      <c r="J431" s="11"/>
      <c r="K431" s="11"/>
      <c r="L431" s="11"/>
      <c r="M431" s="11"/>
      <c r="N431" s="18"/>
      <c r="O431" s="98" t="s">
        <v>1637</v>
      </c>
    </row>
    <row r="432" spans="1:16">
      <c r="O432" s="98" t="s">
        <v>976</v>
      </c>
    </row>
    <row r="433" spans="3:16">
      <c r="O433" s="207" t="s">
        <v>977</v>
      </c>
    </row>
    <row r="434" spans="3:16">
      <c r="C434" s="10"/>
      <c r="E434" s="10"/>
      <c r="F434" s="10"/>
      <c r="G434" s="10"/>
      <c r="H434" s="10"/>
      <c r="I434" s="10"/>
      <c r="J434" s="10"/>
      <c r="K434" s="10"/>
      <c r="L434" s="10"/>
      <c r="M434" s="10"/>
      <c r="N434" s="10"/>
      <c r="O434" s="207" t="s">
        <v>1026</v>
      </c>
    </row>
    <row r="435" spans="3:16">
      <c r="C435" s="11"/>
      <c r="D435" s="33"/>
      <c r="E435" s="11"/>
      <c r="F435" s="11"/>
      <c r="G435" s="11"/>
      <c r="H435" s="11"/>
      <c r="I435" s="11"/>
      <c r="J435" s="11"/>
      <c r="K435" s="11"/>
      <c r="L435" s="11"/>
      <c r="M435" s="11"/>
      <c r="N435" s="18"/>
      <c r="O435" s="207" t="s">
        <v>978</v>
      </c>
    </row>
    <row r="436" spans="3:16">
      <c r="C436" s="11"/>
      <c r="D436" s="33"/>
      <c r="E436" s="11"/>
      <c r="F436" s="11"/>
      <c r="G436" s="11"/>
      <c r="H436" s="11"/>
      <c r="I436" s="11"/>
      <c r="J436" s="11"/>
      <c r="K436" s="11"/>
      <c r="L436" s="11"/>
      <c r="M436" s="11"/>
      <c r="N436" s="18"/>
      <c r="O436" s="207" t="s">
        <v>1095</v>
      </c>
    </row>
    <row r="437" spans="3:16">
      <c r="C437" s="11"/>
      <c r="D437" s="33"/>
      <c r="E437" s="11"/>
      <c r="F437" s="11"/>
      <c r="G437" s="11"/>
      <c r="H437" s="11"/>
      <c r="I437" s="11"/>
      <c r="J437" s="11"/>
      <c r="K437" s="11"/>
      <c r="L437" s="11"/>
      <c r="M437" s="11"/>
      <c r="N437" s="18"/>
      <c r="O437" s="207" t="s">
        <v>2263</v>
      </c>
    </row>
    <row r="438" spans="3:16" ht="175">
      <c r="C438" s="11"/>
      <c r="D438" s="33"/>
      <c r="E438" s="11"/>
      <c r="F438" s="11"/>
      <c r="G438" s="11"/>
      <c r="H438" s="11"/>
      <c r="I438" s="11"/>
      <c r="J438" s="11"/>
      <c r="K438" s="11"/>
      <c r="L438" s="11"/>
      <c r="M438" s="11"/>
      <c r="N438" s="18"/>
      <c r="O438" s="203" t="s">
        <v>2262</v>
      </c>
      <c r="P438" s="99" t="s">
        <v>2261</v>
      </c>
    </row>
    <row r="439" spans="3:16">
      <c r="C439" s="10"/>
      <c r="E439" s="10"/>
      <c r="F439" s="10"/>
      <c r="G439" s="10"/>
      <c r="H439" s="10"/>
      <c r="I439" s="10"/>
      <c r="J439" s="10"/>
      <c r="K439" s="10"/>
      <c r="L439" s="10"/>
      <c r="M439" s="10"/>
      <c r="N439" s="10"/>
      <c r="O439" s="207" t="s">
        <v>979</v>
      </c>
    </row>
    <row r="440" spans="3:16">
      <c r="O440" s="207" t="s">
        <v>2260</v>
      </c>
    </row>
    <row r="441" spans="3:16">
      <c r="E441" s="19"/>
      <c r="F441" s="19"/>
      <c r="G441" s="19"/>
      <c r="H441" s="19"/>
      <c r="I441" s="19"/>
      <c r="J441" s="19"/>
      <c r="K441" s="19"/>
      <c r="L441" s="19"/>
      <c r="M441" s="19"/>
      <c r="N441" s="25"/>
      <c r="O441" s="207" t="s">
        <v>980</v>
      </c>
    </row>
    <row r="442" spans="3:16">
      <c r="O442" s="207" t="s">
        <v>981</v>
      </c>
    </row>
    <row r="443" spans="3:16">
      <c r="C443" s="10"/>
      <c r="E443" s="10"/>
      <c r="F443" s="10"/>
      <c r="G443" s="10"/>
      <c r="H443" s="10"/>
      <c r="I443" s="10"/>
      <c r="J443" s="10"/>
      <c r="K443" s="10"/>
      <c r="L443" s="10"/>
      <c r="M443" s="10"/>
      <c r="N443" s="10"/>
      <c r="O443" s="207" t="s">
        <v>982</v>
      </c>
    </row>
    <row r="444" spans="3:16">
      <c r="C444" s="11"/>
      <c r="D444" s="33"/>
      <c r="E444" s="11"/>
      <c r="F444" s="11"/>
      <c r="G444" s="11"/>
      <c r="H444" s="11"/>
      <c r="I444" s="11"/>
      <c r="J444" s="11"/>
      <c r="K444" s="11"/>
      <c r="L444" s="11"/>
      <c r="M444" s="11"/>
      <c r="N444" s="18"/>
      <c r="O444" s="207" t="s">
        <v>1026</v>
      </c>
    </row>
    <row r="445" spans="3:16">
      <c r="C445" s="11"/>
      <c r="D445" s="33"/>
      <c r="E445" s="11"/>
      <c r="F445" s="11"/>
      <c r="G445" s="11"/>
      <c r="H445" s="11"/>
      <c r="I445" s="11"/>
      <c r="J445" s="11"/>
      <c r="K445" s="11"/>
      <c r="L445" s="11"/>
      <c r="M445" s="11"/>
      <c r="N445" s="18"/>
      <c r="O445" s="207" t="s">
        <v>2259</v>
      </c>
      <c r="P445" s="207"/>
    </row>
    <row r="446" spans="3:16">
      <c r="O446" s="207" t="s">
        <v>2258</v>
      </c>
    </row>
    <row r="447" spans="3:16">
      <c r="O447" s="207" t="s">
        <v>2257</v>
      </c>
      <c r="P447" s="207"/>
    </row>
    <row r="448" spans="3:16">
      <c r="O448" s="207" t="s">
        <v>2256</v>
      </c>
      <c r="P448" s="207"/>
    </row>
    <row r="449" spans="15:16">
      <c r="O449" s="207" t="s">
        <v>2255</v>
      </c>
      <c r="P449" s="207"/>
    </row>
    <row r="450" spans="15:16">
      <c r="O450" s="207" t="s">
        <v>2254</v>
      </c>
      <c r="P450" s="207"/>
    </row>
    <row r="451" spans="15:16">
      <c r="O451" s="207" t="s">
        <v>2253</v>
      </c>
      <c r="P451" s="207"/>
    </row>
    <row r="452" spans="15:16">
      <c r="O452" s="207" t="s">
        <v>2252</v>
      </c>
      <c r="P452" s="207"/>
    </row>
    <row r="453" spans="15:16">
      <c r="O453" s="207" t="s">
        <v>983</v>
      </c>
      <c r="P453" s="207"/>
    </row>
    <row r="454" spans="15:16">
      <c r="O454" s="207" t="s">
        <v>984</v>
      </c>
      <c r="P454" s="207"/>
    </row>
    <row r="455" spans="15:16">
      <c r="O455" s="207" t="s">
        <v>1663</v>
      </c>
      <c r="P455" s="207"/>
    </row>
    <row r="456" spans="15:16">
      <c r="O456" s="207" t="s">
        <v>1659</v>
      </c>
      <c r="P456" s="207"/>
    </row>
    <row r="457" spans="15:16">
      <c r="O457" s="207" t="s">
        <v>1664</v>
      </c>
      <c r="P457" s="207"/>
    </row>
    <row r="458" spans="15:16">
      <c r="O458" s="207" t="s">
        <v>1659</v>
      </c>
      <c r="P458" s="207"/>
    </row>
    <row r="459" spans="15:16">
      <c r="O459" s="207" t="s">
        <v>985</v>
      </c>
      <c r="P459" s="207"/>
    </row>
    <row r="460" spans="15:16">
      <c r="O460" s="207" t="s">
        <v>986</v>
      </c>
      <c r="P460" s="207"/>
    </row>
    <row r="461" spans="15:16">
      <c r="O461" s="207" t="s">
        <v>987</v>
      </c>
      <c r="P461" s="207"/>
    </row>
    <row r="462" spans="15:16">
      <c r="O462" s="207" t="s">
        <v>988</v>
      </c>
      <c r="P462" s="207"/>
    </row>
    <row r="463" spans="15:16">
      <c r="O463" s="207" t="s">
        <v>989</v>
      </c>
      <c r="P463" s="207"/>
    </row>
    <row r="464" spans="15:16">
      <c r="O464" s="207" t="s">
        <v>990</v>
      </c>
      <c r="P464" s="207"/>
    </row>
    <row r="465" spans="15:16">
      <c r="O465" s="207" t="s">
        <v>991</v>
      </c>
      <c r="P465" s="207"/>
    </row>
    <row r="466" spans="15:16">
      <c r="O466" s="207" t="s">
        <v>1027</v>
      </c>
      <c r="P466" s="207"/>
    </row>
    <row r="467" spans="15:16">
      <c r="O467" s="207" t="s">
        <v>2251</v>
      </c>
      <c r="P467" s="207"/>
    </row>
    <row r="468" spans="15:16">
      <c r="O468" s="207" t="s">
        <v>2250</v>
      </c>
      <c r="P468" s="207"/>
    </row>
    <row r="469" spans="15:16">
      <c r="O469" s="207" t="s">
        <v>2249</v>
      </c>
      <c r="P469" s="207"/>
    </row>
    <row r="470" spans="15:16">
      <c r="O470" s="207" t="s">
        <v>2248</v>
      </c>
      <c r="P470" s="207"/>
    </row>
    <row r="471" spans="15:16">
      <c r="O471" s="207" t="s">
        <v>2247</v>
      </c>
      <c r="P471" s="207"/>
    </row>
    <row r="472" spans="15:16">
      <c r="O472" s="207" t="s">
        <v>2246</v>
      </c>
      <c r="P472" s="207"/>
    </row>
    <row r="473" spans="15:16">
      <c r="O473" s="207" t="s">
        <v>2245</v>
      </c>
      <c r="P473" s="207"/>
    </row>
    <row r="474" spans="15:16">
      <c r="O474" s="207" t="s">
        <v>2244</v>
      </c>
      <c r="P474" s="207"/>
    </row>
    <row r="475" spans="15:16">
      <c r="O475" s="207" t="s">
        <v>2243</v>
      </c>
      <c r="P475" s="207"/>
    </row>
    <row r="476" spans="15:16">
      <c r="O476" s="207" t="s">
        <v>992</v>
      </c>
      <c r="P476" s="207"/>
    </row>
    <row r="477" spans="15:16">
      <c r="O477" s="207" t="s">
        <v>993</v>
      </c>
      <c r="P477" s="207"/>
    </row>
    <row r="478" spans="15:16">
      <c r="O478" s="207" t="s">
        <v>2242</v>
      </c>
      <c r="P478" s="207"/>
    </row>
    <row r="479" spans="15:16" ht="17.25" customHeight="1">
      <c r="O479" s="207" t="s">
        <v>994</v>
      </c>
      <c r="P479" s="207"/>
    </row>
    <row r="480" spans="15:16">
      <c r="O480" s="207" t="s">
        <v>995</v>
      </c>
      <c r="P480" s="207"/>
    </row>
    <row r="481" spans="15:16">
      <c r="O481" s="207" t="s">
        <v>2241</v>
      </c>
      <c r="P481" s="207"/>
    </row>
    <row r="482" spans="15:16">
      <c r="O482" s="207" t="s">
        <v>2240</v>
      </c>
      <c r="P482" s="207"/>
    </row>
    <row r="483" spans="15:16">
      <c r="O483" s="207" t="s">
        <v>2239</v>
      </c>
      <c r="P483" s="207"/>
    </row>
    <row r="484" spans="15:16">
      <c r="O484" s="207" t="s">
        <v>2238</v>
      </c>
      <c r="P484" s="207"/>
    </row>
    <row r="485" spans="15:16">
      <c r="O485" s="207" t="s">
        <v>2237</v>
      </c>
      <c r="P485" s="207"/>
    </row>
    <row r="486" spans="15:16">
      <c r="O486" s="207" t="s">
        <v>2236</v>
      </c>
      <c r="P486" s="207"/>
    </row>
    <row r="487" spans="15:16">
      <c r="O487" s="207" t="s">
        <v>2235</v>
      </c>
      <c r="P487" s="207"/>
    </row>
    <row r="488" spans="15:16">
      <c r="O488" s="207" t="s">
        <v>2234</v>
      </c>
      <c r="P488" s="207"/>
    </row>
    <row r="489" spans="15:16">
      <c r="O489" s="207" t="s">
        <v>2233</v>
      </c>
      <c r="P489" s="207"/>
    </row>
    <row r="490" spans="15:16">
      <c r="O490" s="207" t="s">
        <v>2232</v>
      </c>
      <c r="P490" s="207"/>
    </row>
    <row r="491" spans="15:16">
      <c r="O491" s="207" t="s">
        <v>2231</v>
      </c>
      <c r="P491" s="207"/>
    </row>
    <row r="492" spans="15:16" ht="17.25" customHeight="1">
      <c r="O492" s="207" t="s">
        <v>2230</v>
      </c>
      <c r="P492" s="207"/>
    </row>
    <row r="493" spans="15:16">
      <c r="O493" s="207" t="s">
        <v>996</v>
      </c>
      <c r="P493" s="207"/>
    </row>
    <row r="494" spans="15:16">
      <c r="O494" s="207" t="s">
        <v>997</v>
      </c>
      <c r="P494" s="207"/>
    </row>
    <row r="495" spans="15:16">
      <c r="O495" s="207" t="s">
        <v>998</v>
      </c>
      <c r="P495" s="207"/>
    </row>
    <row r="496" spans="15:16">
      <c r="O496" s="207" t="s">
        <v>999</v>
      </c>
      <c r="P496" s="207"/>
    </row>
    <row r="497" spans="15:16">
      <c r="O497" s="207" t="s">
        <v>2229</v>
      </c>
      <c r="P497" s="207"/>
    </row>
    <row r="498" spans="15:16">
      <c r="O498" s="207" t="s">
        <v>2228</v>
      </c>
      <c r="P498" s="207"/>
    </row>
    <row r="499" spans="15:16">
      <c r="O499" s="207" t="s">
        <v>2227</v>
      </c>
      <c r="P499" s="207"/>
    </row>
    <row r="500" spans="15:16">
      <c r="O500" s="207" t="s">
        <v>2051</v>
      </c>
      <c r="P500" s="207"/>
    </row>
    <row r="501" spans="15:16">
      <c r="O501" s="207" t="s">
        <v>2226</v>
      </c>
      <c r="P501" s="207"/>
    </row>
    <row r="502" spans="15:16">
      <c r="O502" s="207" t="s">
        <v>2225</v>
      </c>
      <c r="P502" s="207"/>
    </row>
    <row r="503" spans="15:16">
      <c r="O503" s="207" t="s">
        <v>2224</v>
      </c>
      <c r="P503" s="207"/>
    </row>
    <row r="504" spans="15:16">
      <c r="O504" s="207" t="s">
        <v>2223</v>
      </c>
      <c r="P504" s="207"/>
    </row>
    <row r="505" spans="15:16">
      <c r="O505" s="207" t="s">
        <v>2222</v>
      </c>
      <c r="P505" s="207"/>
    </row>
    <row r="506" spans="15:16">
      <c r="O506" s="207" t="s">
        <v>1659</v>
      </c>
      <c r="P506" s="207"/>
    </row>
    <row r="507" spans="15:16">
      <c r="O507" s="207" t="s">
        <v>2221</v>
      </c>
      <c r="P507" s="207"/>
    </row>
    <row r="508" spans="15:16">
      <c r="O508" s="207" t="s">
        <v>2220</v>
      </c>
      <c r="P508" s="207"/>
    </row>
    <row r="509" spans="15:16">
      <c r="O509" s="207" t="s">
        <v>2219</v>
      </c>
      <c r="P509" s="207"/>
    </row>
    <row r="510" spans="15:16">
      <c r="O510" s="207" t="s">
        <v>1659</v>
      </c>
      <c r="P510" s="207"/>
    </row>
    <row r="511" spans="15:16">
      <c r="O511" s="207" t="s">
        <v>2218</v>
      </c>
      <c r="P511" s="207"/>
    </row>
    <row r="512" spans="15:16">
      <c r="O512" s="207" t="s">
        <v>2217</v>
      </c>
      <c r="P512" s="207"/>
    </row>
    <row r="513" spans="15:16">
      <c r="O513" s="207" t="s">
        <v>2216</v>
      </c>
      <c r="P513" s="207"/>
    </row>
    <row r="514" spans="15:16">
      <c r="O514" s="207" t="s">
        <v>1659</v>
      </c>
      <c r="P514" s="207"/>
    </row>
    <row r="515" spans="15:16">
      <c r="O515" s="207" t="s">
        <v>2215</v>
      </c>
      <c r="P515" s="207"/>
    </row>
    <row r="516" spans="15:16">
      <c r="O516" s="207" t="s">
        <v>2214</v>
      </c>
      <c r="P516" s="207"/>
    </row>
    <row r="517" spans="15:16">
      <c r="O517" s="207" t="s">
        <v>2213</v>
      </c>
      <c r="P517" s="207"/>
    </row>
    <row r="518" spans="15:16">
      <c r="O518" s="207" t="s">
        <v>1659</v>
      </c>
      <c r="P518" s="207"/>
    </row>
    <row r="519" spans="15:16">
      <c r="O519" s="207" t="s">
        <v>2212</v>
      </c>
      <c r="P519" s="207"/>
    </row>
    <row r="520" spans="15:16">
      <c r="O520" s="207" t="s">
        <v>2211</v>
      </c>
      <c r="P520" s="207"/>
    </row>
    <row r="521" spans="15:16">
      <c r="O521" s="207" t="s">
        <v>2210</v>
      </c>
      <c r="P521" s="207"/>
    </row>
    <row r="522" spans="15:16">
      <c r="O522" s="207" t="s">
        <v>1659</v>
      </c>
      <c r="P522" s="207"/>
    </row>
    <row r="523" spans="15:16">
      <c r="O523" s="207" t="s">
        <v>2209</v>
      </c>
      <c r="P523" s="207"/>
    </row>
    <row r="524" spans="15:16">
      <c r="O524" s="207" t="s">
        <v>2208</v>
      </c>
      <c r="P524" s="207"/>
    </row>
    <row r="525" spans="15:16">
      <c r="O525" s="207" t="s">
        <v>2207</v>
      </c>
      <c r="P525" s="207"/>
    </row>
    <row r="526" spans="15:16">
      <c r="O526" s="207" t="s">
        <v>1659</v>
      </c>
      <c r="P526" s="207"/>
    </row>
    <row r="527" spans="15:16">
      <c r="O527" s="207" t="s">
        <v>2206</v>
      </c>
      <c r="P527" s="207"/>
    </row>
    <row r="528" spans="15:16">
      <c r="O528" s="207" t="s">
        <v>2205</v>
      </c>
      <c r="P528" s="207"/>
    </row>
    <row r="529" spans="15:17">
      <c r="O529" s="207" t="s">
        <v>2204</v>
      </c>
      <c r="P529" s="207"/>
    </row>
    <row r="530" spans="15:17">
      <c r="O530" s="207" t="s">
        <v>1659</v>
      </c>
      <c r="P530" s="207"/>
    </row>
    <row r="531" spans="15:17">
      <c r="O531" s="207" t="s">
        <v>1000</v>
      </c>
      <c r="P531" s="207"/>
    </row>
    <row r="532" spans="15:17">
      <c r="O532" s="207" t="s">
        <v>1001</v>
      </c>
      <c r="P532" s="207"/>
    </row>
    <row r="533" spans="15:17">
      <c r="O533" s="207" t="s">
        <v>2203</v>
      </c>
      <c r="P533" s="207"/>
    </row>
    <row r="534" spans="15:17">
      <c r="O534" s="207" t="s">
        <v>2202</v>
      </c>
      <c r="P534" s="207"/>
    </row>
    <row r="535" spans="15:17">
      <c r="O535" s="207" t="s">
        <v>2201</v>
      </c>
      <c r="P535" s="266"/>
    </row>
    <row r="536" spans="15:17">
      <c r="O536" s="207" t="s">
        <v>2049</v>
      </c>
      <c r="P536" s="207"/>
    </row>
    <row r="537" spans="15:17">
      <c r="O537" s="207" t="s">
        <v>2200</v>
      </c>
      <c r="P537" s="207"/>
      <c r="Q537" s="10" t="s">
        <v>2029</v>
      </c>
    </row>
    <row r="538" spans="15:17">
      <c r="O538" s="207" t="s">
        <v>1019</v>
      </c>
      <c r="P538" s="207"/>
      <c r="Q538" s="10" t="s">
        <v>2029</v>
      </c>
    </row>
    <row r="539" spans="15:17">
      <c r="O539" s="207" t="s">
        <v>2199</v>
      </c>
      <c r="P539" s="207"/>
    </row>
    <row r="540" spans="15:17">
      <c r="O540" s="207" t="s">
        <v>2198</v>
      </c>
      <c r="P540" s="207"/>
    </row>
    <row r="541" spans="15:17">
      <c r="O541" s="207" t="s">
        <v>2197</v>
      </c>
      <c r="P541" s="207"/>
    </row>
    <row r="542" spans="15:17">
      <c r="O542" s="207" t="s">
        <v>2196</v>
      </c>
      <c r="P542" s="207"/>
    </row>
    <row r="543" spans="15:17">
      <c r="O543" s="207" t="s">
        <v>2195</v>
      </c>
      <c r="P543" s="207"/>
    </row>
    <row r="544" spans="15:17">
      <c r="O544" s="207" t="s">
        <v>2194</v>
      </c>
      <c r="P544" s="207"/>
    </row>
    <row r="545" spans="1:15" hidden="1">
      <c r="A545" s="17" t="s">
        <v>177</v>
      </c>
      <c r="B545" s="17" t="s">
        <v>126</v>
      </c>
      <c r="C545" s="17"/>
      <c r="D545" s="139"/>
      <c r="E545" s="17"/>
      <c r="F545" s="17"/>
      <c r="G545" s="17"/>
      <c r="H545" s="17" t="s">
        <v>17</v>
      </c>
      <c r="I545" s="17" t="s">
        <v>71</v>
      </c>
      <c r="J545" s="17">
        <v>1000</v>
      </c>
      <c r="K545" s="17"/>
      <c r="L545" s="17"/>
      <c r="M545" s="17"/>
      <c r="N545" s="138"/>
      <c r="O545" s="98"/>
    </row>
    <row r="546" spans="1:15" s="99" customFormat="1" hidden="1">
      <c r="A546" s="17"/>
      <c r="B546" s="17"/>
      <c r="C546" s="17" t="s">
        <v>177</v>
      </c>
      <c r="D546" s="139" t="s">
        <v>126</v>
      </c>
      <c r="E546" s="17"/>
      <c r="F546" s="17"/>
      <c r="G546" s="17"/>
      <c r="H546" s="17" t="s">
        <v>66</v>
      </c>
      <c r="I546" s="17" t="s">
        <v>65</v>
      </c>
      <c r="J546" s="17">
        <v>1</v>
      </c>
      <c r="K546" s="17"/>
      <c r="L546" s="17"/>
      <c r="M546" s="17"/>
      <c r="N546" s="138"/>
      <c r="O546" s="98"/>
    </row>
    <row r="547" spans="1:15" s="99" customFormat="1" hidden="1">
      <c r="A547" s="10"/>
      <c r="B547" s="10"/>
      <c r="C547" s="8"/>
      <c r="D547" s="10"/>
      <c r="E547" s="8" t="s">
        <v>176</v>
      </c>
      <c r="F547" s="8">
        <v>128</v>
      </c>
      <c r="G547" s="8" t="s">
        <v>128</v>
      </c>
      <c r="H547" s="8" t="s">
        <v>66</v>
      </c>
      <c r="I547" s="8" t="s">
        <v>65</v>
      </c>
      <c r="J547" s="8">
        <v>1</v>
      </c>
      <c r="K547" s="8" t="s">
        <v>514</v>
      </c>
      <c r="L547" s="8">
        <v>2</v>
      </c>
      <c r="M547" s="8">
        <v>3</v>
      </c>
      <c r="N547" s="72" t="s">
        <v>681</v>
      </c>
      <c r="O547" s="98"/>
    </row>
    <row r="548" spans="1:15" s="99" customFormat="1" hidden="1">
      <c r="A548" s="10"/>
      <c r="B548" s="10"/>
      <c r="C548" s="8"/>
      <c r="D548" s="10"/>
      <c r="E548" s="8" t="s">
        <v>175</v>
      </c>
      <c r="F548" s="8">
        <v>127</v>
      </c>
      <c r="G548" s="8" t="s">
        <v>126</v>
      </c>
      <c r="H548" s="8" t="s">
        <v>78</v>
      </c>
      <c r="I548" s="8" t="s">
        <v>71</v>
      </c>
      <c r="J548" s="8">
        <v>1</v>
      </c>
      <c r="K548" s="8" t="s">
        <v>509</v>
      </c>
      <c r="L548" s="8">
        <v>1</v>
      </c>
      <c r="M548" s="8">
        <v>30</v>
      </c>
      <c r="N548" s="72" t="s">
        <v>686</v>
      </c>
      <c r="O548" s="98"/>
    </row>
    <row r="549" spans="1:15" s="99" customFormat="1" hidden="1">
      <c r="A549" s="10"/>
      <c r="B549" s="10"/>
      <c r="C549" s="8"/>
      <c r="D549" s="10"/>
      <c r="E549" s="8" t="s">
        <v>173</v>
      </c>
      <c r="F549" s="8">
        <v>369</v>
      </c>
      <c r="G549" s="8" t="s">
        <v>172</v>
      </c>
      <c r="H549" s="8" t="s">
        <v>78</v>
      </c>
      <c r="I549" s="8" t="s">
        <v>71</v>
      </c>
      <c r="J549" s="8">
        <v>1</v>
      </c>
      <c r="K549" s="8" t="s">
        <v>509</v>
      </c>
      <c r="L549" s="8">
        <v>1</v>
      </c>
      <c r="M549" s="8">
        <v>45</v>
      </c>
      <c r="N549" s="72"/>
      <c r="O549" s="98"/>
    </row>
    <row r="550" spans="1:15" s="99" customFormat="1" hidden="1">
      <c r="A550" s="17" t="s">
        <v>177</v>
      </c>
      <c r="B550" s="17" t="s">
        <v>126</v>
      </c>
      <c r="C550" s="17"/>
      <c r="D550" s="139"/>
      <c r="E550" s="17"/>
      <c r="F550" s="17"/>
      <c r="G550" s="17"/>
      <c r="H550" s="17" t="s">
        <v>17</v>
      </c>
      <c r="I550" s="17" t="s">
        <v>71</v>
      </c>
      <c r="J550" s="17">
        <v>1000</v>
      </c>
      <c r="K550" s="17"/>
      <c r="L550" s="17"/>
      <c r="M550" s="17"/>
      <c r="N550" s="138"/>
      <c r="O550" s="98"/>
    </row>
    <row r="551" spans="1:15" s="99" customFormat="1" hidden="1">
      <c r="A551" s="17"/>
      <c r="B551" s="17"/>
      <c r="C551" s="17" t="s">
        <v>177</v>
      </c>
      <c r="D551" s="139" t="s">
        <v>126</v>
      </c>
      <c r="E551" s="17"/>
      <c r="F551" s="17"/>
      <c r="G551" s="17"/>
      <c r="H551" s="17" t="s">
        <v>66</v>
      </c>
      <c r="I551" s="17" t="s">
        <v>65</v>
      </c>
      <c r="J551" s="17">
        <v>1</v>
      </c>
      <c r="K551" s="17"/>
      <c r="L551" s="17"/>
      <c r="M551" s="17"/>
      <c r="N551" s="138"/>
      <c r="O551" s="98"/>
    </row>
    <row r="552" spans="1:15" s="99" customFormat="1" hidden="1">
      <c r="A552" s="10"/>
      <c r="B552" s="10"/>
      <c r="C552" s="8"/>
      <c r="D552" s="10"/>
      <c r="E552" s="8" t="s">
        <v>176</v>
      </c>
      <c r="F552" s="8">
        <v>128</v>
      </c>
      <c r="G552" s="8" t="s">
        <v>128</v>
      </c>
      <c r="H552" s="8" t="s">
        <v>66</v>
      </c>
      <c r="I552" s="8" t="s">
        <v>65</v>
      </c>
      <c r="J552" s="8">
        <v>1</v>
      </c>
      <c r="K552" s="8" t="s">
        <v>514</v>
      </c>
      <c r="L552" s="8">
        <v>2</v>
      </c>
      <c r="M552" s="8">
        <v>3</v>
      </c>
      <c r="N552" s="72" t="s">
        <v>681</v>
      </c>
      <c r="O552" s="98"/>
    </row>
    <row r="553" spans="1:15" s="99" customFormat="1" hidden="1">
      <c r="A553" s="10"/>
      <c r="B553" s="10"/>
      <c r="C553" s="8"/>
      <c r="D553" s="10"/>
      <c r="E553" s="8" t="s">
        <v>175</v>
      </c>
      <c r="F553" s="8">
        <v>127</v>
      </c>
      <c r="G553" s="8" t="s">
        <v>126</v>
      </c>
      <c r="H553" s="8" t="s">
        <v>78</v>
      </c>
      <c r="I553" s="8" t="s">
        <v>71</v>
      </c>
      <c r="J553" s="8">
        <v>1</v>
      </c>
      <c r="K553" s="8" t="s">
        <v>509</v>
      </c>
      <c r="L553" s="8">
        <v>1</v>
      </c>
      <c r="M553" s="8">
        <v>30</v>
      </c>
      <c r="N553" s="72" t="s">
        <v>687</v>
      </c>
      <c r="O553" s="98"/>
    </row>
    <row r="554" spans="1:15" s="99" customFormat="1" hidden="1">
      <c r="A554" s="10"/>
      <c r="B554" s="10"/>
      <c r="C554" s="8"/>
      <c r="D554" s="10"/>
      <c r="E554" s="8" t="s">
        <v>173</v>
      </c>
      <c r="F554" s="8">
        <v>369</v>
      </c>
      <c r="G554" s="8" t="s">
        <v>172</v>
      </c>
      <c r="H554" s="8" t="s">
        <v>78</v>
      </c>
      <c r="I554" s="8" t="s">
        <v>71</v>
      </c>
      <c r="J554" s="8">
        <v>1</v>
      </c>
      <c r="K554" s="8" t="s">
        <v>509</v>
      </c>
      <c r="L554" s="8">
        <v>1</v>
      </c>
      <c r="M554" s="8">
        <v>45</v>
      </c>
      <c r="N554" s="72"/>
      <c r="O554" s="98"/>
    </row>
    <row r="555" spans="1:15" s="99" customFormat="1" hidden="1">
      <c r="A555" s="17" t="s">
        <v>177</v>
      </c>
      <c r="B555" s="17" t="s">
        <v>126</v>
      </c>
      <c r="C555" s="17"/>
      <c r="D555" s="139"/>
      <c r="E555" s="17"/>
      <c r="F555" s="17"/>
      <c r="G555" s="17"/>
      <c r="H555" s="17" t="s">
        <v>17</v>
      </c>
      <c r="I555" s="17" t="s">
        <v>71</v>
      </c>
      <c r="J555" s="17">
        <v>1000</v>
      </c>
      <c r="K555" s="17"/>
      <c r="L555" s="17"/>
      <c r="M555" s="17"/>
      <c r="N555" s="138"/>
      <c r="O555" s="98"/>
    </row>
    <row r="556" spans="1:15" s="99" customFormat="1" hidden="1">
      <c r="A556" s="17"/>
      <c r="B556" s="17"/>
      <c r="C556" s="17" t="s">
        <v>177</v>
      </c>
      <c r="D556" s="139" t="s">
        <v>126</v>
      </c>
      <c r="E556" s="17"/>
      <c r="F556" s="17"/>
      <c r="G556" s="17"/>
      <c r="H556" s="17" t="s">
        <v>66</v>
      </c>
      <c r="I556" s="17" t="s">
        <v>65</v>
      </c>
      <c r="J556" s="17">
        <v>1</v>
      </c>
      <c r="K556" s="17"/>
      <c r="L556" s="17"/>
      <c r="M556" s="17"/>
      <c r="N556" s="138"/>
      <c r="O556" s="98"/>
    </row>
    <row r="557" spans="1:15" s="99" customFormat="1" hidden="1">
      <c r="A557" s="10"/>
      <c r="B557" s="10"/>
      <c r="C557" s="8"/>
      <c r="D557" s="10"/>
      <c r="E557" s="8" t="s">
        <v>176</v>
      </c>
      <c r="F557" s="8">
        <v>128</v>
      </c>
      <c r="G557" s="8" t="s">
        <v>128</v>
      </c>
      <c r="H557" s="8" t="s">
        <v>66</v>
      </c>
      <c r="I557" s="8" t="s">
        <v>65</v>
      </c>
      <c r="J557" s="8">
        <v>1</v>
      </c>
      <c r="K557" s="8" t="s">
        <v>514</v>
      </c>
      <c r="L557" s="8">
        <v>2</v>
      </c>
      <c r="M557" s="8">
        <v>3</v>
      </c>
      <c r="N557" s="72" t="s">
        <v>681</v>
      </c>
      <c r="O557" s="98"/>
    </row>
    <row r="558" spans="1:15" s="99" customFormat="1" hidden="1">
      <c r="A558" s="10"/>
      <c r="B558" s="10"/>
      <c r="C558" s="8"/>
      <c r="D558" s="10"/>
      <c r="E558" s="8" t="s">
        <v>175</v>
      </c>
      <c r="F558" s="8">
        <v>127</v>
      </c>
      <c r="G558" s="8" t="s">
        <v>126</v>
      </c>
      <c r="H558" s="8" t="s">
        <v>78</v>
      </c>
      <c r="I558" s="8" t="s">
        <v>71</v>
      </c>
      <c r="J558" s="8">
        <v>1</v>
      </c>
      <c r="K558" s="8" t="s">
        <v>509</v>
      </c>
      <c r="L558" s="8">
        <v>1</v>
      </c>
      <c r="M558" s="8">
        <v>30</v>
      </c>
      <c r="N558" s="72" t="s">
        <v>894</v>
      </c>
      <c r="O558" s="98"/>
    </row>
    <row r="559" spans="1:15" s="99" customFormat="1" hidden="1">
      <c r="A559" s="10"/>
      <c r="B559" s="10"/>
      <c r="C559" s="8"/>
      <c r="D559" s="10"/>
      <c r="E559" s="8" t="s">
        <v>173</v>
      </c>
      <c r="F559" s="8">
        <v>369</v>
      </c>
      <c r="G559" s="8" t="s">
        <v>172</v>
      </c>
      <c r="H559" s="8" t="s">
        <v>78</v>
      </c>
      <c r="I559" s="8" t="s">
        <v>71</v>
      </c>
      <c r="J559" s="8">
        <v>1</v>
      </c>
      <c r="K559" s="8" t="s">
        <v>509</v>
      </c>
      <c r="L559" s="8">
        <v>1</v>
      </c>
      <c r="M559" s="8">
        <v>45</v>
      </c>
      <c r="N559" s="72"/>
      <c r="O559" s="98"/>
    </row>
    <row r="560" spans="1:15" s="99" customFormat="1" hidden="1">
      <c r="A560" s="17" t="s">
        <v>177</v>
      </c>
      <c r="B560" s="17" t="s">
        <v>126</v>
      </c>
      <c r="C560" s="17"/>
      <c r="D560" s="139"/>
      <c r="E560" s="17"/>
      <c r="F560" s="17"/>
      <c r="G560" s="17"/>
      <c r="H560" s="17" t="s">
        <v>17</v>
      </c>
      <c r="I560" s="17" t="s">
        <v>71</v>
      </c>
      <c r="J560" s="17">
        <v>1000</v>
      </c>
      <c r="K560" s="17"/>
      <c r="L560" s="17"/>
      <c r="M560" s="17"/>
      <c r="N560" s="138"/>
      <c r="O560" s="98"/>
    </row>
    <row r="561" spans="1:15" s="99" customFormat="1" hidden="1">
      <c r="A561" s="17"/>
      <c r="B561" s="17"/>
      <c r="C561" s="17" t="s">
        <v>177</v>
      </c>
      <c r="D561" s="139" t="s">
        <v>126</v>
      </c>
      <c r="E561" s="17"/>
      <c r="F561" s="17"/>
      <c r="G561" s="17"/>
      <c r="H561" s="17" t="s">
        <v>66</v>
      </c>
      <c r="I561" s="17" t="s">
        <v>65</v>
      </c>
      <c r="J561" s="17">
        <v>1</v>
      </c>
      <c r="K561" s="17"/>
      <c r="L561" s="17"/>
      <c r="M561" s="17"/>
      <c r="N561" s="138"/>
      <c r="O561" s="98"/>
    </row>
    <row r="562" spans="1:15" s="99" customFormat="1" hidden="1">
      <c r="A562" s="10"/>
      <c r="B562" s="10"/>
      <c r="C562" s="8"/>
      <c r="D562" s="10"/>
      <c r="E562" s="8" t="s">
        <v>176</v>
      </c>
      <c r="F562" s="8">
        <v>128</v>
      </c>
      <c r="G562" s="8" t="s">
        <v>128</v>
      </c>
      <c r="H562" s="8" t="s">
        <v>66</v>
      </c>
      <c r="I562" s="8" t="s">
        <v>65</v>
      </c>
      <c r="J562" s="8">
        <v>1</v>
      </c>
      <c r="K562" s="8" t="s">
        <v>514</v>
      </c>
      <c r="L562" s="8">
        <v>2</v>
      </c>
      <c r="M562" s="8">
        <v>3</v>
      </c>
      <c r="N562" s="72" t="s">
        <v>681</v>
      </c>
      <c r="O562" s="98"/>
    </row>
    <row r="563" spans="1:15" s="99" customFormat="1" hidden="1">
      <c r="A563" s="10"/>
      <c r="B563" s="10"/>
      <c r="C563" s="8"/>
      <c r="D563" s="10"/>
      <c r="E563" s="8" t="s">
        <v>175</v>
      </c>
      <c r="F563" s="8">
        <v>127</v>
      </c>
      <c r="G563" s="8" t="s">
        <v>126</v>
      </c>
      <c r="H563" s="8" t="s">
        <v>78</v>
      </c>
      <c r="I563" s="8" t="s">
        <v>71</v>
      </c>
      <c r="J563" s="8">
        <v>1</v>
      </c>
      <c r="K563" s="8" t="s">
        <v>509</v>
      </c>
      <c r="L563" s="8">
        <v>1</v>
      </c>
      <c r="M563" s="8">
        <v>30</v>
      </c>
      <c r="N563" s="72" t="s">
        <v>895</v>
      </c>
      <c r="O563" s="98"/>
    </row>
    <row r="564" spans="1:15" s="99" customFormat="1" hidden="1">
      <c r="A564" s="10"/>
      <c r="B564" s="10"/>
      <c r="C564" s="8"/>
      <c r="D564" s="10"/>
      <c r="E564" s="8" t="s">
        <v>173</v>
      </c>
      <c r="F564" s="8">
        <v>369</v>
      </c>
      <c r="G564" s="8" t="s">
        <v>172</v>
      </c>
      <c r="H564" s="8" t="s">
        <v>78</v>
      </c>
      <c r="I564" s="8" t="s">
        <v>71</v>
      </c>
      <c r="J564" s="8">
        <v>1</v>
      </c>
      <c r="K564" s="8" t="s">
        <v>509</v>
      </c>
      <c r="L564" s="8">
        <v>1</v>
      </c>
      <c r="M564" s="8">
        <v>45</v>
      </c>
      <c r="N564" s="72"/>
      <c r="O564" s="98"/>
    </row>
    <row r="565" spans="1:15" s="99" customFormat="1" hidden="1">
      <c r="A565" s="17" t="s">
        <v>177</v>
      </c>
      <c r="B565" s="17" t="s">
        <v>126</v>
      </c>
      <c r="C565" s="17"/>
      <c r="D565" s="139"/>
      <c r="E565" s="17"/>
      <c r="F565" s="17"/>
      <c r="G565" s="17"/>
      <c r="H565" s="17" t="s">
        <v>17</v>
      </c>
      <c r="I565" s="17" t="s">
        <v>71</v>
      </c>
      <c r="J565" s="17">
        <v>1000</v>
      </c>
      <c r="K565" s="17"/>
      <c r="L565" s="17"/>
      <c r="M565" s="17"/>
      <c r="N565" s="138"/>
      <c r="O565" s="98"/>
    </row>
    <row r="566" spans="1:15" s="99" customFormat="1" hidden="1">
      <c r="A566" s="17"/>
      <c r="B566" s="17"/>
      <c r="C566" s="17" t="s">
        <v>177</v>
      </c>
      <c r="D566" s="139" t="s">
        <v>126</v>
      </c>
      <c r="E566" s="17"/>
      <c r="F566" s="17"/>
      <c r="G566" s="17"/>
      <c r="H566" s="17" t="s">
        <v>66</v>
      </c>
      <c r="I566" s="17" t="s">
        <v>65</v>
      </c>
      <c r="J566" s="17">
        <v>1</v>
      </c>
      <c r="K566" s="17"/>
      <c r="L566" s="17"/>
      <c r="M566" s="17"/>
      <c r="N566" s="138"/>
      <c r="O566" s="98"/>
    </row>
    <row r="567" spans="1:15" s="99" customFormat="1" hidden="1">
      <c r="A567" s="10"/>
      <c r="B567" s="10"/>
      <c r="C567" s="8"/>
      <c r="D567" s="10"/>
      <c r="E567" s="8" t="s">
        <v>176</v>
      </c>
      <c r="F567" s="8">
        <v>128</v>
      </c>
      <c r="G567" s="8" t="s">
        <v>128</v>
      </c>
      <c r="H567" s="8" t="s">
        <v>66</v>
      </c>
      <c r="I567" s="8" t="s">
        <v>65</v>
      </c>
      <c r="J567" s="8">
        <v>1</v>
      </c>
      <c r="K567" s="8" t="s">
        <v>514</v>
      </c>
      <c r="L567" s="8">
        <v>2</v>
      </c>
      <c r="M567" s="8">
        <v>3</v>
      </c>
      <c r="N567" s="72" t="s">
        <v>681</v>
      </c>
      <c r="O567" s="98"/>
    </row>
    <row r="568" spans="1:15" s="99" customFormat="1" hidden="1">
      <c r="A568" s="10"/>
      <c r="B568" s="10"/>
      <c r="C568" s="8"/>
      <c r="D568" s="10"/>
      <c r="E568" s="8" t="s">
        <v>175</v>
      </c>
      <c r="F568" s="8">
        <v>127</v>
      </c>
      <c r="G568" s="8" t="s">
        <v>126</v>
      </c>
      <c r="H568" s="8" t="s">
        <v>78</v>
      </c>
      <c r="I568" s="8" t="s">
        <v>71</v>
      </c>
      <c r="J568" s="8">
        <v>1</v>
      </c>
      <c r="K568" s="8" t="s">
        <v>509</v>
      </c>
      <c r="L568" s="8">
        <v>1</v>
      </c>
      <c r="M568" s="8">
        <v>30</v>
      </c>
      <c r="N568" s="72" t="s">
        <v>896</v>
      </c>
      <c r="O568" s="98"/>
    </row>
    <row r="569" spans="1:15" s="99" customFormat="1" hidden="1">
      <c r="A569" s="10"/>
      <c r="B569" s="10"/>
      <c r="C569" s="8"/>
      <c r="D569" s="10"/>
      <c r="E569" s="8" t="s">
        <v>173</v>
      </c>
      <c r="F569" s="8">
        <v>369</v>
      </c>
      <c r="G569" s="8" t="s">
        <v>172</v>
      </c>
      <c r="H569" s="8" t="s">
        <v>78</v>
      </c>
      <c r="I569" s="8" t="s">
        <v>71</v>
      </c>
      <c r="J569" s="8">
        <v>1</v>
      </c>
      <c r="K569" s="8" t="s">
        <v>509</v>
      </c>
      <c r="L569" s="8">
        <v>1</v>
      </c>
      <c r="M569" s="8">
        <v>45</v>
      </c>
      <c r="N569" s="72"/>
      <c r="O569" s="98"/>
    </row>
    <row r="570" spans="1:15" s="99" customFormat="1" hidden="1">
      <c r="A570" s="17" t="s">
        <v>177</v>
      </c>
      <c r="B570" s="17" t="s">
        <v>126</v>
      </c>
      <c r="C570" s="17"/>
      <c r="D570" s="139"/>
      <c r="E570" s="17"/>
      <c r="F570" s="17"/>
      <c r="G570" s="17"/>
      <c r="H570" s="17" t="s">
        <v>17</v>
      </c>
      <c r="I570" s="17" t="s">
        <v>71</v>
      </c>
      <c r="J570" s="17">
        <v>1000</v>
      </c>
      <c r="K570" s="17"/>
      <c r="L570" s="17"/>
      <c r="M570" s="17"/>
      <c r="N570" s="138"/>
      <c r="O570" s="10"/>
    </row>
    <row r="571" spans="1:15" s="99" customFormat="1" hidden="1">
      <c r="A571" s="17"/>
      <c r="B571" s="17"/>
      <c r="C571" s="17" t="s">
        <v>177</v>
      </c>
      <c r="D571" s="139" t="s">
        <v>126</v>
      </c>
      <c r="E571" s="17"/>
      <c r="F571" s="17"/>
      <c r="G571" s="17"/>
      <c r="H571" s="17" t="s">
        <v>66</v>
      </c>
      <c r="I571" s="17" t="s">
        <v>65</v>
      </c>
      <c r="J571" s="17">
        <v>1</v>
      </c>
      <c r="K571" s="17"/>
      <c r="L571" s="17"/>
      <c r="M571" s="17"/>
      <c r="N571" s="138"/>
      <c r="O571" s="98"/>
    </row>
    <row r="572" spans="1:15" s="99" customFormat="1" hidden="1">
      <c r="A572" s="10"/>
      <c r="B572" s="10"/>
      <c r="C572" s="8"/>
      <c r="D572" s="10"/>
      <c r="E572" s="8" t="s">
        <v>176</v>
      </c>
      <c r="F572" s="8">
        <v>128</v>
      </c>
      <c r="G572" s="8" t="s">
        <v>128</v>
      </c>
      <c r="H572" s="8" t="s">
        <v>66</v>
      </c>
      <c r="I572" s="8" t="s">
        <v>65</v>
      </c>
      <c r="J572" s="8">
        <v>1</v>
      </c>
      <c r="K572" s="8" t="s">
        <v>514</v>
      </c>
      <c r="L572" s="8">
        <v>2</v>
      </c>
      <c r="M572" s="8">
        <v>3</v>
      </c>
      <c r="N572" s="72" t="s">
        <v>1642</v>
      </c>
      <c r="O572" s="98"/>
    </row>
    <row r="573" spans="1:15" s="99" customFormat="1" hidden="1">
      <c r="A573" s="10"/>
      <c r="B573" s="10"/>
      <c r="C573" s="8"/>
      <c r="D573" s="10"/>
      <c r="E573" s="8" t="s">
        <v>175</v>
      </c>
      <c r="F573" s="8">
        <v>127</v>
      </c>
      <c r="G573" s="8" t="s">
        <v>126</v>
      </c>
      <c r="H573" s="8" t="s">
        <v>78</v>
      </c>
      <c r="I573" s="8" t="s">
        <v>71</v>
      </c>
      <c r="J573" s="8">
        <v>1</v>
      </c>
      <c r="K573" s="8" t="s">
        <v>509</v>
      </c>
      <c r="L573" s="8">
        <v>1</v>
      </c>
      <c r="M573" s="8">
        <v>30</v>
      </c>
      <c r="N573" s="72" t="s">
        <v>1642</v>
      </c>
      <c r="O573" s="98"/>
    </row>
    <row r="574" spans="1:15" s="99" customFormat="1" hidden="1">
      <c r="A574" s="10"/>
      <c r="B574" s="10"/>
      <c r="C574" s="8"/>
      <c r="D574" s="10"/>
      <c r="E574" s="8" t="s">
        <v>173</v>
      </c>
      <c r="F574" s="8">
        <v>369</v>
      </c>
      <c r="G574" s="8" t="s">
        <v>172</v>
      </c>
      <c r="H574" s="8" t="s">
        <v>78</v>
      </c>
      <c r="I574" s="8" t="s">
        <v>71</v>
      </c>
      <c r="J574" s="8">
        <v>1</v>
      </c>
      <c r="K574" s="8" t="s">
        <v>509</v>
      </c>
      <c r="L574" s="8">
        <v>1</v>
      </c>
      <c r="M574" s="8">
        <v>45</v>
      </c>
      <c r="N574" s="72"/>
      <c r="O574" s="98"/>
    </row>
    <row r="575" spans="1:15" s="99" customFormat="1" hidden="1">
      <c r="A575" s="17"/>
      <c r="B575" s="17"/>
      <c r="C575" s="75" t="s">
        <v>87</v>
      </c>
      <c r="D575" s="142" t="s">
        <v>515</v>
      </c>
      <c r="E575" s="75"/>
      <c r="F575" s="75"/>
      <c r="G575" s="75"/>
      <c r="H575" s="75" t="s">
        <v>17</v>
      </c>
      <c r="I575" s="75" t="s">
        <v>71</v>
      </c>
      <c r="J575" s="75">
        <v>1000</v>
      </c>
      <c r="K575" s="75"/>
      <c r="L575" s="75"/>
      <c r="M575" s="75"/>
      <c r="N575" s="78"/>
      <c r="O575" s="98"/>
    </row>
    <row r="576" spans="1:15" s="99" customFormat="1" hidden="1">
      <c r="A576" s="10"/>
      <c r="B576" s="10"/>
      <c r="C576" s="8"/>
      <c r="D576" s="10"/>
      <c r="E576" s="8" t="s">
        <v>86</v>
      </c>
      <c r="F576" s="8">
        <v>933</v>
      </c>
      <c r="G576" s="8" t="s">
        <v>85</v>
      </c>
      <c r="H576" s="8" t="s">
        <v>66</v>
      </c>
      <c r="I576" s="8" t="s">
        <v>65</v>
      </c>
      <c r="J576" s="8">
        <v>1</v>
      </c>
      <c r="K576" s="8" t="s">
        <v>509</v>
      </c>
      <c r="L576" s="8">
        <v>1</v>
      </c>
      <c r="M576" s="8">
        <v>264</v>
      </c>
      <c r="N576" s="72"/>
      <c r="O576" s="98"/>
    </row>
    <row r="577" spans="1:16" s="99" customFormat="1" hidden="1">
      <c r="A577" s="17" t="s">
        <v>177</v>
      </c>
      <c r="B577" s="17" t="s">
        <v>126</v>
      </c>
      <c r="C577" s="17"/>
      <c r="D577" s="139"/>
      <c r="E577" s="17"/>
      <c r="F577" s="17"/>
      <c r="G577" s="17"/>
      <c r="H577" s="17" t="s">
        <v>17</v>
      </c>
      <c r="I577" s="17" t="s">
        <v>71</v>
      </c>
      <c r="J577" s="17">
        <v>1000</v>
      </c>
      <c r="K577" s="17"/>
      <c r="L577" s="17"/>
      <c r="M577" s="17"/>
      <c r="N577" s="138"/>
      <c r="O577" s="98"/>
    </row>
    <row r="578" spans="1:16" hidden="1">
      <c r="A578" s="17"/>
      <c r="B578" s="17"/>
      <c r="C578" s="17" t="s">
        <v>177</v>
      </c>
      <c r="D578" s="139" t="s">
        <v>126</v>
      </c>
      <c r="E578" s="17"/>
      <c r="F578" s="17"/>
      <c r="G578" s="17"/>
      <c r="H578" s="17" t="s">
        <v>66</v>
      </c>
      <c r="I578" s="17" t="s">
        <v>65</v>
      </c>
      <c r="J578" s="17">
        <v>1</v>
      </c>
      <c r="K578" s="17"/>
      <c r="L578" s="17"/>
      <c r="M578" s="17"/>
      <c r="N578" s="138"/>
    </row>
    <row r="579" spans="1:16" hidden="1">
      <c r="E579" s="8" t="s">
        <v>176</v>
      </c>
      <c r="F579" s="8">
        <v>128</v>
      </c>
      <c r="G579" s="8" t="s">
        <v>128</v>
      </c>
      <c r="H579" s="8" t="s">
        <v>66</v>
      </c>
      <c r="I579" s="8" t="s">
        <v>65</v>
      </c>
      <c r="J579" s="8">
        <v>1</v>
      </c>
      <c r="K579" s="8" t="s">
        <v>514</v>
      </c>
      <c r="L579" s="8">
        <v>2</v>
      </c>
      <c r="M579" s="8">
        <v>3</v>
      </c>
      <c r="N579" s="72" t="s">
        <v>627</v>
      </c>
      <c r="O579" s="98"/>
    </row>
    <row r="580" spans="1:16" hidden="1">
      <c r="E580" s="8" t="s">
        <v>175</v>
      </c>
      <c r="F580" s="8">
        <v>127</v>
      </c>
      <c r="G580" s="8" t="s">
        <v>126</v>
      </c>
      <c r="H580" s="8" t="s">
        <v>78</v>
      </c>
      <c r="I580" s="8" t="s">
        <v>71</v>
      </c>
      <c r="J580" s="8">
        <v>1</v>
      </c>
      <c r="K580" s="8" t="s">
        <v>509</v>
      </c>
      <c r="L580" s="8">
        <v>1</v>
      </c>
      <c r="M580" s="8">
        <v>30</v>
      </c>
      <c r="N580" s="72" t="s">
        <v>1311</v>
      </c>
      <c r="O580" s="98"/>
    </row>
    <row r="581" spans="1:16" hidden="1">
      <c r="E581" s="8" t="s">
        <v>173</v>
      </c>
      <c r="F581" s="8">
        <v>369</v>
      </c>
      <c r="G581" s="8" t="s">
        <v>172</v>
      </c>
      <c r="H581" s="8" t="s">
        <v>78</v>
      </c>
      <c r="I581" s="8" t="s">
        <v>71</v>
      </c>
      <c r="J581" s="8">
        <v>1</v>
      </c>
      <c r="K581" s="8" t="s">
        <v>509</v>
      </c>
      <c r="L581" s="8">
        <v>1</v>
      </c>
      <c r="M581" s="8">
        <v>45</v>
      </c>
      <c r="O581" s="98"/>
    </row>
    <row r="582" spans="1:16" hidden="1">
      <c r="A582" s="17"/>
      <c r="B582" s="17"/>
      <c r="C582" s="75" t="s">
        <v>87</v>
      </c>
      <c r="D582" s="142" t="s">
        <v>515</v>
      </c>
      <c r="E582" s="75"/>
      <c r="F582" s="75"/>
      <c r="G582" s="75"/>
      <c r="H582" s="75" t="s">
        <v>17</v>
      </c>
      <c r="I582" s="75" t="s">
        <v>71</v>
      </c>
      <c r="J582" s="75">
        <v>1000</v>
      </c>
      <c r="K582" s="75"/>
      <c r="L582" s="75"/>
      <c r="M582" s="75"/>
      <c r="N582" s="78"/>
    </row>
    <row r="583" spans="1:16" hidden="1">
      <c r="E583" s="8" t="s">
        <v>86</v>
      </c>
      <c r="F583" s="8">
        <v>933</v>
      </c>
      <c r="G583" s="8" t="s">
        <v>85</v>
      </c>
      <c r="H583" s="8" t="s">
        <v>66</v>
      </c>
      <c r="I583" s="8" t="s">
        <v>65</v>
      </c>
      <c r="J583" s="8">
        <v>1</v>
      </c>
      <c r="K583" s="8" t="s">
        <v>509</v>
      </c>
      <c r="L583" s="8">
        <v>1</v>
      </c>
      <c r="M583" s="8">
        <v>264</v>
      </c>
      <c r="O583" s="98"/>
    </row>
    <row r="584" spans="1:16">
      <c r="A584" s="17" t="s">
        <v>158</v>
      </c>
      <c r="B584" s="17" t="s">
        <v>120</v>
      </c>
      <c r="C584" s="17"/>
      <c r="D584" s="139"/>
      <c r="E584" s="17"/>
      <c r="F584" s="17"/>
      <c r="G584" s="17"/>
      <c r="H584" s="17" t="s">
        <v>17</v>
      </c>
      <c r="I584" s="17" t="s">
        <v>71</v>
      </c>
      <c r="J584" s="17">
        <v>200</v>
      </c>
      <c r="K584" s="17"/>
      <c r="L584" s="17"/>
      <c r="M584" s="17"/>
      <c r="N584" s="138"/>
      <c r="O584" s="216" t="s">
        <v>928</v>
      </c>
      <c r="P584" s="99" t="s">
        <v>1078</v>
      </c>
    </row>
    <row r="585" spans="1:16">
      <c r="A585" s="17"/>
      <c r="B585" s="17"/>
      <c r="C585" s="17" t="s">
        <v>158</v>
      </c>
      <c r="D585" s="139" t="s">
        <v>120</v>
      </c>
      <c r="E585" s="17"/>
      <c r="F585" s="17"/>
      <c r="G585" s="17"/>
      <c r="H585" s="17" t="s">
        <v>66</v>
      </c>
      <c r="I585" s="17" t="s">
        <v>65</v>
      </c>
      <c r="J585" s="17">
        <v>1</v>
      </c>
      <c r="K585" s="17"/>
      <c r="L585" s="17"/>
      <c r="M585" s="17"/>
      <c r="N585" s="138"/>
      <c r="O585" s="217"/>
    </row>
    <row r="586" spans="1:16" hidden="1" outlineLevel="1">
      <c r="E586" s="8" t="s">
        <v>157</v>
      </c>
      <c r="F586" s="8">
        <v>98</v>
      </c>
      <c r="G586" s="8" t="s">
        <v>156</v>
      </c>
      <c r="H586" s="8" t="s">
        <v>66</v>
      </c>
      <c r="I586" s="8" t="s">
        <v>65</v>
      </c>
      <c r="J586" s="8">
        <v>1</v>
      </c>
      <c r="K586" s="8" t="s">
        <v>514</v>
      </c>
      <c r="L586" s="8">
        <v>2</v>
      </c>
      <c r="M586" s="8">
        <v>3</v>
      </c>
      <c r="N586" s="72" t="s">
        <v>689</v>
      </c>
      <c r="O586" s="217"/>
    </row>
    <row r="587" spans="1:16" hidden="1" outlineLevel="1">
      <c r="E587" s="8" t="s">
        <v>155</v>
      </c>
      <c r="F587" s="8">
        <v>93</v>
      </c>
      <c r="G587" s="8" t="s">
        <v>120</v>
      </c>
      <c r="H587" s="8" t="s">
        <v>78</v>
      </c>
      <c r="I587" s="8" t="s">
        <v>71</v>
      </c>
      <c r="J587" s="8">
        <v>1</v>
      </c>
      <c r="K587" s="8" t="s">
        <v>509</v>
      </c>
      <c r="L587" s="8">
        <v>1</v>
      </c>
      <c r="M587" s="8">
        <v>60</v>
      </c>
      <c r="O587" s="217"/>
    </row>
    <row r="588" spans="1:16" hidden="1" outlineLevel="1">
      <c r="E588" s="8" t="s">
        <v>154</v>
      </c>
      <c r="F588" s="8">
        <v>66</v>
      </c>
      <c r="G588" s="8" t="s">
        <v>153</v>
      </c>
      <c r="H588" s="8" t="s">
        <v>78</v>
      </c>
      <c r="I588" s="8" t="s">
        <v>71</v>
      </c>
      <c r="J588" s="8">
        <v>1</v>
      </c>
      <c r="K588" s="8" t="s">
        <v>514</v>
      </c>
      <c r="L588" s="8">
        <v>1</v>
      </c>
      <c r="M588" s="8">
        <v>2</v>
      </c>
      <c r="N588" s="70" t="s">
        <v>624</v>
      </c>
      <c r="O588" s="217"/>
    </row>
    <row r="589" spans="1:16" hidden="1" outlineLevel="1">
      <c r="E589" s="8" t="s">
        <v>152</v>
      </c>
      <c r="F589" s="8">
        <v>67</v>
      </c>
      <c r="G589" s="8" t="s">
        <v>151</v>
      </c>
      <c r="H589" s="8" t="s">
        <v>78</v>
      </c>
      <c r="I589" s="8" t="s">
        <v>71</v>
      </c>
      <c r="J589" s="8">
        <v>1</v>
      </c>
      <c r="K589" s="8" t="s">
        <v>509</v>
      </c>
      <c r="L589" s="8">
        <v>2</v>
      </c>
      <c r="M589" s="8">
        <v>80</v>
      </c>
      <c r="O589" s="217"/>
    </row>
    <row r="590" spans="1:16" collapsed="1">
      <c r="A590" s="17"/>
      <c r="B590" s="17"/>
      <c r="C590" s="17" t="s">
        <v>150</v>
      </c>
      <c r="D590" s="139" t="s">
        <v>473</v>
      </c>
      <c r="E590" s="17"/>
      <c r="F590" s="17"/>
      <c r="G590" s="17"/>
      <c r="H590" s="17" t="s">
        <v>17</v>
      </c>
      <c r="I590" s="17" t="s">
        <v>71</v>
      </c>
      <c r="J590" s="17">
        <v>2</v>
      </c>
      <c r="K590" s="17"/>
      <c r="L590" s="17"/>
      <c r="M590" s="17"/>
      <c r="N590" s="138"/>
      <c r="O590" s="217" t="s">
        <v>1644</v>
      </c>
    </row>
    <row r="591" spans="1:16" hidden="1" outlineLevel="1">
      <c r="E591" s="8" t="s">
        <v>149</v>
      </c>
      <c r="F591" s="8">
        <v>93</v>
      </c>
      <c r="G591" s="8" t="s">
        <v>120</v>
      </c>
      <c r="H591" s="8" t="s">
        <v>66</v>
      </c>
      <c r="I591" s="8" t="s">
        <v>65</v>
      </c>
      <c r="J591" s="8">
        <v>1</v>
      </c>
      <c r="K591" s="8" t="s">
        <v>509</v>
      </c>
      <c r="L591" s="8">
        <v>1</v>
      </c>
      <c r="M591" s="8">
        <v>60</v>
      </c>
      <c r="O591" s="217"/>
    </row>
    <row r="592" spans="1:16" hidden="1" outlineLevel="1">
      <c r="E592" s="8" t="s">
        <v>148</v>
      </c>
      <c r="F592" s="8">
        <v>93</v>
      </c>
      <c r="G592" s="8" t="s">
        <v>120</v>
      </c>
      <c r="H592" s="8" t="s">
        <v>17</v>
      </c>
      <c r="I592" s="8" t="s">
        <v>71</v>
      </c>
      <c r="J592" s="8">
        <v>1</v>
      </c>
      <c r="K592" s="8" t="s">
        <v>509</v>
      </c>
      <c r="L592" s="8">
        <v>1</v>
      </c>
      <c r="M592" s="8">
        <v>60</v>
      </c>
      <c r="O592" s="217"/>
    </row>
    <row r="593" spans="1:16" hidden="1" outlineLevel="1">
      <c r="A593" s="17"/>
      <c r="B593" s="17"/>
      <c r="C593" s="17" t="s">
        <v>150</v>
      </c>
      <c r="D593" s="139" t="s">
        <v>473</v>
      </c>
      <c r="E593" s="17"/>
      <c r="F593" s="17"/>
      <c r="G593" s="17"/>
      <c r="H593" s="17" t="s">
        <v>17</v>
      </c>
      <c r="I593" s="17" t="s">
        <v>71</v>
      </c>
      <c r="J593" s="17">
        <v>2</v>
      </c>
      <c r="K593" s="17"/>
      <c r="L593" s="17"/>
      <c r="M593" s="17"/>
      <c r="N593" s="138"/>
      <c r="O593" s="217"/>
    </row>
    <row r="594" spans="1:16" hidden="1" outlineLevel="1">
      <c r="E594" s="8" t="s">
        <v>149</v>
      </c>
      <c r="F594" s="8">
        <v>93</v>
      </c>
      <c r="G594" s="8" t="s">
        <v>120</v>
      </c>
      <c r="H594" s="8" t="s">
        <v>66</v>
      </c>
      <c r="I594" s="8" t="s">
        <v>65</v>
      </c>
      <c r="J594" s="8">
        <v>1</v>
      </c>
      <c r="K594" s="8" t="s">
        <v>509</v>
      </c>
      <c r="L594" s="8">
        <v>1</v>
      </c>
      <c r="M594" s="8">
        <v>60</v>
      </c>
      <c r="O594" s="217"/>
    </row>
    <row r="595" spans="1:16" hidden="1" outlineLevel="1">
      <c r="E595" s="8" t="s">
        <v>148</v>
      </c>
      <c r="F595" s="8">
        <v>93</v>
      </c>
      <c r="G595" s="8" t="s">
        <v>120</v>
      </c>
      <c r="H595" s="8" t="s">
        <v>17</v>
      </c>
      <c r="I595" s="8" t="s">
        <v>71</v>
      </c>
      <c r="J595" s="8">
        <v>1</v>
      </c>
      <c r="K595" s="8" t="s">
        <v>509</v>
      </c>
      <c r="L595" s="8">
        <v>1</v>
      </c>
      <c r="M595" s="8">
        <v>60</v>
      </c>
      <c r="O595" s="217"/>
    </row>
    <row r="596" spans="1:16" collapsed="1">
      <c r="A596" s="17"/>
      <c r="B596" s="17"/>
      <c r="C596" s="17" t="s">
        <v>147</v>
      </c>
      <c r="D596" s="139" t="s">
        <v>144</v>
      </c>
      <c r="E596" s="17"/>
      <c r="F596" s="17"/>
      <c r="G596" s="17"/>
      <c r="H596" s="17" t="s">
        <v>17</v>
      </c>
      <c r="I596" s="17" t="s">
        <v>71</v>
      </c>
      <c r="J596" s="17">
        <v>2</v>
      </c>
      <c r="K596" s="17"/>
      <c r="L596" s="17"/>
      <c r="M596" s="17"/>
      <c r="N596" s="138"/>
      <c r="O596" s="217" t="s">
        <v>929</v>
      </c>
    </row>
    <row r="597" spans="1:16" hidden="1" outlineLevel="1">
      <c r="E597" s="8" t="s">
        <v>146</v>
      </c>
      <c r="F597" s="8">
        <v>166</v>
      </c>
      <c r="G597" s="8" t="s">
        <v>144</v>
      </c>
      <c r="H597" s="8" t="s">
        <v>66</v>
      </c>
      <c r="I597" s="8" t="s">
        <v>65</v>
      </c>
      <c r="J597" s="8">
        <v>1</v>
      </c>
      <c r="K597" s="8" t="s">
        <v>509</v>
      </c>
      <c r="L597" s="8">
        <v>1</v>
      </c>
      <c r="M597" s="8">
        <v>55</v>
      </c>
      <c r="O597" s="217"/>
    </row>
    <row r="598" spans="1:16" hidden="1" outlineLevel="1">
      <c r="E598" s="8" t="s">
        <v>145</v>
      </c>
      <c r="F598" s="8">
        <v>166</v>
      </c>
      <c r="G598" s="8" t="s">
        <v>144</v>
      </c>
      <c r="H598" s="8" t="s">
        <v>17</v>
      </c>
      <c r="I598" s="8" t="s">
        <v>71</v>
      </c>
      <c r="J598" s="8">
        <v>1</v>
      </c>
      <c r="K598" s="8" t="s">
        <v>509</v>
      </c>
      <c r="L598" s="8">
        <v>1</v>
      </c>
      <c r="M598" s="8">
        <v>55</v>
      </c>
      <c r="O598" s="217"/>
    </row>
    <row r="599" spans="1:16" hidden="1" outlineLevel="1">
      <c r="A599" s="17"/>
      <c r="B599" s="17"/>
      <c r="C599" s="17" t="s">
        <v>147</v>
      </c>
      <c r="D599" s="139" t="s">
        <v>144</v>
      </c>
      <c r="E599" s="17"/>
      <c r="F599" s="17"/>
      <c r="G599" s="17"/>
      <c r="H599" s="17" t="s">
        <v>17</v>
      </c>
      <c r="I599" s="17" t="s">
        <v>71</v>
      </c>
      <c r="J599" s="17">
        <v>2</v>
      </c>
      <c r="K599" s="17"/>
      <c r="L599" s="17"/>
      <c r="M599" s="17"/>
      <c r="N599" s="138"/>
      <c r="O599" s="217"/>
    </row>
    <row r="600" spans="1:16" hidden="1" outlineLevel="1">
      <c r="E600" s="8" t="s">
        <v>146</v>
      </c>
      <c r="F600" s="8">
        <v>166</v>
      </c>
      <c r="G600" s="8" t="s">
        <v>144</v>
      </c>
      <c r="H600" s="8" t="s">
        <v>66</v>
      </c>
      <c r="I600" s="8" t="s">
        <v>65</v>
      </c>
      <c r="J600" s="8">
        <v>1</v>
      </c>
      <c r="K600" s="8" t="s">
        <v>509</v>
      </c>
      <c r="L600" s="8">
        <v>1</v>
      </c>
      <c r="M600" s="8">
        <v>55</v>
      </c>
      <c r="O600" s="217"/>
    </row>
    <row r="601" spans="1:16" hidden="1" outlineLevel="1">
      <c r="E601" s="8" t="s">
        <v>145</v>
      </c>
      <c r="F601" s="8">
        <v>166</v>
      </c>
      <c r="G601" s="8" t="s">
        <v>144</v>
      </c>
      <c r="H601" s="8" t="s">
        <v>17</v>
      </c>
      <c r="I601" s="8" t="s">
        <v>71</v>
      </c>
      <c r="J601" s="8">
        <v>1</v>
      </c>
      <c r="K601" s="8" t="s">
        <v>509</v>
      </c>
      <c r="L601" s="8">
        <v>1</v>
      </c>
      <c r="M601" s="8">
        <v>55</v>
      </c>
      <c r="O601" s="217"/>
    </row>
    <row r="602" spans="1:16" collapsed="1">
      <c r="A602" s="17"/>
      <c r="B602" s="17"/>
      <c r="C602" s="17" t="s">
        <v>143</v>
      </c>
      <c r="D602" s="139" t="s">
        <v>474</v>
      </c>
      <c r="E602" s="17"/>
      <c r="F602" s="17"/>
      <c r="G602" s="17"/>
      <c r="H602" s="17" t="s">
        <v>17</v>
      </c>
      <c r="I602" s="17" t="s">
        <v>71</v>
      </c>
      <c r="J602" s="17" t="s">
        <v>525</v>
      </c>
      <c r="K602" s="17"/>
      <c r="L602" s="17"/>
      <c r="M602" s="17"/>
      <c r="N602" s="138"/>
      <c r="O602" s="217" t="s">
        <v>930</v>
      </c>
    </row>
    <row r="603" spans="1:16" hidden="1" outlineLevel="1">
      <c r="E603" s="8" t="s">
        <v>142</v>
      </c>
      <c r="F603" s="8">
        <v>19</v>
      </c>
      <c r="G603" s="8" t="s">
        <v>141</v>
      </c>
      <c r="H603" s="8" t="s">
        <v>17</v>
      </c>
      <c r="I603" s="8" t="s">
        <v>71</v>
      </c>
      <c r="J603" s="8">
        <v>1</v>
      </c>
      <c r="K603" s="8" t="s">
        <v>509</v>
      </c>
      <c r="L603" s="8">
        <v>2</v>
      </c>
      <c r="M603" s="8">
        <v>30</v>
      </c>
      <c r="O603" s="217"/>
    </row>
    <row r="604" spans="1:16" hidden="1" outlineLevel="1">
      <c r="E604" s="8" t="s">
        <v>140</v>
      </c>
      <c r="F604" s="8">
        <v>156</v>
      </c>
      <c r="G604" s="8" t="s">
        <v>139</v>
      </c>
      <c r="H604" s="8" t="s">
        <v>17</v>
      </c>
      <c r="I604" s="8" t="s">
        <v>71</v>
      </c>
      <c r="J604" s="8">
        <v>1</v>
      </c>
      <c r="K604" s="8" t="s">
        <v>514</v>
      </c>
      <c r="L604" s="8">
        <v>2</v>
      </c>
      <c r="M604" s="8">
        <v>2</v>
      </c>
      <c r="N604" s="70" t="s">
        <v>624</v>
      </c>
      <c r="O604" s="217"/>
    </row>
    <row r="605" spans="1:16" hidden="1" outlineLevel="1">
      <c r="E605" s="8" t="s">
        <v>138</v>
      </c>
      <c r="F605" s="8">
        <v>116</v>
      </c>
      <c r="G605" s="8" t="s">
        <v>137</v>
      </c>
      <c r="H605" s="8" t="s">
        <v>17</v>
      </c>
      <c r="I605" s="8" t="s">
        <v>71</v>
      </c>
      <c r="J605" s="8">
        <v>1</v>
      </c>
      <c r="K605" s="8" t="s">
        <v>514</v>
      </c>
      <c r="L605" s="8">
        <v>3</v>
      </c>
      <c r="M605" s="8">
        <v>15</v>
      </c>
      <c r="N605" s="18"/>
      <c r="O605" s="217"/>
    </row>
    <row r="606" spans="1:16" hidden="1" outlineLevel="1">
      <c r="E606" s="8" t="s">
        <v>136</v>
      </c>
      <c r="F606" s="8">
        <v>26</v>
      </c>
      <c r="G606" s="8" t="s">
        <v>135</v>
      </c>
      <c r="H606" s="8" t="s">
        <v>17</v>
      </c>
      <c r="I606" s="8" t="s">
        <v>71</v>
      </c>
      <c r="J606" s="8">
        <v>1</v>
      </c>
      <c r="K606" s="8" t="s">
        <v>514</v>
      </c>
      <c r="L606" s="8">
        <v>2</v>
      </c>
      <c r="M606" s="8">
        <v>3</v>
      </c>
      <c r="N606" s="18"/>
      <c r="O606" s="217"/>
    </row>
    <row r="607" spans="1:16" s="8" customFormat="1" hidden="1" outlineLevel="1">
      <c r="C607" s="33"/>
      <c r="D607" s="33"/>
      <c r="E607" s="33" t="s">
        <v>134</v>
      </c>
      <c r="F607" s="11">
        <v>309</v>
      </c>
      <c r="G607" s="33" t="s">
        <v>133</v>
      </c>
      <c r="H607" s="33" t="s">
        <v>78</v>
      </c>
      <c r="I607" s="33" t="s">
        <v>71</v>
      </c>
      <c r="J607" s="11">
        <v>1</v>
      </c>
      <c r="K607" s="11" t="s">
        <v>514</v>
      </c>
      <c r="L607" s="11">
        <v>1</v>
      </c>
      <c r="M607" s="11">
        <v>2</v>
      </c>
      <c r="N607" s="18" t="s">
        <v>690</v>
      </c>
      <c r="O607" s="217"/>
      <c r="P607" s="99"/>
    </row>
    <row r="608" spans="1:16" s="8" customFormat="1" hidden="1" outlineLevel="1">
      <c r="C608" s="33"/>
      <c r="D608" s="33"/>
      <c r="E608" s="33" t="s">
        <v>132</v>
      </c>
      <c r="F608" s="11">
        <v>310</v>
      </c>
      <c r="G608" s="33" t="s">
        <v>131</v>
      </c>
      <c r="H608" s="33" t="s">
        <v>17</v>
      </c>
      <c r="I608" s="33" t="s">
        <v>71</v>
      </c>
      <c r="J608" s="11">
        <v>1</v>
      </c>
      <c r="K608" s="11" t="s">
        <v>509</v>
      </c>
      <c r="L608" s="11">
        <v>1</v>
      </c>
      <c r="M608" s="11">
        <v>30</v>
      </c>
      <c r="N608" s="18"/>
      <c r="O608" s="217"/>
      <c r="P608" s="99"/>
    </row>
    <row r="609" spans="1:16" hidden="1" collapsed="1">
      <c r="A609" s="17"/>
      <c r="B609" s="17"/>
      <c r="C609" s="17" t="s">
        <v>130</v>
      </c>
      <c r="D609" s="139" t="s">
        <v>126</v>
      </c>
      <c r="E609" s="17"/>
      <c r="F609" s="17"/>
      <c r="G609" s="17"/>
      <c r="H609" s="17"/>
      <c r="I609" s="17"/>
      <c r="J609" s="17">
        <v>12</v>
      </c>
      <c r="K609" s="17"/>
      <c r="L609" s="17"/>
      <c r="M609" s="17"/>
      <c r="N609" s="138"/>
      <c r="O609" s="217"/>
    </row>
    <row r="610" spans="1:16" hidden="1">
      <c r="E610" s="8" t="s">
        <v>129</v>
      </c>
      <c r="F610" s="72">
        <v>128</v>
      </c>
      <c r="G610" s="72" t="s">
        <v>128</v>
      </c>
      <c r="H610" s="8" t="s">
        <v>66</v>
      </c>
      <c r="I610" s="8" t="s">
        <v>65</v>
      </c>
      <c r="J610" s="8">
        <v>1</v>
      </c>
      <c r="K610" s="8" t="s">
        <v>514</v>
      </c>
      <c r="L610" s="8">
        <v>2</v>
      </c>
      <c r="M610" s="8">
        <v>3</v>
      </c>
      <c r="N610" s="70" t="s">
        <v>624</v>
      </c>
      <c r="O610" s="217"/>
    </row>
    <row r="611" spans="1:16" hidden="1">
      <c r="E611" s="19" t="s">
        <v>127</v>
      </c>
      <c r="F611" s="25">
        <v>127</v>
      </c>
      <c r="G611" s="25" t="s">
        <v>126</v>
      </c>
      <c r="H611" s="19" t="s">
        <v>78</v>
      </c>
      <c r="I611" s="25" t="s">
        <v>96</v>
      </c>
      <c r="J611" s="19">
        <v>1</v>
      </c>
      <c r="K611" s="19" t="s">
        <v>509</v>
      </c>
      <c r="L611" s="19">
        <v>1</v>
      </c>
      <c r="M611" s="19">
        <v>30</v>
      </c>
      <c r="N611" s="25"/>
      <c r="O611" s="217"/>
    </row>
    <row r="612" spans="1:16" hidden="1">
      <c r="E612" s="8" t="s">
        <v>125</v>
      </c>
      <c r="F612" s="72">
        <v>352</v>
      </c>
      <c r="G612" s="72" t="s">
        <v>3</v>
      </c>
      <c r="H612" s="8" t="s">
        <v>78</v>
      </c>
      <c r="I612" s="8" t="s">
        <v>71</v>
      </c>
      <c r="J612" s="8">
        <v>1</v>
      </c>
      <c r="K612" s="8" t="s">
        <v>509</v>
      </c>
      <c r="L612" s="8">
        <v>1</v>
      </c>
      <c r="M612" s="8">
        <v>80</v>
      </c>
      <c r="O612" s="217"/>
    </row>
    <row r="613" spans="1:16" ht="22" customHeight="1">
      <c r="A613" s="17"/>
      <c r="B613" s="17"/>
      <c r="C613" s="17" t="s">
        <v>130</v>
      </c>
      <c r="D613" s="139" t="s">
        <v>126</v>
      </c>
      <c r="E613" s="17"/>
      <c r="F613" s="17"/>
      <c r="G613" s="17"/>
      <c r="H613" s="17"/>
      <c r="I613" s="17"/>
      <c r="J613" s="17">
        <v>12</v>
      </c>
      <c r="K613" s="17"/>
      <c r="L613" s="17"/>
      <c r="M613" s="17"/>
      <c r="N613" s="138"/>
      <c r="O613" s="218" t="s">
        <v>1044</v>
      </c>
      <c r="P613" s="99" t="s">
        <v>1079</v>
      </c>
    </row>
    <row r="614" spans="1:16" hidden="1" outlineLevel="1">
      <c r="E614" s="8" t="s">
        <v>129</v>
      </c>
      <c r="F614" s="72">
        <v>128</v>
      </c>
      <c r="G614" s="72" t="s">
        <v>128</v>
      </c>
      <c r="H614" s="8" t="s">
        <v>66</v>
      </c>
      <c r="I614" s="8" t="s">
        <v>65</v>
      </c>
      <c r="J614" s="8">
        <v>1</v>
      </c>
      <c r="K614" s="8" t="s">
        <v>514</v>
      </c>
      <c r="L614" s="8">
        <v>2</v>
      </c>
      <c r="M614" s="8">
        <v>3</v>
      </c>
      <c r="N614" s="72" t="s">
        <v>691</v>
      </c>
      <c r="O614" s="98"/>
    </row>
    <row r="615" spans="1:16" hidden="1" outlineLevel="1">
      <c r="C615" s="19"/>
      <c r="D615" s="19"/>
      <c r="E615" s="19" t="s">
        <v>127</v>
      </c>
      <c r="F615" s="19">
        <v>127</v>
      </c>
      <c r="G615" s="19" t="s">
        <v>126</v>
      </c>
      <c r="H615" s="19" t="s">
        <v>78</v>
      </c>
      <c r="I615" s="19" t="s">
        <v>96</v>
      </c>
      <c r="J615" s="19">
        <v>1</v>
      </c>
      <c r="K615" s="19" t="s">
        <v>509</v>
      </c>
      <c r="L615" s="19">
        <v>1</v>
      </c>
      <c r="M615" s="19">
        <v>30</v>
      </c>
      <c r="N615" s="25"/>
      <c r="O615" s="98"/>
    </row>
    <row r="616" spans="1:16" hidden="1" outlineLevel="1">
      <c r="E616" s="8" t="s">
        <v>125</v>
      </c>
      <c r="F616" s="72">
        <v>352</v>
      </c>
      <c r="G616" s="72" t="s">
        <v>3</v>
      </c>
      <c r="H616" s="8" t="s">
        <v>78</v>
      </c>
      <c r="I616" s="8" t="s">
        <v>71</v>
      </c>
      <c r="J616" s="8">
        <v>1</v>
      </c>
      <c r="K616" s="8" t="s">
        <v>509</v>
      </c>
      <c r="L616" s="8">
        <v>1</v>
      </c>
      <c r="M616" s="8">
        <v>80</v>
      </c>
      <c r="O616" s="98"/>
    </row>
    <row r="617" spans="1:16" hidden="1" collapsed="1">
      <c r="A617" s="17"/>
      <c r="B617" s="17"/>
      <c r="C617" s="17" t="s">
        <v>130</v>
      </c>
      <c r="D617" s="139" t="s">
        <v>126</v>
      </c>
      <c r="E617" s="17"/>
      <c r="F617" s="17"/>
      <c r="G617" s="17"/>
      <c r="H617" s="17"/>
      <c r="I617" s="17"/>
      <c r="J617" s="17">
        <v>12</v>
      </c>
      <c r="K617" s="17"/>
      <c r="L617" s="17"/>
      <c r="M617" s="17"/>
      <c r="N617" s="138"/>
      <c r="O617" s="98"/>
    </row>
    <row r="618" spans="1:16" hidden="1">
      <c r="E618" s="8" t="s">
        <v>129</v>
      </c>
      <c r="F618" s="72">
        <v>128</v>
      </c>
      <c r="G618" s="72" t="s">
        <v>128</v>
      </c>
      <c r="H618" s="8" t="s">
        <v>66</v>
      </c>
      <c r="I618" s="8" t="s">
        <v>65</v>
      </c>
      <c r="J618" s="8">
        <v>1</v>
      </c>
      <c r="K618" s="8" t="s">
        <v>514</v>
      </c>
      <c r="L618" s="8">
        <v>2</v>
      </c>
      <c r="M618" s="8">
        <v>3</v>
      </c>
      <c r="N618" s="72" t="s">
        <v>692</v>
      </c>
      <c r="O618" s="98"/>
    </row>
    <row r="619" spans="1:16" hidden="1">
      <c r="D619" s="19"/>
      <c r="E619" s="19" t="s">
        <v>127</v>
      </c>
      <c r="F619" s="19">
        <v>127</v>
      </c>
      <c r="G619" s="19" t="s">
        <v>126</v>
      </c>
      <c r="H619" s="19" t="s">
        <v>78</v>
      </c>
      <c r="I619" s="19" t="s">
        <v>96</v>
      </c>
      <c r="J619" s="19">
        <v>1</v>
      </c>
      <c r="K619" s="19" t="s">
        <v>509</v>
      </c>
      <c r="L619" s="19">
        <v>1</v>
      </c>
      <c r="M619" s="19">
        <v>30</v>
      </c>
      <c r="N619" s="25"/>
      <c r="O619" s="98"/>
    </row>
    <row r="620" spans="1:16" hidden="1">
      <c r="E620" s="8" t="s">
        <v>125</v>
      </c>
      <c r="F620" s="72">
        <v>352</v>
      </c>
      <c r="G620" s="72" t="s">
        <v>3</v>
      </c>
      <c r="H620" s="8" t="s">
        <v>78</v>
      </c>
      <c r="I620" s="8" t="s">
        <v>71</v>
      </c>
      <c r="J620" s="8">
        <v>1</v>
      </c>
      <c r="K620" s="8" t="s">
        <v>509</v>
      </c>
      <c r="L620" s="8">
        <v>1</v>
      </c>
      <c r="M620" s="8">
        <v>80</v>
      </c>
      <c r="O620" s="98"/>
    </row>
    <row r="621" spans="1:16">
      <c r="A621" s="17"/>
      <c r="B621" s="17"/>
      <c r="C621" s="17" t="s">
        <v>124</v>
      </c>
      <c r="D621" s="139" t="s">
        <v>475</v>
      </c>
      <c r="E621" s="17"/>
      <c r="F621" s="17"/>
      <c r="G621" s="17"/>
      <c r="H621" s="17" t="s">
        <v>17</v>
      </c>
      <c r="I621" s="17" t="s">
        <v>71</v>
      </c>
      <c r="J621" s="17" t="s">
        <v>525</v>
      </c>
      <c r="K621" s="17"/>
      <c r="L621" s="17"/>
      <c r="M621" s="17"/>
      <c r="N621" s="138"/>
      <c r="O621" s="98"/>
    </row>
    <row r="622" spans="1:16" hidden="1" outlineLevel="1">
      <c r="E622" s="8" t="s">
        <v>123</v>
      </c>
      <c r="F622" s="8">
        <v>366</v>
      </c>
      <c r="G622" s="8" t="s">
        <v>122</v>
      </c>
      <c r="H622" s="8" t="s">
        <v>66</v>
      </c>
      <c r="I622" s="8" t="s">
        <v>65</v>
      </c>
      <c r="J622" s="8">
        <v>1</v>
      </c>
      <c r="K622" s="8" t="s">
        <v>514</v>
      </c>
      <c r="L622" s="8">
        <v>2</v>
      </c>
      <c r="M622" s="8">
        <v>2</v>
      </c>
      <c r="N622" s="72" t="s">
        <v>693</v>
      </c>
      <c r="O622" s="98"/>
    </row>
    <row r="623" spans="1:16" hidden="1" outlineLevel="1">
      <c r="E623" s="8" t="s">
        <v>121</v>
      </c>
      <c r="F623" s="8">
        <v>93</v>
      </c>
      <c r="G623" s="8" t="s">
        <v>120</v>
      </c>
      <c r="H623" s="8" t="s">
        <v>17</v>
      </c>
      <c r="I623" s="8" t="s">
        <v>71</v>
      </c>
      <c r="J623" s="8">
        <v>1</v>
      </c>
      <c r="K623" s="8" t="s">
        <v>509</v>
      </c>
      <c r="L623" s="8">
        <v>1</v>
      </c>
      <c r="M623" s="8">
        <v>60</v>
      </c>
      <c r="O623" s="98"/>
    </row>
    <row r="624" spans="1:16" hidden="1" outlineLevel="1">
      <c r="E624" s="8" t="s">
        <v>119</v>
      </c>
      <c r="F624" s="8">
        <v>365</v>
      </c>
      <c r="G624" s="8" t="s">
        <v>114</v>
      </c>
      <c r="H624" s="8" t="s">
        <v>78</v>
      </c>
      <c r="I624" s="8" t="s">
        <v>71</v>
      </c>
      <c r="J624" s="8">
        <v>1</v>
      </c>
      <c r="K624" s="8" t="s">
        <v>514</v>
      </c>
      <c r="L624" s="8">
        <v>2</v>
      </c>
      <c r="M624" s="8">
        <v>2</v>
      </c>
      <c r="N624" s="70" t="s">
        <v>624</v>
      </c>
      <c r="O624" s="98"/>
    </row>
    <row r="625" spans="1:16" hidden="1" outlineLevel="1">
      <c r="E625" s="8" t="s">
        <v>118</v>
      </c>
      <c r="F625" s="8">
        <v>364</v>
      </c>
      <c r="G625" s="8" t="s">
        <v>112</v>
      </c>
      <c r="H625" s="8" t="s">
        <v>78</v>
      </c>
      <c r="I625" s="8" t="s">
        <v>71</v>
      </c>
      <c r="J625" s="8">
        <v>1</v>
      </c>
      <c r="K625" s="8" t="s">
        <v>509</v>
      </c>
      <c r="L625" s="8">
        <v>1</v>
      </c>
      <c r="M625" s="8">
        <v>80</v>
      </c>
      <c r="O625" s="98"/>
    </row>
    <row r="626" spans="1:16" hidden="1" outlineLevel="1">
      <c r="E626" s="8" t="s">
        <v>117</v>
      </c>
      <c r="F626" s="8">
        <v>365</v>
      </c>
      <c r="G626" s="8" t="s">
        <v>114</v>
      </c>
      <c r="H626" s="8" t="s">
        <v>78</v>
      </c>
      <c r="I626" s="8" t="s">
        <v>71</v>
      </c>
      <c r="J626" s="8">
        <v>1</v>
      </c>
      <c r="K626" s="8" t="s">
        <v>514</v>
      </c>
      <c r="L626" s="8">
        <v>2</v>
      </c>
      <c r="M626" s="8">
        <v>2</v>
      </c>
      <c r="N626" s="70" t="s">
        <v>624</v>
      </c>
      <c r="O626" s="98"/>
    </row>
    <row r="627" spans="1:16" hidden="1" outlineLevel="1">
      <c r="E627" s="8" t="s">
        <v>116</v>
      </c>
      <c r="F627" s="8">
        <v>364</v>
      </c>
      <c r="G627" s="8" t="s">
        <v>112</v>
      </c>
      <c r="H627" s="8" t="s">
        <v>78</v>
      </c>
      <c r="I627" s="8" t="s">
        <v>71</v>
      </c>
      <c r="J627" s="8">
        <v>1</v>
      </c>
      <c r="K627" s="8" t="s">
        <v>509</v>
      </c>
      <c r="L627" s="8">
        <v>1</v>
      </c>
      <c r="M627" s="8">
        <v>80</v>
      </c>
      <c r="O627" s="98"/>
    </row>
    <row r="628" spans="1:16" hidden="1" outlineLevel="1">
      <c r="E628" s="8" t="s">
        <v>115</v>
      </c>
      <c r="F628" s="8">
        <v>365</v>
      </c>
      <c r="G628" s="8" t="s">
        <v>114</v>
      </c>
      <c r="H628" s="8" t="s">
        <v>78</v>
      </c>
      <c r="I628" s="8" t="s">
        <v>71</v>
      </c>
      <c r="J628" s="8">
        <v>1</v>
      </c>
      <c r="K628" s="8" t="s">
        <v>514</v>
      </c>
      <c r="L628" s="8">
        <v>2</v>
      </c>
      <c r="M628" s="8">
        <v>2</v>
      </c>
      <c r="N628" s="70" t="s">
        <v>624</v>
      </c>
      <c r="O628" s="98"/>
    </row>
    <row r="629" spans="1:16" hidden="1" outlineLevel="1">
      <c r="E629" s="8" t="s">
        <v>113</v>
      </c>
      <c r="F629" s="8">
        <v>364</v>
      </c>
      <c r="G629" s="8" t="s">
        <v>112</v>
      </c>
      <c r="H629" s="8" t="s">
        <v>78</v>
      </c>
      <c r="I629" s="8" t="s">
        <v>71</v>
      </c>
      <c r="J629" s="8">
        <v>1</v>
      </c>
      <c r="K629" s="8" t="s">
        <v>509</v>
      </c>
      <c r="L629" s="8">
        <v>1</v>
      </c>
      <c r="M629" s="8">
        <v>80</v>
      </c>
      <c r="O629" s="98"/>
    </row>
    <row r="630" spans="1:16" ht="53" collapsed="1">
      <c r="A630" s="17" t="s">
        <v>158</v>
      </c>
      <c r="B630" s="17" t="s">
        <v>120</v>
      </c>
      <c r="C630" s="17"/>
      <c r="D630" s="139"/>
      <c r="E630" s="17"/>
      <c r="F630" s="17"/>
      <c r="G630" s="17"/>
      <c r="H630" s="17" t="s">
        <v>17</v>
      </c>
      <c r="I630" s="17" t="s">
        <v>71</v>
      </c>
      <c r="J630" s="17">
        <v>200</v>
      </c>
      <c r="K630" s="17"/>
      <c r="L630" s="17"/>
      <c r="M630" s="17"/>
      <c r="N630" s="138"/>
      <c r="O630" s="216" t="s">
        <v>931</v>
      </c>
      <c r="P630" s="99" t="s">
        <v>1647</v>
      </c>
    </row>
    <row r="631" spans="1:16">
      <c r="A631" s="17"/>
      <c r="B631" s="17"/>
      <c r="C631" s="17" t="s">
        <v>158</v>
      </c>
      <c r="D631" s="139" t="s">
        <v>120</v>
      </c>
      <c r="E631" s="17"/>
      <c r="F631" s="17"/>
      <c r="G631" s="17"/>
      <c r="H631" s="17" t="s">
        <v>66</v>
      </c>
      <c r="I631" s="17" t="s">
        <v>65</v>
      </c>
      <c r="J631" s="17">
        <v>1</v>
      </c>
      <c r="K631" s="17"/>
      <c r="L631" s="17"/>
      <c r="M631" s="17"/>
      <c r="N631" s="138"/>
      <c r="O631" s="217"/>
    </row>
    <row r="632" spans="1:16" hidden="1" outlineLevel="1">
      <c r="E632" s="8" t="s">
        <v>157</v>
      </c>
      <c r="F632" s="8">
        <v>98</v>
      </c>
      <c r="G632" s="8" t="s">
        <v>156</v>
      </c>
      <c r="H632" s="8" t="s">
        <v>66</v>
      </c>
      <c r="I632" s="8" t="s">
        <v>65</v>
      </c>
      <c r="J632" s="8">
        <v>1</v>
      </c>
      <c r="K632" s="8" t="s">
        <v>514</v>
      </c>
      <c r="L632" s="8">
        <v>2</v>
      </c>
      <c r="M632" s="8">
        <v>3</v>
      </c>
      <c r="N632" s="72" t="s">
        <v>694</v>
      </c>
      <c r="O632" s="217"/>
    </row>
    <row r="633" spans="1:16" hidden="1" outlineLevel="1">
      <c r="E633" s="8" t="s">
        <v>155</v>
      </c>
      <c r="F633" s="8">
        <v>93</v>
      </c>
      <c r="G633" s="8" t="s">
        <v>120</v>
      </c>
      <c r="H633" s="8" t="s">
        <v>78</v>
      </c>
      <c r="I633" s="8" t="s">
        <v>71</v>
      </c>
      <c r="J633" s="8">
        <v>1</v>
      </c>
      <c r="K633" s="8" t="s">
        <v>509</v>
      </c>
      <c r="L633" s="8">
        <v>1</v>
      </c>
      <c r="M633" s="8">
        <v>60</v>
      </c>
      <c r="O633" s="217"/>
    </row>
    <row r="634" spans="1:16" hidden="1" outlineLevel="1">
      <c r="E634" s="8" t="s">
        <v>154</v>
      </c>
      <c r="F634" s="8">
        <v>66</v>
      </c>
      <c r="G634" s="8" t="s">
        <v>153</v>
      </c>
      <c r="H634" s="8" t="s">
        <v>78</v>
      </c>
      <c r="I634" s="8" t="s">
        <v>71</v>
      </c>
      <c r="J634" s="8">
        <v>1</v>
      </c>
      <c r="K634" s="8" t="s">
        <v>514</v>
      </c>
      <c r="L634" s="8">
        <v>1</v>
      </c>
      <c r="M634" s="8">
        <v>2</v>
      </c>
      <c r="N634" s="70" t="s">
        <v>624</v>
      </c>
      <c r="O634" s="217"/>
    </row>
    <row r="635" spans="1:16" hidden="1" outlineLevel="1">
      <c r="E635" s="8" t="s">
        <v>152</v>
      </c>
      <c r="F635" s="8">
        <v>67</v>
      </c>
      <c r="G635" s="8" t="s">
        <v>151</v>
      </c>
      <c r="H635" s="8" t="s">
        <v>78</v>
      </c>
      <c r="I635" s="8" t="s">
        <v>71</v>
      </c>
      <c r="J635" s="8">
        <v>1</v>
      </c>
      <c r="K635" s="8" t="s">
        <v>509</v>
      </c>
      <c r="L635" s="8">
        <v>2</v>
      </c>
      <c r="M635" s="8">
        <v>80</v>
      </c>
      <c r="O635" s="217"/>
    </row>
    <row r="636" spans="1:16" collapsed="1">
      <c r="A636" s="17"/>
      <c r="B636" s="17"/>
      <c r="C636" s="17" t="s">
        <v>150</v>
      </c>
      <c r="D636" s="139" t="s">
        <v>473</v>
      </c>
      <c r="E636" s="17"/>
      <c r="F636" s="17"/>
      <c r="G636" s="17"/>
      <c r="H636" s="17" t="s">
        <v>17</v>
      </c>
      <c r="I636" s="17" t="s">
        <v>71</v>
      </c>
      <c r="J636" s="17">
        <v>2</v>
      </c>
      <c r="K636" s="17"/>
      <c r="L636" s="17"/>
      <c r="M636" s="17"/>
      <c r="N636" s="138"/>
      <c r="O636" s="217" t="s">
        <v>1644</v>
      </c>
    </row>
    <row r="637" spans="1:16" hidden="1" outlineLevel="1">
      <c r="E637" s="8" t="s">
        <v>149</v>
      </c>
      <c r="F637" s="8">
        <v>93</v>
      </c>
      <c r="G637" s="8" t="s">
        <v>120</v>
      </c>
      <c r="H637" s="8" t="s">
        <v>66</v>
      </c>
      <c r="I637" s="8" t="s">
        <v>65</v>
      </c>
      <c r="J637" s="8">
        <v>1</v>
      </c>
      <c r="K637" s="8" t="s">
        <v>509</v>
      </c>
      <c r="L637" s="8">
        <v>1</v>
      </c>
      <c r="M637" s="8">
        <v>60</v>
      </c>
      <c r="O637" s="217"/>
    </row>
    <row r="638" spans="1:16" hidden="1" outlineLevel="1">
      <c r="E638" s="8" t="s">
        <v>148</v>
      </c>
      <c r="F638" s="8">
        <v>93</v>
      </c>
      <c r="G638" s="8" t="s">
        <v>120</v>
      </c>
      <c r="H638" s="8" t="s">
        <v>17</v>
      </c>
      <c r="I638" s="8" t="s">
        <v>71</v>
      </c>
      <c r="J638" s="8">
        <v>1</v>
      </c>
      <c r="K638" s="8" t="s">
        <v>509</v>
      </c>
      <c r="L638" s="8">
        <v>1</v>
      </c>
      <c r="M638" s="8">
        <v>60</v>
      </c>
      <c r="O638" s="217"/>
    </row>
    <row r="639" spans="1:16" hidden="1" outlineLevel="1">
      <c r="A639" s="17"/>
      <c r="B639" s="17"/>
      <c r="C639" s="17" t="s">
        <v>150</v>
      </c>
      <c r="D639" s="139" t="s">
        <v>473</v>
      </c>
      <c r="E639" s="17"/>
      <c r="F639" s="17"/>
      <c r="G639" s="17"/>
      <c r="H639" s="17" t="s">
        <v>17</v>
      </c>
      <c r="I639" s="17" t="s">
        <v>71</v>
      </c>
      <c r="J639" s="17">
        <v>2</v>
      </c>
      <c r="K639" s="17"/>
      <c r="L639" s="17"/>
      <c r="M639" s="17"/>
      <c r="N639" s="138"/>
      <c r="O639" s="217"/>
    </row>
    <row r="640" spans="1:16" hidden="1" outlineLevel="1">
      <c r="E640" s="8" t="s">
        <v>149</v>
      </c>
      <c r="F640" s="8">
        <v>93</v>
      </c>
      <c r="G640" s="8" t="s">
        <v>120</v>
      </c>
      <c r="H640" s="8" t="s">
        <v>66</v>
      </c>
      <c r="I640" s="8" t="s">
        <v>65</v>
      </c>
      <c r="J640" s="8">
        <v>1</v>
      </c>
      <c r="K640" s="8" t="s">
        <v>509</v>
      </c>
      <c r="L640" s="8">
        <v>1</v>
      </c>
      <c r="M640" s="8">
        <v>60</v>
      </c>
      <c r="O640" s="217"/>
    </row>
    <row r="641" spans="1:16" hidden="1" outlineLevel="1">
      <c r="E641" s="8" t="s">
        <v>148</v>
      </c>
      <c r="F641" s="8">
        <v>93</v>
      </c>
      <c r="G641" s="8" t="s">
        <v>120</v>
      </c>
      <c r="H641" s="8" t="s">
        <v>17</v>
      </c>
      <c r="I641" s="8" t="s">
        <v>71</v>
      </c>
      <c r="J641" s="8">
        <v>1</v>
      </c>
      <c r="K641" s="8" t="s">
        <v>509</v>
      </c>
      <c r="L641" s="8">
        <v>1</v>
      </c>
      <c r="M641" s="8">
        <v>60</v>
      </c>
      <c r="O641" s="217"/>
    </row>
    <row r="642" spans="1:16" collapsed="1">
      <c r="A642" s="17"/>
      <c r="B642" s="17"/>
      <c r="C642" s="17" t="s">
        <v>147</v>
      </c>
      <c r="D642" s="139" t="s">
        <v>144</v>
      </c>
      <c r="E642" s="17"/>
      <c r="F642" s="17"/>
      <c r="G642" s="17"/>
      <c r="H642" s="17" t="s">
        <v>17</v>
      </c>
      <c r="I642" s="17" t="s">
        <v>71</v>
      </c>
      <c r="J642" s="17">
        <v>2</v>
      </c>
      <c r="K642" s="17"/>
      <c r="L642" s="17"/>
      <c r="M642" s="17"/>
      <c r="N642" s="138"/>
      <c r="O642" s="217" t="s">
        <v>932</v>
      </c>
    </row>
    <row r="643" spans="1:16" hidden="1" outlineLevel="1">
      <c r="E643" s="8" t="s">
        <v>146</v>
      </c>
      <c r="F643" s="8">
        <v>166</v>
      </c>
      <c r="G643" s="8" t="s">
        <v>144</v>
      </c>
      <c r="H643" s="8" t="s">
        <v>66</v>
      </c>
      <c r="I643" s="8" t="s">
        <v>65</v>
      </c>
      <c r="J643" s="8">
        <v>1</v>
      </c>
      <c r="K643" s="8" t="s">
        <v>509</v>
      </c>
      <c r="L643" s="8">
        <v>1</v>
      </c>
      <c r="M643" s="8">
        <v>55</v>
      </c>
      <c r="O643" s="217"/>
    </row>
    <row r="644" spans="1:16" hidden="1" outlineLevel="1">
      <c r="E644" s="8" t="s">
        <v>145</v>
      </c>
      <c r="F644" s="8">
        <v>166</v>
      </c>
      <c r="G644" s="8" t="s">
        <v>144</v>
      </c>
      <c r="H644" s="8" t="s">
        <v>17</v>
      </c>
      <c r="I644" s="8" t="s">
        <v>71</v>
      </c>
      <c r="J644" s="8">
        <v>1</v>
      </c>
      <c r="K644" s="8" t="s">
        <v>509</v>
      </c>
      <c r="L644" s="8">
        <v>1</v>
      </c>
      <c r="M644" s="8">
        <v>55</v>
      </c>
      <c r="O644" s="217"/>
    </row>
    <row r="645" spans="1:16" hidden="1" outlineLevel="1">
      <c r="A645" s="17"/>
      <c r="B645" s="17"/>
      <c r="C645" s="17" t="s">
        <v>147</v>
      </c>
      <c r="D645" s="139" t="s">
        <v>144</v>
      </c>
      <c r="E645" s="17"/>
      <c r="F645" s="17"/>
      <c r="G645" s="17"/>
      <c r="H645" s="17" t="s">
        <v>17</v>
      </c>
      <c r="I645" s="17" t="s">
        <v>71</v>
      </c>
      <c r="J645" s="17">
        <v>2</v>
      </c>
      <c r="K645" s="17"/>
      <c r="L645" s="17"/>
      <c r="M645" s="17"/>
      <c r="N645" s="138"/>
      <c r="O645" s="217"/>
    </row>
    <row r="646" spans="1:16" hidden="1" outlineLevel="1">
      <c r="E646" s="8" t="s">
        <v>146</v>
      </c>
      <c r="F646" s="8">
        <v>166</v>
      </c>
      <c r="G646" s="8" t="s">
        <v>144</v>
      </c>
      <c r="H646" s="8" t="s">
        <v>66</v>
      </c>
      <c r="I646" s="8" t="s">
        <v>65</v>
      </c>
      <c r="J646" s="8">
        <v>1</v>
      </c>
      <c r="K646" s="8" t="s">
        <v>509</v>
      </c>
      <c r="L646" s="8">
        <v>1</v>
      </c>
      <c r="M646" s="8">
        <v>55</v>
      </c>
      <c r="O646" s="217"/>
    </row>
    <row r="647" spans="1:16" hidden="1" outlineLevel="1">
      <c r="E647" s="8" t="s">
        <v>145</v>
      </c>
      <c r="F647" s="8">
        <v>166</v>
      </c>
      <c r="G647" s="8" t="s">
        <v>144</v>
      </c>
      <c r="H647" s="8" t="s">
        <v>17</v>
      </c>
      <c r="I647" s="8" t="s">
        <v>71</v>
      </c>
      <c r="J647" s="8">
        <v>1</v>
      </c>
      <c r="K647" s="8" t="s">
        <v>509</v>
      </c>
      <c r="L647" s="8">
        <v>1</v>
      </c>
      <c r="M647" s="8">
        <v>55</v>
      </c>
      <c r="O647" s="217"/>
    </row>
    <row r="648" spans="1:16" collapsed="1">
      <c r="A648" s="17"/>
      <c r="B648" s="17"/>
      <c r="C648" s="17" t="s">
        <v>143</v>
      </c>
      <c r="D648" s="139" t="s">
        <v>474</v>
      </c>
      <c r="E648" s="17"/>
      <c r="F648" s="17"/>
      <c r="G648" s="17"/>
      <c r="H648" s="17" t="s">
        <v>17</v>
      </c>
      <c r="I648" s="17" t="s">
        <v>71</v>
      </c>
      <c r="J648" s="17" t="s">
        <v>525</v>
      </c>
      <c r="K648" s="17"/>
      <c r="L648" s="17"/>
      <c r="M648" s="17"/>
      <c r="N648" s="138"/>
      <c r="O648" s="217" t="s">
        <v>933</v>
      </c>
    </row>
    <row r="649" spans="1:16" hidden="1" outlineLevel="1">
      <c r="E649" s="8" t="s">
        <v>142</v>
      </c>
      <c r="F649" s="8">
        <v>19</v>
      </c>
      <c r="G649" s="8" t="s">
        <v>141</v>
      </c>
      <c r="H649" s="8" t="s">
        <v>17</v>
      </c>
      <c r="I649" s="8" t="s">
        <v>71</v>
      </c>
      <c r="J649" s="8">
        <v>1</v>
      </c>
      <c r="K649" s="8" t="s">
        <v>509</v>
      </c>
      <c r="L649" s="8">
        <v>2</v>
      </c>
      <c r="M649" s="8">
        <v>30</v>
      </c>
      <c r="O649" s="217"/>
    </row>
    <row r="650" spans="1:16" hidden="1" outlineLevel="1">
      <c r="E650" s="8" t="s">
        <v>140</v>
      </c>
      <c r="F650" s="8">
        <v>156</v>
      </c>
      <c r="G650" s="8" t="s">
        <v>139</v>
      </c>
      <c r="H650" s="8" t="s">
        <v>17</v>
      </c>
      <c r="I650" s="8" t="s">
        <v>71</v>
      </c>
      <c r="J650" s="8">
        <v>1</v>
      </c>
      <c r="K650" s="8" t="s">
        <v>514</v>
      </c>
      <c r="L650" s="8">
        <v>2</v>
      </c>
      <c r="M650" s="8">
        <v>2</v>
      </c>
      <c r="N650" s="70" t="s">
        <v>624</v>
      </c>
      <c r="O650" s="217"/>
    </row>
    <row r="651" spans="1:16" hidden="1" outlineLevel="1">
      <c r="E651" s="8" t="s">
        <v>138</v>
      </c>
      <c r="F651" s="8">
        <v>116</v>
      </c>
      <c r="G651" s="8" t="s">
        <v>137</v>
      </c>
      <c r="H651" s="8" t="s">
        <v>17</v>
      </c>
      <c r="I651" s="8" t="s">
        <v>71</v>
      </c>
      <c r="J651" s="8">
        <v>1</v>
      </c>
      <c r="K651" s="8" t="s">
        <v>514</v>
      </c>
      <c r="L651" s="8">
        <v>3</v>
      </c>
      <c r="M651" s="8">
        <v>15</v>
      </c>
      <c r="N651" s="18"/>
      <c r="O651" s="217"/>
    </row>
    <row r="652" spans="1:16" hidden="1" outlineLevel="1">
      <c r="E652" s="8" t="s">
        <v>136</v>
      </c>
      <c r="F652" s="8">
        <v>26</v>
      </c>
      <c r="G652" s="8" t="s">
        <v>135</v>
      </c>
      <c r="H652" s="8" t="s">
        <v>17</v>
      </c>
      <c r="I652" s="8" t="s">
        <v>71</v>
      </c>
      <c r="J652" s="8">
        <v>1</v>
      </c>
      <c r="K652" s="8" t="s">
        <v>514</v>
      </c>
      <c r="L652" s="8">
        <v>2</v>
      </c>
      <c r="M652" s="8">
        <v>3</v>
      </c>
      <c r="N652" s="18"/>
      <c r="O652" s="217"/>
    </row>
    <row r="653" spans="1:16" s="8" customFormat="1" hidden="1" outlineLevel="1">
      <c r="C653" s="33"/>
      <c r="D653" s="33"/>
      <c r="E653" s="33" t="s">
        <v>134</v>
      </c>
      <c r="F653" s="11">
        <v>309</v>
      </c>
      <c r="G653" s="33" t="s">
        <v>133</v>
      </c>
      <c r="H653" s="33" t="s">
        <v>78</v>
      </c>
      <c r="I653" s="33" t="s">
        <v>71</v>
      </c>
      <c r="J653" s="11">
        <v>1</v>
      </c>
      <c r="K653" s="11" t="s">
        <v>514</v>
      </c>
      <c r="L653" s="11">
        <v>1</v>
      </c>
      <c r="M653" s="11">
        <v>2</v>
      </c>
      <c r="N653" s="18" t="s">
        <v>690</v>
      </c>
      <c r="O653" s="217"/>
      <c r="P653" s="99"/>
    </row>
    <row r="654" spans="1:16" s="8" customFormat="1" hidden="1" outlineLevel="1">
      <c r="C654" s="33"/>
      <c r="D654" s="33"/>
      <c r="E654" s="33" t="s">
        <v>132</v>
      </c>
      <c r="F654" s="11">
        <v>310</v>
      </c>
      <c r="G654" s="33" t="s">
        <v>131</v>
      </c>
      <c r="H654" s="33" t="s">
        <v>17</v>
      </c>
      <c r="I654" s="33" t="s">
        <v>71</v>
      </c>
      <c r="J654" s="11">
        <v>1</v>
      </c>
      <c r="K654" s="11" t="s">
        <v>509</v>
      </c>
      <c r="L654" s="11">
        <v>1</v>
      </c>
      <c r="M654" s="11">
        <v>30</v>
      </c>
      <c r="N654" s="18"/>
      <c r="O654" s="217"/>
      <c r="P654" s="99"/>
    </row>
    <row r="655" spans="1:16" hidden="1" collapsed="1">
      <c r="A655" s="17"/>
      <c r="B655" s="17"/>
      <c r="C655" s="17" t="s">
        <v>130</v>
      </c>
      <c r="D655" s="139" t="s">
        <v>126</v>
      </c>
      <c r="E655" s="17"/>
      <c r="F655" s="17"/>
      <c r="G655" s="17"/>
      <c r="H655" s="17"/>
      <c r="I655" s="17"/>
      <c r="J655" s="17">
        <v>12</v>
      </c>
      <c r="K655" s="17"/>
      <c r="L655" s="17"/>
      <c r="M655" s="17"/>
      <c r="N655" s="138"/>
      <c r="O655" s="217"/>
    </row>
    <row r="656" spans="1:16" hidden="1">
      <c r="E656" s="8" t="s">
        <v>129</v>
      </c>
      <c r="F656" s="72">
        <v>128</v>
      </c>
      <c r="G656" s="72" t="s">
        <v>128</v>
      </c>
      <c r="H656" s="8" t="s">
        <v>66</v>
      </c>
      <c r="I656" s="8" t="s">
        <v>65</v>
      </c>
      <c r="J656" s="8">
        <v>1</v>
      </c>
      <c r="K656" s="8" t="s">
        <v>514</v>
      </c>
      <c r="L656" s="8">
        <v>2</v>
      </c>
      <c r="M656" s="8">
        <v>3</v>
      </c>
      <c r="N656" s="70" t="s">
        <v>624</v>
      </c>
      <c r="O656" s="217"/>
    </row>
    <row r="657" spans="1:16" hidden="1">
      <c r="E657" s="19" t="s">
        <v>127</v>
      </c>
      <c r="F657" s="25">
        <v>127</v>
      </c>
      <c r="G657" s="25" t="s">
        <v>126</v>
      </c>
      <c r="H657" s="19" t="s">
        <v>78</v>
      </c>
      <c r="I657" s="25" t="s">
        <v>96</v>
      </c>
      <c r="J657" s="19">
        <v>1</v>
      </c>
      <c r="K657" s="19" t="s">
        <v>509</v>
      </c>
      <c r="L657" s="19">
        <v>1</v>
      </c>
      <c r="M657" s="19">
        <v>30</v>
      </c>
      <c r="N657" s="25"/>
      <c r="O657" s="217"/>
    </row>
    <row r="658" spans="1:16" hidden="1">
      <c r="E658" s="8" t="s">
        <v>125</v>
      </c>
      <c r="F658" s="72">
        <v>352</v>
      </c>
      <c r="G658" s="72" t="s">
        <v>3</v>
      </c>
      <c r="H658" s="8" t="s">
        <v>78</v>
      </c>
      <c r="I658" s="8" t="s">
        <v>71</v>
      </c>
      <c r="J658" s="8">
        <v>1</v>
      </c>
      <c r="K658" s="8" t="s">
        <v>509</v>
      </c>
      <c r="L658" s="8">
        <v>1</v>
      </c>
      <c r="M658" s="8">
        <v>80</v>
      </c>
      <c r="O658" s="217"/>
    </row>
    <row r="659" spans="1:16" hidden="1">
      <c r="A659" s="17"/>
      <c r="B659" s="17"/>
      <c r="C659" s="17" t="s">
        <v>130</v>
      </c>
      <c r="D659" s="139" t="s">
        <v>126</v>
      </c>
      <c r="E659" s="17"/>
      <c r="F659" s="17"/>
      <c r="G659" s="17"/>
      <c r="H659" s="17"/>
      <c r="I659" s="17"/>
      <c r="J659" s="17">
        <v>12</v>
      </c>
      <c r="K659" s="17"/>
      <c r="L659" s="17"/>
      <c r="M659" s="17"/>
      <c r="N659" s="138"/>
      <c r="O659" s="217"/>
    </row>
    <row r="660" spans="1:16" hidden="1">
      <c r="E660" s="8" t="s">
        <v>129</v>
      </c>
      <c r="F660" s="72">
        <v>128</v>
      </c>
      <c r="G660" s="72" t="s">
        <v>128</v>
      </c>
      <c r="H660" s="8" t="s">
        <v>66</v>
      </c>
      <c r="I660" s="8" t="s">
        <v>65</v>
      </c>
      <c r="J660" s="8">
        <v>1</v>
      </c>
      <c r="K660" s="8" t="s">
        <v>514</v>
      </c>
      <c r="L660" s="8">
        <v>2</v>
      </c>
      <c r="M660" s="8">
        <v>3</v>
      </c>
      <c r="N660" s="72" t="s">
        <v>692</v>
      </c>
      <c r="O660" s="217"/>
    </row>
    <row r="661" spans="1:16" hidden="1">
      <c r="C661" s="19"/>
      <c r="D661" s="19"/>
      <c r="E661" s="19" t="s">
        <v>127</v>
      </c>
      <c r="F661" s="19">
        <v>127</v>
      </c>
      <c r="G661" s="19" t="s">
        <v>126</v>
      </c>
      <c r="H661" s="19" t="s">
        <v>78</v>
      </c>
      <c r="I661" s="19" t="s">
        <v>96</v>
      </c>
      <c r="J661" s="19">
        <v>1</v>
      </c>
      <c r="K661" s="19" t="s">
        <v>509</v>
      </c>
      <c r="L661" s="19">
        <v>1</v>
      </c>
      <c r="M661" s="19">
        <v>30</v>
      </c>
      <c r="N661" s="25"/>
      <c r="O661" s="217"/>
    </row>
    <row r="662" spans="1:16" hidden="1">
      <c r="E662" s="8" t="s">
        <v>125</v>
      </c>
      <c r="F662" s="72">
        <v>352</v>
      </c>
      <c r="G662" s="72" t="s">
        <v>3</v>
      </c>
      <c r="H662" s="8" t="s">
        <v>78</v>
      </c>
      <c r="I662" s="8" t="s">
        <v>71</v>
      </c>
      <c r="J662" s="8">
        <v>1</v>
      </c>
      <c r="K662" s="8" t="s">
        <v>509</v>
      </c>
      <c r="L662" s="8">
        <v>1</v>
      </c>
      <c r="M662" s="8">
        <v>80</v>
      </c>
      <c r="O662" s="217"/>
    </row>
    <row r="663" spans="1:16">
      <c r="A663" s="17"/>
      <c r="B663" s="17"/>
      <c r="C663" s="17" t="s">
        <v>124</v>
      </c>
      <c r="D663" s="139" t="s">
        <v>475</v>
      </c>
      <c r="E663" s="17"/>
      <c r="F663" s="17"/>
      <c r="G663" s="17"/>
      <c r="H663" s="17" t="s">
        <v>17</v>
      </c>
      <c r="I663" s="17" t="s">
        <v>71</v>
      </c>
      <c r="J663" s="17" t="s">
        <v>525</v>
      </c>
      <c r="K663" s="17"/>
      <c r="L663" s="17"/>
      <c r="M663" s="17"/>
      <c r="N663" s="138"/>
      <c r="O663" s="217"/>
    </row>
    <row r="664" spans="1:16" hidden="1" outlineLevel="1">
      <c r="E664" s="8" t="s">
        <v>123</v>
      </c>
      <c r="F664" s="8">
        <v>366</v>
      </c>
      <c r="G664" s="8" t="s">
        <v>122</v>
      </c>
      <c r="H664" s="8" t="s">
        <v>66</v>
      </c>
      <c r="I664" s="8" t="s">
        <v>65</v>
      </c>
      <c r="J664" s="8">
        <v>1</v>
      </c>
      <c r="K664" s="8" t="s">
        <v>514</v>
      </c>
      <c r="L664" s="8">
        <v>2</v>
      </c>
      <c r="M664" s="8">
        <v>2</v>
      </c>
      <c r="N664" s="18" t="s">
        <v>695</v>
      </c>
      <c r="O664" s="217"/>
    </row>
    <row r="665" spans="1:16" hidden="1" outlineLevel="1">
      <c r="E665" s="8" t="s">
        <v>121</v>
      </c>
      <c r="F665" s="8">
        <v>93</v>
      </c>
      <c r="G665" s="8" t="s">
        <v>120</v>
      </c>
      <c r="H665" s="8" t="s">
        <v>17</v>
      </c>
      <c r="I665" s="8" t="s">
        <v>71</v>
      </c>
      <c r="J665" s="8">
        <v>1</v>
      </c>
      <c r="K665" s="8" t="s">
        <v>509</v>
      </c>
      <c r="L665" s="8">
        <v>1</v>
      </c>
      <c r="M665" s="8">
        <v>60</v>
      </c>
      <c r="O665" s="217"/>
    </row>
    <row r="666" spans="1:16" hidden="1" outlineLevel="1">
      <c r="E666" s="8" t="s">
        <v>119</v>
      </c>
      <c r="F666" s="8">
        <v>365</v>
      </c>
      <c r="G666" s="8" t="s">
        <v>114</v>
      </c>
      <c r="H666" s="8" t="s">
        <v>78</v>
      </c>
      <c r="I666" s="8" t="s">
        <v>71</v>
      </c>
      <c r="J666" s="8">
        <v>1</v>
      </c>
      <c r="K666" s="8" t="s">
        <v>514</v>
      </c>
      <c r="L666" s="8">
        <v>2</v>
      </c>
      <c r="M666" s="8">
        <v>2</v>
      </c>
      <c r="N666" s="70" t="s">
        <v>624</v>
      </c>
      <c r="O666" s="217"/>
    </row>
    <row r="667" spans="1:16" hidden="1" outlineLevel="1">
      <c r="E667" s="8" t="s">
        <v>118</v>
      </c>
      <c r="F667" s="8">
        <v>364</v>
      </c>
      <c r="G667" s="8" t="s">
        <v>112</v>
      </c>
      <c r="H667" s="8" t="s">
        <v>78</v>
      </c>
      <c r="I667" s="8" t="s">
        <v>71</v>
      </c>
      <c r="J667" s="8">
        <v>1</v>
      </c>
      <c r="K667" s="8" t="s">
        <v>509</v>
      </c>
      <c r="L667" s="8">
        <v>1</v>
      </c>
      <c r="M667" s="8">
        <v>80</v>
      </c>
      <c r="O667" s="217"/>
    </row>
    <row r="668" spans="1:16" hidden="1" outlineLevel="1">
      <c r="E668" s="8" t="s">
        <v>117</v>
      </c>
      <c r="F668" s="8">
        <v>365</v>
      </c>
      <c r="G668" s="8" t="s">
        <v>114</v>
      </c>
      <c r="H668" s="8" t="s">
        <v>78</v>
      </c>
      <c r="I668" s="8" t="s">
        <v>71</v>
      </c>
      <c r="J668" s="8">
        <v>1</v>
      </c>
      <c r="K668" s="8" t="s">
        <v>514</v>
      </c>
      <c r="L668" s="8">
        <v>2</v>
      </c>
      <c r="M668" s="8">
        <v>2</v>
      </c>
      <c r="N668" s="70" t="s">
        <v>624</v>
      </c>
      <c r="O668" s="217"/>
    </row>
    <row r="669" spans="1:16" hidden="1" outlineLevel="1">
      <c r="E669" s="8" t="s">
        <v>116</v>
      </c>
      <c r="F669" s="8">
        <v>364</v>
      </c>
      <c r="G669" s="8" t="s">
        <v>112</v>
      </c>
      <c r="H669" s="8" t="s">
        <v>78</v>
      </c>
      <c r="I669" s="8" t="s">
        <v>71</v>
      </c>
      <c r="J669" s="8">
        <v>1</v>
      </c>
      <c r="K669" s="8" t="s">
        <v>509</v>
      </c>
      <c r="L669" s="8">
        <v>1</v>
      </c>
      <c r="M669" s="8">
        <v>80</v>
      </c>
      <c r="O669" s="217"/>
    </row>
    <row r="670" spans="1:16" hidden="1" outlineLevel="1">
      <c r="E670" s="8" t="s">
        <v>115</v>
      </c>
      <c r="F670" s="8">
        <v>365</v>
      </c>
      <c r="G670" s="8" t="s">
        <v>114</v>
      </c>
      <c r="H670" s="8" t="s">
        <v>78</v>
      </c>
      <c r="I670" s="8" t="s">
        <v>71</v>
      </c>
      <c r="J670" s="8">
        <v>1</v>
      </c>
      <c r="K670" s="8" t="s">
        <v>514</v>
      </c>
      <c r="L670" s="8">
        <v>2</v>
      </c>
      <c r="M670" s="8">
        <v>2</v>
      </c>
      <c r="N670" s="70" t="s">
        <v>624</v>
      </c>
      <c r="O670" s="217"/>
    </row>
    <row r="671" spans="1:16" hidden="1" outlineLevel="1">
      <c r="E671" s="8" t="s">
        <v>113</v>
      </c>
      <c r="F671" s="8">
        <v>364</v>
      </c>
      <c r="G671" s="8" t="s">
        <v>112</v>
      </c>
      <c r="H671" s="8" t="s">
        <v>78</v>
      </c>
      <c r="I671" s="8" t="s">
        <v>71</v>
      </c>
      <c r="J671" s="8">
        <v>1</v>
      </c>
      <c r="K671" s="8" t="s">
        <v>509</v>
      </c>
      <c r="L671" s="8">
        <v>1</v>
      </c>
      <c r="M671" s="8">
        <v>80</v>
      </c>
      <c r="O671" s="217"/>
    </row>
    <row r="672" spans="1:16" ht="35" collapsed="1">
      <c r="A672" s="17"/>
      <c r="B672" s="17"/>
      <c r="C672" s="17" t="s">
        <v>163</v>
      </c>
      <c r="D672" s="139" t="s">
        <v>456</v>
      </c>
      <c r="E672" s="17"/>
      <c r="F672" s="17"/>
      <c r="G672" s="17"/>
      <c r="H672" s="17" t="s">
        <v>17</v>
      </c>
      <c r="I672" s="17" t="s">
        <v>71</v>
      </c>
      <c r="J672" s="17">
        <v>12</v>
      </c>
      <c r="K672" s="17"/>
      <c r="L672" s="17"/>
      <c r="M672" s="17"/>
      <c r="N672" s="138"/>
      <c r="O672" s="217" t="s">
        <v>1638</v>
      </c>
      <c r="P672" s="99" t="s">
        <v>1080</v>
      </c>
    </row>
    <row r="673" spans="1:16" hidden="1" outlineLevel="1">
      <c r="E673" s="8" t="s">
        <v>162</v>
      </c>
      <c r="F673" s="8">
        <v>133</v>
      </c>
      <c r="G673" s="8" t="s">
        <v>161</v>
      </c>
      <c r="H673" s="8" t="s">
        <v>17</v>
      </c>
      <c r="I673" s="8" t="s">
        <v>71</v>
      </c>
      <c r="J673" s="8">
        <v>1</v>
      </c>
      <c r="K673" s="8" t="s">
        <v>514</v>
      </c>
      <c r="L673" s="8">
        <v>1</v>
      </c>
      <c r="M673" s="8">
        <v>2</v>
      </c>
      <c r="N673" s="72" t="s">
        <v>696</v>
      </c>
      <c r="O673" s="217"/>
    </row>
    <row r="674" spans="1:16" hidden="1" outlineLevel="1">
      <c r="E674" s="8" t="s">
        <v>160</v>
      </c>
      <c r="F674" s="8">
        <v>66</v>
      </c>
      <c r="G674" s="8" t="s">
        <v>153</v>
      </c>
      <c r="H674" s="8" t="s">
        <v>78</v>
      </c>
      <c r="I674" s="8" t="s">
        <v>71</v>
      </c>
      <c r="J674" s="8">
        <v>1</v>
      </c>
      <c r="K674" s="8" t="s">
        <v>514</v>
      </c>
      <c r="L674" s="8">
        <v>1</v>
      </c>
      <c r="M674" s="8">
        <v>2</v>
      </c>
      <c r="N674" s="72" t="s">
        <v>643</v>
      </c>
      <c r="O674" s="217"/>
    </row>
    <row r="675" spans="1:16" hidden="1" outlineLevel="1">
      <c r="E675" s="8" t="s">
        <v>159</v>
      </c>
      <c r="F675" s="8">
        <v>67</v>
      </c>
      <c r="G675" s="8" t="s">
        <v>151</v>
      </c>
      <c r="H675" s="8" t="s">
        <v>78</v>
      </c>
      <c r="I675" s="8" t="s">
        <v>71</v>
      </c>
      <c r="J675" s="8">
        <v>1</v>
      </c>
      <c r="K675" s="8" t="s">
        <v>509</v>
      </c>
      <c r="L675" s="8">
        <v>2</v>
      </c>
      <c r="M675" s="8">
        <v>80</v>
      </c>
      <c r="O675" s="217"/>
    </row>
    <row r="676" spans="1:16" hidden="1" outlineLevel="1">
      <c r="E676" s="8" t="s">
        <v>171</v>
      </c>
      <c r="F676" s="8">
        <v>91</v>
      </c>
      <c r="G676" s="8" t="s">
        <v>170</v>
      </c>
      <c r="H676" s="8" t="s">
        <v>78</v>
      </c>
      <c r="I676" s="8" t="s">
        <v>71</v>
      </c>
      <c r="J676" s="8">
        <v>1</v>
      </c>
      <c r="K676" s="8" t="s">
        <v>514</v>
      </c>
      <c r="L676" s="8">
        <v>1</v>
      </c>
      <c r="M676" s="8">
        <v>2</v>
      </c>
      <c r="N676" s="70" t="s">
        <v>624</v>
      </c>
      <c r="O676" s="217"/>
    </row>
    <row r="677" spans="1:16" hidden="1" outlineLevel="1">
      <c r="E677" s="19" t="s">
        <v>169</v>
      </c>
      <c r="F677" s="19">
        <v>387</v>
      </c>
      <c r="G677" s="19" t="s">
        <v>168</v>
      </c>
      <c r="H677" s="19" t="s">
        <v>78</v>
      </c>
      <c r="I677" s="19" t="s">
        <v>96</v>
      </c>
      <c r="J677" s="19">
        <v>1</v>
      </c>
      <c r="K677" s="19" t="s">
        <v>509</v>
      </c>
      <c r="L677" s="19">
        <v>1</v>
      </c>
      <c r="M677" s="19">
        <v>35</v>
      </c>
      <c r="N677" s="25"/>
      <c r="O677" s="217"/>
    </row>
    <row r="678" spans="1:16" hidden="1" outlineLevel="1">
      <c r="E678" s="19" t="s">
        <v>167</v>
      </c>
      <c r="F678" s="19">
        <v>368</v>
      </c>
      <c r="G678" s="19" t="s">
        <v>166</v>
      </c>
      <c r="H678" s="19" t="s">
        <v>78</v>
      </c>
      <c r="I678" s="19" t="s">
        <v>96</v>
      </c>
      <c r="J678" s="19">
        <v>1</v>
      </c>
      <c r="K678" s="19" t="s">
        <v>514</v>
      </c>
      <c r="L678" s="19">
        <v>2</v>
      </c>
      <c r="M678" s="19">
        <v>2</v>
      </c>
      <c r="N678" s="25"/>
      <c r="O678" s="217"/>
    </row>
    <row r="679" spans="1:16" hidden="1" outlineLevel="1">
      <c r="C679" s="24"/>
      <c r="D679" s="143"/>
      <c r="E679" s="11" t="s">
        <v>897</v>
      </c>
      <c r="F679" s="11">
        <v>309</v>
      </c>
      <c r="G679" s="11" t="s">
        <v>133</v>
      </c>
      <c r="H679" s="11" t="s">
        <v>17</v>
      </c>
      <c r="I679" s="11" t="s">
        <v>71</v>
      </c>
      <c r="J679" s="11">
        <v>1</v>
      </c>
      <c r="K679" s="11" t="s">
        <v>514</v>
      </c>
      <c r="L679" s="11">
        <v>1</v>
      </c>
      <c r="M679" s="11">
        <v>2</v>
      </c>
      <c r="N679" s="18" t="s">
        <v>643</v>
      </c>
      <c r="O679" s="217"/>
    </row>
    <row r="680" spans="1:16" hidden="1" outlineLevel="1">
      <c r="C680" s="147"/>
      <c r="D680" s="148"/>
      <c r="E680" s="11" t="s">
        <v>898</v>
      </c>
      <c r="F680" s="11">
        <v>310</v>
      </c>
      <c r="G680" s="11" t="s">
        <v>131</v>
      </c>
      <c r="H680" s="11" t="s">
        <v>17</v>
      </c>
      <c r="I680" s="11" t="s">
        <v>71</v>
      </c>
      <c r="J680" s="11">
        <v>1</v>
      </c>
      <c r="K680" s="11" t="s">
        <v>509</v>
      </c>
      <c r="L680" s="11">
        <v>1</v>
      </c>
      <c r="M680" s="11">
        <v>30</v>
      </c>
      <c r="N680" s="18"/>
      <c r="O680" s="217"/>
    </row>
    <row r="681" spans="1:16" collapsed="1">
      <c r="A681" s="17"/>
      <c r="B681" s="17"/>
      <c r="C681" s="142" t="s">
        <v>165</v>
      </c>
      <c r="D681" s="142"/>
      <c r="E681" s="142"/>
      <c r="F681" s="142"/>
      <c r="G681" s="142"/>
      <c r="H681" s="142" t="s">
        <v>17</v>
      </c>
      <c r="I681" s="142" t="s">
        <v>71</v>
      </c>
      <c r="J681" s="75">
        <v>5</v>
      </c>
      <c r="K681" s="75"/>
      <c r="L681" s="75"/>
      <c r="M681" s="75"/>
      <c r="N681" s="141"/>
      <c r="O681" s="218" t="s">
        <v>934</v>
      </c>
      <c r="P681" s="99" t="s">
        <v>1297</v>
      </c>
    </row>
    <row r="682" spans="1:16" hidden="1" outlineLevel="1">
      <c r="C682" s="11"/>
      <c r="D682" s="11"/>
      <c r="E682" s="11" t="s">
        <v>697</v>
      </c>
      <c r="F682" s="11">
        <v>152</v>
      </c>
      <c r="G682" s="11" t="s">
        <v>164</v>
      </c>
      <c r="H682" s="11" t="s">
        <v>78</v>
      </c>
      <c r="I682" s="11" t="s">
        <v>71</v>
      </c>
      <c r="J682" s="11">
        <v>1</v>
      </c>
      <c r="K682" s="11" t="s">
        <v>514</v>
      </c>
      <c r="L682" s="11">
        <v>2</v>
      </c>
      <c r="M682" s="11">
        <v>3</v>
      </c>
      <c r="N682" s="18" t="s">
        <v>698</v>
      </c>
      <c r="O682" s="98"/>
    </row>
    <row r="683" spans="1:16" hidden="1" outlineLevel="1">
      <c r="C683" s="11"/>
      <c r="D683" s="11"/>
      <c r="E683" s="25" t="s">
        <v>699</v>
      </c>
      <c r="F683" s="25">
        <v>208</v>
      </c>
      <c r="G683" s="25" t="s">
        <v>470</v>
      </c>
      <c r="H683" s="19" t="s">
        <v>78</v>
      </c>
      <c r="I683" s="25" t="s">
        <v>96</v>
      </c>
      <c r="J683" s="25">
        <v>1</v>
      </c>
      <c r="K683" s="25" t="s">
        <v>514</v>
      </c>
      <c r="L683" s="25">
        <v>1</v>
      </c>
      <c r="M683" s="25">
        <v>1</v>
      </c>
      <c r="N683" s="25"/>
      <c r="O683" s="98"/>
    </row>
    <row r="684" spans="1:16" hidden="1" outlineLevel="1">
      <c r="C684" s="11"/>
      <c r="D684" s="11"/>
      <c r="E684" s="25" t="s">
        <v>700</v>
      </c>
      <c r="F684" s="25">
        <v>209</v>
      </c>
      <c r="G684" s="25" t="s">
        <v>471</v>
      </c>
      <c r="H684" s="19" t="s">
        <v>78</v>
      </c>
      <c r="I684" s="25" t="s">
        <v>96</v>
      </c>
      <c r="J684" s="25">
        <v>1</v>
      </c>
      <c r="K684" s="25" t="s">
        <v>509</v>
      </c>
      <c r="L684" s="25">
        <v>1</v>
      </c>
      <c r="M684" s="25">
        <v>4</v>
      </c>
      <c r="N684" s="25"/>
      <c r="O684" s="98"/>
    </row>
    <row r="685" spans="1:16" hidden="1" outlineLevel="1">
      <c r="C685" s="11"/>
      <c r="D685" s="11"/>
      <c r="E685" s="11" t="s">
        <v>701</v>
      </c>
      <c r="F685" s="11">
        <v>352</v>
      </c>
      <c r="G685" s="11" t="s">
        <v>3</v>
      </c>
      <c r="H685" s="11" t="s">
        <v>78</v>
      </c>
      <c r="I685" s="11" t="s">
        <v>71</v>
      </c>
      <c r="J685" s="11">
        <v>1</v>
      </c>
      <c r="K685" s="11" t="s">
        <v>509</v>
      </c>
      <c r="L685" s="11">
        <v>1</v>
      </c>
      <c r="M685" s="11">
        <v>80</v>
      </c>
      <c r="N685" s="18"/>
      <c r="O685" s="98"/>
    </row>
    <row r="686" spans="1:16" ht="84" collapsed="1">
      <c r="A686" s="17" t="s">
        <v>158</v>
      </c>
      <c r="B686" s="17" t="s">
        <v>120</v>
      </c>
      <c r="C686" s="17"/>
      <c r="D686" s="139"/>
      <c r="E686" s="17"/>
      <c r="F686" s="17"/>
      <c r="G686" s="17"/>
      <c r="H686" s="17" t="s">
        <v>17</v>
      </c>
      <c r="I686" s="17" t="s">
        <v>71</v>
      </c>
      <c r="J686" s="17">
        <v>200</v>
      </c>
      <c r="K686" s="17"/>
      <c r="L686" s="17"/>
      <c r="M686" s="17"/>
      <c r="N686" s="138"/>
      <c r="O686" s="216" t="s">
        <v>935</v>
      </c>
      <c r="P686" s="99" t="s">
        <v>1646</v>
      </c>
    </row>
    <row r="687" spans="1:16" hidden="1" outlineLevel="1">
      <c r="A687" s="17"/>
      <c r="B687" s="17"/>
      <c r="C687" s="17" t="s">
        <v>158</v>
      </c>
      <c r="D687" s="139" t="s">
        <v>120</v>
      </c>
      <c r="E687" s="17"/>
      <c r="F687" s="17"/>
      <c r="G687" s="17"/>
      <c r="H687" s="17" t="s">
        <v>66</v>
      </c>
      <c r="I687" s="17" t="s">
        <v>65</v>
      </c>
      <c r="J687" s="17">
        <v>1</v>
      </c>
      <c r="K687" s="17"/>
      <c r="L687" s="17"/>
      <c r="M687" s="17"/>
      <c r="N687" s="138"/>
      <c r="O687" s="217"/>
    </row>
    <row r="688" spans="1:16" hidden="1" outlineLevel="1">
      <c r="E688" s="8" t="s">
        <v>157</v>
      </c>
      <c r="F688" s="8">
        <v>98</v>
      </c>
      <c r="G688" s="8" t="s">
        <v>156</v>
      </c>
      <c r="H688" s="8" t="s">
        <v>66</v>
      </c>
      <c r="I688" s="8" t="s">
        <v>65</v>
      </c>
      <c r="J688" s="8">
        <v>1</v>
      </c>
      <c r="K688" s="8" t="s">
        <v>514</v>
      </c>
      <c r="L688" s="8">
        <v>2</v>
      </c>
      <c r="M688" s="8">
        <v>3</v>
      </c>
      <c r="N688" s="72" t="s">
        <v>702</v>
      </c>
      <c r="O688" s="217"/>
    </row>
    <row r="689" spans="1:15" hidden="1" outlineLevel="1">
      <c r="E689" s="8" t="s">
        <v>155</v>
      </c>
      <c r="F689" s="8">
        <v>93</v>
      </c>
      <c r="G689" s="8" t="s">
        <v>120</v>
      </c>
      <c r="H689" s="8" t="s">
        <v>78</v>
      </c>
      <c r="I689" s="8" t="s">
        <v>71</v>
      </c>
      <c r="J689" s="8">
        <v>1</v>
      </c>
      <c r="K689" s="8" t="s">
        <v>509</v>
      </c>
      <c r="L689" s="8">
        <v>1</v>
      </c>
      <c r="M689" s="8">
        <v>60</v>
      </c>
      <c r="O689" s="217"/>
    </row>
    <row r="690" spans="1:15" s="99" customFormat="1" hidden="1" outlineLevel="1">
      <c r="A690" s="10"/>
      <c r="B690" s="10"/>
      <c r="C690" s="8"/>
      <c r="D690" s="10"/>
      <c r="E690" s="8" t="s">
        <v>154</v>
      </c>
      <c r="F690" s="8">
        <v>66</v>
      </c>
      <c r="G690" s="8" t="s">
        <v>153</v>
      </c>
      <c r="H690" s="8" t="s">
        <v>78</v>
      </c>
      <c r="I690" s="8" t="s">
        <v>71</v>
      </c>
      <c r="J690" s="8">
        <v>1</v>
      </c>
      <c r="K690" s="8" t="s">
        <v>514</v>
      </c>
      <c r="L690" s="8">
        <v>1</v>
      </c>
      <c r="M690" s="8">
        <v>2</v>
      </c>
      <c r="N690" s="70" t="s">
        <v>624</v>
      </c>
      <c r="O690" s="217"/>
    </row>
    <row r="691" spans="1:15" s="99" customFormat="1" hidden="1" outlineLevel="1">
      <c r="A691" s="10"/>
      <c r="B691" s="10"/>
      <c r="C691" s="8"/>
      <c r="D691" s="10"/>
      <c r="E691" s="8" t="s">
        <v>152</v>
      </c>
      <c r="F691" s="8">
        <v>67</v>
      </c>
      <c r="G691" s="8" t="s">
        <v>151</v>
      </c>
      <c r="H691" s="8" t="s">
        <v>78</v>
      </c>
      <c r="I691" s="8" t="s">
        <v>71</v>
      </c>
      <c r="J691" s="8">
        <v>1</v>
      </c>
      <c r="K691" s="8" t="s">
        <v>509</v>
      </c>
      <c r="L691" s="8">
        <v>2</v>
      </c>
      <c r="M691" s="8">
        <v>80</v>
      </c>
      <c r="N691" s="72"/>
      <c r="O691" s="217"/>
    </row>
    <row r="692" spans="1:15" s="99" customFormat="1" collapsed="1">
      <c r="A692" s="17"/>
      <c r="B692" s="17"/>
      <c r="C692" s="17" t="s">
        <v>150</v>
      </c>
      <c r="D692" s="139" t="s">
        <v>473</v>
      </c>
      <c r="E692" s="17"/>
      <c r="F692" s="17"/>
      <c r="G692" s="17"/>
      <c r="H692" s="17" t="s">
        <v>17</v>
      </c>
      <c r="I692" s="17" t="s">
        <v>71</v>
      </c>
      <c r="J692" s="17">
        <v>2</v>
      </c>
      <c r="K692" s="17"/>
      <c r="L692" s="17"/>
      <c r="M692" s="17"/>
      <c r="N692" s="138"/>
      <c r="O692" s="217" t="s">
        <v>1644</v>
      </c>
    </row>
    <row r="693" spans="1:15" s="99" customFormat="1" hidden="1" outlineLevel="1">
      <c r="A693" s="10"/>
      <c r="B693" s="10"/>
      <c r="C693" s="8"/>
      <c r="D693" s="10"/>
      <c r="E693" s="8" t="s">
        <v>149</v>
      </c>
      <c r="F693" s="8">
        <v>93</v>
      </c>
      <c r="G693" s="8" t="s">
        <v>120</v>
      </c>
      <c r="H693" s="8" t="s">
        <v>66</v>
      </c>
      <c r="I693" s="8" t="s">
        <v>65</v>
      </c>
      <c r="J693" s="8">
        <v>1</v>
      </c>
      <c r="K693" s="8" t="s">
        <v>509</v>
      </c>
      <c r="L693" s="8">
        <v>1</v>
      </c>
      <c r="M693" s="8">
        <v>60</v>
      </c>
      <c r="N693" s="72"/>
      <c r="O693" s="217"/>
    </row>
    <row r="694" spans="1:15" s="99" customFormat="1" hidden="1" outlineLevel="1">
      <c r="A694" s="10"/>
      <c r="B694" s="10"/>
      <c r="C694" s="8"/>
      <c r="D694" s="10"/>
      <c r="E694" s="8" t="s">
        <v>148</v>
      </c>
      <c r="F694" s="8">
        <v>93</v>
      </c>
      <c r="G694" s="8" t="s">
        <v>120</v>
      </c>
      <c r="H694" s="8" t="s">
        <v>17</v>
      </c>
      <c r="I694" s="8" t="s">
        <v>71</v>
      </c>
      <c r="J694" s="8">
        <v>1</v>
      </c>
      <c r="K694" s="8" t="s">
        <v>509</v>
      </c>
      <c r="L694" s="8">
        <v>1</v>
      </c>
      <c r="M694" s="8">
        <v>60</v>
      </c>
      <c r="N694" s="72"/>
      <c r="O694" s="217"/>
    </row>
    <row r="695" spans="1:15" s="99" customFormat="1" collapsed="1">
      <c r="A695" s="17"/>
      <c r="B695" s="17"/>
      <c r="C695" s="17" t="s">
        <v>147</v>
      </c>
      <c r="D695" s="139" t="s">
        <v>144</v>
      </c>
      <c r="E695" s="17"/>
      <c r="F695" s="17"/>
      <c r="G695" s="17"/>
      <c r="H695" s="17" t="s">
        <v>17</v>
      </c>
      <c r="I695" s="17" t="s">
        <v>71</v>
      </c>
      <c r="J695" s="17">
        <v>2</v>
      </c>
      <c r="K695" s="17"/>
      <c r="L695" s="17"/>
      <c r="M695" s="17"/>
      <c r="N695" s="138"/>
      <c r="O695" s="217" t="s">
        <v>936</v>
      </c>
    </row>
    <row r="696" spans="1:15" s="99" customFormat="1" hidden="1" outlineLevel="2">
      <c r="A696" s="10"/>
      <c r="B696" s="10"/>
      <c r="C696" s="8"/>
      <c r="D696" s="10"/>
      <c r="E696" s="8" t="s">
        <v>146</v>
      </c>
      <c r="F696" s="8">
        <v>166</v>
      </c>
      <c r="G696" s="8" t="s">
        <v>144</v>
      </c>
      <c r="H696" s="8" t="s">
        <v>66</v>
      </c>
      <c r="I696" s="8" t="s">
        <v>65</v>
      </c>
      <c r="J696" s="8">
        <v>1</v>
      </c>
      <c r="K696" s="8" t="s">
        <v>509</v>
      </c>
      <c r="L696" s="8">
        <v>1</v>
      </c>
      <c r="M696" s="8">
        <v>55</v>
      </c>
      <c r="N696" s="72"/>
      <c r="O696" s="217"/>
    </row>
    <row r="697" spans="1:15" s="99" customFormat="1" hidden="1" outlineLevel="2">
      <c r="A697" s="10"/>
      <c r="B697" s="10"/>
      <c r="C697" s="8"/>
      <c r="D697" s="10"/>
      <c r="E697" s="8" t="s">
        <v>145</v>
      </c>
      <c r="F697" s="8">
        <v>166</v>
      </c>
      <c r="G697" s="8" t="s">
        <v>144</v>
      </c>
      <c r="H697" s="8" t="s">
        <v>17</v>
      </c>
      <c r="I697" s="8" t="s">
        <v>71</v>
      </c>
      <c r="J697" s="8">
        <v>1</v>
      </c>
      <c r="K697" s="8" t="s">
        <v>509</v>
      </c>
      <c r="L697" s="8">
        <v>1</v>
      </c>
      <c r="M697" s="8">
        <v>55</v>
      </c>
      <c r="N697" s="72"/>
      <c r="O697" s="217"/>
    </row>
    <row r="698" spans="1:15" s="99" customFormat="1" collapsed="1">
      <c r="A698" s="17"/>
      <c r="B698" s="17"/>
      <c r="C698" s="17" t="s">
        <v>147</v>
      </c>
      <c r="D698" s="139" t="s">
        <v>144</v>
      </c>
      <c r="E698" s="17"/>
      <c r="F698" s="17"/>
      <c r="G698" s="17"/>
      <c r="H698" s="17" t="s">
        <v>17</v>
      </c>
      <c r="I698" s="17" t="s">
        <v>71</v>
      </c>
      <c r="J698" s="17">
        <v>2</v>
      </c>
      <c r="K698" s="17"/>
      <c r="L698" s="17"/>
      <c r="M698" s="17"/>
      <c r="N698" s="138"/>
      <c r="O698" s="217"/>
    </row>
    <row r="699" spans="1:15" s="99" customFormat="1" hidden="1" outlineLevel="1">
      <c r="A699" s="10"/>
      <c r="B699" s="10"/>
      <c r="C699" s="8"/>
      <c r="D699" s="10"/>
      <c r="E699" s="8" t="s">
        <v>146</v>
      </c>
      <c r="F699" s="8">
        <v>166</v>
      </c>
      <c r="G699" s="8" t="s">
        <v>144</v>
      </c>
      <c r="H699" s="8" t="s">
        <v>66</v>
      </c>
      <c r="I699" s="8" t="s">
        <v>65</v>
      </c>
      <c r="J699" s="8">
        <v>1</v>
      </c>
      <c r="K699" s="8" t="s">
        <v>509</v>
      </c>
      <c r="L699" s="8">
        <v>1</v>
      </c>
      <c r="M699" s="8">
        <v>55</v>
      </c>
      <c r="N699" s="72"/>
      <c r="O699" s="217"/>
    </row>
    <row r="700" spans="1:15" s="99" customFormat="1" hidden="1" outlineLevel="1">
      <c r="A700" s="10"/>
      <c r="B700" s="10"/>
      <c r="C700" s="8"/>
      <c r="D700" s="10"/>
      <c r="E700" s="8" t="s">
        <v>145</v>
      </c>
      <c r="F700" s="8">
        <v>166</v>
      </c>
      <c r="G700" s="8" t="s">
        <v>144</v>
      </c>
      <c r="H700" s="8" t="s">
        <v>17</v>
      </c>
      <c r="I700" s="8" t="s">
        <v>71</v>
      </c>
      <c r="J700" s="8">
        <v>1</v>
      </c>
      <c r="K700" s="8" t="s">
        <v>509</v>
      </c>
      <c r="L700" s="8">
        <v>1</v>
      </c>
      <c r="M700" s="8">
        <v>55</v>
      </c>
      <c r="N700" s="72"/>
      <c r="O700" s="217"/>
    </row>
    <row r="701" spans="1:15" s="99" customFormat="1" collapsed="1">
      <c r="A701" s="17"/>
      <c r="B701" s="17"/>
      <c r="C701" s="17" t="s">
        <v>143</v>
      </c>
      <c r="D701" s="139" t="s">
        <v>474</v>
      </c>
      <c r="E701" s="17"/>
      <c r="F701" s="17"/>
      <c r="G701" s="17"/>
      <c r="H701" s="17" t="s">
        <v>17</v>
      </c>
      <c r="I701" s="17" t="s">
        <v>71</v>
      </c>
      <c r="J701" s="17" t="s">
        <v>525</v>
      </c>
      <c r="K701" s="17"/>
      <c r="L701" s="17"/>
      <c r="M701" s="17"/>
      <c r="N701" s="138"/>
      <c r="O701" s="217" t="s">
        <v>950</v>
      </c>
    </row>
    <row r="702" spans="1:15" s="99" customFormat="1" hidden="1" outlineLevel="1">
      <c r="A702" s="10"/>
      <c r="B702" s="10"/>
      <c r="C702" s="8"/>
      <c r="D702" s="10"/>
      <c r="E702" s="8" t="s">
        <v>142</v>
      </c>
      <c r="F702" s="8">
        <v>19</v>
      </c>
      <c r="G702" s="8" t="s">
        <v>141</v>
      </c>
      <c r="H702" s="8" t="s">
        <v>17</v>
      </c>
      <c r="I702" s="8" t="s">
        <v>71</v>
      </c>
      <c r="J702" s="8">
        <v>1</v>
      </c>
      <c r="K702" s="8" t="s">
        <v>509</v>
      </c>
      <c r="L702" s="8">
        <v>2</v>
      </c>
      <c r="M702" s="8">
        <v>30</v>
      </c>
      <c r="N702" s="72"/>
      <c r="O702" s="217"/>
    </row>
    <row r="703" spans="1:15" s="99" customFormat="1" hidden="1" outlineLevel="1">
      <c r="A703" s="10"/>
      <c r="B703" s="10"/>
      <c r="C703" s="8"/>
      <c r="D703" s="10"/>
      <c r="E703" s="8" t="s">
        <v>140</v>
      </c>
      <c r="F703" s="8">
        <v>156</v>
      </c>
      <c r="G703" s="8" t="s">
        <v>139</v>
      </c>
      <c r="H703" s="8" t="s">
        <v>17</v>
      </c>
      <c r="I703" s="8" t="s">
        <v>71</v>
      </c>
      <c r="J703" s="8">
        <v>1</v>
      </c>
      <c r="K703" s="8" t="s">
        <v>514</v>
      </c>
      <c r="L703" s="8">
        <v>2</v>
      </c>
      <c r="M703" s="8">
        <v>2</v>
      </c>
      <c r="N703" s="70" t="s">
        <v>624</v>
      </c>
      <c r="O703" s="217"/>
    </row>
    <row r="704" spans="1:15" s="99" customFormat="1" hidden="1" outlineLevel="1">
      <c r="A704" s="10"/>
      <c r="B704" s="10"/>
      <c r="C704" s="8"/>
      <c r="D704" s="10"/>
      <c r="E704" s="8" t="s">
        <v>138</v>
      </c>
      <c r="F704" s="8">
        <v>116</v>
      </c>
      <c r="G704" s="8" t="s">
        <v>137</v>
      </c>
      <c r="H704" s="8" t="s">
        <v>17</v>
      </c>
      <c r="I704" s="8" t="s">
        <v>71</v>
      </c>
      <c r="J704" s="8">
        <v>1</v>
      </c>
      <c r="K704" s="8" t="s">
        <v>514</v>
      </c>
      <c r="L704" s="8">
        <v>3</v>
      </c>
      <c r="M704" s="8">
        <v>15</v>
      </c>
      <c r="N704" s="18"/>
      <c r="O704" s="217"/>
    </row>
    <row r="705" spans="1:16" s="99" customFormat="1" hidden="1" outlineLevel="1">
      <c r="A705" s="10"/>
      <c r="B705" s="10"/>
      <c r="C705" s="8"/>
      <c r="D705" s="10"/>
      <c r="E705" s="8" t="s">
        <v>136</v>
      </c>
      <c r="F705" s="8">
        <v>26</v>
      </c>
      <c r="G705" s="8" t="s">
        <v>135</v>
      </c>
      <c r="H705" s="8" t="s">
        <v>17</v>
      </c>
      <c r="I705" s="8" t="s">
        <v>71</v>
      </c>
      <c r="J705" s="8">
        <v>1</v>
      </c>
      <c r="K705" s="8" t="s">
        <v>514</v>
      </c>
      <c r="L705" s="8">
        <v>2</v>
      </c>
      <c r="M705" s="8">
        <v>3</v>
      </c>
      <c r="N705" s="18"/>
      <c r="O705" s="217"/>
    </row>
    <row r="706" spans="1:16" s="8" customFormat="1" hidden="1" outlineLevel="1">
      <c r="C706" s="33"/>
      <c r="D706" s="33"/>
      <c r="E706" s="33" t="s">
        <v>134</v>
      </c>
      <c r="F706" s="11">
        <v>309</v>
      </c>
      <c r="G706" s="33" t="s">
        <v>133</v>
      </c>
      <c r="H706" s="33" t="s">
        <v>78</v>
      </c>
      <c r="I706" s="33" t="s">
        <v>71</v>
      </c>
      <c r="J706" s="11">
        <v>1</v>
      </c>
      <c r="K706" s="11" t="s">
        <v>514</v>
      </c>
      <c r="L706" s="11">
        <v>1</v>
      </c>
      <c r="M706" s="11">
        <v>2</v>
      </c>
      <c r="N706" s="18" t="s">
        <v>703</v>
      </c>
      <c r="O706" s="217"/>
      <c r="P706" s="99"/>
    </row>
    <row r="707" spans="1:16" s="8" customFormat="1" hidden="1" outlineLevel="1">
      <c r="C707" s="33"/>
      <c r="D707" s="33"/>
      <c r="E707" s="33" t="s">
        <v>132</v>
      </c>
      <c r="F707" s="11">
        <v>310</v>
      </c>
      <c r="G707" s="33" t="s">
        <v>131</v>
      </c>
      <c r="H707" s="33" t="s">
        <v>17</v>
      </c>
      <c r="I707" s="33" t="s">
        <v>71</v>
      </c>
      <c r="J707" s="11">
        <v>1</v>
      </c>
      <c r="K707" s="11" t="s">
        <v>509</v>
      </c>
      <c r="L707" s="11">
        <v>1</v>
      </c>
      <c r="M707" s="11">
        <v>30</v>
      </c>
      <c r="N707" s="18"/>
      <c r="O707" s="217"/>
      <c r="P707" s="99"/>
    </row>
    <row r="708" spans="1:16" hidden="1" collapsed="1">
      <c r="A708" s="17"/>
      <c r="B708" s="17"/>
      <c r="C708" s="17" t="s">
        <v>130</v>
      </c>
      <c r="D708" s="139" t="s">
        <v>126</v>
      </c>
      <c r="E708" s="17"/>
      <c r="F708" s="17"/>
      <c r="G708" s="17"/>
      <c r="H708" s="17"/>
      <c r="I708" s="17"/>
      <c r="J708" s="17">
        <v>12</v>
      </c>
      <c r="K708" s="17"/>
      <c r="L708" s="17"/>
      <c r="M708" s="17"/>
      <c r="N708" s="138"/>
      <c r="O708" s="217"/>
    </row>
    <row r="709" spans="1:16" hidden="1">
      <c r="E709" s="8" t="s">
        <v>129</v>
      </c>
      <c r="F709" s="72">
        <v>128</v>
      </c>
      <c r="G709" s="72" t="s">
        <v>128</v>
      </c>
      <c r="H709" s="8" t="s">
        <v>66</v>
      </c>
      <c r="I709" s="8" t="s">
        <v>65</v>
      </c>
      <c r="J709" s="8">
        <v>1</v>
      </c>
      <c r="K709" s="8" t="s">
        <v>514</v>
      </c>
      <c r="L709" s="8">
        <v>2</v>
      </c>
      <c r="M709" s="8">
        <v>3</v>
      </c>
      <c r="N709" s="72" t="s">
        <v>692</v>
      </c>
      <c r="O709" s="217"/>
    </row>
    <row r="710" spans="1:16" hidden="1">
      <c r="E710" s="19" t="s">
        <v>127</v>
      </c>
      <c r="F710" s="19">
        <v>127</v>
      </c>
      <c r="G710" s="19" t="s">
        <v>126</v>
      </c>
      <c r="H710" s="19" t="s">
        <v>78</v>
      </c>
      <c r="I710" s="19" t="s">
        <v>96</v>
      </c>
      <c r="J710" s="19">
        <v>1</v>
      </c>
      <c r="K710" s="19" t="s">
        <v>509</v>
      </c>
      <c r="L710" s="19">
        <v>1</v>
      </c>
      <c r="M710" s="19">
        <v>30</v>
      </c>
      <c r="N710" s="25"/>
      <c r="O710" s="217"/>
    </row>
    <row r="711" spans="1:16" hidden="1">
      <c r="E711" s="8" t="s">
        <v>125</v>
      </c>
      <c r="F711" s="72">
        <v>352</v>
      </c>
      <c r="G711" s="72" t="s">
        <v>3</v>
      </c>
      <c r="H711" s="8" t="s">
        <v>78</v>
      </c>
      <c r="I711" s="8" t="s">
        <v>71</v>
      </c>
      <c r="J711" s="8">
        <v>1</v>
      </c>
      <c r="K711" s="8" t="s">
        <v>509</v>
      </c>
      <c r="L711" s="8">
        <v>1</v>
      </c>
      <c r="M711" s="8">
        <v>80</v>
      </c>
      <c r="O711" s="217"/>
    </row>
    <row r="712" spans="1:16">
      <c r="A712" s="17"/>
      <c r="B712" s="17"/>
      <c r="C712" s="17" t="s">
        <v>124</v>
      </c>
      <c r="D712" s="139" t="s">
        <v>475</v>
      </c>
      <c r="E712" s="17"/>
      <c r="F712" s="17"/>
      <c r="G712" s="17"/>
      <c r="H712" s="17" t="s">
        <v>17</v>
      </c>
      <c r="I712" s="17" t="s">
        <v>71</v>
      </c>
      <c r="J712" s="17" t="s">
        <v>525</v>
      </c>
      <c r="K712" s="17"/>
      <c r="L712" s="17"/>
      <c r="M712" s="17"/>
      <c r="N712" s="138"/>
      <c r="O712" s="218" t="s">
        <v>937</v>
      </c>
      <c r="P712" s="99" t="s">
        <v>1081</v>
      </c>
    </row>
    <row r="713" spans="1:16" hidden="1" outlineLevel="1">
      <c r="E713" s="8" t="s">
        <v>123</v>
      </c>
      <c r="F713" s="8">
        <v>366</v>
      </c>
      <c r="G713" s="8" t="s">
        <v>122</v>
      </c>
      <c r="H713" s="8" t="s">
        <v>66</v>
      </c>
      <c r="I713" s="8" t="s">
        <v>65</v>
      </c>
      <c r="J713" s="8">
        <v>1</v>
      </c>
      <c r="K713" s="8" t="s">
        <v>514</v>
      </c>
      <c r="L713" s="8">
        <v>2</v>
      </c>
      <c r="M713" s="8">
        <v>2</v>
      </c>
      <c r="N713" s="72" t="s">
        <v>704</v>
      </c>
      <c r="O713" s="98"/>
    </row>
    <row r="714" spans="1:16" hidden="1" outlineLevel="1">
      <c r="E714" s="8" t="s">
        <v>121</v>
      </c>
      <c r="F714" s="8">
        <v>93</v>
      </c>
      <c r="G714" s="8" t="s">
        <v>120</v>
      </c>
      <c r="H714" s="8" t="s">
        <v>17</v>
      </c>
      <c r="I714" s="8" t="s">
        <v>71</v>
      </c>
      <c r="J714" s="8">
        <v>1</v>
      </c>
      <c r="K714" s="8" t="s">
        <v>509</v>
      </c>
      <c r="L714" s="8">
        <v>1</v>
      </c>
      <c r="M714" s="8">
        <v>60</v>
      </c>
      <c r="O714" s="98"/>
    </row>
    <row r="715" spans="1:16" hidden="1" outlineLevel="1">
      <c r="E715" s="8" t="s">
        <v>119</v>
      </c>
      <c r="F715" s="8">
        <v>365</v>
      </c>
      <c r="G715" s="8" t="s">
        <v>114</v>
      </c>
      <c r="H715" s="8" t="s">
        <v>78</v>
      </c>
      <c r="I715" s="8" t="s">
        <v>71</v>
      </c>
      <c r="J715" s="8">
        <v>1</v>
      </c>
      <c r="K715" s="8" t="s">
        <v>514</v>
      </c>
      <c r="L715" s="8">
        <v>2</v>
      </c>
      <c r="M715" s="8">
        <v>2</v>
      </c>
      <c r="N715" s="70" t="s">
        <v>624</v>
      </c>
      <c r="O715" s="98"/>
    </row>
    <row r="716" spans="1:16" hidden="1" outlineLevel="1">
      <c r="E716" s="8" t="s">
        <v>118</v>
      </c>
      <c r="F716" s="8">
        <v>364</v>
      </c>
      <c r="G716" s="8" t="s">
        <v>112</v>
      </c>
      <c r="H716" s="8" t="s">
        <v>78</v>
      </c>
      <c r="I716" s="8" t="s">
        <v>71</v>
      </c>
      <c r="J716" s="8">
        <v>1</v>
      </c>
      <c r="K716" s="8" t="s">
        <v>509</v>
      </c>
      <c r="L716" s="8">
        <v>1</v>
      </c>
      <c r="M716" s="8">
        <v>80</v>
      </c>
      <c r="O716" s="98"/>
    </row>
    <row r="717" spans="1:16" hidden="1" outlineLevel="1">
      <c r="E717" s="8" t="s">
        <v>117</v>
      </c>
      <c r="F717" s="8">
        <v>365</v>
      </c>
      <c r="G717" s="8" t="s">
        <v>114</v>
      </c>
      <c r="H717" s="8" t="s">
        <v>78</v>
      </c>
      <c r="I717" s="8" t="s">
        <v>71</v>
      </c>
      <c r="J717" s="8">
        <v>1</v>
      </c>
      <c r="K717" s="8" t="s">
        <v>514</v>
      </c>
      <c r="L717" s="8">
        <v>2</v>
      </c>
      <c r="M717" s="8">
        <v>2</v>
      </c>
      <c r="N717" s="70" t="s">
        <v>624</v>
      </c>
      <c r="O717" s="98"/>
    </row>
    <row r="718" spans="1:16" hidden="1" outlineLevel="1">
      <c r="E718" s="8" t="s">
        <v>116</v>
      </c>
      <c r="F718" s="8">
        <v>364</v>
      </c>
      <c r="G718" s="8" t="s">
        <v>112</v>
      </c>
      <c r="H718" s="8" t="s">
        <v>78</v>
      </c>
      <c r="I718" s="8" t="s">
        <v>71</v>
      </c>
      <c r="J718" s="8">
        <v>1</v>
      </c>
      <c r="K718" s="8" t="s">
        <v>509</v>
      </c>
      <c r="L718" s="8">
        <v>1</v>
      </c>
      <c r="M718" s="8">
        <v>80</v>
      </c>
      <c r="O718" s="98"/>
    </row>
    <row r="719" spans="1:16" hidden="1" outlineLevel="1">
      <c r="E719" s="8" t="s">
        <v>115</v>
      </c>
      <c r="F719" s="8">
        <v>365</v>
      </c>
      <c r="G719" s="8" t="s">
        <v>114</v>
      </c>
      <c r="H719" s="8" t="s">
        <v>78</v>
      </c>
      <c r="I719" s="8" t="s">
        <v>71</v>
      </c>
      <c r="J719" s="8">
        <v>1</v>
      </c>
      <c r="K719" s="8" t="s">
        <v>514</v>
      </c>
      <c r="L719" s="8">
        <v>2</v>
      </c>
      <c r="M719" s="8">
        <v>2</v>
      </c>
      <c r="N719" s="70" t="s">
        <v>624</v>
      </c>
      <c r="O719" s="98"/>
    </row>
    <row r="720" spans="1:16" hidden="1" outlineLevel="1">
      <c r="E720" s="8" t="s">
        <v>113</v>
      </c>
      <c r="F720" s="8">
        <v>364</v>
      </c>
      <c r="G720" s="8" t="s">
        <v>112</v>
      </c>
      <c r="H720" s="8" t="s">
        <v>78</v>
      </c>
      <c r="I720" s="8" t="s">
        <v>71</v>
      </c>
      <c r="J720" s="8">
        <v>1</v>
      </c>
      <c r="K720" s="8" t="s">
        <v>509</v>
      </c>
      <c r="L720" s="8">
        <v>1</v>
      </c>
      <c r="M720" s="8">
        <v>80</v>
      </c>
      <c r="O720" s="98"/>
    </row>
    <row r="721" spans="1:15" hidden="1" collapsed="1">
      <c r="A721" s="17" t="s">
        <v>158</v>
      </c>
      <c r="B721" s="17" t="s">
        <v>120</v>
      </c>
      <c r="C721" s="17"/>
      <c r="D721" s="139"/>
      <c r="E721" s="17"/>
      <c r="F721" s="17"/>
      <c r="G721" s="17"/>
      <c r="H721" s="17" t="s">
        <v>17</v>
      </c>
      <c r="I721" s="17" t="s">
        <v>71</v>
      </c>
      <c r="J721" s="17">
        <v>200</v>
      </c>
      <c r="K721" s="17"/>
      <c r="L721" s="17"/>
      <c r="M721" s="17"/>
      <c r="N721" s="138"/>
      <c r="O721" s="98"/>
    </row>
    <row r="722" spans="1:15" s="99" customFormat="1" hidden="1">
      <c r="A722" s="17"/>
      <c r="B722" s="17"/>
      <c r="C722" s="17" t="s">
        <v>158</v>
      </c>
      <c r="D722" s="139" t="s">
        <v>120</v>
      </c>
      <c r="E722" s="17"/>
      <c r="F722" s="17"/>
      <c r="G722" s="17"/>
      <c r="H722" s="17" t="s">
        <v>66</v>
      </c>
      <c r="I722" s="17" t="s">
        <v>65</v>
      </c>
      <c r="J722" s="17">
        <v>1</v>
      </c>
      <c r="K722" s="17"/>
      <c r="L722" s="17"/>
      <c r="M722" s="17"/>
      <c r="N722" s="138"/>
      <c r="O722" s="98"/>
    </row>
    <row r="723" spans="1:15" s="99" customFormat="1" hidden="1">
      <c r="A723" s="10"/>
      <c r="B723" s="10"/>
      <c r="C723" s="8"/>
      <c r="D723" s="10"/>
      <c r="E723" s="8" t="s">
        <v>157</v>
      </c>
      <c r="F723" s="8">
        <v>98</v>
      </c>
      <c r="G723" s="8" t="s">
        <v>156</v>
      </c>
      <c r="H723" s="8" t="s">
        <v>66</v>
      </c>
      <c r="I723" s="8" t="s">
        <v>65</v>
      </c>
      <c r="J723" s="8">
        <v>1</v>
      </c>
      <c r="K723" s="8" t="s">
        <v>514</v>
      </c>
      <c r="L723" s="8">
        <v>2</v>
      </c>
      <c r="M723" s="8">
        <v>3</v>
      </c>
      <c r="N723" s="70" t="s">
        <v>624</v>
      </c>
      <c r="O723" s="98"/>
    </row>
    <row r="724" spans="1:15" s="99" customFormat="1" hidden="1">
      <c r="A724" s="10"/>
      <c r="B724" s="10"/>
      <c r="C724" s="8"/>
      <c r="D724" s="10"/>
      <c r="E724" s="8" t="s">
        <v>155</v>
      </c>
      <c r="F724" s="8">
        <v>93</v>
      </c>
      <c r="G724" s="8" t="s">
        <v>120</v>
      </c>
      <c r="H724" s="8" t="s">
        <v>78</v>
      </c>
      <c r="I724" s="8" t="s">
        <v>71</v>
      </c>
      <c r="J724" s="8">
        <v>1</v>
      </c>
      <c r="K724" s="8" t="s">
        <v>509</v>
      </c>
      <c r="L724" s="8">
        <v>1</v>
      </c>
      <c r="M724" s="8">
        <v>60</v>
      </c>
      <c r="N724" s="72"/>
      <c r="O724" s="98"/>
    </row>
    <row r="725" spans="1:15" s="99" customFormat="1" hidden="1">
      <c r="A725" s="10"/>
      <c r="B725" s="10"/>
      <c r="C725" s="8"/>
      <c r="D725" s="10"/>
      <c r="E725" s="8" t="s">
        <v>154</v>
      </c>
      <c r="F725" s="8">
        <v>66</v>
      </c>
      <c r="G725" s="8" t="s">
        <v>153</v>
      </c>
      <c r="H725" s="8" t="s">
        <v>78</v>
      </c>
      <c r="I725" s="8" t="s">
        <v>71</v>
      </c>
      <c r="J725" s="8">
        <v>1</v>
      </c>
      <c r="K725" s="8" t="s">
        <v>514</v>
      </c>
      <c r="L725" s="8">
        <v>1</v>
      </c>
      <c r="M725" s="8">
        <v>2</v>
      </c>
      <c r="N725" s="70" t="s">
        <v>624</v>
      </c>
      <c r="O725" s="98"/>
    </row>
    <row r="726" spans="1:15" s="99" customFormat="1" hidden="1">
      <c r="A726" s="10"/>
      <c r="B726" s="10"/>
      <c r="C726" s="8"/>
      <c r="D726" s="10"/>
      <c r="E726" s="8" t="s">
        <v>152</v>
      </c>
      <c r="F726" s="8">
        <v>67</v>
      </c>
      <c r="G726" s="8" t="s">
        <v>151</v>
      </c>
      <c r="H726" s="8" t="s">
        <v>78</v>
      </c>
      <c r="I726" s="8" t="s">
        <v>71</v>
      </c>
      <c r="J726" s="8">
        <v>1</v>
      </c>
      <c r="K726" s="8" t="s">
        <v>509</v>
      </c>
      <c r="L726" s="8">
        <v>2</v>
      </c>
      <c r="M726" s="8">
        <v>80</v>
      </c>
      <c r="N726" s="72"/>
      <c r="O726" s="98"/>
    </row>
    <row r="727" spans="1:15" s="99" customFormat="1" hidden="1">
      <c r="A727" s="17"/>
      <c r="B727" s="17"/>
      <c r="C727" s="17" t="s">
        <v>150</v>
      </c>
      <c r="D727" s="139" t="s">
        <v>473</v>
      </c>
      <c r="E727" s="17"/>
      <c r="F727" s="17"/>
      <c r="G727" s="17"/>
      <c r="H727" s="17" t="s">
        <v>17</v>
      </c>
      <c r="I727" s="17" t="s">
        <v>71</v>
      </c>
      <c r="J727" s="17">
        <v>2</v>
      </c>
      <c r="K727" s="17"/>
      <c r="L727" s="17"/>
      <c r="M727" s="17"/>
      <c r="N727" s="138"/>
      <c r="O727" s="98"/>
    </row>
    <row r="728" spans="1:15" s="99" customFormat="1" hidden="1">
      <c r="A728" s="10"/>
      <c r="B728" s="10"/>
      <c r="C728" s="8"/>
      <c r="D728" s="10"/>
      <c r="E728" s="8" t="s">
        <v>149</v>
      </c>
      <c r="F728" s="8">
        <v>93</v>
      </c>
      <c r="G728" s="8" t="s">
        <v>120</v>
      </c>
      <c r="H728" s="8" t="s">
        <v>66</v>
      </c>
      <c r="I728" s="8" t="s">
        <v>65</v>
      </c>
      <c r="J728" s="8">
        <v>1</v>
      </c>
      <c r="K728" s="8" t="s">
        <v>509</v>
      </c>
      <c r="L728" s="8">
        <v>1</v>
      </c>
      <c r="M728" s="8">
        <v>60</v>
      </c>
      <c r="N728" s="72"/>
      <c r="O728" s="98"/>
    </row>
    <row r="729" spans="1:15" s="99" customFormat="1" hidden="1">
      <c r="A729" s="10"/>
      <c r="B729" s="10"/>
      <c r="C729" s="8"/>
      <c r="D729" s="10"/>
      <c r="E729" s="8" t="s">
        <v>148</v>
      </c>
      <c r="F729" s="8">
        <v>93</v>
      </c>
      <c r="G729" s="8" t="s">
        <v>120</v>
      </c>
      <c r="H729" s="8" t="s">
        <v>17</v>
      </c>
      <c r="I729" s="8" t="s">
        <v>71</v>
      </c>
      <c r="J729" s="8">
        <v>1</v>
      </c>
      <c r="K729" s="8" t="s">
        <v>509</v>
      </c>
      <c r="L729" s="8">
        <v>1</v>
      </c>
      <c r="M729" s="8">
        <v>60</v>
      </c>
      <c r="N729" s="72"/>
      <c r="O729" s="98"/>
    </row>
    <row r="730" spans="1:15" s="99" customFormat="1" hidden="1">
      <c r="A730" s="17"/>
      <c r="B730" s="17"/>
      <c r="C730" s="17" t="s">
        <v>150</v>
      </c>
      <c r="D730" s="139" t="s">
        <v>473</v>
      </c>
      <c r="E730" s="17"/>
      <c r="F730" s="17"/>
      <c r="G730" s="17"/>
      <c r="H730" s="17" t="s">
        <v>17</v>
      </c>
      <c r="I730" s="17" t="s">
        <v>71</v>
      </c>
      <c r="J730" s="17">
        <v>2</v>
      </c>
      <c r="K730" s="17"/>
      <c r="L730" s="17"/>
      <c r="M730" s="17"/>
      <c r="N730" s="138"/>
      <c r="O730" s="98"/>
    </row>
    <row r="731" spans="1:15" s="99" customFormat="1" hidden="1">
      <c r="A731" s="10"/>
      <c r="B731" s="10"/>
      <c r="C731" s="8"/>
      <c r="D731" s="10"/>
      <c r="E731" s="8" t="s">
        <v>149</v>
      </c>
      <c r="F731" s="8">
        <v>93</v>
      </c>
      <c r="G731" s="8" t="s">
        <v>120</v>
      </c>
      <c r="H731" s="8" t="s">
        <v>66</v>
      </c>
      <c r="I731" s="8" t="s">
        <v>65</v>
      </c>
      <c r="J731" s="8">
        <v>1</v>
      </c>
      <c r="K731" s="8" t="s">
        <v>509</v>
      </c>
      <c r="L731" s="8">
        <v>1</v>
      </c>
      <c r="M731" s="8">
        <v>60</v>
      </c>
      <c r="N731" s="72"/>
      <c r="O731" s="98"/>
    </row>
    <row r="732" spans="1:15" s="99" customFormat="1" hidden="1">
      <c r="A732" s="10"/>
      <c r="B732" s="10"/>
      <c r="C732" s="8"/>
      <c r="D732" s="10"/>
      <c r="E732" s="8" t="s">
        <v>148</v>
      </c>
      <c r="F732" s="8">
        <v>93</v>
      </c>
      <c r="G732" s="8" t="s">
        <v>120</v>
      </c>
      <c r="H732" s="8" t="s">
        <v>17</v>
      </c>
      <c r="I732" s="8" t="s">
        <v>71</v>
      </c>
      <c r="J732" s="8">
        <v>1</v>
      </c>
      <c r="K732" s="8" t="s">
        <v>509</v>
      </c>
      <c r="L732" s="8">
        <v>1</v>
      </c>
      <c r="M732" s="8">
        <v>60</v>
      </c>
      <c r="N732" s="72"/>
      <c r="O732" s="98"/>
    </row>
    <row r="733" spans="1:15" s="99" customFormat="1" hidden="1">
      <c r="A733" s="17"/>
      <c r="B733" s="17"/>
      <c r="C733" s="17" t="s">
        <v>147</v>
      </c>
      <c r="D733" s="139" t="s">
        <v>144</v>
      </c>
      <c r="E733" s="17"/>
      <c r="F733" s="17"/>
      <c r="G733" s="17"/>
      <c r="H733" s="17" t="s">
        <v>17</v>
      </c>
      <c r="I733" s="17" t="s">
        <v>71</v>
      </c>
      <c r="J733" s="17">
        <v>2</v>
      </c>
      <c r="K733" s="17"/>
      <c r="L733" s="17"/>
      <c r="M733" s="17"/>
      <c r="N733" s="138"/>
      <c r="O733" s="98"/>
    </row>
    <row r="734" spans="1:15" s="99" customFormat="1" hidden="1">
      <c r="A734" s="10"/>
      <c r="B734" s="10"/>
      <c r="C734" s="8"/>
      <c r="D734" s="10"/>
      <c r="E734" s="8" t="s">
        <v>146</v>
      </c>
      <c r="F734" s="8">
        <v>166</v>
      </c>
      <c r="G734" s="8" t="s">
        <v>144</v>
      </c>
      <c r="H734" s="8" t="s">
        <v>66</v>
      </c>
      <c r="I734" s="8" t="s">
        <v>65</v>
      </c>
      <c r="J734" s="8">
        <v>1</v>
      </c>
      <c r="K734" s="8" t="s">
        <v>509</v>
      </c>
      <c r="L734" s="8">
        <v>1</v>
      </c>
      <c r="M734" s="8">
        <v>55</v>
      </c>
      <c r="N734" s="72"/>
      <c r="O734" s="98"/>
    </row>
    <row r="735" spans="1:15" s="99" customFormat="1" hidden="1">
      <c r="A735" s="10"/>
      <c r="B735" s="10"/>
      <c r="C735" s="8"/>
      <c r="D735" s="10"/>
      <c r="E735" s="8" t="s">
        <v>145</v>
      </c>
      <c r="F735" s="8">
        <v>166</v>
      </c>
      <c r="G735" s="8" t="s">
        <v>144</v>
      </c>
      <c r="H735" s="8" t="s">
        <v>17</v>
      </c>
      <c r="I735" s="8" t="s">
        <v>71</v>
      </c>
      <c r="J735" s="8">
        <v>1</v>
      </c>
      <c r="K735" s="8" t="s">
        <v>509</v>
      </c>
      <c r="L735" s="8">
        <v>1</v>
      </c>
      <c r="M735" s="8">
        <v>55</v>
      </c>
      <c r="N735" s="72"/>
      <c r="O735" s="98"/>
    </row>
    <row r="736" spans="1:15" s="99" customFormat="1" hidden="1">
      <c r="A736" s="17"/>
      <c r="B736" s="17"/>
      <c r="C736" s="17" t="s">
        <v>147</v>
      </c>
      <c r="D736" s="139" t="s">
        <v>144</v>
      </c>
      <c r="E736" s="17"/>
      <c r="F736" s="17"/>
      <c r="G736" s="17"/>
      <c r="H736" s="17" t="s">
        <v>17</v>
      </c>
      <c r="I736" s="17" t="s">
        <v>71</v>
      </c>
      <c r="J736" s="17">
        <v>2</v>
      </c>
      <c r="K736" s="17"/>
      <c r="L736" s="17"/>
      <c r="M736" s="17"/>
      <c r="N736" s="138"/>
      <c r="O736" s="98"/>
    </row>
    <row r="737" spans="1:16" s="99" customFormat="1" hidden="1">
      <c r="A737" s="10"/>
      <c r="B737" s="10"/>
      <c r="C737" s="8"/>
      <c r="D737" s="10"/>
      <c r="E737" s="8" t="s">
        <v>146</v>
      </c>
      <c r="F737" s="8">
        <v>166</v>
      </c>
      <c r="G737" s="8" t="s">
        <v>144</v>
      </c>
      <c r="H737" s="8" t="s">
        <v>66</v>
      </c>
      <c r="I737" s="8" t="s">
        <v>65</v>
      </c>
      <c r="J737" s="8">
        <v>1</v>
      </c>
      <c r="K737" s="8" t="s">
        <v>509</v>
      </c>
      <c r="L737" s="8">
        <v>1</v>
      </c>
      <c r="M737" s="8">
        <v>55</v>
      </c>
      <c r="N737" s="72"/>
      <c r="O737" s="98"/>
    </row>
    <row r="738" spans="1:16" hidden="1">
      <c r="E738" s="8" t="s">
        <v>145</v>
      </c>
      <c r="F738" s="8">
        <v>166</v>
      </c>
      <c r="G738" s="8" t="s">
        <v>144</v>
      </c>
      <c r="H738" s="8" t="s">
        <v>17</v>
      </c>
      <c r="I738" s="8" t="s">
        <v>71</v>
      </c>
      <c r="J738" s="8">
        <v>1</v>
      </c>
      <c r="K738" s="8" t="s">
        <v>509</v>
      </c>
      <c r="L738" s="8">
        <v>1</v>
      </c>
      <c r="M738" s="8">
        <v>55</v>
      </c>
      <c r="O738" s="98"/>
    </row>
    <row r="739" spans="1:16" hidden="1">
      <c r="A739" s="17"/>
      <c r="B739" s="17"/>
      <c r="C739" s="17" t="s">
        <v>143</v>
      </c>
      <c r="D739" s="139" t="s">
        <v>474</v>
      </c>
      <c r="E739" s="17"/>
      <c r="F739" s="17"/>
      <c r="G739" s="17"/>
      <c r="H739" s="17" t="s">
        <v>17</v>
      </c>
      <c r="I739" s="17" t="s">
        <v>71</v>
      </c>
      <c r="J739" s="17" t="s">
        <v>525</v>
      </c>
      <c r="K739" s="17"/>
      <c r="L739" s="17"/>
      <c r="M739" s="17"/>
      <c r="N739" s="138"/>
      <c r="O739" s="98"/>
    </row>
    <row r="740" spans="1:16" hidden="1">
      <c r="E740" s="8" t="s">
        <v>142</v>
      </c>
      <c r="F740" s="8">
        <v>19</v>
      </c>
      <c r="G740" s="8" t="s">
        <v>141</v>
      </c>
      <c r="H740" s="8" t="s">
        <v>17</v>
      </c>
      <c r="I740" s="8" t="s">
        <v>71</v>
      </c>
      <c r="J740" s="8">
        <v>1</v>
      </c>
      <c r="K740" s="8" t="s">
        <v>509</v>
      </c>
      <c r="L740" s="8">
        <v>2</v>
      </c>
      <c r="M740" s="8">
        <v>30</v>
      </c>
      <c r="O740" s="98"/>
    </row>
    <row r="741" spans="1:16" hidden="1">
      <c r="E741" s="8" t="s">
        <v>140</v>
      </c>
      <c r="F741" s="8">
        <v>156</v>
      </c>
      <c r="G741" s="8" t="s">
        <v>139</v>
      </c>
      <c r="H741" s="8" t="s">
        <v>17</v>
      </c>
      <c r="I741" s="8" t="s">
        <v>71</v>
      </c>
      <c r="J741" s="8">
        <v>1</v>
      </c>
      <c r="K741" s="8" t="s">
        <v>514</v>
      </c>
      <c r="L741" s="8">
        <v>2</v>
      </c>
      <c r="M741" s="8">
        <v>2</v>
      </c>
      <c r="N741" s="70" t="s">
        <v>624</v>
      </c>
      <c r="O741" s="98"/>
    </row>
    <row r="742" spans="1:16" hidden="1">
      <c r="E742" s="8" t="s">
        <v>138</v>
      </c>
      <c r="F742" s="8">
        <v>116</v>
      </c>
      <c r="G742" s="8" t="s">
        <v>137</v>
      </c>
      <c r="H742" s="8" t="s">
        <v>17</v>
      </c>
      <c r="I742" s="8" t="s">
        <v>71</v>
      </c>
      <c r="J742" s="8">
        <v>1</v>
      </c>
      <c r="K742" s="8" t="s">
        <v>514</v>
      </c>
      <c r="L742" s="8">
        <v>3</v>
      </c>
      <c r="M742" s="8">
        <v>15</v>
      </c>
      <c r="N742" s="18"/>
      <c r="O742" s="98"/>
    </row>
    <row r="743" spans="1:16" hidden="1">
      <c r="E743" s="8" t="s">
        <v>136</v>
      </c>
      <c r="F743" s="8">
        <v>26</v>
      </c>
      <c r="G743" s="8" t="s">
        <v>135</v>
      </c>
      <c r="H743" s="8" t="s">
        <v>17</v>
      </c>
      <c r="I743" s="8" t="s">
        <v>71</v>
      </c>
      <c r="J743" s="8">
        <v>1</v>
      </c>
      <c r="K743" s="8" t="s">
        <v>514</v>
      </c>
      <c r="L743" s="8">
        <v>2</v>
      </c>
      <c r="M743" s="8">
        <v>3</v>
      </c>
      <c r="N743" s="18"/>
      <c r="O743" s="98"/>
    </row>
    <row r="744" spans="1:16" s="8" customFormat="1" hidden="1">
      <c r="C744" s="33"/>
      <c r="D744" s="33"/>
      <c r="E744" s="33" t="s">
        <v>134</v>
      </c>
      <c r="F744" s="11">
        <v>309</v>
      </c>
      <c r="G744" s="33" t="s">
        <v>133</v>
      </c>
      <c r="H744" s="33" t="s">
        <v>78</v>
      </c>
      <c r="I744" s="33" t="s">
        <v>71</v>
      </c>
      <c r="J744" s="11">
        <v>1</v>
      </c>
      <c r="K744" s="11" t="s">
        <v>514</v>
      </c>
      <c r="L744" s="11">
        <v>1</v>
      </c>
      <c r="M744" s="11">
        <v>2</v>
      </c>
      <c r="N744" s="18" t="s">
        <v>1648</v>
      </c>
      <c r="O744" s="98"/>
      <c r="P744" s="99"/>
    </row>
    <row r="745" spans="1:16" s="8" customFormat="1" hidden="1">
      <c r="C745" s="33"/>
      <c r="D745" s="33"/>
      <c r="E745" s="33" t="s">
        <v>132</v>
      </c>
      <c r="F745" s="11">
        <v>310</v>
      </c>
      <c r="G745" s="33" t="s">
        <v>131</v>
      </c>
      <c r="H745" s="33" t="s">
        <v>17</v>
      </c>
      <c r="I745" s="33" t="s">
        <v>71</v>
      </c>
      <c r="J745" s="11">
        <v>1</v>
      </c>
      <c r="K745" s="11" t="s">
        <v>509</v>
      </c>
      <c r="L745" s="11">
        <v>1</v>
      </c>
      <c r="M745" s="11">
        <v>30</v>
      </c>
      <c r="N745" s="18"/>
      <c r="O745" s="98"/>
      <c r="P745" s="99"/>
    </row>
    <row r="746" spans="1:16" hidden="1">
      <c r="A746" s="17"/>
      <c r="B746" s="17"/>
      <c r="C746" s="17" t="s">
        <v>130</v>
      </c>
      <c r="D746" s="139" t="s">
        <v>126</v>
      </c>
      <c r="E746" s="17"/>
      <c r="F746" s="17"/>
      <c r="G746" s="17"/>
      <c r="H746" s="17"/>
      <c r="I746" s="17"/>
      <c r="J746" s="17">
        <v>12</v>
      </c>
      <c r="K746" s="17"/>
      <c r="L746" s="17"/>
      <c r="M746" s="17"/>
      <c r="N746" s="138"/>
      <c r="O746" s="98"/>
    </row>
    <row r="747" spans="1:16" hidden="1">
      <c r="E747" s="8" t="s">
        <v>129</v>
      </c>
      <c r="F747" s="72">
        <v>128</v>
      </c>
      <c r="G747" s="72" t="s">
        <v>128</v>
      </c>
      <c r="H747" s="8" t="s">
        <v>66</v>
      </c>
      <c r="I747" s="8" t="s">
        <v>65</v>
      </c>
      <c r="J747" s="8">
        <v>1</v>
      </c>
      <c r="K747" s="8" t="s">
        <v>514</v>
      </c>
      <c r="L747" s="8">
        <v>2</v>
      </c>
      <c r="M747" s="8">
        <v>3</v>
      </c>
      <c r="N747" s="70" t="s">
        <v>624</v>
      </c>
      <c r="O747" s="98"/>
    </row>
    <row r="748" spans="1:16" hidden="1">
      <c r="E748" s="25" t="s">
        <v>127</v>
      </c>
      <c r="F748" s="25">
        <v>127</v>
      </c>
      <c r="G748" s="25" t="s">
        <v>126</v>
      </c>
      <c r="H748" s="19" t="s">
        <v>78</v>
      </c>
      <c r="I748" s="19" t="s">
        <v>96</v>
      </c>
      <c r="J748" s="19">
        <v>1</v>
      </c>
      <c r="K748" s="19" t="s">
        <v>509</v>
      </c>
      <c r="L748" s="19">
        <v>1</v>
      </c>
      <c r="M748" s="19">
        <v>30</v>
      </c>
      <c r="N748" s="25"/>
      <c r="O748" s="98"/>
    </row>
    <row r="749" spans="1:16" hidden="1">
      <c r="E749" s="8" t="s">
        <v>125</v>
      </c>
      <c r="F749" s="72">
        <v>352</v>
      </c>
      <c r="G749" s="72" t="s">
        <v>3</v>
      </c>
      <c r="H749" s="8" t="s">
        <v>78</v>
      </c>
      <c r="I749" s="8" t="s">
        <v>71</v>
      </c>
      <c r="J749" s="8">
        <v>1</v>
      </c>
      <c r="K749" s="8" t="s">
        <v>509</v>
      </c>
      <c r="L749" s="8">
        <v>1</v>
      </c>
      <c r="M749" s="8">
        <v>80</v>
      </c>
      <c r="O749" s="98"/>
    </row>
    <row r="750" spans="1:16" hidden="1">
      <c r="A750" s="17"/>
      <c r="B750" s="17"/>
      <c r="C750" s="17" t="s">
        <v>130</v>
      </c>
      <c r="D750" s="139" t="s">
        <v>126</v>
      </c>
      <c r="E750" s="17"/>
      <c r="F750" s="17"/>
      <c r="G750" s="17"/>
      <c r="H750" s="17"/>
      <c r="I750" s="17"/>
      <c r="J750" s="17">
        <v>12</v>
      </c>
      <c r="K750" s="17"/>
      <c r="L750" s="17"/>
      <c r="M750" s="17"/>
      <c r="N750" s="138"/>
      <c r="O750" s="98"/>
    </row>
    <row r="751" spans="1:16" hidden="1">
      <c r="E751" s="8" t="s">
        <v>129</v>
      </c>
      <c r="F751" s="72">
        <v>128</v>
      </c>
      <c r="G751" s="72" t="s">
        <v>128</v>
      </c>
      <c r="H751" s="8" t="s">
        <v>66</v>
      </c>
      <c r="I751" s="8" t="s">
        <v>65</v>
      </c>
      <c r="J751" s="8">
        <v>1</v>
      </c>
      <c r="K751" s="8" t="s">
        <v>514</v>
      </c>
      <c r="L751" s="8">
        <v>2</v>
      </c>
      <c r="M751" s="8">
        <v>3</v>
      </c>
      <c r="N751" s="72" t="s">
        <v>643</v>
      </c>
      <c r="O751" s="98"/>
    </row>
    <row r="752" spans="1:16" hidden="1">
      <c r="E752" s="25" t="s">
        <v>127</v>
      </c>
      <c r="F752" s="25">
        <v>127</v>
      </c>
      <c r="G752" s="25" t="s">
        <v>126</v>
      </c>
      <c r="H752" s="19" t="s">
        <v>78</v>
      </c>
      <c r="I752" s="25" t="s">
        <v>96</v>
      </c>
      <c r="J752" s="19">
        <v>1</v>
      </c>
      <c r="K752" s="19" t="s">
        <v>509</v>
      </c>
      <c r="L752" s="19">
        <v>1</v>
      </c>
      <c r="M752" s="19">
        <v>30</v>
      </c>
      <c r="N752" s="25"/>
      <c r="O752" s="98"/>
    </row>
    <row r="753" spans="1:16" hidden="1">
      <c r="E753" s="8" t="s">
        <v>125</v>
      </c>
      <c r="F753" s="72">
        <v>352</v>
      </c>
      <c r="G753" s="72" t="s">
        <v>3</v>
      </c>
      <c r="H753" s="8" t="s">
        <v>78</v>
      </c>
      <c r="I753" s="8" t="s">
        <v>71</v>
      </c>
      <c r="J753" s="8">
        <v>1</v>
      </c>
      <c r="K753" s="8" t="s">
        <v>509</v>
      </c>
      <c r="L753" s="8">
        <v>1</v>
      </c>
      <c r="M753" s="8">
        <v>80</v>
      </c>
      <c r="O753" s="98"/>
    </row>
    <row r="754" spans="1:16" hidden="1">
      <c r="A754" s="17"/>
      <c r="B754" s="17"/>
      <c r="C754" s="17" t="s">
        <v>124</v>
      </c>
      <c r="D754" s="139" t="s">
        <v>475</v>
      </c>
      <c r="E754" s="17"/>
      <c r="F754" s="17"/>
      <c r="G754" s="17"/>
      <c r="H754" s="17" t="s">
        <v>17</v>
      </c>
      <c r="I754" s="17" t="s">
        <v>71</v>
      </c>
      <c r="J754" s="17" t="s">
        <v>525</v>
      </c>
      <c r="K754" s="17"/>
      <c r="L754" s="17"/>
      <c r="M754" s="17"/>
      <c r="N754" s="138"/>
      <c r="O754" s="98"/>
    </row>
    <row r="755" spans="1:16" hidden="1">
      <c r="E755" s="8" t="s">
        <v>123</v>
      </c>
      <c r="F755" s="8">
        <v>366</v>
      </c>
      <c r="G755" s="8" t="s">
        <v>122</v>
      </c>
      <c r="H755" s="8" t="s">
        <v>66</v>
      </c>
      <c r="I755" s="8" t="s">
        <v>65</v>
      </c>
      <c r="J755" s="8">
        <v>1</v>
      </c>
      <c r="K755" s="8" t="s">
        <v>514</v>
      </c>
      <c r="L755" s="8">
        <v>2</v>
      </c>
      <c r="M755" s="8">
        <v>2</v>
      </c>
      <c r="N755" s="72" t="s">
        <v>704</v>
      </c>
      <c r="O755" s="98"/>
    </row>
    <row r="756" spans="1:16" hidden="1">
      <c r="E756" s="8" t="s">
        <v>121</v>
      </c>
      <c r="F756" s="8">
        <v>93</v>
      </c>
      <c r="G756" s="8" t="s">
        <v>120</v>
      </c>
      <c r="H756" s="8" t="s">
        <v>17</v>
      </c>
      <c r="I756" s="8" t="s">
        <v>71</v>
      </c>
      <c r="J756" s="8">
        <v>1</v>
      </c>
      <c r="K756" s="8" t="s">
        <v>509</v>
      </c>
      <c r="L756" s="8">
        <v>1</v>
      </c>
      <c r="M756" s="8">
        <v>60</v>
      </c>
      <c r="O756" s="98"/>
    </row>
    <row r="757" spans="1:16" hidden="1">
      <c r="E757" s="8" t="s">
        <v>119</v>
      </c>
      <c r="F757" s="8">
        <v>365</v>
      </c>
      <c r="G757" s="8" t="s">
        <v>114</v>
      </c>
      <c r="H757" s="8" t="s">
        <v>78</v>
      </c>
      <c r="I757" s="8" t="s">
        <v>71</v>
      </c>
      <c r="J757" s="8">
        <v>1</v>
      </c>
      <c r="K757" s="8" t="s">
        <v>514</v>
      </c>
      <c r="L757" s="8">
        <v>2</v>
      </c>
      <c r="M757" s="8">
        <v>2</v>
      </c>
      <c r="N757" s="70" t="s">
        <v>624</v>
      </c>
      <c r="O757" s="98"/>
    </row>
    <row r="758" spans="1:16" hidden="1">
      <c r="E758" s="8" t="s">
        <v>118</v>
      </c>
      <c r="F758" s="8">
        <v>364</v>
      </c>
      <c r="G758" s="8" t="s">
        <v>112</v>
      </c>
      <c r="H758" s="8" t="s">
        <v>78</v>
      </c>
      <c r="I758" s="8" t="s">
        <v>71</v>
      </c>
      <c r="J758" s="8">
        <v>1</v>
      </c>
      <c r="K758" s="8" t="s">
        <v>509</v>
      </c>
      <c r="L758" s="8">
        <v>1</v>
      </c>
      <c r="M758" s="8">
        <v>80</v>
      </c>
      <c r="O758" s="98"/>
    </row>
    <row r="759" spans="1:16" hidden="1">
      <c r="E759" s="8" t="s">
        <v>117</v>
      </c>
      <c r="F759" s="8">
        <v>365</v>
      </c>
      <c r="G759" s="8" t="s">
        <v>114</v>
      </c>
      <c r="H759" s="8" t="s">
        <v>78</v>
      </c>
      <c r="I759" s="8" t="s">
        <v>71</v>
      </c>
      <c r="J759" s="8">
        <v>1</v>
      </c>
      <c r="K759" s="8" t="s">
        <v>514</v>
      </c>
      <c r="L759" s="8">
        <v>2</v>
      </c>
      <c r="M759" s="8">
        <v>2</v>
      </c>
      <c r="N759" s="70" t="s">
        <v>624</v>
      </c>
      <c r="O759" s="98"/>
    </row>
    <row r="760" spans="1:16" hidden="1">
      <c r="E760" s="8" t="s">
        <v>116</v>
      </c>
      <c r="F760" s="8">
        <v>364</v>
      </c>
      <c r="G760" s="8" t="s">
        <v>112</v>
      </c>
      <c r="H760" s="8" t="s">
        <v>78</v>
      </c>
      <c r="I760" s="8" t="s">
        <v>71</v>
      </c>
      <c r="J760" s="8">
        <v>1</v>
      </c>
      <c r="K760" s="8" t="s">
        <v>509</v>
      </c>
      <c r="L760" s="8">
        <v>1</v>
      </c>
      <c r="M760" s="8">
        <v>80</v>
      </c>
      <c r="O760" s="98"/>
    </row>
    <row r="761" spans="1:16" hidden="1">
      <c r="E761" s="8" t="s">
        <v>115</v>
      </c>
      <c r="F761" s="8">
        <v>365</v>
      </c>
      <c r="G761" s="8" t="s">
        <v>114</v>
      </c>
      <c r="H761" s="8" t="s">
        <v>78</v>
      </c>
      <c r="I761" s="8" t="s">
        <v>71</v>
      </c>
      <c r="J761" s="8">
        <v>1</v>
      </c>
      <c r="K761" s="8" t="s">
        <v>514</v>
      </c>
      <c r="L761" s="8">
        <v>2</v>
      </c>
      <c r="M761" s="8">
        <v>2</v>
      </c>
      <c r="N761" s="70" t="s">
        <v>624</v>
      </c>
      <c r="O761" s="98"/>
    </row>
    <row r="762" spans="1:16" hidden="1">
      <c r="E762" s="8" t="s">
        <v>113</v>
      </c>
      <c r="F762" s="8">
        <v>364</v>
      </c>
      <c r="G762" s="8" t="s">
        <v>112</v>
      </c>
      <c r="H762" s="8" t="s">
        <v>78</v>
      </c>
      <c r="I762" s="8" t="s">
        <v>71</v>
      </c>
      <c r="J762" s="8">
        <v>1</v>
      </c>
      <c r="K762" s="8" t="s">
        <v>509</v>
      </c>
      <c r="L762" s="8">
        <v>1</v>
      </c>
      <c r="M762" s="8">
        <v>80</v>
      </c>
      <c r="O762" s="98"/>
    </row>
    <row r="763" spans="1:16">
      <c r="O763" s="216" t="s">
        <v>1254</v>
      </c>
      <c r="P763" s="99" t="s">
        <v>1309</v>
      </c>
    </row>
    <row r="764" spans="1:16">
      <c r="O764" s="217" t="s">
        <v>1644</v>
      </c>
    </row>
    <row r="765" spans="1:16">
      <c r="O765" s="217" t="s">
        <v>1002</v>
      </c>
    </row>
    <row r="766" spans="1:16">
      <c r="O766" s="217" t="s">
        <v>1257</v>
      </c>
    </row>
    <row r="767" spans="1:16">
      <c r="O767" s="217" t="s">
        <v>1249</v>
      </c>
      <c r="P767" s="99" t="s">
        <v>1669</v>
      </c>
    </row>
    <row r="768" spans="1:16">
      <c r="O768" s="218" t="s">
        <v>1003</v>
      </c>
      <c r="P768" s="99" t="s">
        <v>1670</v>
      </c>
    </row>
    <row r="769" spans="15:16">
      <c r="O769" s="216" t="s">
        <v>2193</v>
      </c>
      <c r="P769" s="207" t="s">
        <v>2192</v>
      </c>
    </row>
    <row r="770" spans="15:16">
      <c r="O770" s="217" t="s">
        <v>1644</v>
      </c>
    </row>
    <row r="771" spans="15:16">
      <c r="O771" s="217" t="s">
        <v>2175</v>
      </c>
    </row>
    <row r="772" spans="15:16">
      <c r="O772" s="217" t="s">
        <v>1256</v>
      </c>
    </row>
    <row r="773" spans="15:16">
      <c r="O773" s="218" t="s">
        <v>2173</v>
      </c>
      <c r="P773" s="99" t="s">
        <v>1670</v>
      </c>
    </row>
    <row r="774" spans="15:16">
      <c r="O774" s="216" t="s">
        <v>2191</v>
      </c>
      <c r="P774" s="99" t="s">
        <v>2190</v>
      </c>
    </row>
    <row r="775" spans="15:16">
      <c r="O775" s="217" t="s">
        <v>1644</v>
      </c>
    </row>
    <row r="776" spans="15:16">
      <c r="O776" s="217" t="s">
        <v>2175</v>
      </c>
    </row>
    <row r="777" spans="15:16">
      <c r="O777" s="217" t="s">
        <v>2189</v>
      </c>
    </row>
    <row r="778" spans="15:16">
      <c r="O778" s="217" t="s">
        <v>2188</v>
      </c>
    </row>
    <row r="779" spans="15:16">
      <c r="O779" s="217" t="s">
        <v>2173</v>
      </c>
      <c r="P779" s="99" t="s">
        <v>1670</v>
      </c>
    </row>
    <row r="780" spans="15:16">
      <c r="O780" s="216" t="s">
        <v>1029</v>
      </c>
      <c r="P780" s="99" t="s">
        <v>1312</v>
      </c>
    </row>
    <row r="781" spans="15:16">
      <c r="O781" s="217" t="s">
        <v>1644</v>
      </c>
    </row>
    <row r="782" spans="15:16">
      <c r="O782" s="217" t="s">
        <v>1674</v>
      </c>
    </row>
    <row r="783" spans="15:16">
      <c r="O783" s="217" t="s">
        <v>1310</v>
      </c>
    </row>
    <row r="784" spans="15:16">
      <c r="O784" s="218" t="s">
        <v>1096</v>
      </c>
      <c r="P784" s="99" t="s">
        <v>1670</v>
      </c>
    </row>
    <row r="785" spans="15:16">
      <c r="O785" s="217" t="s">
        <v>2187</v>
      </c>
      <c r="P785" s="99" t="s">
        <v>2186</v>
      </c>
    </row>
    <row r="786" spans="15:16">
      <c r="O786" s="217" t="s">
        <v>2185</v>
      </c>
    </row>
    <row r="787" spans="15:16">
      <c r="O787" s="217" t="s">
        <v>2184</v>
      </c>
    </row>
    <row r="788" spans="15:16">
      <c r="O788" s="217" t="s">
        <v>2183</v>
      </c>
    </row>
    <row r="789" spans="15:16">
      <c r="O789" s="217" t="s">
        <v>2173</v>
      </c>
      <c r="P789" s="99" t="s">
        <v>1670</v>
      </c>
    </row>
    <row r="790" spans="15:16">
      <c r="O790" s="217" t="s">
        <v>2182</v>
      </c>
      <c r="P790" s="99" t="s">
        <v>2181</v>
      </c>
    </row>
    <row r="791" spans="15:16">
      <c r="O791" s="217" t="s">
        <v>1644</v>
      </c>
    </row>
    <row r="792" spans="15:16">
      <c r="O792" s="217" t="s">
        <v>1684</v>
      </c>
    </row>
    <row r="793" spans="15:16">
      <c r="O793" s="217" t="s">
        <v>2180</v>
      </c>
    </row>
    <row r="794" spans="15:16">
      <c r="O794" s="217" t="s">
        <v>2179</v>
      </c>
    </row>
    <row r="795" spans="15:16">
      <c r="O795" s="217" t="s">
        <v>2178</v>
      </c>
      <c r="P795" s="99" t="s">
        <v>1670</v>
      </c>
    </row>
    <row r="796" spans="15:16">
      <c r="O796" s="216" t="s">
        <v>2177</v>
      </c>
      <c r="P796" s="99" t="s">
        <v>2176</v>
      </c>
    </row>
    <row r="797" spans="15:16">
      <c r="O797" s="217" t="s">
        <v>1644</v>
      </c>
    </row>
    <row r="798" spans="15:16">
      <c r="O798" s="217" t="s">
        <v>2175</v>
      </c>
    </row>
    <row r="799" spans="15:16">
      <c r="O799" s="217" t="s">
        <v>1256</v>
      </c>
    </row>
    <row r="800" spans="15:16">
      <c r="O800" s="217" t="s">
        <v>2174</v>
      </c>
      <c r="P800" s="99" t="s">
        <v>1671</v>
      </c>
    </row>
    <row r="801" spans="15:16">
      <c r="O801" s="218" t="s">
        <v>2173</v>
      </c>
      <c r="P801" s="99" t="s">
        <v>1670</v>
      </c>
    </row>
    <row r="802" spans="15:16">
      <c r="O802" s="216" t="s">
        <v>1255</v>
      </c>
      <c r="P802" s="99" t="s">
        <v>1673</v>
      </c>
    </row>
    <row r="803" spans="15:16">
      <c r="O803" s="217" t="s">
        <v>1644</v>
      </c>
    </row>
    <row r="804" spans="15:16">
      <c r="O804" s="217" t="s">
        <v>1097</v>
      </c>
    </row>
    <row r="805" spans="15:16">
      <c r="O805" s="217" t="s">
        <v>1098</v>
      </c>
    </row>
    <row r="806" spans="15:16">
      <c r="O806" s="217" t="s">
        <v>1004</v>
      </c>
      <c r="P806" s="99" t="s">
        <v>1670</v>
      </c>
    </row>
    <row r="807" spans="15:16" ht="35">
      <c r="O807" s="216" t="s">
        <v>1099</v>
      </c>
      <c r="P807" s="209" t="s">
        <v>1672</v>
      </c>
    </row>
    <row r="808" spans="15:16">
      <c r="O808" s="217" t="s">
        <v>1644</v>
      </c>
    </row>
    <row r="809" spans="15:16">
      <c r="O809" s="217" t="s">
        <v>1028</v>
      </c>
    </row>
    <row r="810" spans="15:16">
      <c r="O810" s="217" t="s">
        <v>1253</v>
      </c>
    </row>
    <row r="811" spans="15:16">
      <c r="O811" s="217" t="s">
        <v>1100</v>
      </c>
      <c r="P811" s="99" t="s">
        <v>1671</v>
      </c>
    </row>
    <row r="812" spans="15:16">
      <c r="O812" s="218" t="s">
        <v>937</v>
      </c>
      <c r="P812" s="99" t="s">
        <v>1670</v>
      </c>
    </row>
    <row r="813" spans="15:16">
      <c r="O813" s="216" t="s">
        <v>2170</v>
      </c>
      <c r="P813" s="265" t="s">
        <v>2172</v>
      </c>
    </row>
    <row r="814" spans="15:16">
      <c r="O814" s="217" t="s">
        <v>1644</v>
      </c>
    </row>
    <row r="815" spans="15:16">
      <c r="O815" s="217" t="s">
        <v>1028</v>
      </c>
    </row>
    <row r="816" spans="15:16">
      <c r="O816" s="217" t="s">
        <v>2167</v>
      </c>
    </row>
    <row r="817" spans="1:16">
      <c r="O817" s="217" t="s">
        <v>2171</v>
      </c>
      <c r="P817" s="99" t="s">
        <v>1671</v>
      </c>
    </row>
    <row r="818" spans="1:16">
      <c r="O818" s="218" t="s">
        <v>2165</v>
      </c>
      <c r="P818" s="99" t="s">
        <v>1670</v>
      </c>
    </row>
    <row r="819" spans="1:16" ht="35">
      <c r="O819" s="216" t="s">
        <v>2170</v>
      </c>
      <c r="P819" s="99" t="s">
        <v>2169</v>
      </c>
    </row>
    <row r="820" spans="1:16">
      <c r="O820" s="217" t="s">
        <v>2168</v>
      </c>
    </row>
    <row r="821" spans="1:16">
      <c r="O821" s="217" t="s">
        <v>1028</v>
      </c>
    </row>
    <row r="822" spans="1:16">
      <c r="O822" s="217" t="s">
        <v>2167</v>
      </c>
    </row>
    <row r="823" spans="1:16">
      <c r="O823" s="217" t="s">
        <v>2166</v>
      </c>
      <c r="P823" s="99" t="s">
        <v>1671</v>
      </c>
    </row>
    <row r="824" spans="1:16" ht="35">
      <c r="O824" s="218" t="s">
        <v>2165</v>
      </c>
      <c r="P824" s="99" t="s">
        <v>2164</v>
      </c>
    </row>
    <row r="825" spans="1:16" ht="35">
      <c r="O825" s="216" t="s">
        <v>2732</v>
      </c>
      <c r="P825" s="209" t="s">
        <v>1672</v>
      </c>
    </row>
    <row r="826" spans="1:16">
      <c r="O826" s="217" t="s">
        <v>1644</v>
      </c>
    </row>
    <row r="827" spans="1:16">
      <c r="O827" s="217" t="s">
        <v>1028</v>
      </c>
    </row>
    <row r="828" spans="1:16">
      <c r="O828" s="217" t="s">
        <v>1253</v>
      </c>
    </row>
    <row r="829" spans="1:16">
      <c r="O829" s="218" t="s">
        <v>2733</v>
      </c>
      <c r="P829" s="99" t="s">
        <v>2734</v>
      </c>
    </row>
    <row r="830" spans="1:16">
      <c r="A830" s="21" t="s">
        <v>423</v>
      </c>
      <c r="B830" s="9"/>
      <c r="C830" s="133"/>
      <c r="D830" s="9"/>
      <c r="E830" s="9"/>
      <c r="F830" s="9"/>
      <c r="G830" s="9"/>
      <c r="H830" s="9"/>
      <c r="I830" s="9"/>
      <c r="J830" s="9"/>
      <c r="K830" s="9"/>
      <c r="L830" s="9"/>
      <c r="M830" s="9"/>
      <c r="N830" s="149"/>
      <c r="O830" s="98"/>
    </row>
    <row r="831" spans="1:16" ht="35">
      <c r="A831" s="17" t="s">
        <v>354</v>
      </c>
      <c r="B831" s="17" t="s">
        <v>528</v>
      </c>
      <c r="C831" s="17"/>
      <c r="D831" s="139"/>
      <c r="E831" s="17"/>
      <c r="F831" s="17"/>
      <c r="G831" s="17"/>
      <c r="H831" s="17" t="s">
        <v>66</v>
      </c>
      <c r="I831" s="17" t="s">
        <v>65</v>
      </c>
      <c r="J831" s="17">
        <v>100000</v>
      </c>
      <c r="K831" s="17"/>
      <c r="L831" s="17"/>
      <c r="M831" s="17"/>
      <c r="N831" s="138"/>
      <c r="O831" s="98" t="s">
        <v>938</v>
      </c>
      <c r="P831" s="99" t="s">
        <v>1082</v>
      </c>
    </row>
    <row r="832" spans="1:16" hidden="1" outlineLevel="1">
      <c r="A832" s="17"/>
      <c r="B832" s="17"/>
      <c r="C832" s="17" t="s">
        <v>354</v>
      </c>
      <c r="D832" s="139" t="s">
        <v>528</v>
      </c>
      <c r="E832" s="17"/>
      <c r="F832" s="17"/>
      <c r="G832" s="17"/>
      <c r="H832" s="17" t="s">
        <v>66</v>
      </c>
      <c r="I832" s="17" t="s">
        <v>65</v>
      </c>
      <c r="J832" s="17">
        <v>1</v>
      </c>
      <c r="K832" s="17"/>
      <c r="L832" s="17"/>
      <c r="M832" s="17"/>
      <c r="N832" s="138"/>
      <c r="O832" s="98"/>
    </row>
    <row r="833" spans="5:15" hidden="1" outlineLevel="1">
      <c r="E833" s="8" t="s">
        <v>353</v>
      </c>
      <c r="F833" s="8">
        <v>350</v>
      </c>
      <c r="G833" s="8" t="s">
        <v>108</v>
      </c>
      <c r="H833" s="8" t="s">
        <v>17</v>
      </c>
      <c r="I833" s="8" t="s">
        <v>71</v>
      </c>
      <c r="J833" s="8">
        <v>1</v>
      </c>
      <c r="K833" s="8" t="s">
        <v>509</v>
      </c>
      <c r="L833" s="8">
        <v>1</v>
      </c>
      <c r="M833" s="8">
        <v>20</v>
      </c>
      <c r="O833" s="98"/>
    </row>
    <row r="834" spans="5:15" hidden="1" outlineLevel="1">
      <c r="E834" s="8" t="s">
        <v>352</v>
      </c>
      <c r="F834" s="8">
        <v>330</v>
      </c>
      <c r="G834" s="8" t="s">
        <v>351</v>
      </c>
      <c r="H834" s="8" t="s">
        <v>78</v>
      </c>
      <c r="I834" s="8" t="s">
        <v>71</v>
      </c>
      <c r="J834" s="8">
        <v>1</v>
      </c>
      <c r="K834" s="8" t="s">
        <v>438</v>
      </c>
      <c r="L834" s="8">
        <v>1</v>
      </c>
      <c r="M834" s="8">
        <v>15</v>
      </c>
      <c r="O834" s="98"/>
    </row>
    <row r="835" spans="5:15" hidden="1" outlineLevel="1">
      <c r="E835" s="8" t="s">
        <v>350</v>
      </c>
      <c r="F835" s="8">
        <v>355</v>
      </c>
      <c r="G835" s="8" t="s">
        <v>103</v>
      </c>
      <c r="H835" s="8" t="s">
        <v>17</v>
      </c>
      <c r="I835" s="8" t="s">
        <v>71</v>
      </c>
      <c r="J835" s="8">
        <v>1</v>
      </c>
      <c r="K835" s="8" t="s">
        <v>514</v>
      </c>
      <c r="L835" s="8">
        <v>2</v>
      </c>
      <c r="M835" s="8">
        <v>2</v>
      </c>
      <c r="N835" s="70" t="s">
        <v>624</v>
      </c>
      <c r="O835" s="98"/>
    </row>
    <row r="836" spans="5:15" hidden="1" outlineLevel="1">
      <c r="E836" s="8" t="s">
        <v>349</v>
      </c>
      <c r="F836" s="8">
        <v>212</v>
      </c>
      <c r="G836" s="8" t="s">
        <v>101</v>
      </c>
      <c r="H836" s="8" t="s">
        <v>78</v>
      </c>
      <c r="I836" s="8" t="s">
        <v>71</v>
      </c>
      <c r="J836" s="8">
        <v>1</v>
      </c>
      <c r="K836" s="8" t="s">
        <v>438</v>
      </c>
      <c r="L836" s="8">
        <v>1</v>
      </c>
      <c r="M836" s="8">
        <v>17</v>
      </c>
      <c r="O836" s="98"/>
    </row>
    <row r="837" spans="5:15" hidden="1" outlineLevel="1">
      <c r="E837" s="19" t="s">
        <v>348</v>
      </c>
      <c r="F837" s="19">
        <v>639</v>
      </c>
      <c r="G837" s="19" t="s">
        <v>99</v>
      </c>
      <c r="H837" s="19" t="s">
        <v>17</v>
      </c>
      <c r="I837" s="19" t="s">
        <v>96</v>
      </c>
      <c r="J837" s="19">
        <v>1</v>
      </c>
      <c r="K837" s="19" t="s">
        <v>514</v>
      </c>
      <c r="L837" s="19">
        <v>2</v>
      </c>
      <c r="M837" s="19">
        <v>2</v>
      </c>
      <c r="N837" s="25"/>
      <c r="O837" s="98"/>
    </row>
    <row r="838" spans="5:15" hidden="1" outlineLevel="1">
      <c r="E838" s="8" t="s">
        <v>347</v>
      </c>
      <c r="F838" s="8">
        <v>235</v>
      </c>
      <c r="G838" s="8" t="s">
        <v>90</v>
      </c>
      <c r="H838" s="8" t="s">
        <v>78</v>
      </c>
      <c r="I838" s="8" t="s">
        <v>71</v>
      </c>
      <c r="J838" s="8">
        <v>1</v>
      </c>
      <c r="K838" s="8" t="s">
        <v>514</v>
      </c>
      <c r="L838" s="8">
        <v>2</v>
      </c>
      <c r="M838" s="8">
        <v>2</v>
      </c>
      <c r="N838" s="70" t="s">
        <v>624</v>
      </c>
      <c r="O838" s="98"/>
    </row>
    <row r="839" spans="5:15" hidden="1" outlineLevel="1">
      <c r="E839" s="8" t="s">
        <v>346</v>
      </c>
      <c r="F839" s="8">
        <v>234</v>
      </c>
      <c r="G839" s="8" t="s">
        <v>88</v>
      </c>
      <c r="H839" s="8" t="s">
        <v>78</v>
      </c>
      <c r="I839" s="8" t="s">
        <v>71</v>
      </c>
      <c r="J839" s="8">
        <v>1</v>
      </c>
      <c r="K839" s="8" t="s">
        <v>509</v>
      </c>
      <c r="L839" s="8">
        <v>1</v>
      </c>
      <c r="M839" s="8">
        <v>48</v>
      </c>
      <c r="N839" s="70"/>
      <c r="O839" s="98"/>
    </row>
    <row r="840" spans="5:15" hidden="1" outlineLevel="1">
      <c r="E840" s="8" t="s">
        <v>345</v>
      </c>
      <c r="F840" s="8">
        <v>235</v>
      </c>
      <c r="G840" s="8" t="s">
        <v>90</v>
      </c>
      <c r="H840" s="8" t="s">
        <v>78</v>
      </c>
      <c r="I840" s="8" t="s">
        <v>71</v>
      </c>
      <c r="J840" s="8">
        <v>1</v>
      </c>
      <c r="K840" s="8" t="s">
        <v>514</v>
      </c>
      <c r="L840" s="8">
        <v>2</v>
      </c>
      <c r="M840" s="8">
        <v>2</v>
      </c>
      <c r="N840" s="70" t="s">
        <v>624</v>
      </c>
      <c r="O840" s="98"/>
    </row>
    <row r="841" spans="5:15" hidden="1" outlineLevel="1">
      <c r="E841" s="8" t="s">
        <v>344</v>
      </c>
      <c r="F841" s="8">
        <v>234</v>
      </c>
      <c r="G841" s="8" t="s">
        <v>88</v>
      </c>
      <c r="H841" s="8" t="s">
        <v>78</v>
      </c>
      <c r="I841" s="8" t="s">
        <v>71</v>
      </c>
      <c r="J841" s="8">
        <v>1</v>
      </c>
      <c r="K841" s="8" t="s">
        <v>509</v>
      </c>
      <c r="L841" s="8">
        <v>1</v>
      </c>
      <c r="M841" s="8">
        <v>48</v>
      </c>
      <c r="N841" s="70"/>
      <c r="O841" s="98"/>
    </row>
    <row r="842" spans="5:15" hidden="1" outlineLevel="1">
      <c r="E842" s="8" t="s">
        <v>343</v>
      </c>
      <c r="F842" s="8">
        <v>235</v>
      </c>
      <c r="G842" s="8" t="s">
        <v>90</v>
      </c>
      <c r="H842" s="8" t="s">
        <v>78</v>
      </c>
      <c r="I842" s="8" t="s">
        <v>71</v>
      </c>
      <c r="J842" s="8">
        <v>1</v>
      </c>
      <c r="K842" s="8" t="s">
        <v>514</v>
      </c>
      <c r="L842" s="8">
        <v>2</v>
      </c>
      <c r="M842" s="8">
        <v>2</v>
      </c>
      <c r="N842" s="70" t="s">
        <v>624</v>
      </c>
      <c r="O842" s="98"/>
    </row>
    <row r="843" spans="5:15" hidden="1" outlineLevel="1">
      <c r="E843" s="8" t="s">
        <v>342</v>
      </c>
      <c r="F843" s="8">
        <v>234</v>
      </c>
      <c r="G843" s="8" t="s">
        <v>88</v>
      </c>
      <c r="H843" s="8" t="s">
        <v>78</v>
      </c>
      <c r="I843" s="8" t="s">
        <v>71</v>
      </c>
      <c r="J843" s="8">
        <v>1</v>
      </c>
      <c r="K843" s="8" t="s">
        <v>509</v>
      </c>
      <c r="L843" s="8">
        <v>1</v>
      </c>
      <c r="M843" s="8">
        <v>48</v>
      </c>
      <c r="N843" s="70"/>
      <c r="O843" s="98"/>
    </row>
    <row r="844" spans="5:15" hidden="1" outlineLevel="1">
      <c r="E844" s="8" t="s">
        <v>341</v>
      </c>
      <c r="F844" s="8">
        <v>235</v>
      </c>
      <c r="G844" s="8" t="s">
        <v>90</v>
      </c>
      <c r="H844" s="8" t="s">
        <v>78</v>
      </c>
      <c r="I844" s="8" t="s">
        <v>71</v>
      </c>
      <c r="J844" s="8">
        <v>1</v>
      </c>
      <c r="K844" s="8" t="s">
        <v>514</v>
      </c>
      <c r="L844" s="8">
        <v>2</v>
      </c>
      <c r="M844" s="8">
        <v>2</v>
      </c>
      <c r="N844" s="70" t="s">
        <v>624</v>
      </c>
      <c r="O844" s="98"/>
    </row>
    <row r="845" spans="5:15" hidden="1" outlineLevel="1">
      <c r="E845" s="8" t="s">
        <v>340</v>
      </c>
      <c r="F845" s="8">
        <v>234</v>
      </c>
      <c r="G845" s="8" t="s">
        <v>88</v>
      </c>
      <c r="H845" s="8" t="s">
        <v>78</v>
      </c>
      <c r="I845" s="8" t="s">
        <v>71</v>
      </c>
      <c r="J845" s="8">
        <v>1</v>
      </c>
      <c r="K845" s="8" t="s">
        <v>509</v>
      </c>
      <c r="L845" s="8">
        <v>1</v>
      </c>
      <c r="M845" s="8">
        <v>48</v>
      </c>
      <c r="N845" s="70"/>
      <c r="O845" s="98"/>
    </row>
    <row r="846" spans="5:15" hidden="1" outlineLevel="1">
      <c r="E846" s="8" t="s">
        <v>339</v>
      </c>
      <c r="F846" s="8">
        <v>235</v>
      </c>
      <c r="G846" s="8" t="s">
        <v>90</v>
      </c>
      <c r="H846" s="8" t="s">
        <v>78</v>
      </c>
      <c r="I846" s="8" t="s">
        <v>71</v>
      </c>
      <c r="J846" s="8">
        <v>1</v>
      </c>
      <c r="K846" s="8" t="s">
        <v>514</v>
      </c>
      <c r="L846" s="8">
        <v>2</v>
      </c>
      <c r="M846" s="8">
        <v>2</v>
      </c>
      <c r="N846" s="70" t="s">
        <v>624</v>
      </c>
      <c r="O846" s="98"/>
    </row>
    <row r="847" spans="5:15" hidden="1" outlineLevel="1">
      <c r="E847" s="8" t="s">
        <v>338</v>
      </c>
      <c r="F847" s="8">
        <v>234</v>
      </c>
      <c r="G847" s="8" t="s">
        <v>88</v>
      </c>
      <c r="H847" s="8" t="s">
        <v>78</v>
      </c>
      <c r="I847" s="8" t="s">
        <v>71</v>
      </c>
      <c r="J847" s="8">
        <v>1</v>
      </c>
      <c r="K847" s="8" t="s">
        <v>509</v>
      </c>
      <c r="L847" s="8">
        <v>1</v>
      </c>
      <c r="M847" s="8">
        <v>48</v>
      </c>
      <c r="N847" s="70"/>
      <c r="O847" s="98"/>
    </row>
    <row r="848" spans="5:15" hidden="1" outlineLevel="1">
      <c r="E848" s="8" t="s">
        <v>337</v>
      </c>
      <c r="F848" s="8">
        <v>235</v>
      </c>
      <c r="G848" s="8" t="s">
        <v>90</v>
      </c>
      <c r="H848" s="8" t="s">
        <v>78</v>
      </c>
      <c r="I848" s="8" t="s">
        <v>71</v>
      </c>
      <c r="J848" s="8">
        <v>1</v>
      </c>
      <c r="K848" s="8" t="s">
        <v>514</v>
      </c>
      <c r="L848" s="8">
        <v>2</v>
      </c>
      <c r="M848" s="8">
        <v>2</v>
      </c>
      <c r="N848" s="70" t="s">
        <v>624</v>
      </c>
      <c r="O848" s="98"/>
    </row>
    <row r="849" spans="1:16" hidden="1" outlineLevel="1">
      <c r="E849" s="8" t="s">
        <v>336</v>
      </c>
      <c r="F849" s="8">
        <v>234</v>
      </c>
      <c r="G849" s="8" t="s">
        <v>88</v>
      </c>
      <c r="H849" s="8" t="s">
        <v>78</v>
      </c>
      <c r="I849" s="8" t="s">
        <v>71</v>
      </c>
      <c r="J849" s="8">
        <v>1</v>
      </c>
      <c r="K849" s="8" t="s">
        <v>509</v>
      </c>
      <c r="L849" s="8">
        <v>1</v>
      </c>
      <c r="M849" s="8">
        <v>48</v>
      </c>
      <c r="N849" s="70"/>
      <c r="O849" s="98"/>
    </row>
    <row r="850" spans="1:16" hidden="1" outlineLevel="1">
      <c r="E850" s="8" t="s">
        <v>335</v>
      </c>
      <c r="F850" s="8">
        <v>235</v>
      </c>
      <c r="G850" s="8" t="s">
        <v>90</v>
      </c>
      <c r="H850" s="8" t="s">
        <v>78</v>
      </c>
      <c r="I850" s="8" t="s">
        <v>71</v>
      </c>
      <c r="J850" s="8">
        <v>1</v>
      </c>
      <c r="K850" s="8" t="s">
        <v>514</v>
      </c>
      <c r="L850" s="8">
        <v>2</v>
      </c>
      <c r="M850" s="8">
        <v>2</v>
      </c>
      <c r="N850" s="70" t="s">
        <v>624</v>
      </c>
      <c r="O850" s="98"/>
    </row>
    <row r="851" spans="1:16" hidden="1" outlineLevel="1">
      <c r="E851" s="8" t="s">
        <v>334</v>
      </c>
      <c r="F851" s="8">
        <v>234</v>
      </c>
      <c r="G851" s="8" t="s">
        <v>88</v>
      </c>
      <c r="H851" s="8" t="s">
        <v>78</v>
      </c>
      <c r="I851" s="8" t="s">
        <v>71</v>
      </c>
      <c r="J851" s="8">
        <v>1</v>
      </c>
      <c r="K851" s="8" t="s">
        <v>509</v>
      </c>
      <c r="L851" s="8">
        <v>1</v>
      </c>
      <c r="M851" s="8">
        <v>48</v>
      </c>
      <c r="N851" s="70"/>
      <c r="O851" s="98"/>
    </row>
    <row r="852" spans="1:16" hidden="1" outlineLevel="1">
      <c r="E852" s="8" t="s">
        <v>333</v>
      </c>
      <c r="F852" s="8">
        <v>235</v>
      </c>
      <c r="G852" s="8" t="s">
        <v>90</v>
      </c>
      <c r="H852" s="8" t="s">
        <v>78</v>
      </c>
      <c r="I852" s="8" t="s">
        <v>71</v>
      </c>
      <c r="J852" s="8">
        <v>1</v>
      </c>
      <c r="K852" s="8" t="s">
        <v>514</v>
      </c>
      <c r="L852" s="8">
        <v>2</v>
      </c>
      <c r="M852" s="8">
        <v>2</v>
      </c>
      <c r="N852" s="70" t="s">
        <v>624</v>
      </c>
      <c r="O852" s="98"/>
    </row>
    <row r="853" spans="1:16" hidden="1" outlineLevel="1">
      <c r="E853" s="8" t="s">
        <v>332</v>
      </c>
      <c r="F853" s="8">
        <v>234</v>
      </c>
      <c r="G853" s="8" t="s">
        <v>88</v>
      </c>
      <c r="H853" s="8" t="s">
        <v>78</v>
      </c>
      <c r="I853" s="8" t="s">
        <v>71</v>
      </c>
      <c r="J853" s="8">
        <v>1</v>
      </c>
      <c r="K853" s="8" t="s">
        <v>509</v>
      </c>
      <c r="L853" s="8">
        <v>1</v>
      </c>
      <c r="M853" s="8">
        <v>48</v>
      </c>
      <c r="N853" s="70"/>
      <c r="O853" s="98"/>
    </row>
    <row r="854" spans="1:16" collapsed="1">
      <c r="A854" s="17"/>
      <c r="B854" s="17"/>
      <c r="C854" s="17" t="s">
        <v>252</v>
      </c>
      <c r="D854" s="139" t="s">
        <v>476</v>
      </c>
      <c r="E854" s="17"/>
      <c r="F854" s="17"/>
      <c r="G854" s="17"/>
      <c r="H854" s="17" t="s">
        <v>17</v>
      </c>
      <c r="I854" s="17" t="s">
        <v>71</v>
      </c>
      <c r="J854" s="17">
        <v>1</v>
      </c>
      <c r="K854" s="17"/>
      <c r="L854" s="17"/>
      <c r="M854" s="17"/>
      <c r="N854" s="138"/>
      <c r="O854" s="98" t="s">
        <v>920</v>
      </c>
      <c r="P854" s="99" t="s">
        <v>476</v>
      </c>
    </row>
    <row r="855" spans="1:16" hidden="1" outlineLevel="1">
      <c r="E855" s="8" t="s">
        <v>251</v>
      </c>
      <c r="F855" s="8">
        <v>98</v>
      </c>
      <c r="G855" s="8" t="s">
        <v>156</v>
      </c>
      <c r="H855" s="8" t="s">
        <v>66</v>
      </c>
      <c r="I855" s="8" t="s">
        <v>65</v>
      </c>
      <c r="J855" s="8">
        <v>1</v>
      </c>
      <c r="K855" s="8" t="s">
        <v>514</v>
      </c>
      <c r="L855" s="8">
        <v>2</v>
      </c>
      <c r="M855" s="8">
        <v>3</v>
      </c>
      <c r="N855" s="72" t="s">
        <v>623</v>
      </c>
      <c r="O855" s="98"/>
    </row>
    <row r="856" spans="1:16" hidden="1" outlineLevel="1">
      <c r="E856" s="8" t="s">
        <v>250</v>
      </c>
      <c r="F856" s="8">
        <v>100</v>
      </c>
      <c r="G856" s="8" t="s">
        <v>249</v>
      </c>
      <c r="H856" s="8" t="s">
        <v>66</v>
      </c>
      <c r="I856" s="8" t="s">
        <v>65</v>
      </c>
      <c r="J856" s="8">
        <v>1</v>
      </c>
      <c r="K856" s="8" t="s">
        <v>514</v>
      </c>
      <c r="L856" s="8">
        <v>3</v>
      </c>
      <c r="M856" s="8">
        <v>3</v>
      </c>
      <c r="O856" s="98"/>
    </row>
    <row r="857" spans="1:16" hidden="1" outlineLevel="1">
      <c r="E857" s="8" t="s">
        <v>290</v>
      </c>
      <c r="F857" s="8">
        <v>280</v>
      </c>
      <c r="G857" s="8" t="s">
        <v>289</v>
      </c>
      <c r="H857" s="8" t="s">
        <v>17</v>
      </c>
      <c r="I857" s="8" t="s">
        <v>71</v>
      </c>
      <c r="J857" s="8">
        <v>1</v>
      </c>
      <c r="K857" s="8" t="s">
        <v>438</v>
      </c>
      <c r="L857" s="8">
        <v>4</v>
      </c>
      <c r="M857" s="8">
        <v>10</v>
      </c>
      <c r="O857" s="98"/>
    </row>
    <row r="858" spans="1:16" hidden="1" outlineLevel="1">
      <c r="E858" s="8" t="s">
        <v>288</v>
      </c>
      <c r="F858" s="8">
        <v>98</v>
      </c>
      <c r="G858" s="8" t="s">
        <v>156</v>
      </c>
      <c r="H858" s="8" t="s">
        <v>17</v>
      </c>
      <c r="I858" s="8" t="s">
        <v>71</v>
      </c>
      <c r="J858" s="8">
        <v>1</v>
      </c>
      <c r="K858" s="8" t="s">
        <v>514</v>
      </c>
      <c r="L858" s="8">
        <v>2</v>
      </c>
      <c r="M858" s="8">
        <v>3</v>
      </c>
      <c r="N858" s="72" t="s">
        <v>625</v>
      </c>
      <c r="O858" s="98"/>
    </row>
    <row r="859" spans="1:16" hidden="1" outlineLevel="1">
      <c r="E859" s="8" t="s">
        <v>287</v>
      </c>
      <c r="F859" s="8">
        <v>100</v>
      </c>
      <c r="G859" s="8" t="s">
        <v>249</v>
      </c>
      <c r="H859" s="8" t="s">
        <v>17</v>
      </c>
      <c r="I859" s="8" t="s">
        <v>71</v>
      </c>
      <c r="J859" s="8">
        <v>1</v>
      </c>
      <c r="K859" s="8" t="s">
        <v>514</v>
      </c>
      <c r="L859" s="8">
        <v>3</v>
      </c>
      <c r="M859" s="8">
        <v>3</v>
      </c>
      <c r="O859" s="98"/>
    </row>
    <row r="860" spans="1:16" hidden="1" collapsed="1">
      <c r="A860" s="17"/>
      <c r="B860" s="17"/>
      <c r="C860" s="17" t="s">
        <v>331</v>
      </c>
      <c r="D860" s="139"/>
      <c r="E860" s="17"/>
      <c r="F860" s="17"/>
      <c r="G860" s="17"/>
      <c r="H860" s="17" t="s">
        <v>17</v>
      </c>
      <c r="I860" s="17" t="s">
        <v>71</v>
      </c>
      <c r="J860" s="17">
        <v>25</v>
      </c>
      <c r="K860" s="17"/>
      <c r="L860" s="17"/>
      <c r="M860" s="17"/>
      <c r="N860" s="138"/>
      <c r="O860" s="98"/>
    </row>
    <row r="861" spans="1:16" hidden="1">
      <c r="E861" s="8" t="s">
        <v>330</v>
      </c>
      <c r="F861" s="8">
        <v>371</v>
      </c>
      <c r="G861" s="8" t="s">
        <v>329</v>
      </c>
      <c r="H861" s="8" t="s">
        <v>66</v>
      </c>
      <c r="I861" s="8" t="s">
        <v>65</v>
      </c>
      <c r="J861" s="8">
        <v>1</v>
      </c>
      <c r="K861" s="8" t="s">
        <v>514</v>
      </c>
      <c r="L861" s="8">
        <v>2</v>
      </c>
      <c r="M861" s="8">
        <v>2</v>
      </c>
      <c r="N861" s="72" t="s">
        <v>643</v>
      </c>
      <c r="O861" s="98"/>
    </row>
    <row r="862" spans="1:16" hidden="1">
      <c r="E862" s="19" t="s">
        <v>328</v>
      </c>
      <c r="F862" s="19">
        <v>373</v>
      </c>
      <c r="G862" s="19" t="s">
        <v>1</v>
      </c>
      <c r="H862" s="19" t="s">
        <v>17</v>
      </c>
      <c r="I862" s="19" t="s">
        <v>96</v>
      </c>
      <c r="J862" s="19">
        <v>1</v>
      </c>
      <c r="K862" s="19" t="s">
        <v>519</v>
      </c>
      <c r="L862" s="19">
        <v>8</v>
      </c>
      <c r="M862" s="19">
        <v>8</v>
      </c>
      <c r="N862" s="25"/>
      <c r="O862" s="98"/>
    </row>
    <row r="863" spans="1:16" hidden="1">
      <c r="E863" s="19" t="s">
        <v>327</v>
      </c>
      <c r="F863" s="19">
        <v>236</v>
      </c>
      <c r="G863" s="19" t="s">
        <v>326</v>
      </c>
      <c r="H863" s="19" t="s">
        <v>17</v>
      </c>
      <c r="I863" s="19" t="s">
        <v>96</v>
      </c>
      <c r="J863" s="19">
        <v>1</v>
      </c>
      <c r="K863" s="19" t="s">
        <v>514</v>
      </c>
      <c r="L863" s="19">
        <v>3</v>
      </c>
      <c r="M863" s="19">
        <v>3</v>
      </c>
      <c r="N863" s="25"/>
      <c r="O863" s="98"/>
    </row>
    <row r="864" spans="1:16" hidden="1">
      <c r="E864" s="19" t="s">
        <v>325</v>
      </c>
      <c r="F864" s="19">
        <v>212</v>
      </c>
      <c r="G864" s="19" t="s">
        <v>101</v>
      </c>
      <c r="H864" s="19" t="s">
        <v>17</v>
      </c>
      <c r="I864" s="19" t="s">
        <v>96</v>
      </c>
      <c r="J864" s="19">
        <v>1</v>
      </c>
      <c r="K864" s="19" t="s">
        <v>438</v>
      </c>
      <c r="L864" s="19">
        <v>1</v>
      </c>
      <c r="M864" s="19">
        <v>17</v>
      </c>
      <c r="N864" s="25"/>
      <c r="O864" s="98"/>
    </row>
    <row r="865" spans="1:16" hidden="1">
      <c r="E865" s="8" t="s">
        <v>324</v>
      </c>
      <c r="F865" s="8">
        <v>639</v>
      </c>
      <c r="G865" s="8" t="s">
        <v>323</v>
      </c>
      <c r="H865" s="8" t="s">
        <v>17</v>
      </c>
      <c r="I865" s="8" t="s">
        <v>71</v>
      </c>
      <c r="J865" s="8">
        <v>1</v>
      </c>
      <c r="K865" s="8" t="s">
        <v>514</v>
      </c>
      <c r="L865" s="8">
        <v>2</v>
      </c>
      <c r="M865" s="8">
        <v>2</v>
      </c>
      <c r="N865" s="72" t="s">
        <v>694</v>
      </c>
      <c r="O865" s="98"/>
    </row>
    <row r="866" spans="1:16" hidden="1">
      <c r="E866" s="8" t="s">
        <v>322</v>
      </c>
      <c r="F866" s="8">
        <v>380</v>
      </c>
      <c r="G866" s="8" t="s">
        <v>105</v>
      </c>
      <c r="H866" s="8" t="s">
        <v>66</v>
      </c>
      <c r="I866" s="8" t="s">
        <v>71</v>
      </c>
      <c r="J866" s="8">
        <v>1</v>
      </c>
      <c r="K866" s="8" t="s">
        <v>438</v>
      </c>
      <c r="L866" s="8">
        <v>1</v>
      </c>
      <c r="M866" s="8">
        <v>15</v>
      </c>
      <c r="O866" s="98"/>
    </row>
    <row r="867" spans="1:16" hidden="1">
      <c r="E867" s="8" t="s">
        <v>321</v>
      </c>
      <c r="F867" s="8">
        <v>355</v>
      </c>
      <c r="G867" s="8" t="s">
        <v>103</v>
      </c>
      <c r="H867" s="8" t="s">
        <v>66</v>
      </c>
      <c r="I867" s="8" t="s">
        <v>71</v>
      </c>
      <c r="J867" s="8">
        <v>1</v>
      </c>
      <c r="K867" s="8" t="s">
        <v>514</v>
      </c>
      <c r="L867" s="8">
        <v>2</v>
      </c>
      <c r="M867" s="8">
        <v>2</v>
      </c>
      <c r="N867" s="70" t="s">
        <v>624</v>
      </c>
      <c r="O867" s="98"/>
    </row>
    <row r="868" spans="1:16">
      <c r="A868" s="17" t="s">
        <v>311</v>
      </c>
      <c r="B868" s="17" t="s">
        <v>527</v>
      </c>
      <c r="C868" s="17"/>
      <c r="D868" s="139"/>
      <c r="E868" s="17"/>
      <c r="F868" s="17"/>
      <c r="G868" s="17"/>
      <c r="H868" s="17" t="s">
        <v>17</v>
      </c>
      <c r="I868" s="17" t="s">
        <v>71</v>
      </c>
      <c r="J868" s="17" t="s">
        <v>525</v>
      </c>
      <c r="K868" s="17"/>
      <c r="L868" s="17"/>
      <c r="M868" s="17"/>
      <c r="N868" s="138"/>
      <c r="O868" s="98" t="s">
        <v>939</v>
      </c>
      <c r="P868" s="99" t="s">
        <v>1083</v>
      </c>
    </row>
    <row r="869" spans="1:16" hidden="1" outlineLevel="1">
      <c r="A869" s="17"/>
      <c r="B869" s="17"/>
      <c r="C869" s="17" t="s">
        <v>311</v>
      </c>
      <c r="D869" s="139" t="s">
        <v>527</v>
      </c>
      <c r="E869" s="17"/>
      <c r="F869" s="17"/>
      <c r="G869" s="17"/>
      <c r="H869" s="17" t="s">
        <v>66</v>
      </c>
      <c r="I869" s="17" t="s">
        <v>65</v>
      </c>
      <c r="J869" s="17">
        <v>1</v>
      </c>
      <c r="K869" s="17"/>
      <c r="L869" s="17"/>
      <c r="M869" s="17"/>
      <c r="N869" s="138"/>
      <c r="O869" s="98"/>
    </row>
    <row r="870" spans="1:16" hidden="1" outlineLevel="1">
      <c r="E870" s="8" t="s">
        <v>310</v>
      </c>
      <c r="F870" s="8">
        <v>687</v>
      </c>
      <c r="G870" s="8" t="s">
        <v>309</v>
      </c>
      <c r="H870" s="8" t="s">
        <v>17</v>
      </c>
      <c r="I870" s="8" t="s">
        <v>71</v>
      </c>
      <c r="J870" s="8">
        <v>1</v>
      </c>
      <c r="K870" s="8" t="s">
        <v>514</v>
      </c>
      <c r="L870" s="8">
        <v>2</v>
      </c>
      <c r="M870" s="8">
        <v>2</v>
      </c>
      <c r="N870" s="70" t="s">
        <v>624</v>
      </c>
      <c r="O870" s="98"/>
    </row>
    <row r="871" spans="1:16" s="99" customFormat="1" hidden="1" outlineLevel="1">
      <c r="A871" s="10"/>
      <c r="B871" s="10"/>
      <c r="C871" s="8"/>
      <c r="D871" s="10"/>
      <c r="E871" s="19" t="s">
        <v>308</v>
      </c>
      <c r="F871" s="19">
        <v>236</v>
      </c>
      <c r="G871" s="19" t="s">
        <v>307</v>
      </c>
      <c r="H871" s="19" t="s">
        <v>78</v>
      </c>
      <c r="I871" s="19" t="s">
        <v>96</v>
      </c>
      <c r="J871" s="19">
        <v>1</v>
      </c>
      <c r="K871" s="19" t="s">
        <v>514</v>
      </c>
      <c r="L871" s="19">
        <v>3</v>
      </c>
      <c r="M871" s="19">
        <v>3</v>
      </c>
      <c r="N871" s="25"/>
      <c r="O871" s="98"/>
    </row>
    <row r="872" spans="1:16" s="99" customFormat="1" hidden="1" outlineLevel="1">
      <c r="A872" s="10"/>
      <c r="B872" s="10"/>
      <c r="C872" s="8"/>
      <c r="D872" s="10"/>
      <c r="E872" s="19" t="s">
        <v>306</v>
      </c>
      <c r="F872" s="19">
        <v>212</v>
      </c>
      <c r="G872" s="19" t="s">
        <v>101</v>
      </c>
      <c r="H872" s="19" t="s">
        <v>78</v>
      </c>
      <c r="I872" s="19" t="s">
        <v>96</v>
      </c>
      <c r="J872" s="19">
        <v>1</v>
      </c>
      <c r="K872" s="19" t="s">
        <v>438</v>
      </c>
      <c r="L872" s="19">
        <v>1</v>
      </c>
      <c r="M872" s="19">
        <v>17</v>
      </c>
      <c r="N872" s="25"/>
      <c r="O872" s="98"/>
    </row>
    <row r="873" spans="1:16" s="99" customFormat="1" hidden="1" outlineLevel="1">
      <c r="A873" s="10"/>
      <c r="B873" s="10"/>
      <c r="C873" s="8"/>
      <c r="D873" s="10"/>
      <c r="E873" s="8" t="s">
        <v>320</v>
      </c>
      <c r="F873" s="8">
        <v>380</v>
      </c>
      <c r="G873" s="8" t="s">
        <v>105</v>
      </c>
      <c r="H873" s="8" t="s">
        <v>78</v>
      </c>
      <c r="I873" s="8" t="s">
        <v>71</v>
      </c>
      <c r="J873" s="8">
        <v>1</v>
      </c>
      <c r="K873" s="8" t="s">
        <v>438</v>
      </c>
      <c r="L873" s="8">
        <v>1</v>
      </c>
      <c r="M873" s="8">
        <v>15</v>
      </c>
      <c r="N873" s="72"/>
      <c r="O873" s="98"/>
    </row>
    <row r="874" spans="1:16" s="99" customFormat="1" hidden="1" outlineLevel="1">
      <c r="A874" s="10"/>
      <c r="B874" s="10"/>
      <c r="C874" s="8"/>
      <c r="D874" s="10" t="s">
        <v>186</v>
      </c>
      <c r="E874" s="8" t="s">
        <v>319</v>
      </c>
      <c r="F874" s="8"/>
      <c r="G874" s="8"/>
      <c r="H874" s="8" t="s">
        <v>78</v>
      </c>
      <c r="I874" s="8" t="s">
        <v>71</v>
      </c>
      <c r="J874" s="8">
        <v>1</v>
      </c>
      <c r="K874" s="8"/>
      <c r="L874" s="8"/>
      <c r="M874" s="8"/>
      <c r="N874" s="72"/>
      <c r="O874" s="98"/>
    </row>
    <row r="875" spans="1:16" s="99" customFormat="1" hidden="1" outlineLevel="1">
      <c r="A875" s="10"/>
      <c r="B875" s="10"/>
      <c r="C875" s="8"/>
      <c r="D875" s="10"/>
      <c r="E875" s="150" t="s">
        <v>705</v>
      </c>
      <c r="F875" s="150" t="s">
        <v>318</v>
      </c>
      <c r="G875" s="8" t="s">
        <v>103</v>
      </c>
      <c r="H875" s="8" t="s">
        <v>66</v>
      </c>
      <c r="I875" s="8" t="s">
        <v>65</v>
      </c>
      <c r="J875" s="8">
        <v>1</v>
      </c>
      <c r="K875" s="8" t="s">
        <v>514</v>
      </c>
      <c r="L875" s="8">
        <v>2</v>
      </c>
      <c r="M875" s="8">
        <v>2</v>
      </c>
      <c r="N875" s="72"/>
      <c r="O875" s="98"/>
    </row>
    <row r="876" spans="1:16" s="99" customFormat="1" hidden="1" outlineLevel="1">
      <c r="A876" s="10"/>
      <c r="B876" s="10"/>
      <c r="C876" s="8"/>
      <c r="D876" s="10"/>
      <c r="E876" s="150" t="s">
        <v>317</v>
      </c>
      <c r="F876" s="150" t="s">
        <v>316</v>
      </c>
      <c r="G876" s="8" t="s">
        <v>315</v>
      </c>
      <c r="H876" s="8" t="s">
        <v>17</v>
      </c>
      <c r="I876" s="8" t="s">
        <v>71</v>
      </c>
      <c r="J876" s="8">
        <v>1</v>
      </c>
      <c r="K876" s="8" t="s">
        <v>514</v>
      </c>
      <c r="L876" s="8">
        <v>3</v>
      </c>
      <c r="M876" s="8">
        <v>3</v>
      </c>
      <c r="N876" s="72" t="s">
        <v>706</v>
      </c>
      <c r="O876" s="98"/>
    </row>
    <row r="877" spans="1:16" s="99" customFormat="1" hidden="1" outlineLevel="1">
      <c r="A877" s="10"/>
      <c r="B877" s="10"/>
      <c r="C877" s="8"/>
      <c r="D877" s="10"/>
      <c r="E877" s="150" t="s">
        <v>314</v>
      </c>
      <c r="F877" s="150" t="s">
        <v>313</v>
      </c>
      <c r="G877" s="8" t="s">
        <v>312</v>
      </c>
      <c r="H877" s="8" t="s">
        <v>78</v>
      </c>
      <c r="I877" s="8" t="s">
        <v>71</v>
      </c>
      <c r="J877" s="8">
        <v>1</v>
      </c>
      <c r="K877" s="8" t="s">
        <v>438</v>
      </c>
      <c r="L877" s="8">
        <v>1</v>
      </c>
      <c r="M877" s="8">
        <v>10</v>
      </c>
      <c r="N877" s="72"/>
      <c r="O877" s="98"/>
    </row>
    <row r="878" spans="1:16" s="99" customFormat="1" hidden="1" collapsed="1">
      <c r="A878" s="17" t="s">
        <v>311</v>
      </c>
      <c r="B878" s="17" t="s">
        <v>527</v>
      </c>
      <c r="C878" s="17"/>
      <c r="D878" s="139"/>
      <c r="E878" s="17"/>
      <c r="F878" s="17"/>
      <c r="G878" s="17"/>
      <c r="H878" s="17" t="s">
        <v>17</v>
      </c>
      <c r="I878" s="17" t="s">
        <v>71</v>
      </c>
      <c r="J878" s="17" t="s">
        <v>525</v>
      </c>
      <c r="K878" s="17"/>
      <c r="L878" s="17"/>
      <c r="M878" s="17"/>
      <c r="N878" s="138"/>
      <c r="O878" s="98"/>
    </row>
    <row r="879" spans="1:16" s="99" customFormat="1" hidden="1">
      <c r="A879" s="17"/>
      <c r="B879" s="17"/>
      <c r="C879" s="17" t="s">
        <v>311</v>
      </c>
      <c r="D879" s="139" t="s">
        <v>527</v>
      </c>
      <c r="E879" s="17"/>
      <c r="F879" s="17"/>
      <c r="G879" s="17"/>
      <c r="H879" s="17" t="s">
        <v>66</v>
      </c>
      <c r="I879" s="17" t="s">
        <v>65</v>
      </c>
      <c r="J879" s="17">
        <v>1</v>
      </c>
      <c r="K879" s="17"/>
      <c r="L879" s="17"/>
      <c r="M879" s="17"/>
      <c r="N879" s="138"/>
      <c r="O879" s="98"/>
    </row>
    <row r="880" spans="1:16" s="99" customFormat="1" hidden="1">
      <c r="A880" s="10"/>
      <c r="B880" s="10"/>
      <c r="C880" s="8"/>
      <c r="D880" s="10"/>
      <c r="E880" s="8" t="s">
        <v>310</v>
      </c>
      <c r="F880" s="8">
        <v>687</v>
      </c>
      <c r="G880" s="8" t="s">
        <v>309</v>
      </c>
      <c r="H880" s="8" t="s">
        <v>17</v>
      </c>
      <c r="I880" s="8" t="s">
        <v>71</v>
      </c>
      <c r="J880" s="8">
        <v>1</v>
      </c>
      <c r="K880" s="8" t="s">
        <v>514</v>
      </c>
      <c r="L880" s="8">
        <v>2</v>
      </c>
      <c r="M880" s="8">
        <v>2</v>
      </c>
      <c r="N880" s="72" t="s">
        <v>707</v>
      </c>
      <c r="O880" s="98"/>
    </row>
    <row r="881" spans="1:15" s="99" customFormat="1" hidden="1">
      <c r="A881" s="10"/>
      <c r="B881" s="10"/>
      <c r="C881" s="8"/>
      <c r="D881" s="10"/>
      <c r="E881" s="8" t="s">
        <v>308</v>
      </c>
      <c r="F881" s="8">
        <v>236</v>
      </c>
      <c r="G881" s="8" t="s">
        <v>307</v>
      </c>
      <c r="H881" s="8" t="s">
        <v>78</v>
      </c>
      <c r="I881" s="8" t="s">
        <v>71</v>
      </c>
      <c r="J881" s="8">
        <v>1</v>
      </c>
      <c r="K881" s="8" t="s">
        <v>514</v>
      </c>
      <c r="L881" s="8">
        <v>3</v>
      </c>
      <c r="M881" s="8">
        <v>3</v>
      </c>
      <c r="N881" s="72" t="s">
        <v>708</v>
      </c>
      <c r="O881" s="98"/>
    </row>
    <row r="882" spans="1:15" s="99" customFormat="1" hidden="1">
      <c r="A882" s="10"/>
      <c r="B882" s="10"/>
      <c r="C882" s="8"/>
      <c r="D882" s="10"/>
      <c r="E882" s="8" t="s">
        <v>306</v>
      </c>
      <c r="F882" s="8">
        <v>212</v>
      </c>
      <c r="G882" s="8" t="s">
        <v>101</v>
      </c>
      <c r="H882" s="8" t="s">
        <v>78</v>
      </c>
      <c r="I882" s="8" t="s">
        <v>71</v>
      </c>
      <c r="J882" s="8">
        <v>1</v>
      </c>
      <c r="K882" s="8" t="s">
        <v>438</v>
      </c>
      <c r="L882" s="8">
        <v>1</v>
      </c>
      <c r="M882" s="8">
        <v>17</v>
      </c>
      <c r="N882" s="72"/>
      <c r="O882" s="98"/>
    </row>
    <row r="883" spans="1:15" s="99" customFormat="1" hidden="1">
      <c r="A883" s="17"/>
      <c r="B883" s="17"/>
      <c r="C883" s="17" t="s">
        <v>252</v>
      </c>
      <c r="D883" s="139"/>
      <c r="E883" s="17"/>
      <c r="F883" s="17"/>
      <c r="G883" s="17"/>
      <c r="H883" s="17" t="s">
        <v>17</v>
      </c>
      <c r="I883" s="17" t="s">
        <v>71</v>
      </c>
      <c r="J883" s="17">
        <v>1</v>
      </c>
      <c r="K883" s="17"/>
      <c r="L883" s="17"/>
      <c r="M883" s="17"/>
      <c r="N883" s="138"/>
      <c r="O883" s="98"/>
    </row>
    <row r="884" spans="1:15" s="99" customFormat="1" hidden="1">
      <c r="A884" s="10"/>
      <c r="B884" s="10"/>
      <c r="C884" s="8"/>
      <c r="D884" s="10"/>
      <c r="E884" s="8" t="s">
        <v>251</v>
      </c>
      <c r="F884" s="8">
        <v>98</v>
      </c>
      <c r="G884" s="8" t="s">
        <v>156</v>
      </c>
      <c r="H884" s="8" t="s">
        <v>66</v>
      </c>
      <c r="I884" s="8" t="s">
        <v>65</v>
      </c>
      <c r="J884" s="8">
        <v>1</v>
      </c>
      <c r="K884" s="8" t="s">
        <v>514</v>
      </c>
      <c r="L884" s="8">
        <v>2</v>
      </c>
      <c r="M884" s="8">
        <v>3</v>
      </c>
      <c r="N884" s="72" t="s">
        <v>623</v>
      </c>
      <c r="O884" s="98"/>
    </row>
    <row r="885" spans="1:15" s="99" customFormat="1" hidden="1">
      <c r="A885" s="10"/>
      <c r="B885" s="10"/>
      <c r="C885" s="8"/>
      <c r="D885" s="10"/>
      <c r="E885" s="8" t="s">
        <v>250</v>
      </c>
      <c r="F885" s="8">
        <v>100</v>
      </c>
      <c r="G885" s="8" t="s">
        <v>249</v>
      </c>
      <c r="H885" s="8" t="s">
        <v>66</v>
      </c>
      <c r="I885" s="8" t="s">
        <v>65</v>
      </c>
      <c r="J885" s="8">
        <v>1</v>
      </c>
      <c r="K885" s="8" t="s">
        <v>514</v>
      </c>
      <c r="L885" s="8">
        <v>3</v>
      </c>
      <c r="M885" s="8">
        <v>3</v>
      </c>
      <c r="N885" s="72"/>
      <c r="O885" s="98"/>
    </row>
    <row r="886" spans="1:15" s="99" customFormat="1" hidden="1">
      <c r="A886" s="10"/>
      <c r="B886" s="10"/>
      <c r="C886" s="8"/>
      <c r="D886" s="10"/>
      <c r="E886" s="8" t="s">
        <v>290</v>
      </c>
      <c r="F886" s="8">
        <v>280</v>
      </c>
      <c r="G886" s="8" t="s">
        <v>289</v>
      </c>
      <c r="H886" s="8" t="s">
        <v>17</v>
      </c>
      <c r="I886" s="8" t="s">
        <v>71</v>
      </c>
      <c r="J886" s="8">
        <v>1</v>
      </c>
      <c r="K886" s="8" t="s">
        <v>438</v>
      </c>
      <c r="L886" s="8">
        <v>4</v>
      </c>
      <c r="M886" s="8">
        <v>10</v>
      </c>
      <c r="N886" s="72"/>
      <c r="O886" s="98"/>
    </row>
    <row r="887" spans="1:15" s="99" customFormat="1" hidden="1">
      <c r="A887" s="10"/>
      <c r="B887" s="10"/>
      <c r="C887" s="8"/>
      <c r="D887" s="10"/>
      <c r="E887" s="8" t="s">
        <v>288</v>
      </c>
      <c r="F887" s="8">
        <v>98</v>
      </c>
      <c r="G887" s="8" t="s">
        <v>156</v>
      </c>
      <c r="H887" s="8" t="s">
        <v>17</v>
      </c>
      <c r="I887" s="8" t="s">
        <v>71</v>
      </c>
      <c r="J887" s="8">
        <v>1</v>
      </c>
      <c r="K887" s="8" t="s">
        <v>514</v>
      </c>
      <c r="L887" s="8">
        <v>2</v>
      </c>
      <c r="M887" s="8">
        <v>3</v>
      </c>
      <c r="N887" s="72" t="s">
        <v>625</v>
      </c>
      <c r="O887" s="98"/>
    </row>
    <row r="888" spans="1:15" s="99" customFormat="1" hidden="1">
      <c r="A888" s="10"/>
      <c r="B888" s="10"/>
      <c r="C888" s="8"/>
      <c r="D888" s="10"/>
      <c r="E888" s="8" t="s">
        <v>287</v>
      </c>
      <c r="F888" s="8">
        <v>100</v>
      </c>
      <c r="G888" s="8" t="s">
        <v>249</v>
      </c>
      <c r="H888" s="8" t="s">
        <v>17</v>
      </c>
      <c r="I888" s="8" t="s">
        <v>71</v>
      </c>
      <c r="J888" s="8">
        <v>1</v>
      </c>
      <c r="K888" s="8" t="s">
        <v>514</v>
      </c>
      <c r="L888" s="8">
        <v>3</v>
      </c>
      <c r="M888" s="8">
        <v>3</v>
      </c>
      <c r="N888" s="72"/>
      <c r="O888" s="98"/>
    </row>
    <row r="889" spans="1:15" s="99" customFormat="1" hidden="1">
      <c r="A889" s="17" t="s">
        <v>311</v>
      </c>
      <c r="B889" s="17" t="s">
        <v>527</v>
      </c>
      <c r="C889" s="17"/>
      <c r="D889" s="139"/>
      <c r="E889" s="17"/>
      <c r="F889" s="17"/>
      <c r="G889" s="17"/>
      <c r="H889" s="17" t="s">
        <v>17</v>
      </c>
      <c r="I889" s="17" t="s">
        <v>71</v>
      </c>
      <c r="J889" s="17" t="s">
        <v>525</v>
      </c>
      <c r="K889" s="17"/>
      <c r="L889" s="17"/>
      <c r="M889" s="17"/>
      <c r="N889" s="138"/>
      <c r="O889" s="98"/>
    </row>
    <row r="890" spans="1:15" s="99" customFormat="1" hidden="1">
      <c r="A890" s="17"/>
      <c r="B890" s="17"/>
      <c r="C890" s="17" t="s">
        <v>311</v>
      </c>
      <c r="D890" s="139" t="s">
        <v>527</v>
      </c>
      <c r="E890" s="17"/>
      <c r="F890" s="17"/>
      <c r="G890" s="17"/>
      <c r="H890" s="17" t="s">
        <v>66</v>
      </c>
      <c r="I890" s="17" t="s">
        <v>65</v>
      </c>
      <c r="J890" s="17">
        <v>1</v>
      </c>
      <c r="K890" s="17"/>
      <c r="L890" s="17"/>
      <c r="M890" s="17"/>
      <c r="N890" s="138"/>
      <c r="O890" s="98"/>
    </row>
    <row r="891" spans="1:15" s="99" customFormat="1" hidden="1">
      <c r="A891" s="10"/>
      <c r="B891" s="10"/>
      <c r="C891" s="8"/>
      <c r="D891" s="10"/>
      <c r="E891" s="8" t="s">
        <v>310</v>
      </c>
      <c r="F891" s="8">
        <v>687</v>
      </c>
      <c r="G891" s="8" t="s">
        <v>309</v>
      </c>
      <c r="H891" s="8" t="s">
        <v>17</v>
      </c>
      <c r="I891" s="8" t="s">
        <v>71</v>
      </c>
      <c r="J891" s="8">
        <v>1</v>
      </c>
      <c r="K891" s="8" t="s">
        <v>514</v>
      </c>
      <c r="L891" s="8">
        <v>2</v>
      </c>
      <c r="M891" s="8">
        <v>2</v>
      </c>
      <c r="N891" s="72" t="s">
        <v>707</v>
      </c>
      <c r="O891" s="98"/>
    </row>
    <row r="892" spans="1:15" s="99" customFormat="1" hidden="1">
      <c r="A892" s="10"/>
      <c r="B892" s="10"/>
      <c r="C892" s="8"/>
      <c r="D892" s="10"/>
      <c r="E892" s="8" t="s">
        <v>308</v>
      </c>
      <c r="F892" s="8">
        <v>236</v>
      </c>
      <c r="G892" s="8" t="s">
        <v>307</v>
      </c>
      <c r="H892" s="8" t="s">
        <v>78</v>
      </c>
      <c r="I892" s="8" t="s">
        <v>71</v>
      </c>
      <c r="J892" s="8">
        <v>1</v>
      </c>
      <c r="K892" s="8" t="s">
        <v>514</v>
      </c>
      <c r="L892" s="8">
        <v>3</v>
      </c>
      <c r="M892" s="8">
        <v>3</v>
      </c>
      <c r="N892" s="72" t="s">
        <v>709</v>
      </c>
      <c r="O892" s="98"/>
    </row>
    <row r="893" spans="1:15" s="99" customFormat="1" hidden="1">
      <c r="A893" s="10"/>
      <c r="B893" s="10"/>
      <c r="C893" s="8"/>
      <c r="D893" s="10"/>
      <c r="E893" s="8" t="s">
        <v>306</v>
      </c>
      <c r="F893" s="8">
        <v>212</v>
      </c>
      <c r="G893" s="8" t="s">
        <v>101</v>
      </c>
      <c r="H893" s="8" t="s">
        <v>78</v>
      </c>
      <c r="I893" s="8" t="s">
        <v>71</v>
      </c>
      <c r="J893" s="8">
        <v>1</v>
      </c>
      <c r="K893" s="8" t="s">
        <v>438</v>
      </c>
      <c r="L893" s="8">
        <v>1</v>
      </c>
      <c r="M893" s="8">
        <v>17</v>
      </c>
      <c r="N893" s="72"/>
      <c r="O893" s="98"/>
    </row>
    <row r="894" spans="1:15" s="99" customFormat="1" hidden="1">
      <c r="A894" s="17"/>
      <c r="B894" s="17"/>
      <c r="C894" s="17" t="s">
        <v>252</v>
      </c>
      <c r="D894" s="139"/>
      <c r="E894" s="17"/>
      <c r="F894" s="17"/>
      <c r="G894" s="17"/>
      <c r="H894" s="17" t="s">
        <v>17</v>
      </c>
      <c r="I894" s="17" t="s">
        <v>71</v>
      </c>
      <c r="J894" s="17">
        <v>1</v>
      </c>
      <c r="K894" s="17"/>
      <c r="L894" s="17"/>
      <c r="M894" s="17"/>
      <c r="N894" s="138"/>
      <c r="O894" s="98"/>
    </row>
    <row r="895" spans="1:15" s="99" customFormat="1" hidden="1">
      <c r="A895" s="10"/>
      <c r="B895" s="10"/>
      <c r="C895" s="8"/>
      <c r="D895" s="10"/>
      <c r="E895" s="8" t="s">
        <v>251</v>
      </c>
      <c r="F895" s="8">
        <v>98</v>
      </c>
      <c r="G895" s="8" t="s">
        <v>156</v>
      </c>
      <c r="H895" s="8" t="s">
        <v>66</v>
      </c>
      <c r="I895" s="8" t="s">
        <v>65</v>
      </c>
      <c r="J895" s="8">
        <v>1</v>
      </c>
      <c r="K895" s="8" t="s">
        <v>514</v>
      </c>
      <c r="L895" s="8">
        <v>2</v>
      </c>
      <c r="M895" s="8">
        <v>3</v>
      </c>
      <c r="N895" s="72" t="s">
        <v>623</v>
      </c>
      <c r="O895" s="98"/>
    </row>
    <row r="896" spans="1:15" s="99" customFormat="1" hidden="1">
      <c r="A896" s="10"/>
      <c r="B896" s="10"/>
      <c r="C896" s="8"/>
      <c r="D896" s="10"/>
      <c r="E896" s="8" t="s">
        <v>250</v>
      </c>
      <c r="F896" s="8">
        <v>100</v>
      </c>
      <c r="G896" s="8" t="s">
        <v>249</v>
      </c>
      <c r="H896" s="8" t="s">
        <v>66</v>
      </c>
      <c r="I896" s="8" t="s">
        <v>65</v>
      </c>
      <c r="J896" s="8">
        <v>1</v>
      </c>
      <c r="K896" s="8" t="s">
        <v>514</v>
      </c>
      <c r="L896" s="8">
        <v>3</v>
      </c>
      <c r="M896" s="8">
        <v>3</v>
      </c>
      <c r="N896" s="72"/>
      <c r="O896" s="98"/>
    </row>
    <row r="897" spans="1:15" s="99" customFormat="1" hidden="1">
      <c r="A897" s="10"/>
      <c r="B897" s="10"/>
      <c r="C897" s="8"/>
      <c r="D897" s="10"/>
      <c r="E897" s="8" t="s">
        <v>290</v>
      </c>
      <c r="F897" s="8">
        <v>280</v>
      </c>
      <c r="G897" s="8" t="s">
        <v>289</v>
      </c>
      <c r="H897" s="8" t="s">
        <v>17</v>
      </c>
      <c r="I897" s="8" t="s">
        <v>71</v>
      </c>
      <c r="J897" s="8">
        <v>1</v>
      </c>
      <c r="K897" s="8" t="s">
        <v>438</v>
      </c>
      <c r="L897" s="8">
        <v>4</v>
      </c>
      <c r="M897" s="8">
        <v>10</v>
      </c>
      <c r="N897" s="72"/>
      <c r="O897" s="98"/>
    </row>
    <row r="898" spans="1:15" s="99" customFormat="1" hidden="1">
      <c r="A898" s="10"/>
      <c r="B898" s="10"/>
      <c r="C898" s="8"/>
      <c r="D898" s="10"/>
      <c r="E898" s="8" t="s">
        <v>288</v>
      </c>
      <c r="F898" s="8">
        <v>98</v>
      </c>
      <c r="G898" s="8" t="s">
        <v>156</v>
      </c>
      <c r="H898" s="8" t="s">
        <v>17</v>
      </c>
      <c r="I898" s="8" t="s">
        <v>71</v>
      </c>
      <c r="J898" s="8">
        <v>1</v>
      </c>
      <c r="K898" s="8" t="s">
        <v>514</v>
      </c>
      <c r="L898" s="8">
        <v>2</v>
      </c>
      <c r="M898" s="8">
        <v>3</v>
      </c>
      <c r="N898" s="72" t="s">
        <v>625</v>
      </c>
      <c r="O898" s="98"/>
    </row>
    <row r="899" spans="1:15" s="99" customFormat="1" hidden="1">
      <c r="A899" s="10"/>
      <c r="B899" s="10"/>
      <c r="C899" s="8"/>
      <c r="D899" s="10"/>
      <c r="E899" s="8" t="s">
        <v>287</v>
      </c>
      <c r="F899" s="8">
        <v>100</v>
      </c>
      <c r="G899" s="8" t="s">
        <v>249</v>
      </c>
      <c r="H899" s="8" t="s">
        <v>17</v>
      </c>
      <c r="I899" s="8" t="s">
        <v>71</v>
      </c>
      <c r="J899" s="8">
        <v>1</v>
      </c>
      <c r="K899" s="8" t="s">
        <v>514</v>
      </c>
      <c r="L899" s="8">
        <v>3</v>
      </c>
      <c r="M899" s="8">
        <v>3</v>
      </c>
      <c r="N899" s="72"/>
      <c r="O899" s="98"/>
    </row>
    <row r="900" spans="1:15" s="99" customFormat="1" hidden="1">
      <c r="A900" s="17" t="s">
        <v>311</v>
      </c>
      <c r="B900" s="17" t="s">
        <v>527</v>
      </c>
      <c r="C900" s="17"/>
      <c r="D900" s="139"/>
      <c r="E900" s="17"/>
      <c r="F900" s="17"/>
      <c r="G900" s="17"/>
      <c r="H900" s="17" t="s">
        <v>17</v>
      </c>
      <c r="I900" s="17" t="s">
        <v>71</v>
      </c>
      <c r="J900" s="17" t="s">
        <v>525</v>
      </c>
      <c r="K900" s="17"/>
      <c r="L900" s="17"/>
      <c r="M900" s="17"/>
      <c r="N900" s="138"/>
      <c r="O900" s="98"/>
    </row>
    <row r="901" spans="1:15" s="99" customFormat="1" hidden="1">
      <c r="A901" s="17"/>
      <c r="B901" s="17"/>
      <c r="C901" s="17" t="s">
        <v>311</v>
      </c>
      <c r="D901" s="139" t="s">
        <v>527</v>
      </c>
      <c r="E901" s="17"/>
      <c r="F901" s="17"/>
      <c r="G901" s="17"/>
      <c r="H901" s="17" t="s">
        <v>66</v>
      </c>
      <c r="I901" s="17" t="s">
        <v>65</v>
      </c>
      <c r="J901" s="17">
        <v>1</v>
      </c>
      <c r="K901" s="17"/>
      <c r="L901" s="17"/>
      <c r="M901" s="17"/>
      <c r="N901" s="138"/>
      <c r="O901" s="98"/>
    </row>
    <row r="902" spans="1:15" s="99" customFormat="1" hidden="1">
      <c r="A902" s="10"/>
      <c r="B902" s="10"/>
      <c r="C902" s="8"/>
      <c r="D902" s="10"/>
      <c r="E902" s="8" t="s">
        <v>310</v>
      </c>
      <c r="F902" s="8">
        <v>687</v>
      </c>
      <c r="G902" s="8" t="s">
        <v>309</v>
      </c>
      <c r="H902" s="8" t="s">
        <v>17</v>
      </c>
      <c r="I902" s="8" t="s">
        <v>71</v>
      </c>
      <c r="J902" s="8">
        <v>1</v>
      </c>
      <c r="K902" s="8" t="s">
        <v>514</v>
      </c>
      <c r="L902" s="8">
        <v>2</v>
      </c>
      <c r="M902" s="8">
        <v>2</v>
      </c>
      <c r="N902" s="72" t="s">
        <v>707</v>
      </c>
      <c r="O902" s="98"/>
    </row>
    <row r="903" spans="1:15" s="99" customFormat="1" hidden="1">
      <c r="A903" s="10"/>
      <c r="B903" s="10"/>
      <c r="C903" s="8"/>
      <c r="D903" s="10"/>
      <c r="E903" s="8" t="s">
        <v>308</v>
      </c>
      <c r="F903" s="8">
        <v>236</v>
      </c>
      <c r="G903" s="8" t="s">
        <v>307</v>
      </c>
      <c r="H903" s="8" t="s">
        <v>78</v>
      </c>
      <c r="I903" s="8" t="s">
        <v>71</v>
      </c>
      <c r="J903" s="8">
        <v>1</v>
      </c>
      <c r="K903" s="8" t="s">
        <v>514</v>
      </c>
      <c r="L903" s="8">
        <v>3</v>
      </c>
      <c r="M903" s="8">
        <v>3</v>
      </c>
      <c r="N903" s="72" t="s">
        <v>710</v>
      </c>
      <c r="O903" s="98"/>
    </row>
    <row r="904" spans="1:15" s="99" customFormat="1" hidden="1">
      <c r="A904" s="10"/>
      <c r="B904" s="10"/>
      <c r="C904" s="8"/>
      <c r="D904" s="10"/>
      <c r="E904" s="8" t="s">
        <v>306</v>
      </c>
      <c r="F904" s="8">
        <v>212</v>
      </c>
      <c r="G904" s="8" t="s">
        <v>101</v>
      </c>
      <c r="H904" s="8" t="s">
        <v>78</v>
      </c>
      <c r="I904" s="8" t="s">
        <v>71</v>
      </c>
      <c r="J904" s="8">
        <v>1</v>
      </c>
      <c r="K904" s="8" t="s">
        <v>438</v>
      </c>
      <c r="L904" s="8">
        <v>1</v>
      </c>
      <c r="M904" s="8">
        <v>17</v>
      </c>
      <c r="N904" s="72"/>
      <c r="O904" s="98"/>
    </row>
    <row r="905" spans="1:15" s="99" customFormat="1" hidden="1">
      <c r="A905" s="17"/>
      <c r="B905" s="17"/>
      <c r="C905" s="17" t="s">
        <v>252</v>
      </c>
      <c r="D905" s="139"/>
      <c r="E905" s="17"/>
      <c r="F905" s="17"/>
      <c r="G905" s="17"/>
      <c r="H905" s="17" t="s">
        <v>17</v>
      </c>
      <c r="I905" s="17" t="s">
        <v>71</v>
      </c>
      <c r="J905" s="17">
        <v>1</v>
      </c>
      <c r="K905" s="17"/>
      <c r="L905" s="17"/>
      <c r="M905" s="17"/>
      <c r="N905" s="138"/>
      <c r="O905" s="98"/>
    </row>
    <row r="906" spans="1:15" s="99" customFormat="1" hidden="1">
      <c r="A906" s="10"/>
      <c r="B906" s="10"/>
      <c r="C906" s="8"/>
      <c r="D906" s="10"/>
      <c r="E906" s="8" t="s">
        <v>251</v>
      </c>
      <c r="F906" s="8">
        <v>98</v>
      </c>
      <c r="G906" s="8" t="s">
        <v>156</v>
      </c>
      <c r="H906" s="8" t="s">
        <v>66</v>
      </c>
      <c r="I906" s="8" t="s">
        <v>65</v>
      </c>
      <c r="J906" s="8">
        <v>1</v>
      </c>
      <c r="K906" s="8" t="s">
        <v>514</v>
      </c>
      <c r="L906" s="8">
        <v>2</v>
      </c>
      <c r="M906" s="8">
        <v>3</v>
      </c>
      <c r="N906" s="72" t="s">
        <v>623</v>
      </c>
      <c r="O906" s="98"/>
    </row>
    <row r="907" spans="1:15" s="99" customFormat="1" hidden="1">
      <c r="A907" s="10"/>
      <c r="B907" s="10"/>
      <c r="C907" s="8"/>
      <c r="D907" s="10"/>
      <c r="E907" s="8" t="s">
        <v>250</v>
      </c>
      <c r="F907" s="8">
        <v>100</v>
      </c>
      <c r="G907" s="8" t="s">
        <v>249</v>
      </c>
      <c r="H907" s="8" t="s">
        <v>66</v>
      </c>
      <c r="I907" s="8" t="s">
        <v>65</v>
      </c>
      <c r="J907" s="8">
        <v>1</v>
      </c>
      <c r="K907" s="8" t="s">
        <v>514</v>
      </c>
      <c r="L907" s="8">
        <v>3</v>
      </c>
      <c r="M907" s="8">
        <v>3</v>
      </c>
      <c r="N907" s="72"/>
      <c r="O907" s="98"/>
    </row>
    <row r="908" spans="1:15" s="99" customFormat="1" hidden="1">
      <c r="A908" s="10"/>
      <c r="B908" s="10"/>
      <c r="C908" s="8"/>
      <c r="D908" s="10"/>
      <c r="E908" s="8" t="s">
        <v>290</v>
      </c>
      <c r="F908" s="8">
        <v>280</v>
      </c>
      <c r="G908" s="8" t="s">
        <v>289</v>
      </c>
      <c r="H908" s="8" t="s">
        <v>17</v>
      </c>
      <c r="I908" s="8" t="s">
        <v>71</v>
      </c>
      <c r="J908" s="8">
        <v>1</v>
      </c>
      <c r="K908" s="8" t="s">
        <v>438</v>
      </c>
      <c r="L908" s="8">
        <v>4</v>
      </c>
      <c r="M908" s="8">
        <v>10</v>
      </c>
      <c r="N908" s="72"/>
      <c r="O908" s="98"/>
    </row>
    <row r="909" spans="1:15" s="99" customFormat="1" hidden="1">
      <c r="A909" s="10"/>
      <c r="B909" s="10"/>
      <c r="C909" s="8"/>
      <c r="D909" s="10"/>
      <c r="E909" s="8" t="s">
        <v>288</v>
      </c>
      <c r="F909" s="8">
        <v>98</v>
      </c>
      <c r="G909" s="8" t="s">
        <v>156</v>
      </c>
      <c r="H909" s="8" t="s">
        <v>17</v>
      </c>
      <c r="I909" s="8" t="s">
        <v>71</v>
      </c>
      <c r="J909" s="8">
        <v>1</v>
      </c>
      <c r="K909" s="8" t="s">
        <v>514</v>
      </c>
      <c r="L909" s="8">
        <v>2</v>
      </c>
      <c r="M909" s="8">
        <v>3</v>
      </c>
      <c r="N909" s="72" t="s">
        <v>625</v>
      </c>
      <c r="O909" s="98"/>
    </row>
    <row r="910" spans="1:15" s="99" customFormat="1" hidden="1">
      <c r="A910" s="10"/>
      <c r="B910" s="10"/>
      <c r="C910" s="8"/>
      <c r="D910" s="10"/>
      <c r="E910" s="8" t="s">
        <v>287</v>
      </c>
      <c r="F910" s="8">
        <v>100</v>
      </c>
      <c r="G910" s="8" t="s">
        <v>249</v>
      </c>
      <c r="H910" s="8" t="s">
        <v>17</v>
      </c>
      <c r="I910" s="8" t="s">
        <v>71</v>
      </c>
      <c r="J910" s="8">
        <v>1</v>
      </c>
      <c r="K910" s="8" t="s">
        <v>514</v>
      </c>
      <c r="L910" s="8">
        <v>3</v>
      </c>
      <c r="M910" s="8">
        <v>3</v>
      </c>
      <c r="N910" s="72"/>
      <c r="O910" s="98"/>
    </row>
    <row r="911" spans="1:15" s="99" customFormat="1" hidden="1">
      <c r="A911" s="17"/>
      <c r="B911" s="17"/>
      <c r="C911" s="17" t="s">
        <v>193</v>
      </c>
      <c r="D911" s="139"/>
      <c r="E911" s="17"/>
      <c r="F911" s="17"/>
      <c r="G911" s="17"/>
      <c r="H911" s="17" t="s">
        <v>17</v>
      </c>
      <c r="I911" s="17" t="s">
        <v>71</v>
      </c>
      <c r="J911" s="17">
        <v>40</v>
      </c>
      <c r="K911" s="17"/>
      <c r="L911" s="17"/>
      <c r="M911" s="17"/>
      <c r="N911" s="138"/>
      <c r="O911" s="98"/>
    </row>
    <row r="912" spans="1:15" s="99" customFormat="1" hidden="1">
      <c r="A912" s="10"/>
      <c r="B912" s="10"/>
      <c r="C912" s="8"/>
      <c r="D912" s="10"/>
      <c r="E912" s="8" t="s">
        <v>192</v>
      </c>
      <c r="F912" s="8">
        <v>737</v>
      </c>
      <c r="G912" s="8" t="s">
        <v>191</v>
      </c>
      <c r="H912" s="8" t="s">
        <v>17</v>
      </c>
      <c r="I912" s="8" t="s">
        <v>71</v>
      </c>
      <c r="J912" s="8">
        <v>1</v>
      </c>
      <c r="K912" s="8" t="s">
        <v>514</v>
      </c>
      <c r="L912" s="8">
        <v>2</v>
      </c>
      <c r="M912" s="8">
        <v>2</v>
      </c>
      <c r="N912" s="72" t="s">
        <v>646</v>
      </c>
      <c r="O912" s="98"/>
    </row>
    <row r="913" spans="1:16" s="99" customFormat="1" hidden="1">
      <c r="A913" s="10"/>
      <c r="B913" s="10"/>
      <c r="C913" s="8"/>
      <c r="D913" s="10"/>
      <c r="E913" s="8" t="s">
        <v>190</v>
      </c>
      <c r="F913" s="8">
        <v>738</v>
      </c>
      <c r="G913" s="8" t="s">
        <v>189</v>
      </c>
      <c r="H913" s="8" t="s">
        <v>17</v>
      </c>
      <c r="I913" s="8" t="s">
        <v>71</v>
      </c>
      <c r="J913" s="8">
        <v>1</v>
      </c>
      <c r="K913" s="8" t="s">
        <v>514</v>
      </c>
      <c r="L913" s="8">
        <v>1</v>
      </c>
      <c r="M913" s="8">
        <v>3</v>
      </c>
      <c r="N913" s="70" t="s">
        <v>624</v>
      </c>
      <c r="O913" s="98"/>
    </row>
    <row r="914" spans="1:16" s="99" customFormat="1" hidden="1">
      <c r="A914" s="10"/>
      <c r="B914" s="10"/>
      <c r="C914" s="8"/>
      <c r="D914" s="10"/>
      <c r="E914" s="8" t="s">
        <v>188</v>
      </c>
      <c r="F914" s="8">
        <v>739</v>
      </c>
      <c r="G914" s="8" t="s">
        <v>187</v>
      </c>
      <c r="H914" s="8" t="s">
        <v>78</v>
      </c>
      <c r="I914" s="8" t="s">
        <v>71</v>
      </c>
      <c r="J914" s="8">
        <v>1</v>
      </c>
      <c r="K914" s="8" t="s">
        <v>438</v>
      </c>
      <c r="L914" s="8">
        <v>1</v>
      </c>
      <c r="M914" s="8">
        <v>20</v>
      </c>
      <c r="N914" s="72"/>
      <c r="O914" s="98"/>
    </row>
    <row r="915" spans="1:16" s="99" customFormat="1" hidden="1">
      <c r="A915" s="10"/>
      <c r="B915" s="10"/>
      <c r="C915" s="8"/>
      <c r="D915" s="10" t="s">
        <v>186</v>
      </c>
      <c r="E915" s="8" t="s">
        <v>185</v>
      </c>
      <c r="F915" s="8"/>
      <c r="G915" s="8"/>
      <c r="H915" s="8" t="s">
        <v>78</v>
      </c>
      <c r="I915" s="8" t="s">
        <v>71</v>
      </c>
      <c r="J915" s="8">
        <v>1</v>
      </c>
      <c r="K915" s="8"/>
      <c r="L915" s="8"/>
      <c r="M915" s="8"/>
      <c r="N915" s="72"/>
      <c r="O915" s="98"/>
    </row>
    <row r="916" spans="1:16" s="99" customFormat="1" hidden="1">
      <c r="A916" s="10"/>
      <c r="B916" s="10"/>
      <c r="C916" s="8"/>
      <c r="D916" s="10"/>
      <c r="E916" s="8" t="s">
        <v>711</v>
      </c>
      <c r="F916" s="8">
        <v>355</v>
      </c>
      <c r="G916" s="8" t="s">
        <v>103</v>
      </c>
      <c r="H916" s="8" t="s">
        <v>66</v>
      </c>
      <c r="I916" s="8" t="s">
        <v>65</v>
      </c>
      <c r="J916" s="8">
        <v>1</v>
      </c>
      <c r="K916" s="8" t="s">
        <v>514</v>
      </c>
      <c r="L916" s="8">
        <v>2</v>
      </c>
      <c r="M916" s="8">
        <v>2</v>
      </c>
      <c r="N916" s="72"/>
      <c r="O916" s="98"/>
    </row>
    <row r="917" spans="1:16" s="99" customFormat="1">
      <c r="A917" s="17" t="s">
        <v>298</v>
      </c>
      <c r="B917" s="17" t="s">
        <v>426</v>
      </c>
      <c r="C917" s="17"/>
      <c r="D917" s="139"/>
      <c r="E917" s="17"/>
      <c r="F917" s="17"/>
      <c r="G917" s="17"/>
      <c r="H917" s="17" t="s">
        <v>17</v>
      </c>
      <c r="I917" s="17" t="s">
        <v>71</v>
      </c>
      <c r="J917" s="17">
        <v>1000</v>
      </c>
      <c r="K917" s="17"/>
      <c r="L917" s="17"/>
      <c r="M917" s="17"/>
      <c r="N917" s="138"/>
      <c r="O917" s="98"/>
    </row>
    <row r="918" spans="1:16" s="99" customFormat="1" hidden="1">
      <c r="A918" s="17"/>
      <c r="B918" s="17"/>
      <c r="C918" s="17" t="s">
        <v>298</v>
      </c>
      <c r="D918" s="139" t="s">
        <v>426</v>
      </c>
      <c r="E918" s="17"/>
      <c r="F918" s="17"/>
      <c r="G918" s="17"/>
      <c r="H918" s="17" t="s">
        <v>66</v>
      </c>
      <c r="I918" s="17" t="s">
        <v>65</v>
      </c>
      <c r="J918" s="17">
        <v>1</v>
      </c>
      <c r="K918" s="17"/>
      <c r="L918" s="17"/>
      <c r="M918" s="17"/>
      <c r="N918" s="138"/>
      <c r="O918" s="98"/>
    </row>
    <row r="919" spans="1:16" hidden="1">
      <c r="E919" s="8" t="s">
        <v>297</v>
      </c>
      <c r="F919" s="8">
        <v>349</v>
      </c>
      <c r="G919" s="8" t="s">
        <v>201</v>
      </c>
      <c r="H919" s="8" t="s">
        <v>66</v>
      </c>
      <c r="I919" s="8" t="s">
        <v>65</v>
      </c>
      <c r="J919" s="8">
        <v>1</v>
      </c>
      <c r="K919" s="8" t="s">
        <v>514</v>
      </c>
      <c r="L919" s="8">
        <v>1</v>
      </c>
      <c r="M919" s="8">
        <v>1</v>
      </c>
      <c r="N919" s="72" t="s">
        <v>666</v>
      </c>
      <c r="O919" s="98"/>
    </row>
    <row r="920" spans="1:16" hidden="1">
      <c r="E920" s="8" t="s">
        <v>296</v>
      </c>
      <c r="F920" s="8">
        <v>750</v>
      </c>
      <c r="G920" s="8" t="s">
        <v>295</v>
      </c>
      <c r="H920" s="8" t="s">
        <v>17</v>
      </c>
      <c r="I920" s="8" t="s">
        <v>71</v>
      </c>
      <c r="J920" s="8">
        <v>1</v>
      </c>
      <c r="K920" s="8" t="s">
        <v>514</v>
      </c>
      <c r="L920" s="8">
        <v>2</v>
      </c>
      <c r="M920" s="8">
        <v>3</v>
      </c>
      <c r="N920" s="72" t="s">
        <v>712</v>
      </c>
      <c r="O920" s="98"/>
    </row>
    <row r="921" spans="1:16" hidden="1">
      <c r="E921" s="19" t="s">
        <v>294</v>
      </c>
      <c r="F921" s="19">
        <v>559</v>
      </c>
      <c r="G921" s="19" t="s">
        <v>197</v>
      </c>
      <c r="H921" s="19" t="s">
        <v>78</v>
      </c>
      <c r="I921" s="19" t="s">
        <v>96</v>
      </c>
      <c r="J921" s="19">
        <v>1</v>
      </c>
      <c r="K921" s="19" t="s">
        <v>514</v>
      </c>
      <c r="L921" s="19">
        <v>2</v>
      </c>
      <c r="M921" s="19">
        <v>2</v>
      </c>
      <c r="N921" s="25"/>
      <c r="O921" s="98"/>
    </row>
    <row r="922" spans="1:16" hidden="1">
      <c r="E922" s="19" t="s">
        <v>293</v>
      </c>
      <c r="F922" s="19">
        <v>751</v>
      </c>
      <c r="G922" s="19" t="s">
        <v>292</v>
      </c>
      <c r="H922" s="19" t="s">
        <v>78</v>
      </c>
      <c r="I922" s="19" t="s">
        <v>96</v>
      </c>
      <c r="J922" s="19">
        <v>1</v>
      </c>
      <c r="K922" s="19" t="s">
        <v>509</v>
      </c>
      <c r="L922" s="19">
        <v>1</v>
      </c>
      <c r="M922" s="19">
        <v>12</v>
      </c>
      <c r="N922" s="25"/>
      <c r="O922" s="98"/>
    </row>
    <row r="923" spans="1:16" hidden="1">
      <c r="E923" s="8" t="s">
        <v>291</v>
      </c>
      <c r="F923" s="8">
        <v>352</v>
      </c>
      <c r="G923" s="8" t="s">
        <v>3</v>
      </c>
      <c r="H923" s="8" t="s">
        <v>78</v>
      </c>
      <c r="I923" s="8" t="s">
        <v>71</v>
      </c>
      <c r="J923" s="8">
        <v>1</v>
      </c>
      <c r="K923" s="8" t="s">
        <v>509</v>
      </c>
      <c r="L923" s="8">
        <v>1</v>
      </c>
      <c r="M923" s="8">
        <v>80</v>
      </c>
      <c r="O923" s="98"/>
    </row>
    <row r="924" spans="1:16" hidden="1">
      <c r="E924" s="19" t="s">
        <v>305</v>
      </c>
      <c r="F924" s="19">
        <v>752</v>
      </c>
      <c r="G924" s="19" t="s">
        <v>304</v>
      </c>
      <c r="H924" s="19" t="s">
        <v>17</v>
      </c>
      <c r="I924" s="19" t="s">
        <v>96</v>
      </c>
      <c r="J924" s="19">
        <v>1</v>
      </c>
      <c r="K924" s="19" t="s">
        <v>514</v>
      </c>
      <c r="L924" s="19">
        <v>2</v>
      </c>
      <c r="M924" s="19">
        <v>2</v>
      </c>
      <c r="N924" s="25"/>
      <c r="O924" s="98"/>
    </row>
    <row r="925" spans="1:16" hidden="1">
      <c r="E925" s="19" t="s">
        <v>303</v>
      </c>
      <c r="F925" s="19">
        <v>822</v>
      </c>
      <c r="G925" s="19" t="s">
        <v>302</v>
      </c>
      <c r="H925" s="19" t="s">
        <v>17</v>
      </c>
      <c r="I925" s="19" t="s">
        <v>96</v>
      </c>
      <c r="J925" s="19">
        <v>1</v>
      </c>
      <c r="K925" s="19" t="s">
        <v>509</v>
      </c>
      <c r="L925" s="19">
        <v>1</v>
      </c>
      <c r="M925" s="19">
        <v>15</v>
      </c>
      <c r="N925" s="25"/>
      <c r="O925" s="98"/>
    </row>
    <row r="926" spans="1:16" hidden="1">
      <c r="E926" s="19" t="s">
        <v>301</v>
      </c>
      <c r="F926" s="19">
        <v>1073</v>
      </c>
      <c r="G926" s="19" t="s">
        <v>300</v>
      </c>
      <c r="H926" s="19" t="s">
        <v>17</v>
      </c>
      <c r="I926" s="19" t="s">
        <v>96</v>
      </c>
      <c r="J926" s="19">
        <v>1</v>
      </c>
      <c r="K926" s="19" t="s">
        <v>514</v>
      </c>
      <c r="L926" s="19">
        <v>1</v>
      </c>
      <c r="M926" s="19">
        <v>1</v>
      </c>
      <c r="N926" s="25"/>
      <c r="O926" s="98"/>
    </row>
    <row r="927" spans="1:16" hidden="1">
      <c r="E927" s="8" t="s">
        <v>299</v>
      </c>
      <c r="F927" s="8">
        <v>819</v>
      </c>
      <c r="G927" s="8" t="s">
        <v>253</v>
      </c>
      <c r="H927" s="8" t="s">
        <v>17</v>
      </c>
      <c r="I927" s="8" t="s">
        <v>71</v>
      </c>
      <c r="J927" s="8">
        <v>1</v>
      </c>
      <c r="K927" s="8" t="s">
        <v>514</v>
      </c>
      <c r="L927" s="8">
        <v>2</v>
      </c>
      <c r="M927" s="8">
        <v>3</v>
      </c>
      <c r="N927" s="70" t="s">
        <v>624</v>
      </c>
      <c r="O927" s="98"/>
    </row>
    <row r="928" spans="1:16" ht="35">
      <c r="A928" s="17" t="s">
        <v>298</v>
      </c>
      <c r="B928" s="17" t="s">
        <v>426</v>
      </c>
      <c r="C928" s="17"/>
      <c r="D928" s="139"/>
      <c r="E928" s="17"/>
      <c r="F928" s="17"/>
      <c r="G928" s="17"/>
      <c r="H928" s="17" t="s">
        <v>17</v>
      </c>
      <c r="I928" s="17" t="s">
        <v>71</v>
      </c>
      <c r="J928" s="17">
        <v>1000</v>
      </c>
      <c r="K928" s="17"/>
      <c r="L928" s="17"/>
      <c r="M928" s="17"/>
      <c r="N928" s="138"/>
      <c r="O928" s="98" t="s">
        <v>940</v>
      </c>
      <c r="P928" s="99" t="s">
        <v>1085</v>
      </c>
    </row>
    <row r="929" spans="1:16" hidden="1" outlineLevel="1">
      <c r="A929" s="17"/>
      <c r="B929" s="17"/>
      <c r="C929" s="17" t="s">
        <v>298</v>
      </c>
      <c r="D929" s="139"/>
      <c r="E929" s="17"/>
      <c r="F929" s="17"/>
      <c r="G929" s="17"/>
      <c r="H929" s="17" t="s">
        <v>66</v>
      </c>
      <c r="I929" s="17" t="s">
        <v>65</v>
      </c>
      <c r="J929" s="17">
        <v>1</v>
      </c>
      <c r="K929" s="17"/>
      <c r="L929" s="17"/>
      <c r="M929" s="17"/>
      <c r="N929" s="138"/>
      <c r="O929" s="98"/>
    </row>
    <row r="930" spans="1:16" hidden="1" outlineLevel="1">
      <c r="E930" s="8" t="s">
        <v>297</v>
      </c>
      <c r="F930" s="8">
        <v>349</v>
      </c>
      <c r="G930" s="8" t="s">
        <v>201</v>
      </c>
      <c r="H930" s="8" t="s">
        <v>66</v>
      </c>
      <c r="I930" s="8" t="s">
        <v>65</v>
      </c>
      <c r="J930" s="8">
        <v>1</v>
      </c>
      <c r="K930" s="8" t="s">
        <v>514</v>
      </c>
      <c r="L930" s="8">
        <v>1</v>
      </c>
      <c r="M930" s="8">
        <v>1</v>
      </c>
      <c r="N930" s="72" t="s">
        <v>666</v>
      </c>
      <c r="O930" s="98"/>
    </row>
    <row r="931" spans="1:16" hidden="1" outlineLevel="1">
      <c r="E931" s="11" t="s">
        <v>296</v>
      </c>
      <c r="F931" s="11">
        <v>750</v>
      </c>
      <c r="G931" s="11" t="s">
        <v>295</v>
      </c>
      <c r="H931" s="11" t="s">
        <v>17</v>
      </c>
      <c r="I931" s="11" t="s">
        <v>96</v>
      </c>
      <c r="J931" s="11">
        <v>1</v>
      </c>
      <c r="K931" s="11" t="s">
        <v>514</v>
      </c>
      <c r="L931" s="11">
        <v>2</v>
      </c>
      <c r="M931" s="11">
        <v>3</v>
      </c>
      <c r="N931" s="72" t="s">
        <v>715</v>
      </c>
      <c r="O931" s="98"/>
    </row>
    <row r="932" spans="1:16" hidden="1" outlineLevel="1">
      <c r="E932" s="19" t="s">
        <v>294</v>
      </c>
      <c r="F932" s="19">
        <v>559</v>
      </c>
      <c r="G932" s="19" t="s">
        <v>197</v>
      </c>
      <c r="H932" s="19" t="s">
        <v>78</v>
      </c>
      <c r="I932" s="19" t="s">
        <v>96</v>
      </c>
      <c r="J932" s="19">
        <v>1</v>
      </c>
      <c r="K932" s="19" t="s">
        <v>514</v>
      </c>
      <c r="L932" s="19">
        <v>2</v>
      </c>
      <c r="M932" s="19">
        <v>2</v>
      </c>
      <c r="N932" s="25"/>
      <c r="O932" s="98"/>
    </row>
    <row r="933" spans="1:16" hidden="1" outlineLevel="1">
      <c r="E933" s="19" t="s">
        <v>293</v>
      </c>
      <c r="F933" s="19">
        <v>751</v>
      </c>
      <c r="G933" s="19" t="s">
        <v>292</v>
      </c>
      <c r="H933" s="19" t="s">
        <v>78</v>
      </c>
      <c r="I933" s="19" t="s">
        <v>96</v>
      </c>
      <c r="J933" s="19">
        <v>1</v>
      </c>
      <c r="K933" s="19" t="s">
        <v>509</v>
      </c>
      <c r="L933" s="19">
        <v>1</v>
      </c>
      <c r="M933" s="19">
        <v>12</v>
      </c>
      <c r="N933" s="25"/>
      <c r="O933" s="98"/>
    </row>
    <row r="934" spans="1:16" hidden="1" outlineLevel="1">
      <c r="E934" s="8" t="s">
        <v>291</v>
      </c>
      <c r="F934" s="8">
        <v>352</v>
      </c>
      <c r="G934" s="8" t="s">
        <v>3</v>
      </c>
      <c r="H934" s="8" t="s">
        <v>78</v>
      </c>
      <c r="I934" s="8" t="s">
        <v>71</v>
      </c>
      <c r="J934" s="8">
        <v>1</v>
      </c>
      <c r="K934" s="8" t="s">
        <v>509</v>
      </c>
      <c r="L934" s="8">
        <v>1</v>
      </c>
      <c r="M934" s="8">
        <v>80</v>
      </c>
      <c r="N934" s="72" t="s">
        <v>716</v>
      </c>
      <c r="O934" s="98"/>
    </row>
    <row r="935" spans="1:16" collapsed="1">
      <c r="A935" s="17" t="s">
        <v>298</v>
      </c>
      <c r="B935" s="17" t="s">
        <v>426</v>
      </c>
      <c r="C935" s="17"/>
      <c r="D935" s="139"/>
      <c r="E935" s="17"/>
      <c r="F935" s="17"/>
      <c r="G935" s="17"/>
      <c r="H935" s="17" t="s">
        <v>17</v>
      </c>
      <c r="I935" s="17" t="s">
        <v>71</v>
      </c>
      <c r="J935" s="17">
        <v>1000</v>
      </c>
      <c r="K935" s="17"/>
      <c r="L935" s="17"/>
      <c r="M935" s="17"/>
      <c r="N935" s="138"/>
      <c r="O935" s="98" t="s">
        <v>941</v>
      </c>
      <c r="P935" s="99" t="s">
        <v>1084</v>
      </c>
    </row>
    <row r="936" spans="1:16" hidden="1" outlineLevel="1">
      <c r="A936" s="17"/>
      <c r="B936" s="17"/>
      <c r="C936" s="17" t="s">
        <v>298</v>
      </c>
      <c r="D936" s="139"/>
      <c r="E936" s="17"/>
      <c r="F936" s="17"/>
      <c r="G936" s="17"/>
      <c r="H936" s="17" t="s">
        <v>66</v>
      </c>
      <c r="I936" s="17" t="s">
        <v>65</v>
      </c>
      <c r="J936" s="17">
        <v>1</v>
      </c>
      <c r="K936" s="17"/>
      <c r="L936" s="17"/>
      <c r="M936" s="17"/>
      <c r="N936" s="138"/>
    </row>
    <row r="937" spans="1:16" hidden="1" outlineLevel="1">
      <c r="E937" s="8" t="s">
        <v>297</v>
      </c>
      <c r="F937" s="8">
        <v>349</v>
      </c>
      <c r="G937" s="8" t="s">
        <v>201</v>
      </c>
      <c r="H937" s="8" t="s">
        <v>66</v>
      </c>
      <c r="I937" s="8" t="s">
        <v>65</v>
      </c>
      <c r="J937" s="8">
        <v>1</v>
      </c>
      <c r="K937" s="8" t="s">
        <v>514</v>
      </c>
      <c r="L937" s="8">
        <v>1</v>
      </c>
      <c r="M937" s="8">
        <v>1</v>
      </c>
      <c r="N937" s="72" t="s">
        <v>666</v>
      </c>
      <c r="O937" s="98"/>
    </row>
    <row r="938" spans="1:16" hidden="1" outlineLevel="1">
      <c r="E938" s="19" t="s">
        <v>296</v>
      </c>
      <c r="F938" s="19">
        <v>750</v>
      </c>
      <c r="G938" s="19" t="s">
        <v>295</v>
      </c>
      <c r="H938" s="19" t="s">
        <v>17</v>
      </c>
      <c r="I938" s="19" t="s">
        <v>96</v>
      </c>
      <c r="J938" s="19">
        <v>1</v>
      </c>
      <c r="K938" s="19" t="s">
        <v>514</v>
      </c>
      <c r="L938" s="19">
        <v>2</v>
      </c>
      <c r="M938" s="19">
        <v>3</v>
      </c>
      <c r="N938" s="25"/>
      <c r="O938" s="98"/>
    </row>
    <row r="939" spans="1:16" hidden="1" outlineLevel="1">
      <c r="E939" s="19" t="s">
        <v>294</v>
      </c>
      <c r="F939" s="19">
        <v>559</v>
      </c>
      <c r="G939" s="19" t="s">
        <v>197</v>
      </c>
      <c r="H939" s="19" t="s">
        <v>78</v>
      </c>
      <c r="I939" s="19" t="s">
        <v>96</v>
      </c>
      <c r="J939" s="19">
        <v>1</v>
      </c>
      <c r="K939" s="19" t="s">
        <v>514</v>
      </c>
      <c r="L939" s="19">
        <v>2</v>
      </c>
      <c r="M939" s="19">
        <v>2</v>
      </c>
      <c r="N939" s="25"/>
      <c r="O939" s="98"/>
    </row>
    <row r="940" spans="1:16" hidden="1" outlineLevel="1">
      <c r="E940" s="19" t="s">
        <v>293</v>
      </c>
      <c r="F940" s="19">
        <v>751</v>
      </c>
      <c r="G940" s="19" t="s">
        <v>292</v>
      </c>
      <c r="H940" s="19" t="s">
        <v>78</v>
      </c>
      <c r="I940" s="19" t="s">
        <v>96</v>
      </c>
      <c r="J940" s="19">
        <v>1</v>
      </c>
      <c r="K940" s="19" t="s">
        <v>509</v>
      </c>
      <c r="L940" s="19">
        <v>1</v>
      </c>
      <c r="M940" s="19">
        <v>12</v>
      </c>
      <c r="N940" s="25"/>
      <c r="O940" s="98"/>
    </row>
    <row r="941" spans="1:16" hidden="1" outlineLevel="1">
      <c r="E941" s="8" t="s">
        <v>291</v>
      </c>
      <c r="F941" s="8">
        <v>352</v>
      </c>
      <c r="G941" s="8" t="s">
        <v>3</v>
      </c>
      <c r="H941" s="8" t="s">
        <v>78</v>
      </c>
      <c r="I941" s="8" t="s">
        <v>71</v>
      </c>
      <c r="J941" s="8">
        <v>1</v>
      </c>
      <c r="K941" s="8" t="s">
        <v>509</v>
      </c>
      <c r="L941" s="8">
        <v>1</v>
      </c>
      <c r="M941" s="8">
        <v>80</v>
      </c>
      <c r="O941" s="98"/>
    </row>
    <row r="942" spans="1:16" hidden="1" outlineLevel="1">
      <c r="E942" s="19" t="s">
        <v>305</v>
      </c>
      <c r="F942" s="19">
        <v>752</v>
      </c>
      <c r="G942" s="19" t="s">
        <v>304</v>
      </c>
      <c r="H942" s="19" t="s">
        <v>17</v>
      </c>
      <c r="I942" s="19" t="s">
        <v>96</v>
      </c>
      <c r="J942" s="19">
        <v>1</v>
      </c>
      <c r="K942" s="19" t="s">
        <v>514</v>
      </c>
      <c r="L942" s="19">
        <v>2</v>
      </c>
      <c r="M942" s="19">
        <v>2</v>
      </c>
      <c r="N942" s="25"/>
      <c r="O942" s="98"/>
    </row>
    <row r="943" spans="1:16" hidden="1" outlineLevel="1">
      <c r="E943" s="19" t="s">
        <v>303</v>
      </c>
      <c r="F943" s="19">
        <v>822</v>
      </c>
      <c r="G943" s="19" t="s">
        <v>302</v>
      </c>
      <c r="H943" s="19" t="s">
        <v>17</v>
      </c>
      <c r="I943" s="19" t="s">
        <v>96</v>
      </c>
      <c r="J943" s="19">
        <v>1</v>
      </c>
      <c r="K943" s="19" t="s">
        <v>509</v>
      </c>
      <c r="L943" s="19">
        <v>1</v>
      </c>
      <c r="M943" s="19">
        <v>15</v>
      </c>
      <c r="N943" s="25"/>
      <c r="O943" s="98"/>
    </row>
    <row r="944" spans="1:16" hidden="1" outlineLevel="1">
      <c r="E944" s="19" t="s">
        <v>301</v>
      </c>
      <c r="F944" s="19">
        <v>1073</v>
      </c>
      <c r="G944" s="19" t="s">
        <v>300</v>
      </c>
      <c r="H944" s="19" t="s">
        <v>17</v>
      </c>
      <c r="I944" s="19" t="s">
        <v>96</v>
      </c>
      <c r="J944" s="19">
        <v>1</v>
      </c>
      <c r="K944" s="19" t="s">
        <v>514</v>
      </c>
      <c r="L944" s="19">
        <v>1</v>
      </c>
      <c r="M944" s="19">
        <v>1</v>
      </c>
      <c r="N944" s="25"/>
      <c r="O944" s="98"/>
    </row>
    <row r="945" spans="1:16" hidden="1" outlineLevel="1">
      <c r="E945" s="8" t="s">
        <v>299</v>
      </c>
      <c r="F945" s="8">
        <v>819</v>
      </c>
      <c r="G945" s="8" t="s">
        <v>253</v>
      </c>
      <c r="H945" s="8" t="s">
        <v>17</v>
      </c>
      <c r="I945" s="8" t="s">
        <v>71</v>
      </c>
      <c r="J945" s="8">
        <v>1</v>
      </c>
      <c r="K945" s="8" t="s">
        <v>514</v>
      </c>
      <c r="L945" s="8">
        <v>2</v>
      </c>
      <c r="M945" s="8">
        <v>3</v>
      </c>
      <c r="N945" s="70" t="s">
        <v>624</v>
      </c>
      <c r="O945" s="98"/>
    </row>
    <row r="946" spans="1:16" collapsed="1">
      <c r="A946" s="17" t="s">
        <v>298</v>
      </c>
      <c r="B946" s="17" t="s">
        <v>426</v>
      </c>
      <c r="C946" s="17"/>
      <c r="D946" s="139"/>
      <c r="E946" s="17"/>
      <c r="F946" s="17"/>
      <c r="G946" s="17"/>
      <c r="H946" s="17" t="s">
        <v>17</v>
      </c>
      <c r="I946" s="17" t="s">
        <v>71</v>
      </c>
      <c r="J946" s="17">
        <v>1000</v>
      </c>
      <c r="K946" s="17"/>
      <c r="L946" s="17"/>
      <c r="M946" s="17"/>
      <c r="N946" s="138"/>
      <c r="O946" s="98" t="s">
        <v>2163</v>
      </c>
      <c r="P946" s="99" t="s">
        <v>2162</v>
      </c>
    </row>
    <row r="947" spans="1:16">
      <c r="A947" s="17"/>
      <c r="B947" s="17"/>
      <c r="C947" s="17" t="s">
        <v>298</v>
      </c>
      <c r="D947" s="139"/>
      <c r="E947" s="17"/>
      <c r="F947" s="17"/>
      <c r="G947" s="17"/>
      <c r="H947" s="17" t="s">
        <v>66</v>
      </c>
      <c r="I947" s="17" t="s">
        <v>65</v>
      </c>
      <c r="J947" s="17">
        <v>1</v>
      </c>
      <c r="K947" s="17"/>
      <c r="L947" s="17"/>
      <c r="M947" s="17"/>
      <c r="N947" s="138"/>
      <c r="O947" s="98" t="s">
        <v>2161</v>
      </c>
      <c r="P947" s="99" t="s">
        <v>2160</v>
      </c>
    </row>
    <row r="948" spans="1:16">
      <c r="E948" s="8" t="s">
        <v>297</v>
      </c>
      <c r="F948" s="8">
        <v>349</v>
      </c>
      <c r="G948" s="8" t="s">
        <v>201</v>
      </c>
      <c r="H948" s="8" t="s">
        <v>66</v>
      </c>
      <c r="I948" s="8" t="s">
        <v>65</v>
      </c>
      <c r="J948" s="8">
        <v>1</v>
      </c>
      <c r="K948" s="8" t="s">
        <v>514</v>
      </c>
      <c r="L948" s="8">
        <v>1</v>
      </c>
      <c r="M948" s="8">
        <v>1</v>
      </c>
      <c r="N948" s="72" t="s">
        <v>713</v>
      </c>
      <c r="O948" s="98" t="s">
        <v>2159</v>
      </c>
      <c r="P948" s="98" t="s">
        <v>2158</v>
      </c>
    </row>
    <row r="949" spans="1:16">
      <c r="E949" s="8" t="s">
        <v>296</v>
      </c>
      <c r="F949" s="8">
        <v>750</v>
      </c>
      <c r="G949" s="8" t="s">
        <v>295</v>
      </c>
      <c r="H949" s="8" t="s">
        <v>17</v>
      </c>
      <c r="I949" s="8" t="s">
        <v>71</v>
      </c>
      <c r="J949" s="8">
        <v>1</v>
      </c>
      <c r="K949" s="8" t="s">
        <v>514</v>
      </c>
      <c r="L949" s="8">
        <v>2</v>
      </c>
      <c r="M949" s="8">
        <v>3</v>
      </c>
      <c r="N949" s="72" t="s">
        <v>714</v>
      </c>
      <c r="O949" s="98" t="s">
        <v>2157</v>
      </c>
    </row>
    <row r="950" spans="1:16">
      <c r="E950" s="8" t="s">
        <v>294</v>
      </c>
      <c r="F950" s="8">
        <v>559</v>
      </c>
      <c r="G950" s="8" t="s">
        <v>197</v>
      </c>
      <c r="H950" s="8" t="s">
        <v>78</v>
      </c>
      <c r="I950" s="8" t="s">
        <v>71</v>
      </c>
      <c r="J950" s="8">
        <v>1</v>
      </c>
      <c r="K950" s="8" t="s">
        <v>514</v>
      </c>
      <c r="L950" s="8">
        <v>2</v>
      </c>
      <c r="M950" s="8">
        <v>2</v>
      </c>
      <c r="N950" s="70" t="s">
        <v>624</v>
      </c>
      <c r="O950" s="98" t="s">
        <v>2156</v>
      </c>
      <c r="P950" s="99" t="s">
        <v>2155</v>
      </c>
    </row>
    <row r="951" spans="1:16" s="99" customFormat="1">
      <c r="A951" s="10"/>
      <c r="B951" s="10"/>
      <c r="C951" s="8"/>
      <c r="D951" s="10"/>
      <c r="E951" s="8" t="s">
        <v>293</v>
      </c>
      <c r="F951" s="8">
        <v>751</v>
      </c>
      <c r="G951" s="8" t="s">
        <v>292</v>
      </c>
      <c r="H951" s="8" t="s">
        <v>78</v>
      </c>
      <c r="I951" s="8" t="s">
        <v>71</v>
      </c>
      <c r="J951" s="8">
        <v>1</v>
      </c>
      <c r="K951" s="8" t="s">
        <v>509</v>
      </c>
      <c r="L951" s="8">
        <v>1</v>
      </c>
      <c r="M951" s="8">
        <v>12</v>
      </c>
      <c r="N951" s="72"/>
      <c r="O951" s="98"/>
    </row>
    <row r="952" spans="1:16" s="99" customFormat="1">
      <c r="A952" s="10"/>
      <c r="B952" s="10"/>
      <c r="C952" s="8"/>
      <c r="D952" s="10"/>
      <c r="E952" s="19" t="s">
        <v>291</v>
      </c>
      <c r="F952" s="19">
        <v>352</v>
      </c>
      <c r="G952" s="19" t="s">
        <v>3</v>
      </c>
      <c r="H952" s="19" t="s">
        <v>78</v>
      </c>
      <c r="I952" s="19" t="s">
        <v>96</v>
      </c>
      <c r="J952" s="19">
        <v>1</v>
      </c>
      <c r="K952" s="19" t="s">
        <v>509</v>
      </c>
      <c r="L952" s="19">
        <v>1</v>
      </c>
      <c r="M952" s="19">
        <v>80</v>
      </c>
      <c r="N952" s="25"/>
      <c r="O952" s="98"/>
    </row>
    <row r="953" spans="1:16" s="99" customFormat="1">
      <c r="A953" s="10"/>
      <c r="B953" s="10"/>
      <c r="C953" s="8"/>
      <c r="D953" s="10"/>
      <c r="E953" s="19" t="s">
        <v>305</v>
      </c>
      <c r="F953" s="19">
        <v>752</v>
      </c>
      <c r="G953" s="19" t="s">
        <v>304</v>
      </c>
      <c r="H953" s="19" t="s">
        <v>17</v>
      </c>
      <c r="I953" s="19" t="s">
        <v>96</v>
      </c>
      <c r="J953" s="19">
        <v>1</v>
      </c>
      <c r="K953" s="19" t="s">
        <v>514</v>
      </c>
      <c r="L953" s="19">
        <v>2</v>
      </c>
      <c r="M953" s="19">
        <v>2</v>
      </c>
      <c r="N953" s="25"/>
      <c r="O953" s="98"/>
    </row>
    <row r="954" spans="1:16" s="99" customFormat="1">
      <c r="A954" s="10"/>
      <c r="B954" s="10"/>
      <c r="C954" s="8"/>
      <c r="D954" s="10"/>
      <c r="E954" s="8" t="s">
        <v>303</v>
      </c>
      <c r="F954" s="8">
        <v>822</v>
      </c>
      <c r="G954" s="8" t="s">
        <v>302</v>
      </c>
      <c r="H954" s="8" t="s">
        <v>17</v>
      </c>
      <c r="I954" s="8" t="s">
        <v>71</v>
      </c>
      <c r="J954" s="8">
        <v>1</v>
      </c>
      <c r="K954" s="8" t="s">
        <v>509</v>
      </c>
      <c r="L954" s="8">
        <v>1</v>
      </c>
      <c r="M954" s="8">
        <v>15</v>
      </c>
      <c r="N954" s="70" t="s">
        <v>624</v>
      </c>
      <c r="O954" s="98"/>
    </row>
    <row r="955" spans="1:16" s="99" customFormat="1" hidden="1">
      <c r="A955" s="17" t="s">
        <v>298</v>
      </c>
      <c r="B955" s="17" t="s">
        <v>426</v>
      </c>
      <c r="C955" s="17"/>
      <c r="D955" s="139"/>
      <c r="E955" s="17"/>
      <c r="F955" s="17"/>
      <c r="G955" s="17"/>
      <c r="H955" s="17" t="s">
        <v>17</v>
      </c>
      <c r="I955" s="17" t="s">
        <v>71</v>
      </c>
      <c r="J955" s="17">
        <v>1000</v>
      </c>
      <c r="K955" s="17"/>
      <c r="L955" s="17"/>
      <c r="M955" s="17"/>
      <c r="N955" s="138"/>
      <c r="O955" s="98"/>
    </row>
    <row r="956" spans="1:16" s="99" customFormat="1" hidden="1">
      <c r="A956" s="17"/>
      <c r="B956" s="17"/>
      <c r="C956" s="17" t="s">
        <v>298</v>
      </c>
      <c r="D956" s="139"/>
      <c r="E956" s="17"/>
      <c r="F956" s="17"/>
      <c r="G956" s="17"/>
      <c r="H956" s="17" t="s">
        <v>66</v>
      </c>
      <c r="I956" s="17" t="s">
        <v>65</v>
      </c>
      <c r="J956" s="17">
        <v>1</v>
      </c>
      <c r="K956" s="17"/>
      <c r="L956" s="17"/>
      <c r="M956" s="17"/>
      <c r="N956" s="138"/>
      <c r="O956" s="98"/>
    </row>
    <row r="957" spans="1:16" s="99" customFormat="1" hidden="1">
      <c r="A957" s="10"/>
      <c r="B957" s="10"/>
      <c r="C957" s="8"/>
      <c r="D957" s="10"/>
      <c r="E957" s="10" t="s">
        <v>297</v>
      </c>
      <c r="F957" s="8">
        <v>349</v>
      </c>
      <c r="G957" s="10" t="s">
        <v>201</v>
      </c>
      <c r="H957" s="10" t="s">
        <v>66</v>
      </c>
      <c r="I957" s="10" t="s">
        <v>65</v>
      </c>
      <c r="J957" s="8">
        <v>1</v>
      </c>
      <c r="K957" s="8" t="s">
        <v>514</v>
      </c>
      <c r="L957" s="8">
        <v>1</v>
      </c>
      <c r="M957" s="8">
        <v>1</v>
      </c>
      <c r="N957" s="93" t="s">
        <v>666</v>
      </c>
      <c r="O957" s="98"/>
    </row>
    <row r="958" spans="1:16" s="99" customFormat="1" hidden="1">
      <c r="A958" s="10"/>
      <c r="B958" s="10"/>
      <c r="C958" s="8"/>
      <c r="D958" s="10"/>
      <c r="E958" s="10" t="s">
        <v>296</v>
      </c>
      <c r="F958" s="8">
        <v>750</v>
      </c>
      <c r="G958" s="10" t="s">
        <v>295</v>
      </c>
      <c r="H958" s="10" t="s">
        <v>17</v>
      </c>
      <c r="I958" s="10" t="s">
        <v>71</v>
      </c>
      <c r="J958" s="8">
        <v>1</v>
      </c>
      <c r="K958" s="8" t="s">
        <v>514</v>
      </c>
      <c r="L958" s="8">
        <v>2</v>
      </c>
      <c r="M958" s="8">
        <v>3</v>
      </c>
      <c r="N958" s="93" t="s">
        <v>667</v>
      </c>
      <c r="O958" s="98"/>
    </row>
    <row r="959" spans="1:16" s="99" customFormat="1" hidden="1">
      <c r="A959" s="10"/>
      <c r="B959" s="10"/>
      <c r="C959" s="8"/>
      <c r="D959" s="10"/>
      <c r="E959" s="140" t="s">
        <v>294</v>
      </c>
      <c r="F959" s="19">
        <v>559</v>
      </c>
      <c r="G959" s="140" t="s">
        <v>197</v>
      </c>
      <c r="H959" s="140" t="s">
        <v>78</v>
      </c>
      <c r="I959" s="140" t="s">
        <v>96</v>
      </c>
      <c r="J959" s="19">
        <v>1</v>
      </c>
      <c r="K959" s="19" t="s">
        <v>514</v>
      </c>
      <c r="L959" s="19">
        <v>2</v>
      </c>
      <c r="M959" s="19">
        <v>2</v>
      </c>
      <c r="N959" s="146"/>
      <c r="O959" s="98"/>
    </row>
    <row r="960" spans="1:16" s="99" customFormat="1" hidden="1">
      <c r="A960" s="10"/>
      <c r="B960" s="10"/>
      <c r="C960" s="8"/>
      <c r="D960" s="10"/>
      <c r="E960" s="140" t="s">
        <v>293</v>
      </c>
      <c r="F960" s="19">
        <v>751</v>
      </c>
      <c r="G960" s="140" t="s">
        <v>292</v>
      </c>
      <c r="H960" s="140" t="s">
        <v>78</v>
      </c>
      <c r="I960" s="140" t="s">
        <v>96</v>
      </c>
      <c r="J960" s="19">
        <v>1</v>
      </c>
      <c r="K960" s="19" t="s">
        <v>509</v>
      </c>
      <c r="L960" s="19">
        <v>1</v>
      </c>
      <c r="M960" s="19">
        <v>12</v>
      </c>
      <c r="N960" s="146"/>
      <c r="O960" s="98"/>
    </row>
    <row r="961" spans="1:15" s="99" customFormat="1" hidden="1">
      <c r="A961" s="10"/>
      <c r="B961" s="10"/>
      <c r="C961" s="8"/>
      <c r="D961" s="10"/>
      <c r="E961" s="10" t="s">
        <v>291</v>
      </c>
      <c r="F961" s="8">
        <v>352</v>
      </c>
      <c r="G961" s="10" t="s">
        <v>3</v>
      </c>
      <c r="H961" s="10" t="s">
        <v>78</v>
      </c>
      <c r="I961" s="10" t="s">
        <v>71</v>
      </c>
      <c r="J961" s="8">
        <v>1</v>
      </c>
      <c r="K961" s="8" t="s">
        <v>509</v>
      </c>
      <c r="L961" s="8">
        <v>1</v>
      </c>
      <c r="M961" s="8">
        <v>80</v>
      </c>
      <c r="N961" s="93"/>
      <c r="O961" s="98"/>
    </row>
    <row r="962" spans="1:15" s="99" customFormat="1" hidden="1">
      <c r="A962" s="10"/>
      <c r="B962" s="10"/>
      <c r="C962" s="8"/>
      <c r="D962" s="10"/>
      <c r="E962" s="140" t="s">
        <v>305</v>
      </c>
      <c r="F962" s="19">
        <v>752</v>
      </c>
      <c r="G962" s="140" t="s">
        <v>304</v>
      </c>
      <c r="H962" s="140" t="s">
        <v>17</v>
      </c>
      <c r="I962" s="140" t="s">
        <v>96</v>
      </c>
      <c r="J962" s="19">
        <v>1</v>
      </c>
      <c r="K962" s="19" t="s">
        <v>514</v>
      </c>
      <c r="L962" s="19">
        <v>2</v>
      </c>
      <c r="M962" s="19">
        <v>2</v>
      </c>
      <c r="N962" s="146"/>
      <c r="O962" s="98"/>
    </row>
    <row r="963" spans="1:15" s="99" customFormat="1" hidden="1">
      <c r="A963" s="10"/>
      <c r="B963" s="10"/>
      <c r="C963" s="8"/>
      <c r="D963" s="10"/>
      <c r="E963" s="140" t="s">
        <v>303</v>
      </c>
      <c r="F963" s="19">
        <v>822</v>
      </c>
      <c r="G963" s="140" t="s">
        <v>302</v>
      </c>
      <c r="H963" s="140" t="s">
        <v>17</v>
      </c>
      <c r="I963" s="140" t="s">
        <v>96</v>
      </c>
      <c r="J963" s="19">
        <v>1</v>
      </c>
      <c r="K963" s="19" t="s">
        <v>509</v>
      </c>
      <c r="L963" s="19">
        <v>1</v>
      </c>
      <c r="M963" s="19">
        <v>15</v>
      </c>
      <c r="N963" s="146"/>
      <c r="O963" s="98"/>
    </row>
    <row r="964" spans="1:15" s="99" customFormat="1" hidden="1">
      <c r="A964" s="10"/>
      <c r="B964" s="10"/>
      <c r="C964" s="8"/>
      <c r="D964" s="10"/>
      <c r="E964" s="140" t="s">
        <v>301</v>
      </c>
      <c r="F964" s="19">
        <v>1073</v>
      </c>
      <c r="G964" s="140" t="s">
        <v>300</v>
      </c>
      <c r="H964" s="140" t="s">
        <v>17</v>
      </c>
      <c r="I964" s="140" t="s">
        <v>96</v>
      </c>
      <c r="J964" s="19">
        <v>1</v>
      </c>
      <c r="K964" s="19" t="s">
        <v>514</v>
      </c>
      <c r="L964" s="19">
        <v>1</v>
      </c>
      <c r="M964" s="19">
        <v>1</v>
      </c>
      <c r="N964" s="146"/>
      <c r="O964" s="98"/>
    </row>
    <row r="965" spans="1:15" s="99" customFormat="1" hidden="1">
      <c r="A965" s="10"/>
      <c r="B965" s="10"/>
      <c r="C965" s="8"/>
      <c r="D965" s="10"/>
      <c r="E965" s="10" t="s">
        <v>299</v>
      </c>
      <c r="F965" s="8">
        <v>819</v>
      </c>
      <c r="G965" s="10" t="s">
        <v>253</v>
      </c>
      <c r="H965" s="10" t="s">
        <v>17</v>
      </c>
      <c r="I965" s="10" t="s">
        <v>71</v>
      </c>
      <c r="J965" s="8">
        <v>1</v>
      </c>
      <c r="K965" s="8" t="s">
        <v>514</v>
      </c>
      <c r="L965" s="8">
        <v>2</v>
      </c>
      <c r="M965" s="8">
        <v>3</v>
      </c>
      <c r="N965" s="70" t="s">
        <v>624</v>
      </c>
      <c r="O965" s="98"/>
    </row>
    <row r="966" spans="1:15" s="99" customFormat="1" hidden="1">
      <c r="A966" s="17" t="s">
        <v>298</v>
      </c>
      <c r="B966" s="17" t="s">
        <v>426</v>
      </c>
      <c r="C966" s="17"/>
      <c r="D966" s="139"/>
      <c r="E966" s="17"/>
      <c r="F966" s="17"/>
      <c r="G966" s="17"/>
      <c r="H966" s="17" t="s">
        <v>17</v>
      </c>
      <c r="I966" s="17" t="s">
        <v>71</v>
      </c>
      <c r="J966" s="17">
        <v>1000</v>
      </c>
      <c r="K966" s="17"/>
      <c r="L966" s="17"/>
      <c r="M966" s="17"/>
      <c r="N966" s="138"/>
      <c r="O966" s="98"/>
    </row>
    <row r="967" spans="1:15" s="99" customFormat="1" hidden="1">
      <c r="A967" s="17"/>
      <c r="B967" s="17"/>
      <c r="C967" s="17" t="s">
        <v>298</v>
      </c>
      <c r="D967" s="139"/>
      <c r="E967" s="17"/>
      <c r="F967" s="17"/>
      <c r="G967" s="17"/>
      <c r="H967" s="17" t="s">
        <v>66</v>
      </c>
      <c r="I967" s="17" t="s">
        <v>65</v>
      </c>
      <c r="J967" s="17">
        <v>1</v>
      </c>
      <c r="K967" s="17"/>
      <c r="L967" s="17"/>
      <c r="M967" s="17"/>
      <c r="N967" s="138"/>
      <c r="O967" s="98"/>
    </row>
    <row r="968" spans="1:15" s="99" customFormat="1" hidden="1">
      <c r="A968" s="10"/>
      <c r="B968" s="10"/>
      <c r="C968" s="8"/>
      <c r="D968" s="10"/>
      <c r="E968" s="8" t="s">
        <v>297</v>
      </c>
      <c r="F968" s="8">
        <v>349</v>
      </c>
      <c r="G968" s="8" t="s">
        <v>201</v>
      </c>
      <c r="H968" s="8" t="s">
        <v>66</v>
      </c>
      <c r="I968" s="8" t="s">
        <v>65</v>
      </c>
      <c r="J968" s="8">
        <v>1</v>
      </c>
      <c r="K968" s="8" t="s">
        <v>514</v>
      </c>
      <c r="L968" s="8">
        <v>1</v>
      </c>
      <c r="M968" s="8">
        <v>1</v>
      </c>
      <c r="N968" s="72" t="s">
        <v>666</v>
      </c>
      <c r="O968" s="98"/>
    </row>
    <row r="969" spans="1:15" s="99" customFormat="1" hidden="1">
      <c r="A969" s="10"/>
      <c r="B969" s="10"/>
      <c r="C969" s="8"/>
      <c r="D969" s="10"/>
      <c r="E969" s="11" t="s">
        <v>296</v>
      </c>
      <c r="F969" s="11">
        <v>750</v>
      </c>
      <c r="G969" s="11" t="s">
        <v>295</v>
      </c>
      <c r="H969" s="11" t="s">
        <v>17</v>
      </c>
      <c r="I969" s="11" t="s">
        <v>96</v>
      </c>
      <c r="J969" s="11">
        <v>1</v>
      </c>
      <c r="K969" s="11" t="s">
        <v>514</v>
      </c>
      <c r="L969" s="11">
        <v>2</v>
      </c>
      <c r="M969" s="11">
        <v>3</v>
      </c>
      <c r="N969" s="72" t="s">
        <v>715</v>
      </c>
      <c r="O969" s="98"/>
    </row>
    <row r="970" spans="1:15" s="99" customFormat="1" hidden="1">
      <c r="A970" s="10"/>
      <c r="B970" s="10"/>
      <c r="C970" s="8"/>
      <c r="D970" s="10"/>
      <c r="E970" s="19" t="s">
        <v>294</v>
      </c>
      <c r="F970" s="19">
        <v>559</v>
      </c>
      <c r="G970" s="19" t="s">
        <v>197</v>
      </c>
      <c r="H970" s="19" t="s">
        <v>78</v>
      </c>
      <c r="I970" s="19" t="s">
        <v>96</v>
      </c>
      <c r="J970" s="19">
        <v>1</v>
      </c>
      <c r="K970" s="19" t="s">
        <v>514</v>
      </c>
      <c r="L970" s="19">
        <v>2</v>
      </c>
      <c r="M970" s="19">
        <v>2</v>
      </c>
      <c r="N970" s="25"/>
      <c r="O970" s="98"/>
    </row>
    <row r="971" spans="1:15" s="99" customFormat="1" hidden="1">
      <c r="A971" s="10"/>
      <c r="B971" s="10"/>
      <c r="C971" s="8"/>
      <c r="D971" s="10"/>
      <c r="E971" s="19" t="s">
        <v>293</v>
      </c>
      <c r="F971" s="19">
        <v>751</v>
      </c>
      <c r="G971" s="19" t="s">
        <v>292</v>
      </c>
      <c r="H971" s="19" t="s">
        <v>78</v>
      </c>
      <c r="I971" s="19" t="s">
        <v>96</v>
      </c>
      <c r="J971" s="19">
        <v>1</v>
      </c>
      <c r="K971" s="19" t="s">
        <v>509</v>
      </c>
      <c r="L971" s="19">
        <v>1</v>
      </c>
      <c r="M971" s="19">
        <v>12</v>
      </c>
      <c r="N971" s="25"/>
      <c r="O971" s="98"/>
    </row>
    <row r="972" spans="1:15" s="99" customFormat="1" hidden="1">
      <c r="A972" s="10"/>
      <c r="B972" s="10"/>
      <c r="C972" s="8"/>
      <c r="D972" s="10"/>
      <c r="E972" s="8" t="s">
        <v>291</v>
      </c>
      <c r="F972" s="8">
        <v>352</v>
      </c>
      <c r="G972" s="8" t="s">
        <v>3</v>
      </c>
      <c r="H972" s="8" t="s">
        <v>78</v>
      </c>
      <c r="I972" s="8" t="s">
        <v>71</v>
      </c>
      <c r="J972" s="8">
        <v>1</v>
      </c>
      <c r="K972" s="8" t="s">
        <v>509</v>
      </c>
      <c r="L972" s="8">
        <v>1</v>
      </c>
      <c r="M972" s="8">
        <v>80</v>
      </c>
      <c r="N972" s="72" t="s">
        <v>716</v>
      </c>
      <c r="O972" s="98"/>
    </row>
    <row r="973" spans="1:15" s="99" customFormat="1" hidden="1">
      <c r="A973" s="17" t="s">
        <v>298</v>
      </c>
      <c r="B973" s="17" t="s">
        <v>426</v>
      </c>
      <c r="C973" s="17"/>
      <c r="D973" s="139"/>
      <c r="E973" s="17"/>
      <c r="F973" s="17"/>
      <c r="G973" s="17"/>
      <c r="H973" s="17" t="s">
        <v>17</v>
      </c>
      <c r="I973" s="17" t="s">
        <v>71</v>
      </c>
      <c r="J973" s="17">
        <v>1000</v>
      </c>
      <c r="K973" s="17"/>
      <c r="L973" s="17"/>
      <c r="M973" s="17"/>
      <c r="N973" s="138"/>
      <c r="O973" s="98"/>
    </row>
    <row r="974" spans="1:15" s="99" customFormat="1" hidden="1">
      <c r="A974" s="17"/>
      <c r="B974" s="17"/>
      <c r="C974" s="17" t="s">
        <v>298</v>
      </c>
      <c r="D974" s="139"/>
      <c r="E974" s="17"/>
      <c r="F974" s="17"/>
      <c r="G974" s="17"/>
      <c r="H974" s="17" t="s">
        <v>66</v>
      </c>
      <c r="I974" s="17" t="s">
        <v>65</v>
      </c>
      <c r="J974" s="17">
        <v>1</v>
      </c>
      <c r="K974" s="17"/>
      <c r="L974" s="17"/>
      <c r="M974" s="17"/>
      <c r="N974" s="138"/>
      <c r="O974" s="98"/>
    </row>
    <row r="975" spans="1:15" s="99" customFormat="1" hidden="1">
      <c r="A975" s="10"/>
      <c r="B975" s="10"/>
      <c r="C975" s="8"/>
      <c r="D975" s="10"/>
      <c r="E975" s="8" t="s">
        <v>297</v>
      </c>
      <c r="F975" s="8">
        <v>349</v>
      </c>
      <c r="G975" s="8" t="s">
        <v>201</v>
      </c>
      <c r="H975" s="8" t="s">
        <v>66</v>
      </c>
      <c r="I975" s="8" t="s">
        <v>65</v>
      </c>
      <c r="J975" s="8">
        <v>1</v>
      </c>
      <c r="K975" s="8" t="s">
        <v>514</v>
      </c>
      <c r="L975" s="8">
        <v>1</v>
      </c>
      <c r="M975" s="8">
        <v>1</v>
      </c>
      <c r="N975" s="72" t="s">
        <v>666</v>
      </c>
      <c r="O975" s="98"/>
    </row>
    <row r="976" spans="1:15" s="99" customFormat="1" hidden="1">
      <c r="A976" s="10"/>
      <c r="B976" s="10"/>
      <c r="C976" s="8"/>
      <c r="D976" s="10"/>
      <c r="E976" s="11" t="s">
        <v>296</v>
      </c>
      <c r="F976" s="11">
        <v>750</v>
      </c>
      <c r="G976" s="11" t="s">
        <v>295</v>
      </c>
      <c r="H976" s="11" t="s">
        <v>17</v>
      </c>
      <c r="I976" s="11" t="s">
        <v>96</v>
      </c>
      <c r="J976" s="11">
        <v>1</v>
      </c>
      <c r="K976" s="11" t="s">
        <v>514</v>
      </c>
      <c r="L976" s="11">
        <v>2</v>
      </c>
      <c r="M976" s="11">
        <v>3</v>
      </c>
      <c r="N976" s="72" t="s">
        <v>899</v>
      </c>
      <c r="O976" s="98"/>
    </row>
    <row r="977" spans="1:16" s="99" customFormat="1" hidden="1">
      <c r="A977" s="10"/>
      <c r="B977" s="10"/>
      <c r="C977" s="8"/>
      <c r="D977" s="10"/>
      <c r="E977" s="19" t="s">
        <v>294</v>
      </c>
      <c r="F977" s="19">
        <v>559</v>
      </c>
      <c r="G977" s="19" t="s">
        <v>197</v>
      </c>
      <c r="H977" s="19" t="s">
        <v>78</v>
      </c>
      <c r="I977" s="19" t="s">
        <v>96</v>
      </c>
      <c r="J977" s="19">
        <v>1</v>
      </c>
      <c r="K977" s="19" t="s">
        <v>514</v>
      </c>
      <c r="L977" s="19">
        <v>2</v>
      </c>
      <c r="M977" s="19">
        <v>2</v>
      </c>
      <c r="N977" s="25"/>
      <c r="O977" s="98"/>
    </row>
    <row r="978" spans="1:16" s="99" customFormat="1" hidden="1">
      <c r="A978" s="10"/>
      <c r="B978" s="10"/>
      <c r="C978" s="8"/>
      <c r="D978" s="10"/>
      <c r="E978" s="19" t="s">
        <v>293</v>
      </c>
      <c r="F978" s="19">
        <v>751</v>
      </c>
      <c r="G978" s="19" t="s">
        <v>292</v>
      </c>
      <c r="H978" s="19" t="s">
        <v>78</v>
      </c>
      <c r="I978" s="19" t="s">
        <v>96</v>
      </c>
      <c r="J978" s="19">
        <v>1</v>
      </c>
      <c r="K978" s="19" t="s">
        <v>509</v>
      </c>
      <c r="L978" s="19">
        <v>1</v>
      </c>
      <c r="M978" s="19">
        <v>12</v>
      </c>
      <c r="N978" s="25"/>
      <c r="O978" s="98"/>
    </row>
    <row r="979" spans="1:16" s="99" customFormat="1" hidden="1">
      <c r="A979" s="10"/>
      <c r="B979" s="10"/>
      <c r="C979" s="8"/>
      <c r="D979" s="10"/>
      <c r="E979" s="8" t="s">
        <v>291</v>
      </c>
      <c r="F979" s="8">
        <v>352</v>
      </c>
      <c r="G979" s="8" t="s">
        <v>3</v>
      </c>
      <c r="H979" s="8" t="s">
        <v>78</v>
      </c>
      <c r="I979" s="8" t="s">
        <v>71</v>
      </c>
      <c r="J979" s="8">
        <v>1</v>
      </c>
      <c r="K979" s="8" t="s">
        <v>509</v>
      </c>
      <c r="L979" s="8">
        <v>1</v>
      </c>
      <c r="M979" s="8">
        <v>80</v>
      </c>
      <c r="N979" s="72" t="s">
        <v>900</v>
      </c>
      <c r="O979" s="98"/>
    </row>
    <row r="980" spans="1:16" s="99" customFormat="1" hidden="1">
      <c r="A980" s="17"/>
      <c r="B980" s="17"/>
      <c r="C980" s="17" t="s">
        <v>130</v>
      </c>
      <c r="D980" s="139" t="s">
        <v>126</v>
      </c>
      <c r="E980" s="17"/>
      <c r="F980" s="17"/>
      <c r="G980" s="17"/>
      <c r="H980" s="17" t="s">
        <v>17</v>
      </c>
      <c r="I980" s="17" t="s">
        <v>71</v>
      </c>
      <c r="J980" s="17" t="s">
        <v>525</v>
      </c>
      <c r="K980" s="17"/>
      <c r="L980" s="17"/>
      <c r="M980" s="17"/>
      <c r="N980" s="138"/>
      <c r="O980" s="98"/>
    </row>
    <row r="981" spans="1:16" s="99" customFormat="1" hidden="1">
      <c r="A981" s="10"/>
      <c r="B981" s="10"/>
      <c r="C981" s="8"/>
      <c r="D981" s="10"/>
      <c r="E981" s="8" t="s">
        <v>129</v>
      </c>
      <c r="F981" s="8">
        <v>128</v>
      </c>
      <c r="G981" s="8" t="s">
        <v>128</v>
      </c>
      <c r="H981" s="8" t="s">
        <v>66</v>
      </c>
      <c r="I981" s="8" t="s">
        <v>65</v>
      </c>
      <c r="J981" s="8">
        <v>1</v>
      </c>
      <c r="K981" s="8" t="s">
        <v>514</v>
      </c>
      <c r="L981" s="8">
        <v>2</v>
      </c>
      <c r="M981" s="8">
        <v>3</v>
      </c>
      <c r="N981" s="72" t="s">
        <v>632</v>
      </c>
      <c r="O981" s="98"/>
    </row>
    <row r="982" spans="1:16" s="99" customFormat="1" hidden="1">
      <c r="A982" s="10"/>
      <c r="B982" s="10"/>
      <c r="C982" s="8"/>
      <c r="D982" s="10"/>
      <c r="E982" s="8" t="s">
        <v>127</v>
      </c>
      <c r="F982" s="8">
        <v>127</v>
      </c>
      <c r="G982" s="8" t="s">
        <v>126</v>
      </c>
      <c r="H982" s="8" t="s">
        <v>78</v>
      </c>
      <c r="I982" s="8" t="s">
        <v>71</v>
      </c>
      <c r="J982" s="8">
        <v>1</v>
      </c>
      <c r="K982" s="8" t="s">
        <v>509</v>
      </c>
      <c r="L982" s="8">
        <v>1</v>
      </c>
      <c r="M982" s="8">
        <v>30</v>
      </c>
      <c r="N982" s="72"/>
      <c r="O982" s="98"/>
    </row>
    <row r="983" spans="1:16" hidden="1">
      <c r="A983" s="17"/>
      <c r="B983" s="17"/>
      <c r="C983" s="17" t="s">
        <v>130</v>
      </c>
      <c r="D983" s="139" t="s">
        <v>126</v>
      </c>
      <c r="E983" s="17"/>
      <c r="F983" s="17"/>
      <c r="G983" s="17"/>
      <c r="H983" s="17" t="s">
        <v>17</v>
      </c>
      <c r="I983" s="17" t="s">
        <v>71</v>
      </c>
      <c r="J983" s="17" t="s">
        <v>525</v>
      </c>
      <c r="K983" s="17"/>
      <c r="L983" s="17"/>
      <c r="M983" s="17"/>
      <c r="N983" s="138"/>
      <c r="O983" s="98"/>
    </row>
    <row r="984" spans="1:16" hidden="1">
      <c r="E984" s="8" t="s">
        <v>129</v>
      </c>
      <c r="F984" s="8">
        <v>128</v>
      </c>
      <c r="G984" s="8" t="s">
        <v>128</v>
      </c>
      <c r="H984" s="8" t="s">
        <v>66</v>
      </c>
      <c r="I984" s="8" t="s">
        <v>65</v>
      </c>
      <c r="J984" s="8">
        <v>1</v>
      </c>
      <c r="K984" s="8" t="s">
        <v>514</v>
      </c>
      <c r="L984" s="8">
        <v>2</v>
      </c>
      <c r="M984" s="8">
        <v>3</v>
      </c>
      <c r="N984" s="72" t="s">
        <v>717</v>
      </c>
      <c r="O984" s="98"/>
    </row>
    <row r="985" spans="1:16" hidden="1">
      <c r="E985" s="8" t="s">
        <v>127</v>
      </c>
      <c r="F985" s="8">
        <v>127</v>
      </c>
      <c r="G985" s="8" t="s">
        <v>126</v>
      </c>
      <c r="H985" s="8" t="s">
        <v>78</v>
      </c>
      <c r="I985" s="8" t="s">
        <v>71</v>
      </c>
      <c r="J985" s="8">
        <v>1</v>
      </c>
      <c r="K985" s="8" t="s">
        <v>509</v>
      </c>
      <c r="L985" s="8">
        <v>1</v>
      </c>
      <c r="M985" s="8">
        <v>30</v>
      </c>
      <c r="O985" s="98"/>
    </row>
    <row r="986" spans="1:16" hidden="1">
      <c r="E986" s="8" t="s">
        <v>125</v>
      </c>
      <c r="F986" s="8">
        <v>352</v>
      </c>
      <c r="G986" s="8" t="s">
        <v>3</v>
      </c>
      <c r="H986" s="8" t="s">
        <v>78</v>
      </c>
      <c r="I986" s="8" t="s">
        <v>71</v>
      </c>
      <c r="J986" s="8">
        <v>1</v>
      </c>
      <c r="K986" s="8" t="s">
        <v>509</v>
      </c>
      <c r="L986" s="8">
        <v>1</v>
      </c>
      <c r="M986" s="8">
        <v>80</v>
      </c>
      <c r="O986" s="98"/>
    </row>
    <row r="987" spans="1:16">
      <c r="A987" s="17"/>
      <c r="B987" s="17"/>
      <c r="C987" s="17" t="s">
        <v>130</v>
      </c>
      <c r="D987" s="139" t="s">
        <v>126</v>
      </c>
      <c r="E987" s="17"/>
      <c r="F987" s="17"/>
      <c r="G987" s="17"/>
      <c r="H987" s="17" t="s">
        <v>17</v>
      </c>
      <c r="I987" s="17" t="s">
        <v>71</v>
      </c>
      <c r="J987" s="17" t="s">
        <v>525</v>
      </c>
      <c r="K987" s="17"/>
      <c r="L987" s="17"/>
      <c r="M987" s="17"/>
      <c r="N987" s="138"/>
      <c r="O987" s="98" t="s">
        <v>942</v>
      </c>
      <c r="P987" s="99" t="s">
        <v>1086</v>
      </c>
    </row>
    <row r="988" spans="1:16" hidden="1" outlineLevel="1">
      <c r="E988" s="8" t="s">
        <v>129</v>
      </c>
      <c r="F988" s="8">
        <v>128</v>
      </c>
      <c r="G988" s="8" t="s">
        <v>128</v>
      </c>
      <c r="H988" s="8" t="s">
        <v>66</v>
      </c>
      <c r="I988" s="8" t="s">
        <v>65</v>
      </c>
      <c r="J988" s="8">
        <v>1</v>
      </c>
      <c r="K988" s="8" t="s">
        <v>514</v>
      </c>
      <c r="L988" s="8">
        <v>2</v>
      </c>
      <c r="M988" s="8">
        <v>3</v>
      </c>
      <c r="N988" s="72" t="s">
        <v>718</v>
      </c>
      <c r="O988" s="98"/>
    </row>
    <row r="989" spans="1:16" hidden="1" outlineLevel="1">
      <c r="E989" s="8" t="s">
        <v>127</v>
      </c>
      <c r="F989" s="8">
        <v>127</v>
      </c>
      <c r="G989" s="8" t="s">
        <v>126</v>
      </c>
      <c r="H989" s="8" t="s">
        <v>78</v>
      </c>
      <c r="I989" s="8" t="s">
        <v>71</v>
      </c>
      <c r="J989" s="8">
        <v>1</v>
      </c>
      <c r="K989" s="8" t="s">
        <v>509</v>
      </c>
      <c r="L989" s="8">
        <v>1</v>
      </c>
      <c r="M989" s="8">
        <v>30</v>
      </c>
      <c r="O989" s="98"/>
    </row>
    <row r="990" spans="1:16" hidden="1" outlineLevel="1">
      <c r="E990" s="8" t="s">
        <v>125</v>
      </c>
      <c r="F990" s="8">
        <v>352</v>
      </c>
      <c r="G990" s="8" t="s">
        <v>3</v>
      </c>
      <c r="H990" s="8" t="s">
        <v>78</v>
      </c>
      <c r="I990" s="8" t="s">
        <v>71</v>
      </c>
      <c r="J990" s="8">
        <v>1</v>
      </c>
      <c r="K990" s="8" t="s">
        <v>509</v>
      </c>
      <c r="L990" s="8">
        <v>1</v>
      </c>
      <c r="M990" s="8">
        <v>80</v>
      </c>
      <c r="N990" s="72" t="s">
        <v>901</v>
      </c>
      <c r="O990" s="98"/>
    </row>
    <row r="991" spans="1:16" hidden="1" collapsed="1">
      <c r="A991" s="17"/>
      <c r="B991" s="17"/>
      <c r="C991" s="17" t="s">
        <v>130</v>
      </c>
      <c r="D991" s="139" t="s">
        <v>126</v>
      </c>
      <c r="E991" s="17"/>
      <c r="F991" s="17"/>
      <c r="G991" s="17"/>
      <c r="H991" s="17" t="s">
        <v>17</v>
      </c>
      <c r="I991" s="17" t="s">
        <v>71</v>
      </c>
      <c r="J991" s="17" t="s">
        <v>525</v>
      </c>
      <c r="K991" s="17"/>
      <c r="L991" s="17"/>
      <c r="M991" s="17"/>
      <c r="N991" s="138"/>
      <c r="O991" s="98"/>
    </row>
    <row r="992" spans="1:16" hidden="1">
      <c r="E992" s="8" t="s">
        <v>129</v>
      </c>
      <c r="F992" s="8">
        <v>128</v>
      </c>
      <c r="G992" s="8" t="s">
        <v>128</v>
      </c>
      <c r="H992" s="8" t="s">
        <v>66</v>
      </c>
      <c r="I992" s="8" t="s">
        <v>65</v>
      </c>
      <c r="J992" s="8">
        <v>1</v>
      </c>
      <c r="K992" s="8" t="s">
        <v>514</v>
      </c>
      <c r="L992" s="8">
        <v>2</v>
      </c>
      <c r="M992" s="8">
        <v>3</v>
      </c>
      <c r="N992" s="72" t="s">
        <v>627</v>
      </c>
      <c r="O992" s="98"/>
    </row>
    <row r="993" spans="1:15" hidden="1">
      <c r="E993" s="8" t="s">
        <v>127</v>
      </c>
      <c r="F993" s="8">
        <v>127</v>
      </c>
      <c r="G993" s="8" t="s">
        <v>126</v>
      </c>
      <c r="H993" s="8" t="s">
        <v>78</v>
      </c>
      <c r="I993" s="8" t="s">
        <v>71</v>
      </c>
      <c r="J993" s="8">
        <v>1</v>
      </c>
      <c r="K993" s="8" t="s">
        <v>509</v>
      </c>
      <c r="L993" s="8">
        <v>1</v>
      </c>
      <c r="M993" s="8">
        <v>30</v>
      </c>
      <c r="N993" s="72" t="s">
        <v>628</v>
      </c>
      <c r="O993" s="98"/>
    </row>
    <row r="994" spans="1:15" hidden="1">
      <c r="E994" s="8" t="s">
        <v>125</v>
      </c>
      <c r="F994" s="8">
        <v>352</v>
      </c>
      <c r="G994" s="8" t="s">
        <v>3</v>
      </c>
      <c r="H994" s="8" t="s">
        <v>78</v>
      </c>
      <c r="I994" s="8" t="s">
        <v>71</v>
      </c>
      <c r="J994" s="8">
        <v>1</v>
      </c>
      <c r="K994" s="8" t="s">
        <v>509</v>
      </c>
      <c r="L994" s="8">
        <v>1</v>
      </c>
      <c r="M994" s="8">
        <v>80</v>
      </c>
      <c r="O994" s="98"/>
    </row>
    <row r="995" spans="1:15" hidden="1">
      <c r="A995" s="17"/>
      <c r="B995" s="17"/>
      <c r="C995" s="17" t="s">
        <v>130</v>
      </c>
      <c r="D995" s="139" t="s">
        <v>126</v>
      </c>
      <c r="E995" s="17"/>
      <c r="F995" s="17"/>
      <c r="G995" s="17"/>
      <c r="H995" s="17" t="s">
        <v>17</v>
      </c>
      <c r="I995" s="17" t="s">
        <v>71</v>
      </c>
      <c r="J995" s="17" t="s">
        <v>525</v>
      </c>
      <c r="K995" s="17"/>
      <c r="L995" s="17"/>
      <c r="M995" s="17"/>
      <c r="N995" s="138"/>
      <c r="O995" s="98"/>
    </row>
    <row r="996" spans="1:15" hidden="1">
      <c r="E996" s="8" t="s">
        <v>129</v>
      </c>
      <c r="F996" s="8">
        <v>128</v>
      </c>
      <c r="G996" s="8" t="s">
        <v>128</v>
      </c>
      <c r="H996" s="8" t="s">
        <v>66</v>
      </c>
      <c r="I996" s="8" t="s">
        <v>65</v>
      </c>
      <c r="J996" s="8">
        <v>1</v>
      </c>
      <c r="K996" s="8" t="s">
        <v>514</v>
      </c>
      <c r="L996" s="8">
        <v>2</v>
      </c>
      <c r="M996" s="8">
        <v>3</v>
      </c>
      <c r="N996" s="72" t="s">
        <v>636</v>
      </c>
      <c r="O996" s="98"/>
    </row>
    <row r="997" spans="1:15" hidden="1">
      <c r="E997" s="8" t="s">
        <v>127</v>
      </c>
      <c r="F997" s="8">
        <v>127</v>
      </c>
      <c r="G997" s="8" t="s">
        <v>126</v>
      </c>
      <c r="H997" s="8" t="s">
        <v>78</v>
      </c>
      <c r="I997" s="8" t="s">
        <v>71</v>
      </c>
      <c r="J997" s="8">
        <v>1</v>
      </c>
      <c r="K997" s="8" t="s">
        <v>509</v>
      </c>
      <c r="L997" s="8">
        <v>1</v>
      </c>
      <c r="M997" s="8">
        <v>30</v>
      </c>
      <c r="O997" s="98"/>
    </row>
    <row r="998" spans="1:15" hidden="1">
      <c r="E998" s="8" t="s">
        <v>125</v>
      </c>
      <c r="F998" s="8">
        <v>352</v>
      </c>
      <c r="G998" s="8" t="s">
        <v>3</v>
      </c>
      <c r="H998" s="8" t="s">
        <v>78</v>
      </c>
      <c r="I998" s="8" t="s">
        <v>71</v>
      </c>
      <c r="J998" s="8">
        <v>1</v>
      </c>
      <c r="K998" s="8" t="s">
        <v>509</v>
      </c>
      <c r="L998" s="8">
        <v>1</v>
      </c>
      <c r="M998" s="8">
        <v>80</v>
      </c>
      <c r="O998" s="98"/>
    </row>
    <row r="999" spans="1:15" s="99" customFormat="1" hidden="1">
      <c r="A999" s="17"/>
      <c r="B999" s="17"/>
      <c r="C999" s="17" t="s">
        <v>130</v>
      </c>
      <c r="D999" s="139" t="s">
        <v>126</v>
      </c>
      <c r="E999" s="17"/>
      <c r="F999" s="17"/>
      <c r="G999" s="17"/>
      <c r="H999" s="17" t="s">
        <v>17</v>
      </c>
      <c r="I999" s="17" t="s">
        <v>71</v>
      </c>
      <c r="J999" s="17" t="s">
        <v>525</v>
      </c>
      <c r="K999" s="17"/>
      <c r="L999" s="17"/>
      <c r="M999" s="17"/>
      <c r="N999" s="138"/>
      <c r="O999" s="98"/>
    </row>
    <row r="1000" spans="1:15" s="99" customFormat="1" hidden="1">
      <c r="A1000" s="10"/>
      <c r="B1000" s="10"/>
      <c r="C1000" s="8"/>
      <c r="D1000" s="10"/>
      <c r="E1000" s="8" t="s">
        <v>129</v>
      </c>
      <c r="F1000" s="8">
        <v>128</v>
      </c>
      <c r="G1000" s="8" t="s">
        <v>128</v>
      </c>
      <c r="H1000" s="8" t="s">
        <v>66</v>
      </c>
      <c r="I1000" s="8" t="s">
        <v>65</v>
      </c>
      <c r="J1000" s="8">
        <v>1</v>
      </c>
      <c r="K1000" s="8" t="s">
        <v>514</v>
      </c>
      <c r="L1000" s="8">
        <v>2</v>
      </c>
      <c r="M1000" s="8">
        <v>3</v>
      </c>
      <c r="N1000" s="72" t="s">
        <v>689</v>
      </c>
      <c r="O1000" s="98"/>
    </row>
    <row r="1001" spans="1:15" s="99" customFormat="1" hidden="1">
      <c r="A1001" s="10"/>
      <c r="B1001" s="10"/>
      <c r="C1001" s="8"/>
      <c r="D1001" s="10"/>
      <c r="E1001" s="8" t="s">
        <v>127</v>
      </c>
      <c r="F1001" s="8">
        <v>127</v>
      </c>
      <c r="G1001" s="8" t="s">
        <v>126</v>
      </c>
      <c r="H1001" s="8" t="s">
        <v>78</v>
      </c>
      <c r="I1001" s="8" t="s">
        <v>71</v>
      </c>
      <c r="J1001" s="8">
        <v>1</v>
      </c>
      <c r="K1001" s="8" t="s">
        <v>509</v>
      </c>
      <c r="L1001" s="8">
        <v>1</v>
      </c>
      <c r="M1001" s="8">
        <v>30</v>
      </c>
      <c r="N1001" s="72"/>
      <c r="O1001" s="98"/>
    </row>
    <row r="1002" spans="1:15" s="99" customFormat="1" hidden="1">
      <c r="A1002" s="17"/>
      <c r="B1002" s="17"/>
      <c r="C1002" s="17" t="s">
        <v>130</v>
      </c>
      <c r="D1002" s="139" t="s">
        <v>126</v>
      </c>
      <c r="E1002" s="17"/>
      <c r="F1002" s="17"/>
      <c r="G1002" s="17"/>
      <c r="H1002" s="17" t="s">
        <v>17</v>
      </c>
      <c r="I1002" s="17" t="s">
        <v>71</v>
      </c>
      <c r="J1002" s="17" t="s">
        <v>525</v>
      </c>
      <c r="K1002" s="17"/>
      <c r="L1002" s="17"/>
      <c r="M1002" s="17"/>
      <c r="N1002" s="138"/>
      <c r="O1002" s="98"/>
    </row>
    <row r="1003" spans="1:15" s="99" customFormat="1" hidden="1">
      <c r="A1003" s="10"/>
      <c r="B1003" s="10"/>
      <c r="C1003" s="8"/>
      <c r="D1003" s="10"/>
      <c r="E1003" s="8" t="s">
        <v>129</v>
      </c>
      <c r="F1003" s="8">
        <v>128</v>
      </c>
      <c r="G1003" s="8" t="s">
        <v>128</v>
      </c>
      <c r="H1003" s="8" t="s">
        <v>66</v>
      </c>
      <c r="I1003" s="8" t="s">
        <v>65</v>
      </c>
      <c r="J1003" s="8">
        <v>1</v>
      </c>
      <c r="K1003" s="8" t="s">
        <v>514</v>
      </c>
      <c r="L1003" s="8">
        <v>2</v>
      </c>
      <c r="M1003" s="8">
        <v>3</v>
      </c>
      <c r="N1003" s="72" t="s">
        <v>719</v>
      </c>
      <c r="O1003" s="98"/>
    </row>
    <row r="1004" spans="1:15" s="99" customFormat="1" hidden="1">
      <c r="A1004" s="10"/>
      <c r="B1004" s="10"/>
      <c r="C1004" s="8"/>
      <c r="D1004" s="10"/>
      <c r="E1004" s="8" t="s">
        <v>127</v>
      </c>
      <c r="F1004" s="8">
        <v>127</v>
      </c>
      <c r="G1004" s="8" t="s">
        <v>126</v>
      </c>
      <c r="H1004" s="8" t="s">
        <v>78</v>
      </c>
      <c r="I1004" s="8" t="s">
        <v>71</v>
      </c>
      <c r="J1004" s="8">
        <v>1</v>
      </c>
      <c r="K1004" s="8" t="s">
        <v>509</v>
      </c>
      <c r="L1004" s="8">
        <v>1</v>
      </c>
      <c r="M1004" s="8">
        <v>30</v>
      </c>
      <c r="N1004" s="72"/>
      <c r="O1004" s="98"/>
    </row>
    <row r="1005" spans="1:15" s="99" customFormat="1" hidden="1">
      <c r="A1005" s="17"/>
      <c r="B1005" s="17"/>
      <c r="C1005" s="17" t="s">
        <v>130</v>
      </c>
      <c r="D1005" s="139" t="s">
        <v>126</v>
      </c>
      <c r="E1005" s="17"/>
      <c r="F1005" s="17"/>
      <c r="G1005" s="17"/>
      <c r="H1005" s="17" t="s">
        <v>17</v>
      </c>
      <c r="I1005" s="17" t="s">
        <v>71</v>
      </c>
      <c r="J1005" s="17" t="s">
        <v>525</v>
      </c>
      <c r="K1005" s="17"/>
      <c r="L1005" s="17"/>
      <c r="M1005" s="17"/>
      <c r="N1005" s="138"/>
      <c r="O1005" s="98"/>
    </row>
    <row r="1006" spans="1:15" s="99" customFormat="1" hidden="1">
      <c r="A1006" s="10"/>
      <c r="B1006" s="10"/>
      <c r="C1006" s="8"/>
      <c r="D1006" s="10"/>
      <c r="E1006" s="8" t="s">
        <v>129</v>
      </c>
      <c r="F1006" s="8">
        <v>128</v>
      </c>
      <c r="G1006" s="8" t="s">
        <v>128</v>
      </c>
      <c r="H1006" s="8" t="s">
        <v>66</v>
      </c>
      <c r="I1006" s="8" t="s">
        <v>65</v>
      </c>
      <c r="J1006" s="8">
        <v>1</v>
      </c>
      <c r="K1006" s="8" t="s">
        <v>514</v>
      </c>
      <c r="L1006" s="8">
        <v>2</v>
      </c>
      <c r="M1006" s="8">
        <v>3</v>
      </c>
      <c r="N1006" s="72" t="s">
        <v>634</v>
      </c>
      <c r="O1006" s="98"/>
    </row>
    <row r="1007" spans="1:15" s="99" customFormat="1" hidden="1">
      <c r="A1007" s="10"/>
      <c r="B1007" s="10"/>
      <c r="C1007" s="8"/>
      <c r="D1007" s="10"/>
      <c r="E1007" s="19" t="s">
        <v>127</v>
      </c>
      <c r="F1007" s="19">
        <v>127</v>
      </c>
      <c r="G1007" s="19" t="s">
        <v>126</v>
      </c>
      <c r="H1007" s="19" t="s">
        <v>78</v>
      </c>
      <c r="I1007" s="19" t="s">
        <v>174</v>
      </c>
      <c r="J1007" s="19">
        <v>1</v>
      </c>
      <c r="K1007" s="19" t="s">
        <v>509</v>
      </c>
      <c r="L1007" s="19">
        <v>1</v>
      </c>
      <c r="M1007" s="19">
        <v>30</v>
      </c>
      <c r="N1007" s="25"/>
      <c r="O1007" s="98"/>
    </row>
    <row r="1008" spans="1:15" s="99" customFormat="1" hidden="1">
      <c r="A1008" s="10"/>
      <c r="B1008" s="10"/>
      <c r="C1008" s="8"/>
      <c r="D1008" s="10"/>
      <c r="E1008" s="8" t="s">
        <v>125</v>
      </c>
      <c r="F1008" s="8">
        <v>352</v>
      </c>
      <c r="G1008" s="8" t="s">
        <v>3</v>
      </c>
      <c r="H1008" s="8" t="s">
        <v>78</v>
      </c>
      <c r="I1008" s="8" t="s">
        <v>71</v>
      </c>
      <c r="J1008" s="8">
        <v>1</v>
      </c>
      <c r="K1008" s="8" t="s">
        <v>509</v>
      </c>
      <c r="L1008" s="8">
        <v>1</v>
      </c>
      <c r="M1008" s="8">
        <v>80</v>
      </c>
      <c r="N1008" s="72"/>
      <c r="O1008" s="98"/>
    </row>
    <row r="1009" spans="1:15" s="99" customFormat="1" hidden="1">
      <c r="A1009" s="17"/>
      <c r="B1009" s="17"/>
      <c r="C1009" s="17" t="s">
        <v>130</v>
      </c>
      <c r="D1009" s="139" t="s">
        <v>126</v>
      </c>
      <c r="E1009" s="17"/>
      <c r="F1009" s="17"/>
      <c r="G1009" s="17"/>
      <c r="H1009" s="17" t="s">
        <v>17</v>
      </c>
      <c r="I1009" s="17" t="s">
        <v>71</v>
      </c>
      <c r="J1009" s="17" t="s">
        <v>525</v>
      </c>
      <c r="K1009" s="17"/>
      <c r="L1009" s="17"/>
      <c r="M1009" s="17"/>
      <c r="N1009" s="138"/>
      <c r="O1009" s="98"/>
    </row>
    <row r="1010" spans="1:15" s="99" customFormat="1" hidden="1">
      <c r="A1010" s="10"/>
      <c r="B1010" s="10"/>
      <c r="C1010" s="8"/>
      <c r="D1010" s="10"/>
      <c r="E1010" s="8" t="s">
        <v>129</v>
      </c>
      <c r="F1010" s="8">
        <v>128</v>
      </c>
      <c r="G1010" s="8" t="s">
        <v>128</v>
      </c>
      <c r="H1010" s="8" t="s">
        <v>66</v>
      </c>
      <c r="I1010" s="8" t="s">
        <v>65</v>
      </c>
      <c r="J1010" s="8">
        <v>1</v>
      </c>
      <c r="K1010" s="8" t="s">
        <v>514</v>
      </c>
      <c r="L1010" s="8">
        <v>2</v>
      </c>
      <c r="M1010" s="8">
        <v>3</v>
      </c>
      <c r="N1010" s="72" t="s">
        <v>720</v>
      </c>
      <c r="O1010" s="98"/>
    </row>
    <row r="1011" spans="1:15" s="99" customFormat="1" hidden="1">
      <c r="A1011" s="10"/>
      <c r="B1011" s="10"/>
      <c r="C1011" s="8"/>
      <c r="D1011" s="10"/>
      <c r="E1011" s="8" t="s">
        <v>127</v>
      </c>
      <c r="F1011" s="8">
        <v>127</v>
      </c>
      <c r="G1011" s="8" t="s">
        <v>126</v>
      </c>
      <c r="H1011" s="8" t="s">
        <v>78</v>
      </c>
      <c r="I1011" s="8" t="s">
        <v>71</v>
      </c>
      <c r="J1011" s="8">
        <v>1</v>
      </c>
      <c r="K1011" s="8" t="s">
        <v>509</v>
      </c>
      <c r="L1011" s="8">
        <v>1</v>
      </c>
      <c r="M1011" s="8">
        <v>30</v>
      </c>
      <c r="N1011" s="72"/>
      <c r="O1011" s="98"/>
    </row>
    <row r="1012" spans="1:15" s="99" customFormat="1" hidden="1">
      <c r="A1012" s="17"/>
      <c r="B1012" s="17"/>
      <c r="C1012" s="17" t="s">
        <v>130</v>
      </c>
      <c r="D1012" s="139" t="s">
        <v>126</v>
      </c>
      <c r="E1012" s="17"/>
      <c r="F1012" s="17"/>
      <c r="G1012" s="17"/>
      <c r="H1012" s="17" t="s">
        <v>17</v>
      </c>
      <c r="I1012" s="17" t="s">
        <v>71</v>
      </c>
      <c r="J1012" s="17" t="s">
        <v>525</v>
      </c>
      <c r="K1012" s="17"/>
      <c r="L1012" s="17"/>
      <c r="M1012" s="17"/>
      <c r="N1012" s="138"/>
      <c r="O1012" s="98"/>
    </row>
    <row r="1013" spans="1:15" s="99" customFormat="1" hidden="1">
      <c r="A1013" s="10"/>
      <c r="B1013" s="10"/>
      <c r="C1013" s="8"/>
      <c r="D1013" s="10"/>
      <c r="E1013" s="8" t="s">
        <v>129</v>
      </c>
      <c r="F1013" s="8">
        <v>128</v>
      </c>
      <c r="G1013" s="8" t="s">
        <v>128</v>
      </c>
      <c r="H1013" s="8" t="s">
        <v>66</v>
      </c>
      <c r="I1013" s="8" t="s">
        <v>65</v>
      </c>
      <c r="J1013" s="8">
        <v>1</v>
      </c>
      <c r="K1013" s="8" t="s">
        <v>514</v>
      </c>
      <c r="L1013" s="8">
        <v>2</v>
      </c>
      <c r="M1013" s="8">
        <v>3</v>
      </c>
      <c r="N1013" s="72" t="s">
        <v>721</v>
      </c>
      <c r="O1013" s="98"/>
    </row>
    <row r="1014" spans="1:15" s="99" customFormat="1" hidden="1">
      <c r="A1014" s="10"/>
      <c r="B1014" s="10"/>
      <c r="C1014" s="8"/>
      <c r="D1014" s="10"/>
      <c r="E1014" s="8" t="s">
        <v>127</v>
      </c>
      <c r="F1014" s="8">
        <v>127</v>
      </c>
      <c r="G1014" s="8" t="s">
        <v>126</v>
      </c>
      <c r="H1014" s="8" t="s">
        <v>78</v>
      </c>
      <c r="I1014" s="8" t="s">
        <v>71</v>
      </c>
      <c r="J1014" s="8">
        <v>1</v>
      </c>
      <c r="K1014" s="8" t="s">
        <v>509</v>
      </c>
      <c r="L1014" s="8">
        <v>1</v>
      </c>
      <c r="M1014" s="8">
        <v>30</v>
      </c>
      <c r="N1014" s="72"/>
      <c r="O1014" s="98"/>
    </row>
    <row r="1015" spans="1:15" hidden="1">
      <c r="A1015" s="17"/>
      <c r="B1015" s="17"/>
      <c r="C1015" s="17" t="s">
        <v>130</v>
      </c>
      <c r="D1015" s="139" t="s">
        <v>126</v>
      </c>
      <c r="E1015" s="17"/>
      <c r="F1015" s="17"/>
      <c r="G1015" s="17"/>
      <c r="H1015" s="17" t="s">
        <v>17</v>
      </c>
      <c r="I1015" s="17" t="s">
        <v>71</v>
      </c>
      <c r="J1015" s="17" t="s">
        <v>525</v>
      </c>
      <c r="K1015" s="17"/>
      <c r="L1015" s="17"/>
      <c r="M1015" s="17"/>
      <c r="N1015" s="138"/>
      <c r="O1015" s="98"/>
    </row>
    <row r="1016" spans="1:15" hidden="1">
      <c r="E1016" s="8" t="s">
        <v>129</v>
      </c>
      <c r="F1016" s="8">
        <v>128</v>
      </c>
      <c r="G1016" s="8" t="s">
        <v>128</v>
      </c>
      <c r="H1016" s="8" t="s">
        <v>66</v>
      </c>
      <c r="I1016" s="8" t="s">
        <v>65</v>
      </c>
      <c r="J1016" s="8">
        <v>1</v>
      </c>
      <c r="K1016" s="8" t="s">
        <v>514</v>
      </c>
      <c r="L1016" s="8">
        <v>2</v>
      </c>
      <c r="M1016" s="8">
        <v>3</v>
      </c>
      <c r="N1016" s="72" t="s">
        <v>902</v>
      </c>
      <c r="O1016" s="98"/>
    </row>
    <row r="1017" spans="1:15" hidden="1">
      <c r="E1017" s="8" t="s">
        <v>127</v>
      </c>
      <c r="F1017" s="8">
        <v>127</v>
      </c>
      <c r="G1017" s="8" t="s">
        <v>126</v>
      </c>
      <c r="H1017" s="8" t="s">
        <v>78</v>
      </c>
      <c r="I1017" s="8" t="s">
        <v>71</v>
      </c>
      <c r="J1017" s="8">
        <v>1</v>
      </c>
      <c r="K1017" s="8" t="s">
        <v>509</v>
      </c>
      <c r="L1017" s="8">
        <v>1</v>
      </c>
      <c r="M1017" s="8">
        <v>30</v>
      </c>
      <c r="O1017" s="98"/>
    </row>
    <row r="1018" spans="1:15" hidden="1">
      <c r="A1018" s="17"/>
      <c r="B1018" s="17"/>
      <c r="C1018" s="17" t="s">
        <v>130</v>
      </c>
      <c r="D1018" s="139" t="s">
        <v>126</v>
      </c>
      <c r="E1018" s="17"/>
      <c r="F1018" s="17"/>
      <c r="G1018" s="17"/>
      <c r="H1018" s="17" t="s">
        <v>17</v>
      </c>
      <c r="I1018" s="17" t="s">
        <v>71</v>
      </c>
      <c r="J1018" s="17" t="s">
        <v>525</v>
      </c>
      <c r="K1018" s="17"/>
      <c r="L1018" s="17"/>
      <c r="M1018" s="17"/>
      <c r="N1018" s="138"/>
      <c r="O1018" s="98"/>
    </row>
    <row r="1019" spans="1:15" hidden="1">
      <c r="E1019" s="8" t="s">
        <v>129</v>
      </c>
      <c r="F1019" s="8">
        <v>128</v>
      </c>
      <c r="G1019" s="8" t="s">
        <v>128</v>
      </c>
      <c r="H1019" s="8" t="s">
        <v>66</v>
      </c>
      <c r="I1019" s="8" t="s">
        <v>65</v>
      </c>
      <c r="J1019" s="8">
        <v>1</v>
      </c>
      <c r="K1019" s="8" t="s">
        <v>514</v>
      </c>
      <c r="L1019" s="8">
        <v>2</v>
      </c>
      <c r="M1019" s="8">
        <v>3</v>
      </c>
      <c r="N1019" s="72" t="s">
        <v>722</v>
      </c>
      <c r="O1019" s="98"/>
    </row>
    <row r="1020" spans="1:15" hidden="1">
      <c r="E1020" s="8" t="s">
        <v>127</v>
      </c>
      <c r="F1020" s="8">
        <v>127</v>
      </c>
      <c r="G1020" s="8" t="s">
        <v>126</v>
      </c>
      <c r="H1020" s="8" t="s">
        <v>78</v>
      </c>
      <c r="I1020" s="8" t="s">
        <v>71</v>
      </c>
      <c r="J1020" s="8">
        <v>1</v>
      </c>
      <c r="K1020" s="8" t="s">
        <v>509</v>
      </c>
      <c r="L1020" s="8">
        <v>1</v>
      </c>
      <c r="M1020" s="8">
        <v>30</v>
      </c>
      <c r="O1020" s="98"/>
    </row>
    <row r="1021" spans="1:15" hidden="1">
      <c r="A1021" s="17"/>
      <c r="B1021" s="17"/>
      <c r="C1021" s="17" t="s">
        <v>130</v>
      </c>
      <c r="D1021" s="139" t="s">
        <v>126</v>
      </c>
      <c r="E1021" s="17"/>
      <c r="F1021" s="17"/>
      <c r="G1021" s="17"/>
      <c r="H1021" s="17" t="s">
        <v>17</v>
      </c>
      <c r="I1021" s="17" t="s">
        <v>71</v>
      </c>
      <c r="J1021" s="17" t="s">
        <v>525</v>
      </c>
      <c r="K1021" s="17"/>
      <c r="L1021" s="17"/>
      <c r="M1021" s="17"/>
      <c r="N1021" s="141"/>
      <c r="O1021" s="98"/>
    </row>
    <row r="1022" spans="1:15" hidden="1">
      <c r="E1022" s="8" t="s">
        <v>129</v>
      </c>
      <c r="F1022" s="8">
        <v>128</v>
      </c>
      <c r="G1022" s="8" t="s">
        <v>128</v>
      </c>
      <c r="H1022" s="8" t="s">
        <v>66</v>
      </c>
      <c r="I1022" s="8" t="s">
        <v>65</v>
      </c>
      <c r="J1022" s="8">
        <v>1</v>
      </c>
      <c r="K1022" s="8" t="s">
        <v>514</v>
      </c>
      <c r="L1022" s="8">
        <v>2</v>
      </c>
      <c r="M1022" s="8">
        <v>3</v>
      </c>
      <c r="N1022" s="72" t="s">
        <v>643</v>
      </c>
      <c r="O1022" s="98"/>
    </row>
    <row r="1023" spans="1:15" hidden="1">
      <c r="E1023" s="8" t="s">
        <v>127</v>
      </c>
      <c r="F1023" s="8">
        <v>127</v>
      </c>
      <c r="G1023" s="8" t="s">
        <v>126</v>
      </c>
      <c r="H1023" s="8" t="s">
        <v>78</v>
      </c>
      <c r="I1023" s="8" t="s">
        <v>71</v>
      </c>
      <c r="J1023" s="8">
        <v>1</v>
      </c>
      <c r="K1023" s="8" t="s">
        <v>509</v>
      </c>
      <c r="L1023" s="8">
        <v>1</v>
      </c>
      <c r="M1023" s="8">
        <v>30</v>
      </c>
      <c r="O1023" s="98"/>
    </row>
    <row r="1024" spans="1:15" hidden="1">
      <c r="E1024" s="8" t="s">
        <v>125</v>
      </c>
      <c r="F1024" s="8">
        <v>352</v>
      </c>
      <c r="G1024" s="8" t="s">
        <v>3</v>
      </c>
      <c r="H1024" s="8" t="s">
        <v>78</v>
      </c>
      <c r="I1024" s="8" t="s">
        <v>71</v>
      </c>
      <c r="J1024" s="8">
        <v>1</v>
      </c>
      <c r="K1024" s="8" t="s">
        <v>509</v>
      </c>
      <c r="L1024" s="8">
        <v>1</v>
      </c>
      <c r="M1024" s="8">
        <v>80</v>
      </c>
      <c r="O1024" s="98"/>
    </row>
    <row r="1025" spans="1:16">
      <c r="A1025" s="17"/>
      <c r="B1025" s="17"/>
      <c r="C1025" s="17" t="s">
        <v>130</v>
      </c>
      <c r="D1025" s="139" t="s">
        <v>126</v>
      </c>
      <c r="E1025" s="17"/>
      <c r="F1025" s="17"/>
      <c r="G1025" s="17"/>
      <c r="H1025" s="17" t="s">
        <v>17</v>
      </c>
      <c r="I1025" s="17" t="s">
        <v>71</v>
      </c>
      <c r="J1025" s="17" t="s">
        <v>525</v>
      </c>
      <c r="K1025" s="17"/>
      <c r="L1025" s="17"/>
      <c r="M1025" s="17"/>
      <c r="N1025" s="141"/>
      <c r="O1025" s="98" t="s">
        <v>943</v>
      </c>
      <c r="P1025" s="99" t="s">
        <v>1298</v>
      </c>
    </row>
    <row r="1026" spans="1:16" hidden="1" outlineLevel="1">
      <c r="E1026" s="8" t="s">
        <v>129</v>
      </c>
      <c r="F1026" s="8">
        <v>128</v>
      </c>
      <c r="G1026" s="8" t="s">
        <v>128</v>
      </c>
      <c r="H1026" s="8" t="s">
        <v>66</v>
      </c>
      <c r="I1026" s="8" t="s">
        <v>65</v>
      </c>
      <c r="J1026" s="8">
        <v>1</v>
      </c>
      <c r="K1026" s="8" t="s">
        <v>514</v>
      </c>
      <c r="L1026" s="8">
        <v>2</v>
      </c>
      <c r="M1026" s="8">
        <v>3</v>
      </c>
      <c r="N1026" s="72" t="s">
        <v>723</v>
      </c>
      <c r="O1026" s="98"/>
    </row>
    <row r="1027" spans="1:16" hidden="1" outlineLevel="1">
      <c r="E1027" s="8" t="s">
        <v>127</v>
      </c>
      <c r="F1027" s="8">
        <v>127</v>
      </c>
      <c r="G1027" s="8" t="s">
        <v>126</v>
      </c>
      <c r="H1027" s="8" t="s">
        <v>78</v>
      </c>
      <c r="I1027" s="8" t="s">
        <v>96</v>
      </c>
      <c r="J1027" s="8">
        <v>1</v>
      </c>
      <c r="K1027" s="8" t="s">
        <v>509</v>
      </c>
      <c r="L1027" s="8">
        <v>1</v>
      </c>
      <c r="M1027" s="8">
        <v>30</v>
      </c>
      <c r="N1027" s="72" t="s">
        <v>724</v>
      </c>
      <c r="O1027" s="98"/>
    </row>
    <row r="1028" spans="1:16" hidden="1" outlineLevel="1">
      <c r="E1028" s="8" t="s">
        <v>125</v>
      </c>
      <c r="F1028" s="8">
        <v>352</v>
      </c>
      <c r="G1028" s="8" t="s">
        <v>3</v>
      </c>
      <c r="H1028" s="8" t="s">
        <v>78</v>
      </c>
      <c r="I1028" s="8" t="s">
        <v>71</v>
      </c>
      <c r="J1028" s="8">
        <v>1</v>
      </c>
      <c r="K1028" s="8" t="s">
        <v>509</v>
      </c>
      <c r="L1028" s="8">
        <v>1</v>
      </c>
      <c r="M1028" s="8">
        <v>80</v>
      </c>
      <c r="O1028" s="98"/>
    </row>
    <row r="1029" spans="1:16" collapsed="1">
      <c r="A1029" s="17"/>
      <c r="B1029" s="17"/>
      <c r="C1029" s="17" t="s">
        <v>130</v>
      </c>
      <c r="D1029" s="139" t="s">
        <v>126</v>
      </c>
      <c r="E1029" s="17"/>
      <c r="F1029" s="17"/>
      <c r="G1029" s="17"/>
      <c r="H1029" s="17" t="s">
        <v>17</v>
      </c>
      <c r="I1029" s="17" t="s">
        <v>71</v>
      </c>
      <c r="J1029" s="17" t="s">
        <v>525</v>
      </c>
      <c r="K1029" s="17"/>
      <c r="L1029" s="17"/>
      <c r="M1029" s="17"/>
      <c r="N1029" s="141"/>
      <c r="O1029" s="98"/>
    </row>
    <row r="1030" spans="1:16" hidden="1">
      <c r="E1030" s="8" t="s">
        <v>129</v>
      </c>
      <c r="F1030" s="8">
        <v>128</v>
      </c>
      <c r="G1030" s="8" t="s">
        <v>128</v>
      </c>
      <c r="H1030" s="8" t="s">
        <v>66</v>
      </c>
      <c r="I1030" s="8" t="s">
        <v>65</v>
      </c>
      <c r="J1030" s="8">
        <v>1</v>
      </c>
      <c r="K1030" s="8" t="s">
        <v>514</v>
      </c>
      <c r="L1030" s="8">
        <v>2</v>
      </c>
      <c r="M1030" s="8">
        <v>3</v>
      </c>
      <c r="N1030" s="18" t="s">
        <v>725</v>
      </c>
      <c r="O1030" s="98"/>
    </row>
    <row r="1031" spans="1:16" hidden="1">
      <c r="E1031" s="8" t="s">
        <v>127</v>
      </c>
      <c r="F1031" s="8">
        <v>127</v>
      </c>
      <c r="G1031" s="8" t="s">
        <v>126</v>
      </c>
      <c r="H1031" s="8" t="s">
        <v>78</v>
      </c>
      <c r="I1031" s="8" t="s">
        <v>96</v>
      </c>
      <c r="J1031" s="8">
        <v>1</v>
      </c>
      <c r="K1031" s="8" t="s">
        <v>509</v>
      </c>
      <c r="L1031" s="8">
        <v>1</v>
      </c>
      <c r="M1031" s="8">
        <v>30</v>
      </c>
      <c r="N1031" s="72" t="s">
        <v>726</v>
      </c>
      <c r="O1031" s="98"/>
    </row>
    <row r="1032" spans="1:16" hidden="1">
      <c r="E1032" s="8" t="s">
        <v>125</v>
      </c>
      <c r="F1032" s="8">
        <v>352</v>
      </c>
      <c r="G1032" s="8" t="s">
        <v>3</v>
      </c>
      <c r="H1032" s="8" t="s">
        <v>78</v>
      </c>
      <c r="I1032" s="8" t="s">
        <v>71</v>
      </c>
      <c r="J1032" s="8">
        <v>1</v>
      </c>
      <c r="K1032" s="8" t="s">
        <v>509</v>
      </c>
      <c r="L1032" s="8">
        <v>1</v>
      </c>
      <c r="M1032" s="8">
        <v>80</v>
      </c>
      <c r="O1032" s="98"/>
    </row>
    <row r="1033" spans="1:16" hidden="1">
      <c r="A1033" s="17"/>
      <c r="B1033" s="17"/>
      <c r="C1033" s="17" t="s">
        <v>130</v>
      </c>
      <c r="D1033" s="139" t="s">
        <v>126</v>
      </c>
      <c r="E1033" s="17"/>
      <c r="F1033" s="17"/>
      <c r="G1033" s="17"/>
      <c r="H1033" s="17" t="s">
        <v>17</v>
      </c>
      <c r="I1033" s="17" t="s">
        <v>71</v>
      </c>
      <c r="J1033" s="17" t="s">
        <v>525</v>
      </c>
      <c r="K1033" s="17"/>
      <c r="L1033" s="17"/>
      <c r="M1033" s="17"/>
      <c r="N1033" s="141"/>
      <c r="O1033" s="98"/>
    </row>
    <row r="1034" spans="1:16" hidden="1">
      <c r="E1034" s="8" t="s">
        <v>129</v>
      </c>
      <c r="F1034" s="8">
        <v>128</v>
      </c>
      <c r="G1034" s="8" t="s">
        <v>128</v>
      </c>
      <c r="H1034" s="8" t="s">
        <v>66</v>
      </c>
      <c r="I1034" s="8" t="s">
        <v>65</v>
      </c>
      <c r="J1034" s="8">
        <v>1</v>
      </c>
      <c r="K1034" s="8" t="s">
        <v>514</v>
      </c>
      <c r="L1034" s="8">
        <v>2</v>
      </c>
      <c r="M1034" s="8">
        <v>3</v>
      </c>
      <c r="N1034" s="72" t="s">
        <v>625</v>
      </c>
      <c r="O1034" s="98"/>
    </row>
    <row r="1035" spans="1:16" hidden="1">
      <c r="E1035" s="8" t="s">
        <v>127</v>
      </c>
      <c r="F1035" s="8">
        <v>127</v>
      </c>
      <c r="G1035" s="8" t="s">
        <v>126</v>
      </c>
      <c r="H1035" s="8" t="s">
        <v>78</v>
      </c>
      <c r="I1035" s="8" t="s">
        <v>96</v>
      </c>
      <c r="J1035" s="8">
        <v>1</v>
      </c>
      <c r="K1035" s="8" t="s">
        <v>509</v>
      </c>
      <c r="L1035" s="8">
        <v>1</v>
      </c>
      <c r="M1035" s="8">
        <v>30</v>
      </c>
      <c r="O1035" s="98"/>
    </row>
    <row r="1036" spans="1:16">
      <c r="A1036" s="17"/>
      <c r="B1036" s="17"/>
      <c r="C1036" s="17" t="s">
        <v>130</v>
      </c>
      <c r="D1036" s="139" t="s">
        <v>126</v>
      </c>
      <c r="E1036" s="17"/>
      <c r="F1036" s="17"/>
      <c r="G1036" s="17"/>
      <c r="H1036" s="17" t="s">
        <v>17</v>
      </c>
      <c r="I1036" s="17" t="s">
        <v>71</v>
      </c>
      <c r="J1036" s="17" t="s">
        <v>525</v>
      </c>
      <c r="K1036" s="17"/>
      <c r="L1036" s="17"/>
      <c r="M1036" s="17"/>
      <c r="N1036" s="138"/>
    </row>
    <row r="1037" spans="1:16">
      <c r="E1037" s="8" t="s">
        <v>129</v>
      </c>
      <c r="F1037" s="8">
        <v>128</v>
      </c>
      <c r="G1037" s="8" t="s">
        <v>128</v>
      </c>
      <c r="H1037" s="8" t="s">
        <v>66</v>
      </c>
      <c r="I1037" s="8" t="s">
        <v>65</v>
      </c>
      <c r="J1037" s="8">
        <v>1</v>
      </c>
      <c r="K1037" s="8" t="s">
        <v>514</v>
      </c>
      <c r="L1037" s="8">
        <v>2</v>
      </c>
      <c r="M1037" s="8">
        <v>3</v>
      </c>
      <c r="N1037" s="72" t="s">
        <v>643</v>
      </c>
      <c r="O1037" s="98" t="s">
        <v>1005</v>
      </c>
    </row>
    <row r="1038" spans="1:16">
      <c r="E1038" s="8" t="s">
        <v>127</v>
      </c>
      <c r="F1038" s="8">
        <v>127</v>
      </c>
      <c r="G1038" s="8" t="s">
        <v>126</v>
      </c>
      <c r="H1038" s="8" t="s">
        <v>78</v>
      </c>
      <c r="I1038" s="8" t="s">
        <v>71</v>
      </c>
      <c r="J1038" s="8">
        <v>1</v>
      </c>
      <c r="K1038" s="8" t="s">
        <v>509</v>
      </c>
      <c r="L1038" s="8">
        <v>1</v>
      </c>
      <c r="M1038" s="8">
        <v>30</v>
      </c>
      <c r="O1038" s="98" t="s">
        <v>2154</v>
      </c>
      <c r="P1038" s="221" t="s">
        <v>2153</v>
      </c>
    </row>
    <row r="1039" spans="1:16">
      <c r="O1039" s="98" t="s">
        <v>2152</v>
      </c>
      <c r="P1039" s="220" t="s">
        <v>2151</v>
      </c>
    </row>
    <row r="1040" spans="1:16" ht="35">
      <c r="O1040" s="98" t="s">
        <v>2150</v>
      </c>
      <c r="P1040" s="264" t="s">
        <v>2149</v>
      </c>
    </row>
    <row r="1041" spans="15:16">
      <c r="O1041" s="98" t="s">
        <v>2148</v>
      </c>
      <c r="P1041" s="203"/>
    </row>
    <row r="1042" spans="15:16">
      <c r="O1042" s="98" t="s">
        <v>1006</v>
      </c>
      <c r="P1042" s="99" t="s">
        <v>1313</v>
      </c>
    </row>
    <row r="1043" spans="15:16">
      <c r="O1043" s="98" t="s">
        <v>1640</v>
      </c>
      <c r="P1043" s="2" t="s">
        <v>1679</v>
      </c>
    </row>
    <row r="1044" spans="15:16">
      <c r="O1044" s="98" t="s">
        <v>1007</v>
      </c>
      <c r="P1044" s="219" t="s">
        <v>1675</v>
      </c>
    </row>
    <row r="1045" spans="15:16" ht="52.5">
      <c r="O1045" s="98" t="s">
        <v>2147</v>
      </c>
      <c r="P1045" s="99" t="s">
        <v>2146</v>
      </c>
    </row>
    <row r="1046" spans="15:16">
      <c r="O1046" s="98" t="s">
        <v>2145</v>
      </c>
      <c r="P1046" s="99" t="s">
        <v>2144</v>
      </c>
    </row>
    <row r="1047" spans="15:16">
      <c r="O1047" s="98" t="s">
        <v>1641</v>
      </c>
      <c r="P1047" s="99" t="s">
        <v>1676</v>
      </c>
    </row>
    <row r="1048" spans="15:16">
      <c r="O1048" s="98" t="s">
        <v>949</v>
      </c>
      <c r="P1048" s="207" t="s">
        <v>1306</v>
      </c>
    </row>
    <row r="1049" spans="15:16">
      <c r="O1049" s="98" t="s">
        <v>1008</v>
      </c>
      <c r="P1049" s="99" t="s">
        <v>1680</v>
      </c>
    </row>
    <row r="1050" spans="15:16">
      <c r="O1050" s="98" t="s">
        <v>1009</v>
      </c>
      <c r="P1050" s="99" t="s">
        <v>1677</v>
      </c>
    </row>
    <row r="1051" spans="15:16">
      <c r="O1051" s="98" t="s">
        <v>1025</v>
      </c>
      <c r="P1051" s="99" t="s">
        <v>1681</v>
      </c>
    </row>
    <row r="1052" spans="15:16">
      <c r="O1052" s="263" t="s">
        <v>2143</v>
      </c>
      <c r="P1052" s="98" t="s">
        <v>2142</v>
      </c>
    </row>
    <row r="1053" spans="15:16">
      <c r="O1053" s="98" t="s">
        <v>2141</v>
      </c>
      <c r="P1053" s="99" t="s">
        <v>2140</v>
      </c>
    </row>
    <row r="1054" spans="15:16">
      <c r="O1054" s="98" t="s">
        <v>2139</v>
      </c>
      <c r="P1054" s="99" t="s">
        <v>2138</v>
      </c>
    </row>
    <row r="1055" spans="15:16">
      <c r="O1055" s="98" t="s">
        <v>2137</v>
      </c>
      <c r="P1055" s="99" t="s">
        <v>2136</v>
      </c>
    </row>
    <row r="1056" spans="15:16" ht="87.5">
      <c r="O1056" s="98" t="s">
        <v>1645</v>
      </c>
      <c r="P1056" s="220" t="s">
        <v>1678</v>
      </c>
    </row>
    <row r="1057" spans="15:17" ht="105">
      <c r="O1057" s="98" t="s">
        <v>2135</v>
      </c>
      <c r="P1057" s="99" t="s">
        <v>2134</v>
      </c>
    </row>
    <row r="1058" spans="15:17" ht="122.5">
      <c r="O1058" s="98" t="s">
        <v>1639</v>
      </c>
      <c r="P1058" s="202" t="s">
        <v>2133</v>
      </c>
    </row>
    <row r="1059" spans="15:17" ht="35">
      <c r="O1059" s="98" t="s">
        <v>2132</v>
      </c>
      <c r="P1059" s="220" t="s">
        <v>2131</v>
      </c>
    </row>
    <row r="1060" spans="15:17">
      <c r="O1060" s="98" t="s">
        <v>2130</v>
      </c>
      <c r="P1060" s="219" t="s">
        <v>2129</v>
      </c>
    </row>
    <row r="1061" spans="15:17">
      <c r="O1061" s="98" t="s">
        <v>2112</v>
      </c>
    </row>
    <row r="1062" spans="15:17">
      <c r="O1062" s="98" t="s">
        <v>2128</v>
      </c>
      <c r="Q1062" s="10" t="s">
        <v>2029</v>
      </c>
    </row>
    <row r="1063" spans="15:17">
      <c r="O1063" s="98" t="s">
        <v>2127</v>
      </c>
      <c r="Q1063" s="10" t="s">
        <v>2029</v>
      </c>
    </row>
    <row r="1064" spans="15:17">
      <c r="O1064" s="98" t="s">
        <v>2126</v>
      </c>
      <c r="Q1064" s="10" t="s">
        <v>2029</v>
      </c>
    </row>
    <row r="1065" spans="15:17">
      <c r="O1065" s="98" t="s">
        <v>2125</v>
      </c>
      <c r="Q1065" s="10" t="s">
        <v>2029</v>
      </c>
    </row>
    <row r="1066" spans="15:17">
      <c r="O1066" s="98" t="s">
        <v>2124</v>
      </c>
      <c r="Q1066" s="10" t="s">
        <v>2029</v>
      </c>
    </row>
    <row r="1067" spans="15:17">
      <c r="O1067" s="98" t="s">
        <v>2123</v>
      </c>
      <c r="Q1067" s="10" t="s">
        <v>2029</v>
      </c>
    </row>
    <row r="1068" spans="15:17">
      <c r="O1068" s="98" t="s">
        <v>2122</v>
      </c>
      <c r="Q1068" s="10" t="s">
        <v>2029</v>
      </c>
    </row>
    <row r="1069" spans="15:17">
      <c r="O1069" s="98" t="s">
        <v>2121</v>
      </c>
      <c r="Q1069" s="10" t="s">
        <v>2029</v>
      </c>
    </row>
    <row r="1070" spans="15:17">
      <c r="O1070" s="98" t="s">
        <v>2120</v>
      </c>
      <c r="Q1070" s="10" t="s">
        <v>2029</v>
      </c>
    </row>
    <row r="1071" spans="15:17">
      <c r="O1071" s="98" t="s">
        <v>2119</v>
      </c>
      <c r="Q1071" s="10" t="s">
        <v>2029</v>
      </c>
    </row>
    <row r="1072" spans="15:17">
      <c r="O1072" s="98" t="s">
        <v>2118</v>
      </c>
      <c r="Q1072" s="10" t="s">
        <v>2029</v>
      </c>
    </row>
    <row r="1073" spans="1:16">
      <c r="O1073" s="98" t="s">
        <v>2117</v>
      </c>
      <c r="P1073" s="98" t="s">
        <v>2116</v>
      </c>
    </row>
    <row r="1074" spans="1:16">
      <c r="O1074" s="98" t="s">
        <v>2115</v>
      </c>
    </row>
    <row r="1075" spans="1:16">
      <c r="O1075" s="98" t="s">
        <v>1010</v>
      </c>
    </row>
    <row r="1076" spans="1:16">
      <c r="O1076" s="98" t="s">
        <v>1011</v>
      </c>
    </row>
    <row r="1077" spans="1:16">
      <c r="O1077" s="98" t="s">
        <v>2114</v>
      </c>
      <c r="P1077" s="99" t="s">
        <v>2113</v>
      </c>
    </row>
    <row r="1078" spans="1:16" ht="35">
      <c r="O1078" s="98" t="s">
        <v>2112</v>
      </c>
      <c r="P1078" s="99" t="s">
        <v>2111</v>
      </c>
    </row>
    <row r="1079" spans="1:16">
      <c r="A1079" s="17"/>
      <c r="B1079" s="17"/>
      <c r="C1079" s="17" t="s">
        <v>130</v>
      </c>
      <c r="D1079" s="139" t="s">
        <v>126</v>
      </c>
      <c r="E1079" s="17"/>
      <c r="F1079" s="17"/>
      <c r="G1079" s="17"/>
      <c r="H1079" s="17" t="s">
        <v>17</v>
      </c>
      <c r="I1079" s="17" t="s">
        <v>71</v>
      </c>
      <c r="J1079" s="17" t="s">
        <v>525</v>
      </c>
      <c r="K1079" s="17"/>
      <c r="L1079" s="17"/>
      <c r="M1079" s="17"/>
      <c r="N1079" s="141"/>
      <c r="O1079" s="98" t="s">
        <v>2110</v>
      </c>
      <c r="P1079" s="99" t="s">
        <v>2109</v>
      </c>
    </row>
    <row r="1080" spans="1:16">
      <c r="E1080" s="8" t="s">
        <v>129</v>
      </c>
      <c r="F1080" s="8">
        <v>128</v>
      </c>
      <c r="G1080" s="8" t="s">
        <v>128</v>
      </c>
      <c r="H1080" s="8" t="s">
        <v>66</v>
      </c>
      <c r="I1080" s="8" t="s">
        <v>65</v>
      </c>
      <c r="J1080" s="8">
        <v>1</v>
      </c>
      <c r="K1080" s="8" t="s">
        <v>514</v>
      </c>
      <c r="L1080" s="8">
        <v>2</v>
      </c>
      <c r="M1080" s="8">
        <v>3</v>
      </c>
      <c r="N1080" s="72" t="s">
        <v>1302</v>
      </c>
      <c r="O1080" s="98" t="s">
        <v>2108</v>
      </c>
      <c r="P1080" s="99" t="s">
        <v>2107</v>
      </c>
    </row>
    <row r="1081" spans="1:16">
      <c r="E1081" s="8" t="s">
        <v>127</v>
      </c>
      <c r="F1081" s="8">
        <v>127</v>
      </c>
      <c r="G1081" s="8" t="s">
        <v>126</v>
      </c>
      <c r="H1081" s="8" t="s">
        <v>78</v>
      </c>
      <c r="I1081" s="8" t="s">
        <v>96</v>
      </c>
      <c r="J1081" s="8">
        <v>1</v>
      </c>
      <c r="K1081" s="8" t="s">
        <v>509</v>
      </c>
      <c r="L1081" s="8">
        <v>1</v>
      </c>
      <c r="M1081" s="8">
        <v>30</v>
      </c>
      <c r="N1081" s="72" t="s">
        <v>1642</v>
      </c>
      <c r="O1081" s="98"/>
    </row>
    <row r="1082" spans="1:16">
      <c r="E1082" s="8" t="s">
        <v>125</v>
      </c>
      <c r="F1082" s="8">
        <v>352</v>
      </c>
      <c r="G1082" s="8" t="s">
        <v>3</v>
      </c>
      <c r="H1082" s="8" t="s">
        <v>78</v>
      </c>
      <c r="I1082" s="8" t="s">
        <v>71</v>
      </c>
      <c r="J1082" s="8">
        <v>1</v>
      </c>
      <c r="K1082" s="8" t="s">
        <v>509</v>
      </c>
      <c r="L1082" s="8">
        <v>1</v>
      </c>
      <c r="M1082" s="8">
        <v>80</v>
      </c>
      <c r="O1082" s="98"/>
    </row>
    <row r="1083" spans="1:16" hidden="1">
      <c r="A1083" s="17" t="s">
        <v>278</v>
      </c>
      <c r="B1083" s="139" t="s">
        <v>524</v>
      </c>
      <c r="C1083" s="17"/>
      <c r="D1083" s="139"/>
      <c r="E1083" s="17"/>
      <c r="F1083" s="17"/>
      <c r="G1083" s="17"/>
      <c r="H1083" s="17" t="s">
        <v>17</v>
      </c>
      <c r="I1083" s="17" t="s">
        <v>71</v>
      </c>
      <c r="J1083" s="17">
        <v>25</v>
      </c>
      <c r="K1083" s="17"/>
      <c r="L1083" s="17"/>
      <c r="M1083" s="17"/>
      <c r="N1083" s="138"/>
      <c r="O1083" s="98"/>
    </row>
    <row r="1084" spans="1:16" hidden="1">
      <c r="A1084" s="17"/>
      <c r="B1084" s="17"/>
      <c r="C1084" s="17" t="s">
        <v>278</v>
      </c>
      <c r="D1084" s="139" t="s">
        <v>524</v>
      </c>
      <c r="E1084" s="17"/>
      <c r="F1084" s="17"/>
      <c r="G1084" s="17"/>
      <c r="H1084" s="17" t="s">
        <v>66</v>
      </c>
      <c r="I1084" s="17" t="s">
        <v>65</v>
      </c>
      <c r="J1084" s="17">
        <v>1</v>
      </c>
      <c r="K1084" s="17"/>
      <c r="L1084" s="17"/>
      <c r="M1084" s="17"/>
      <c r="N1084" s="138"/>
      <c r="O1084" s="98"/>
    </row>
    <row r="1085" spans="1:16" hidden="1">
      <c r="E1085" s="8" t="s">
        <v>277</v>
      </c>
      <c r="F1085" s="8">
        <v>248</v>
      </c>
      <c r="G1085" s="8" t="s">
        <v>276</v>
      </c>
      <c r="H1085" s="8" t="s">
        <v>66</v>
      </c>
      <c r="I1085" s="8" t="s">
        <v>65</v>
      </c>
      <c r="J1085" s="8">
        <v>1</v>
      </c>
      <c r="K1085" s="8" t="s">
        <v>514</v>
      </c>
      <c r="L1085" s="8">
        <v>1</v>
      </c>
      <c r="M1085" s="8">
        <v>1</v>
      </c>
      <c r="N1085" s="72" t="s">
        <v>649</v>
      </c>
      <c r="O1085" s="98"/>
    </row>
    <row r="1086" spans="1:16" hidden="1">
      <c r="E1086" s="8" t="s">
        <v>275</v>
      </c>
      <c r="F1086" s="8">
        <v>1300</v>
      </c>
      <c r="G1086" s="8" t="s">
        <v>274</v>
      </c>
      <c r="H1086" s="8" t="s">
        <v>78</v>
      </c>
      <c r="I1086" s="8" t="s">
        <v>71</v>
      </c>
      <c r="J1086" s="8">
        <v>1</v>
      </c>
      <c r="K1086" s="8" t="s">
        <v>514</v>
      </c>
      <c r="L1086" s="8">
        <v>4</v>
      </c>
      <c r="M1086" s="8">
        <v>4</v>
      </c>
      <c r="N1086" s="72" t="s">
        <v>650</v>
      </c>
      <c r="O1086" s="98"/>
    </row>
    <row r="1087" spans="1:16" hidden="1">
      <c r="E1087" s="19" t="s">
        <v>273</v>
      </c>
      <c r="F1087" s="19">
        <v>559</v>
      </c>
      <c r="G1087" s="19" t="s">
        <v>197</v>
      </c>
      <c r="H1087" s="19" t="s">
        <v>78</v>
      </c>
      <c r="I1087" s="19" t="s">
        <v>174</v>
      </c>
      <c r="J1087" s="19">
        <v>1</v>
      </c>
      <c r="K1087" s="19" t="s">
        <v>514</v>
      </c>
      <c r="L1087" s="19">
        <v>2</v>
      </c>
      <c r="M1087" s="19">
        <v>2</v>
      </c>
      <c r="N1087" s="25"/>
      <c r="O1087" s="98"/>
    </row>
    <row r="1088" spans="1:16" hidden="1">
      <c r="E1088" s="19" t="s">
        <v>272</v>
      </c>
      <c r="F1088" s="19">
        <v>1301</v>
      </c>
      <c r="G1088" s="19" t="s">
        <v>271</v>
      </c>
      <c r="H1088" s="19" t="s">
        <v>78</v>
      </c>
      <c r="I1088" s="19" t="s">
        <v>174</v>
      </c>
      <c r="J1088" s="19">
        <v>1</v>
      </c>
      <c r="K1088" s="19" t="s">
        <v>509</v>
      </c>
      <c r="L1088" s="19">
        <v>1</v>
      </c>
      <c r="M1088" s="19">
        <v>10</v>
      </c>
      <c r="N1088" s="25"/>
      <c r="O1088" s="98"/>
    </row>
    <row r="1089" spans="1:15" hidden="1">
      <c r="E1089" s="8" t="s">
        <v>270</v>
      </c>
      <c r="F1089" s="8">
        <v>610</v>
      </c>
      <c r="G1089" s="8" t="s">
        <v>269</v>
      </c>
      <c r="H1089" s="8" t="s">
        <v>17</v>
      </c>
      <c r="I1089" s="8" t="s">
        <v>71</v>
      </c>
      <c r="J1089" s="8">
        <v>1</v>
      </c>
      <c r="K1089" s="8" t="s">
        <v>150</v>
      </c>
      <c r="L1089" s="8">
        <v>1</v>
      </c>
      <c r="M1089" s="8">
        <v>15</v>
      </c>
      <c r="O1089" s="98"/>
    </row>
    <row r="1090" spans="1:15" hidden="1">
      <c r="E1090" s="19" t="s">
        <v>268</v>
      </c>
      <c r="F1090" s="19">
        <v>378</v>
      </c>
      <c r="G1090" s="19" t="s">
        <v>267</v>
      </c>
      <c r="H1090" s="19" t="s">
        <v>78</v>
      </c>
      <c r="I1090" s="19" t="s">
        <v>174</v>
      </c>
      <c r="J1090" s="19">
        <v>1</v>
      </c>
      <c r="K1090" s="19" t="s">
        <v>514</v>
      </c>
      <c r="L1090" s="19">
        <v>1</v>
      </c>
      <c r="M1090" s="19">
        <v>1</v>
      </c>
      <c r="N1090" s="25"/>
      <c r="O1090" s="98"/>
    </row>
    <row r="1091" spans="1:15" hidden="1">
      <c r="E1091" s="19" t="s">
        <v>266</v>
      </c>
      <c r="F1091" s="19">
        <v>332</v>
      </c>
      <c r="G1091" s="19" t="s">
        <v>232</v>
      </c>
      <c r="H1091" s="19" t="s">
        <v>78</v>
      </c>
      <c r="I1091" s="19" t="s">
        <v>174</v>
      </c>
      <c r="J1091" s="19">
        <v>1</v>
      </c>
      <c r="K1091" s="19" t="s">
        <v>438</v>
      </c>
      <c r="L1091" s="19">
        <v>1</v>
      </c>
      <c r="M1091" s="19">
        <v>6</v>
      </c>
      <c r="N1091" s="25"/>
      <c r="O1091" s="98"/>
    </row>
    <row r="1092" spans="1:15" hidden="1">
      <c r="E1092" s="19" t="s">
        <v>265</v>
      </c>
      <c r="F1092" s="19">
        <v>118</v>
      </c>
      <c r="G1092" s="19" t="s">
        <v>264</v>
      </c>
      <c r="H1092" s="19" t="s">
        <v>17</v>
      </c>
      <c r="I1092" s="19" t="s">
        <v>174</v>
      </c>
      <c r="J1092" s="19">
        <v>1</v>
      </c>
      <c r="K1092" s="19" t="s">
        <v>438</v>
      </c>
      <c r="L1092" s="19">
        <v>1</v>
      </c>
      <c r="M1092" s="19">
        <v>9</v>
      </c>
      <c r="N1092" s="25"/>
      <c r="O1092" s="98"/>
    </row>
    <row r="1093" spans="1:15" hidden="1">
      <c r="E1093" s="19" t="s">
        <v>263</v>
      </c>
      <c r="F1093" s="19">
        <v>355</v>
      </c>
      <c r="G1093" s="19" t="s">
        <v>103</v>
      </c>
      <c r="H1093" s="19" t="s">
        <v>78</v>
      </c>
      <c r="I1093" s="19" t="s">
        <v>174</v>
      </c>
      <c r="J1093" s="19">
        <v>1</v>
      </c>
      <c r="K1093" s="19" t="s">
        <v>514</v>
      </c>
      <c r="L1093" s="19">
        <v>2</v>
      </c>
      <c r="M1093" s="19">
        <v>2</v>
      </c>
      <c r="N1093" s="25"/>
      <c r="O1093" s="98"/>
    </row>
    <row r="1094" spans="1:15" hidden="1">
      <c r="E1094" s="19" t="s">
        <v>262</v>
      </c>
      <c r="F1094" s="19">
        <v>380</v>
      </c>
      <c r="G1094" s="19" t="s">
        <v>105</v>
      </c>
      <c r="H1094" s="19" t="s">
        <v>78</v>
      </c>
      <c r="I1094" s="19" t="s">
        <v>174</v>
      </c>
      <c r="J1094" s="19">
        <v>1</v>
      </c>
      <c r="K1094" s="19" t="s">
        <v>438</v>
      </c>
      <c r="L1094" s="19">
        <v>1</v>
      </c>
      <c r="M1094" s="19">
        <v>15</v>
      </c>
      <c r="N1094" s="25"/>
      <c r="O1094" s="98"/>
    </row>
    <row r="1095" spans="1:15" s="99" customFormat="1" hidden="1">
      <c r="A1095" s="10"/>
      <c r="B1095" s="10"/>
      <c r="C1095" s="8"/>
      <c r="D1095" s="10"/>
      <c r="E1095" s="19" t="s">
        <v>261</v>
      </c>
      <c r="F1095" s="19">
        <v>380</v>
      </c>
      <c r="G1095" s="19" t="s">
        <v>105</v>
      </c>
      <c r="H1095" s="19" t="s">
        <v>17</v>
      </c>
      <c r="I1095" s="19" t="s">
        <v>174</v>
      </c>
      <c r="J1095" s="19">
        <v>1</v>
      </c>
      <c r="K1095" s="19" t="s">
        <v>438</v>
      </c>
      <c r="L1095" s="19">
        <v>1</v>
      </c>
      <c r="M1095" s="19">
        <v>15</v>
      </c>
      <c r="N1095" s="25"/>
      <c r="O1095" s="98"/>
    </row>
    <row r="1096" spans="1:15" s="99" customFormat="1" hidden="1">
      <c r="A1096" s="10"/>
      <c r="B1096" s="10"/>
      <c r="C1096" s="8"/>
      <c r="D1096" s="10"/>
      <c r="E1096" s="19" t="s">
        <v>260</v>
      </c>
      <c r="F1096" s="19">
        <v>331</v>
      </c>
      <c r="G1096" s="19" t="s">
        <v>259</v>
      </c>
      <c r="H1096" s="19" t="s">
        <v>17</v>
      </c>
      <c r="I1096" s="19" t="s">
        <v>174</v>
      </c>
      <c r="J1096" s="19">
        <v>1</v>
      </c>
      <c r="K1096" s="19" t="s">
        <v>514</v>
      </c>
      <c r="L1096" s="19">
        <v>2</v>
      </c>
      <c r="M1096" s="19">
        <v>2</v>
      </c>
      <c r="N1096" s="25"/>
      <c r="O1096" s="98"/>
    </row>
    <row r="1097" spans="1:15" s="99" customFormat="1" hidden="1">
      <c r="A1097" s="10"/>
      <c r="B1097" s="10"/>
      <c r="C1097" s="8"/>
      <c r="D1097" s="10"/>
      <c r="E1097" s="8" t="s">
        <v>258</v>
      </c>
      <c r="F1097" s="8">
        <v>127</v>
      </c>
      <c r="G1097" s="8" t="s">
        <v>126</v>
      </c>
      <c r="H1097" s="8" t="s">
        <v>78</v>
      </c>
      <c r="I1097" s="8" t="s">
        <v>71</v>
      </c>
      <c r="J1097" s="8">
        <v>1</v>
      </c>
      <c r="K1097" s="8" t="s">
        <v>509</v>
      </c>
      <c r="L1097" s="8">
        <v>1</v>
      </c>
      <c r="M1097" s="8">
        <v>30</v>
      </c>
      <c r="N1097" s="72"/>
      <c r="O1097" s="98"/>
    </row>
    <row r="1098" spans="1:15" s="99" customFormat="1" hidden="1">
      <c r="A1098" s="10"/>
      <c r="B1098" s="10"/>
      <c r="C1098" s="8"/>
      <c r="D1098" s="10"/>
      <c r="E1098" s="19" t="s">
        <v>257</v>
      </c>
      <c r="F1098" s="19">
        <v>770</v>
      </c>
      <c r="G1098" s="19" t="s">
        <v>256</v>
      </c>
      <c r="H1098" s="19" t="s">
        <v>17</v>
      </c>
      <c r="I1098" s="19" t="s">
        <v>174</v>
      </c>
      <c r="J1098" s="19">
        <v>1</v>
      </c>
      <c r="K1098" s="19" t="s">
        <v>509</v>
      </c>
      <c r="L1098" s="19">
        <v>1</v>
      </c>
      <c r="M1098" s="19">
        <v>20</v>
      </c>
      <c r="N1098" s="25"/>
      <c r="O1098" s="98"/>
    </row>
    <row r="1099" spans="1:15" s="99" customFormat="1" hidden="1">
      <c r="A1099" s="10"/>
      <c r="B1099" s="10"/>
      <c r="C1099" s="8"/>
      <c r="D1099" s="10"/>
      <c r="E1099" s="8" t="s">
        <v>255</v>
      </c>
      <c r="F1099" s="8">
        <v>352</v>
      </c>
      <c r="G1099" s="8" t="s">
        <v>3</v>
      </c>
      <c r="H1099" s="8" t="s">
        <v>78</v>
      </c>
      <c r="I1099" s="8" t="s">
        <v>71</v>
      </c>
      <c r="J1099" s="8">
        <v>1</v>
      </c>
      <c r="K1099" s="8" t="s">
        <v>509</v>
      </c>
      <c r="L1099" s="8">
        <v>1</v>
      </c>
      <c r="M1099" s="8">
        <v>80</v>
      </c>
      <c r="N1099" s="72"/>
      <c r="O1099" s="98"/>
    </row>
    <row r="1100" spans="1:15" s="99" customFormat="1" hidden="1">
      <c r="A1100" s="10"/>
      <c r="B1100" s="10"/>
      <c r="C1100" s="8"/>
      <c r="D1100" s="10"/>
      <c r="E1100" s="8" t="s">
        <v>254</v>
      </c>
      <c r="F1100" s="8">
        <v>819</v>
      </c>
      <c r="G1100" s="8" t="s">
        <v>253</v>
      </c>
      <c r="H1100" s="8" t="s">
        <v>17</v>
      </c>
      <c r="I1100" s="8" t="s">
        <v>71</v>
      </c>
      <c r="J1100" s="8">
        <v>1</v>
      </c>
      <c r="K1100" s="8" t="s">
        <v>514</v>
      </c>
      <c r="L1100" s="8">
        <v>2</v>
      </c>
      <c r="M1100" s="8">
        <v>3</v>
      </c>
      <c r="N1100" s="70" t="s">
        <v>624</v>
      </c>
      <c r="O1100" s="98"/>
    </row>
    <row r="1101" spans="1:15" s="99" customFormat="1" hidden="1">
      <c r="A1101" s="17"/>
      <c r="B1101" s="17"/>
      <c r="C1101" s="17" t="s">
        <v>252</v>
      </c>
      <c r="D1101" s="139" t="s">
        <v>476</v>
      </c>
      <c r="E1101" s="17"/>
      <c r="F1101" s="17"/>
      <c r="G1101" s="17"/>
      <c r="H1101" s="17" t="s">
        <v>17</v>
      </c>
      <c r="I1101" s="17" t="s">
        <v>71</v>
      </c>
      <c r="J1101" s="17">
        <v>1</v>
      </c>
      <c r="K1101" s="17"/>
      <c r="L1101" s="17"/>
      <c r="M1101" s="17"/>
      <c r="N1101" s="138"/>
      <c r="O1101" s="98"/>
    </row>
    <row r="1102" spans="1:15" s="99" customFormat="1" hidden="1">
      <c r="A1102" s="10"/>
      <c r="B1102" s="10"/>
      <c r="C1102" s="8"/>
      <c r="D1102" s="10"/>
      <c r="E1102" s="8" t="s">
        <v>251</v>
      </c>
      <c r="F1102" s="8">
        <v>98</v>
      </c>
      <c r="G1102" s="8" t="s">
        <v>156</v>
      </c>
      <c r="H1102" s="8" t="s">
        <v>66</v>
      </c>
      <c r="I1102" s="8" t="s">
        <v>65</v>
      </c>
      <c r="J1102" s="8">
        <v>1</v>
      </c>
      <c r="K1102" s="8" t="s">
        <v>514</v>
      </c>
      <c r="L1102" s="8">
        <v>2</v>
      </c>
      <c r="M1102" s="8">
        <v>3</v>
      </c>
      <c r="N1102" s="72" t="s">
        <v>623</v>
      </c>
      <c r="O1102" s="98"/>
    </row>
    <row r="1103" spans="1:15" s="99" customFormat="1" hidden="1">
      <c r="A1103" s="10"/>
      <c r="B1103" s="10"/>
      <c r="C1103" s="8"/>
      <c r="D1103" s="10"/>
      <c r="E1103" s="8" t="s">
        <v>250</v>
      </c>
      <c r="F1103" s="8">
        <v>100</v>
      </c>
      <c r="G1103" s="8" t="s">
        <v>249</v>
      </c>
      <c r="H1103" s="8" t="s">
        <v>66</v>
      </c>
      <c r="I1103" s="8" t="s">
        <v>65</v>
      </c>
      <c r="J1103" s="8">
        <v>1</v>
      </c>
      <c r="K1103" s="8" t="s">
        <v>514</v>
      </c>
      <c r="L1103" s="8">
        <v>3</v>
      </c>
      <c r="M1103" s="8">
        <v>3</v>
      </c>
      <c r="N1103" s="72"/>
      <c r="O1103" s="98"/>
    </row>
    <row r="1104" spans="1:15" s="99" customFormat="1" hidden="1">
      <c r="A1104" s="10"/>
      <c r="B1104" s="10"/>
      <c r="C1104" s="8"/>
      <c r="D1104" s="10"/>
      <c r="E1104" s="8" t="s">
        <v>290</v>
      </c>
      <c r="F1104" s="8">
        <v>280</v>
      </c>
      <c r="G1104" s="8" t="s">
        <v>289</v>
      </c>
      <c r="H1104" s="8" t="s">
        <v>17</v>
      </c>
      <c r="I1104" s="8" t="s">
        <v>71</v>
      </c>
      <c r="J1104" s="8">
        <v>1</v>
      </c>
      <c r="K1104" s="8" t="s">
        <v>438</v>
      </c>
      <c r="L1104" s="8">
        <v>4</v>
      </c>
      <c r="M1104" s="8">
        <v>10</v>
      </c>
      <c r="N1104" s="72"/>
      <c r="O1104" s="98"/>
    </row>
    <row r="1105" spans="1:15" s="99" customFormat="1" hidden="1">
      <c r="A1105" s="10"/>
      <c r="B1105" s="10"/>
      <c r="C1105" s="8"/>
      <c r="D1105" s="10"/>
      <c r="E1105" s="8" t="s">
        <v>288</v>
      </c>
      <c r="F1105" s="8">
        <v>98</v>
      </c>
      <c r="G1105" s="8" t="s">
        <v>156</v>
      </c>
      <c r="H1105" s="8" t="s">
        <v>17</v>
      </c>
      <c r="I1105" s="8" t="s">
        <v>71</v>
      </c>
      <c r="J1105" s="8">
        <v>1</v>
      </c>
      <c r="K1105" s="8" t="s">
        <v>514</v>
      </c>
      <c r="L1105" s="8">
        <v>2</v>
      </c>
      <c r="M1105" s="8">
        <v>3</v>
      </c>
      <c r="N1105" s="72" t="s">
        <v>625</v>
      </c>
      <c r="O1105" s="98"/>
    </row>
    <row r="1106" spans="1:15" s="99" customFormat="1" hidden="1">
      <c r="A1106" s="10"/>
      <c r="B1106" s="10"/>
      <c r="C1106" s="8"/>
      <c r="D1106" s="10"/>
      <c r="E1106" s="8" t="s">
        <v>287</v>
      </c>
      <c r="F1106" s="8">
        <v>100</v>
      </c>
      <c r="G1106" s="8" t="s">
        <v>249</v>
      </c>
      <c r="H1106" s="8" t="s">
        <v>17</v>
      </c>
      <c r="I1106" s="8" t="s">
        <v>71</v>
      </c>
      <c r="J1106" s="8">
        <v>1</v>
      </c>
      <c r="K1106" s="8" t="s">
        <v>514</v>
      </c>
      <c r="L1106" s="8">
        <v>3</v>
      </c>
      <c r="M1106" s="8">
        <v>3</v>
      </c>
      <c r="N1106" s="72"/>
      <c r="O1106" s="98"/>
    </row>
    <row r="1107" spans="1:15" s="99" customFormat="1" hidden="1">
      <c r="A1107" s="17" t="s">
        <v>278</v>
      </c>
      <c r="B1107" s="139" t="s">
        <v>524</v>
      </c>
      <c r="C1107" s="17"/>
      <c r="D1107" s="139"/>
      <c r="E1107" s="17"/>
      <c r="F1107" s="17"/>
      <c r="G1107" s="17"/>
      <c r="H1107" s="17" t="s">
        <v>17</v>
      </c>
      <c r="I1107" s="17" t="s">
        <v>71</v>
      </c>
      <c r="J1107" s="17">
        <v>25</v>
      </c>
      <c r="K1107" s="17"/>
      <c r="L1107" s="17"/>
      <c r="M1107" s="17"/>
      <c r="N1107" s="138"/>
      <c r="O1107" s="98"/>
    </row>
    <row r="1108" spans="1:15" s="99" customFormat="1" hidden="1">
      <c r="A1108" s="17"/>
      <c r="B1108" s="17"/>
      <c r="C1108" s="17" t="s">
        <v>278</v>
      </c>
      <c r="D1108" s="139" t="s">
        <v>524</v>
      </c>
      <c r="E1108" s="17"/>
      <c r="F1108" s="17"/>
      <c r="G1108" s="17"/>
      <c r="H1108" s="17" t="s">
        <v>66</v>
      </c>
      <c r="I1108" s="17" t="s">
        <v>65</v>
      </c>
      <c r="J1108" s="17">
        <v>1</v>
      </c>
      <c r="K1108" s="17"/>
      <c r="L1108" s="17"/>
      <c r="M1108" s="17"/>
      <c r="N1108" s="138"/>
      <c r="O1108" s="98"/>
    </row>
    <row r="1109" spans="1:15" s="99" customFormat="1" hidden="1">
      <c r="A1109" s="10"/>
      <c r="B1109" s="10"/>
      <c r="C1109" s="8"/>
      <c r="D1109" s="10"/>
      <c r="E1109" s="8" t="s">
        <v>277</v>
      </c>
      <c r="F1109" s="8">
        <v>248</v>
      </c>
      <c r="G1109" s="8" t="s">
        <v>276</v>
      </c>
      <c r="H1109" s="8" t="s">
        <v>66</v>
      </c>
      <c r="I1109" s="8" t="s">
        <v>65</v>
      </c>
      <c r="J1109" s="8">
        <v>1</v>
      </c>
      <c r="K1109" s="8" t="s">
        <v>514</v>
      </c>
      <c r="L1109" s="8">
        <v>1</v>
      </c>
      <c r="M1109" s="8">
        <v>1</v>
      </c>
      <c r="N1109" s="72" t="s">
        <v>727</v>
      </c>
      <c r="O1109" s="98"/>
    </row>
    <row r="1110" spans="1:15" s="99" customFormat="1" hidden="1">
      <c r="A1110" s="10"/>
      <c r="B1110" s="10"/>
      <c r="C1110" s="8"/>
      <c r="D1110" s="10"/>
      <c r="E1110" s="8" t="s">
        <v>275</v>
      </c>
      <c r="F1110" s="8">
        <v>1300</v>
      </c>
      <c r="G1110" s="8" t="s">
        <v>274</v>
      </c>
      <c r="H1110" s="8" t="s">
        <v>78</v>
      </c>
      <c r="I1110" s="8" t="s">
        <v>96</v>
      </c>
      <c r="J1110" s="8">
        <v>1</v>
      </c>
      <c r="K1110" s="8" t="s">
        <v>514</v>
      </c>
      <c r="L1110" s="8">
        <v>4</v>
      </c>
      <c r="M1110" s="8">
        <v>4</v>
      </c>
      <c r="N1110" s="72" t="s">
        <v>652</v>
      </c>
      <c r="O1110" s="98"/>
    </row>
    <row r="1111" spans="1:15" s="99" customFormat="1" hidden="1">
      <c r="A1111" s="10"/>
      <c r="B1111" s="10"/>
      <c r="C1111" s="8"/>
      <c r="D1111" s="10"/>
      <c r="E1111" s="8" t="s">
        <v>273</v>
      </c>
      <c r="F1111" s="8">
        <v>559</v>
      </c>
      <c r="G1111" s="8" t="s">
        <v>197</v>
      </c>
      <c r="H1111" s="8" t="s">
        <v>78</v>
      </c>
      <c r="I1111" s="8" t="s">
        <v>71</v>
      </c>
      <c r="J1111" s="8">
        <v>1</v>
      </c>
      <c r="K1111" s="8" t="s">
        <v>514</v>
      </c>
      <c r="L1111" s="8">
        <v>2</v>
      </c>
      <c r="M1111" s="8">
        <v>2</v>
      </c>
      <c r="N1111" s="72" t="s">
        <v>643</v>
      </c>
      <c r="O1111" s="98"/>
    </row>
    <row r="1112" spans="1:15" s="99" customFormat="1" hidden="1">
      <c r="A1112" s="10"/>
      <c r="B1112" s="10"/>
      <c r="C1112" s="8"/>
      <c r="D1112" s="10"/>
      <c r="E1112" s="19" t="s">
        <v>272</v>
      </c>
      <c r="F1112" s="19">
        <v>1301</v>
      </c>
      <c r="G1112" s="19" t="s">
        <v>271</v>
      </c>
      <c r="H1112" s="19" t="s">
        <v>78</v>
      </c>
      <c r="I1112" s="25" t="s">
        <v>96</v>
      </c>
      <c r="J1112" s="19">
        <v>1</v>
      </c>
      <c r="K1112" s="19" t="s">
        <v>509</v>
      </c>
      <c r="L1112" s="19">
        <v>1</v>
      </c>
      <c r="M1112" s="19">
        <v>10</v>
      </c>
      <c r="N1112" s="25"/>
      <c r="O1112" s="98"/>
    </row>
    <row r="1113" spans="1:15" s="99" customFormat="1" hidden="1">
      <c r="A1113" s="10"/>
      <c r="B1113" s="10"/>
      <c r="C1113" s="8"/>
      <c r="D1113" s="10"/>
      <c r="E1113" s="8" t="s">
        <v>270</v>
      </c>
      <c r="F1113" s="8">
        <v>610</v>
      </c>
      <c r="G1113" s="8" t="s">
        <v>269</v>
      </c>
      <c r="H1113" s="8" t="s">
        <v>17</v>
      </c>
      <c r="I1113" s="8" t="s">
        <v>71</v>
      </c>
      <c r="J1113" s="8">
        <v>1</v>
      </c>
      <c r="K1113" s="8" t="s">
        <v>150</v>
      </c>
      <c r="L1113" s="8">
        <v>1</v>
      </c>
      <c r="M1113" s="8">
        <v>15</v>
      </c>
      <c r="N1113" s="72"/>
      <c r="O1113" s="98"/>
    </row>
    <row r="1114" spans="1:15" s="99" customFormat="1" hidden="1">
      <c r="A1114" s="10"/>
      <c r="B1114" s="10"/>
      <c r="C1114" s="8"/>
      <c r="D1114" s="10"/>
      <c r="E1114" s="19" t="s">
        <v>268</v>
      </c>
      <c r="F1114" s="19">
        <v>378</v>
      </c>
      <c r="G1114" s="19" t="s">
        <v>267</v>
      </c>
      <c r="H1114" s="19" t="s">
        <v>78</v>
      </c>
      <c r="I1114" s="19" t="s">
        <v>174</v>
      </c>
      <c r="J1114" s="19">
        <v>1</v>
      </c>
      <c r="K1114" s="19" t="s">
        <v>514</v>
      </c>
      <c r="L1114" s="19">
        <v>1</v>
      </c>
      <c r="M1114" s="19">
        <v>1</v>
      </c>
      <c r="N1114" s="25"/>
      <c r="O1114" s="98"/>
    </row>
    <row r="1115" spans="1:15" s="99" customFormat="1" hidden="1">
      <c r="A1115" s="10"/>
      <c r="B1115" s="10"/>
      <c r="C1115" s="8"/>
      <c r="D1115" s="10"/>
      <c r="E1115" s="19" t="s">
        <v>266</v>
      </c>
      <c r="F1115" s="19">
        <v>332</v>
      </c>
      <c r="G1115" s="19" t="s">
        <v>232</v>
      </c>
      <c r="H1115" s="19" t="s">
        <v>78</v>
      </c>
      <c r="I1115" s="19" t="s">
        <v>174</v>
      </c>
      <c r="J1115" s="19">
        <v>1</v>
      </c>
      <c r="K1115" s="19" t="s">
        <v>438</v>
      </c>
      <c r="L1115" s="19">
        <v>1</v>
      </c>
      <c r="M1115" s="19">
        <v>6</v>
      </c>
      <c r="N1115" s="25"/>
      <c r="O1115" s="98"/>
    </row>
    <row r="1116" spans="1:15" s="99" customFormat="1" hidden="1">
      <c r="A1116" s="10"/>
      <c r="B1116" s="10"/>
      <c r="C1116" s="8"/>
      <c r="D1116" s="10"/>
      <c r="E1116" s="19" t="s">
        <v>265</v>
      </c>
      <c r="F1116" s="19">
        <v>118</v>
      </c>
      <c r="G1116" s="19" t="s">
        <v>264</v>
      </c>
      <c r="H1116" s="19" t="s">
        <v>17</v>
      </c>
      <c r="I1116" s="19" t="s">
        <v>174</v>
      </c>
      <c r="J1116" s="19">
        <v>1</v>
      </c>
      <c r="K1116" s="19" t="s">
        <v>438</v>
      </c>
      <c r="L1116" s="19">
        <v>1</v>
      </c>
      <c r="M1116" s="19">
        <v>9</v>
      </c>
      <c r="N1116" s="25"/>
      <c r="O1116" s="98"/>
    </row>
    <row r="1117" spans="1:15" s="99" customFormat="1" hidden="1">
      <c r="A1117" s="10"/>
      <c r="B1117" s="10"/>
      <c r="C1117" s="8"/>
      <c r="D1117" s="10"/>
      <c r="E1117" s="19" t="s">
        <v>263</v>
      </c>
      <c r="F1117" s="19">
        <v>355</v>
      </c>
      <c r="G1117" s="19" t="s">
        <v>103</v>
      </c>
      <c r="H1117" s="19" t="s">
        <v>78</v>
      </c>
      <c r="I1117" s="19" t="s">
        <v>174</v>
      </c>
      <c r="J1117" s="19">
        <v>1</v>
      </c>
      <c r="K1117" s="19" t="s">
        <v>514</v>
      </c>
      <c r="L1117" s="19">
        <v>2</v>
      </c>
      <c r="M1117" s="19">
        <v>2</v>
      </c>
      <c r="N1117" s="25"/>
      <c r="O1117" s="98"/>
    </row>
    <row r="1118" spans="1:15" s="99" customFormat="1" hidden="1">
      <c r="A1118" s="10"/>
      <c r="B1118" s="10"/>
      <c r="C1118" s="8"/>
      <c r="D1118" s="10"/>
      <c r="E1118" s="19" t="s">
        <v>262</v>
      </c>
      <c r="F1118" s="19">
        <v>380</v>
      </c>
      <c r="G1118" s="19" t="s">
        <v>105</v>
      </c>
      <c r="H1118" s="19" t="s">
        <v>78</v>
      </c>
      <c r="I1118" s="19" t="s">
        <v>174</v>
      </c>
      <c r="J1118" s="19">
        <v>1</v>
      </c>
      <c r="K1118" s="19" t="s">
        <v>438</v>
      </c>
      <c r="L1118" s="19">
        <v>1</v>
      </c>
      <c r="M1118" s="19">
        <v>15</v>
      </c>
      <c r="N1118" s="25"/>
      <c r="O1118" s="98"/>
    </row>
    <row r="1119" spans="1:15" s="99" customFormat="1" hidden="1">
      <c r="A1119" s="10"/>
      <c r="B1119" s="10"/>
      <c r="C1119" s="8"/>
      <c r="D1119" s="10"/>
      <c r="E1119" s="19" t="s">
        <v>261</v>
      </c>
      <c r="F1119" s="19">
        <v>380</v>
      </c>
      <c r="G1119" s="19" t="s">
        <v>105</v>
      </c>
      <c r="H1119" s="19" t="s">
        <v>17</v>
      </c>
      <c r="I1119" s="19" t="s">
        <v>174</v>
      </c>
      <c r="J1119" s="19">
        <v>1</v>
      </c>
      <c r="K1119" s="19" t="s">
        <v>438</v>
      </c>
      <c r="L1119" s="19">
        <v>1</v>
      </c>
      <c r="M1119" s="19">
        <v>15</v>
      </c>
      <c r="N1119" s="25"/>
      <c r="O1119" s="98"/>
    </row>
    <row r="1120" spans="1:15" s="99" customFormat="1" hidden="1">
      <c r="A1120" s="10"/>
      <c r="B1120" s="10"/>
      <c r="C1120" s="8"/>
      <c r="D1120" s="10"/>
      <c r="E1120" s="19" t="s">
        <v>260</v>
      </c>
      <c r="F1120" s="19">
        <v>331</v>
      </c>
      <c r="G1120" s="19" t="s">
        <v>259</v>
      </c>
      <c r="H1120" s="19" t="s">
        <v>17</v>
      </c>
      <c r="I1120" s="19" t="s">
        <v>174</v>
      </c>
      <c r="J1120" s="19">
        <v>1</v>
      </c>
      <c r="K1120" s="19" t="s">
        <v>514</v>
      </c>
      <c r="L1120" s="19">
        <v>2</v>
      </c>
      <c r="M1120" s="19">
        <v>2</v>
      </c>
      <c r="N1120" s="25"/>
      <c r="O1120" s="98"/>
    </row>
    <row r="1121" spans="1:15" s="99" customFormat="1" hidden="1">
      <c r="A1121" s="10"/>
      <c r="B1121" s="10"/>
      <c r="C1121" s="8"/>
      <c r="D1121" s="10"/>
      <c r="E1121" s="8" t="s">
        <v>258</v>
      </c>
      <c r="F1121" s="8">
        <v>127</v>
      </c>
      <c r="G1121" s="8" t="s">
        <v>126</v>
      </c>
      <c r="H1121" s="8" t="s">
        <v>78</v>
      </c>
      <c r="I1121" s="8" t="s">
        <v>174</v>
      </c>
      <c r="J1121" s="8">
        <v>1</v>
      </c>
      <c r="K1121" s="8" t="s">
        <v>509</v>
      </c>
      <c r="L1121" s="8">
        <v>1</v>
      </c>
      <c r="M1121" s="8">
        <v>30</v>
      </c>
      <c r="N1121" s="72"/>
      <c r="O1121" s="98"/>
    </row>
    <row r="1122" spans="1:15" s="99" customFormat="1" hidden="1">
      <c r="A1122" s="10"/>
      <c r="B1122" s="10"/>
      <c r="C1122" s="8"/>
      <c r="D1122" s="10"/>
      <c r="E1122" s="19" t="s">
        <v>257</v>
      </c>
      <c r="F1122" s="19">
        <v>770</v>
      </c>
      <c r="G1122" s="19" t="s">
        <v>256</v>
      </c>
      <c r="H1122" s="19" t="s">
        <v>17</v>
      </c>
      <c r="I1122" s="19" t="s">
        <v>174</v>
      </c>
      <c r="J1122" s="19">
        <v>1</v>
      </c>
      <c r="K1122" s="19" t="s">
        <v>509</v>
      </c>
      <c r="L1122" s="19">
        <v>1</v>
      </c>
      <c r="M1122" s="19">
        <v>20</v>
      </c>
      <c r="N1122" s="25"/>
      <c r="O1122" s="98"/>
    </row>
    <row r="1123" spans="1:15" s="99" customFormat="1" hidden="1">
      <c r="A1123" s="10"/>
      <c r="B1123" s="10"/>
      <c r="C1123" s="8"/>
      <c r="D1123" s="10"/>
      <c r="E1123" s="8" t="s">
        <v>255</v>
      </c>
      <c r="F1123" s="8">
        <v>352</v>
      </c>
      <c r="G1123" s="8" t="s">
        <v>3</v>
      </c>
      <c r="H1123" s="8" t="s">
        <v>78</v>
      </c>
      <c r="I1123" s="8" t="s">
        <v>71</v>
      </c>
      <c r="J1123" s="8">
        <v>1</v>
      </c>
      <c r="K1123" s="8" t="s">
        <v>509</v>
      </c>
      <c r="L1123" s="8">
        <v>1</v>
      </c>
      <c r="M1123" s="8">
        <v>80</v>
      </c>
      <c r="N1123" s="72" t="s">
        <v>653</v>
      </c>
      <c r="O1123" s="98"/>
    </row>
    <row r="1124" spans="1:15" s="99" customFormat="1" hidden="1">
      <c r="A1124" s="10"/>
      <c r="B1124" s="10"/>
      <c r="C1124" s="8"/>
      <c r="D1124" s="10"/>
      <c r="E1124" s="8" t="s">
        <v>254</v>
      </c>
      <c r="F1124" s="8">
        <v>819</v>
      </c>
      <c r="G1124" s="8" t="s">
        <v>253</v>
      </c>
      <c r="H1124" s="8" t="s">
        <v>17</v>
      </c>
      <c r="I1124" s="8" t="s">
        <v>71</v>
      </c>
      <c r="J1124" s="8">
        <v>1</v>
      </c>
      <c r="K1124" s="8" t="s">
        <v>514</v>
      </c>
      <c r="L1124" s="8">
        <v>2</v>
      </c>
      <c r="M1124" s="8">
        <v>3</v>
      </c>
      <c r="N1124" s="70" t="s">
        <v>624</v>
      </c>
      <c r="O1124" s="98"/>
    </row>
    <row r="1125" spans="1:15" s="99" customFormat="1" hidden="1">
      <c r="A1125" s="17"/>
      <c r="B1125" s="17"/>
      <c r="C1125" s="17" t="s">
        <v>252</v>
      </c>
      <c r="D1125" s="139" t="s">
        <v>476</v>
      </c>
      <c r="E1125" s="17"/>
      <c r="F1125" s="17"/>
      <c r="G1125" s="17"/>
      <c r="H1125" s="17" t="s">
        <v>17</v>
      </c>
      <c r="I1125" s="17" t="s">
        <v>71</v>
      </c>
      <c r="J1125" s="17">
        <v>1</v>
      </c>
      <c r="K1125" s="17"/>
      <c r="L1125" s="17"/>
      <c r="M1125" s="17"/>
      <c r="N1125" s="138"/>
      <c r="O1125" s="98"/>
    </row>
    <row r="1126" spans="1:15" s="99" customFormat="1" hidden="1">
      <c r="A1126" s="10"/>
      <c r="B1126" s="10"/>
      <c r="C1126" s="8"/>
      <c r="D1126" s="10"/>
      <c r="E1126" s="8" t="s">
        <v>251</v>
      </c>
      <c r="F1126" s="8">
        <v>98</v>
      </c>
      <c r="G1126" s="8" t="s">
        <v>156</v>
      </c>
      <c r="H1126" s="8" t="s">
        <v>66</v>
      </c>
      <c r="I1126" s="8" t="s">
        <v>65</v>
      </c>
      <c r="J1126" s="8">
        <v>1</v>
      </c>
      <c r="K1126" s="8" t="s">
        <v>514</v>
      </c>
      <c r="L1126" s="8">
        <v>2</v>
      </c>
      <c r="M1126" s="8">
        <v>3</v>
      </c>
      <c r="N1126" s="72" t="s">
        <v>623</v>
      </c>
      <c r="O1126" s="98"/>
    </row>
    <row r="1127" spans="1:15" s="99" customFormat="1" hidden="1">
      <c r="A1127" s="10"/>
      <c r="B1127" s="10"/>
      <c r="C1127" s="8"/>
      <c r="D1127" s="10"/>
      <c r="E1127" s="8" t="s">
        <v>250</v>
      </c>
      <c r="F1127" s="8">
        <v>100</v>
      </c>
      <c r="G1127" s="8" t="s">
        <v>249</v>
      </c>
      <c r="H1127" s="8" t="s">
        <v>66</v>
      </c>
      <c r="I1127" s="8" t="s">
        <v>65</v>
      </c>
      <c r="J1127" s="8">
        <v>1</v>
      </c>
      <c r="K1127" s="8" t="s">
        <v>514</v>
      </c>
      <c r="L1127" s="8">
        <v>3</v>
      </c>
      <c r="M1127" s="8">
        <v>3</v>
      </c>
      <c r="N1127" s="72"/>
      <c r="O1127" s="98"/>
    </row>
    <row r="1128" spans="1:15" s="99" customFormat="1" hidden="1">
      <c r="A1128" s="17" t="s">
        <v>278</v>
      </c>
      <c r="B1128" s="139" t="s">
        <v>524</v>
      </c>
      <c r="C1128" s="17"/>
      <c r="D1128" s="139"/>
      <c r="E1128" s="17"/>
      <c r="F1128" s="17"/>
      <c r="G1128" s="17"/>
      <c r="H1128" s="17" t="s">
        <v>17</v>
      </c>
      <c r="I1128" s="17" t="s">
        <v>71</v>
      </c>
      <c r="J1128" s="17">
        <v>25</v>
      </c>
      <c r="K1128" s="17"/>
      <c r="L1128" s="17"/>
      <c r="M1128" s="17"/>
      <c r="N1128" s="138"/>
      <c r="O1128" s="98"/>
    </row>
    <row r="1129" spans="1:15" s="99" customFormat="1" hidden="1">
      <c r="A1129" s="17"/>
      <c r="B1129" s="17"/>
      <c r="C1129" s="17" t="s">
        <v>278</v>
      </c>
      <c r="D1129" s="139" t="s">
        <v>524</v>
      </c>
      <c r="E1129" s="17"/>
      <c r="F1129" s="17"/>
      <c r="G1129" s="17"/>
      <c r="H1129" s="17" t="s">
        <v>66</v>
      </c>
      <c r="I1129" s="17" t="s">
        <v>65</v>
      </c>
      <c r="J1129" s="17">
        <v>1</v>
      </c>
      <c r="K1129" s="17"/>
      <c r="L1129" s="17"/>
      <c r="M1129" s="17"/>
      <c r="N1129" s="138"/>
      <c r="O1129" s="98"/>
    </row>
    <row r="1130" spans="1:15" s="99" customFormat="1" ht="28" hidden="1">
      <c r="A1130" s="10"/>
      <c r="B1130" s="10"/>
      <c r="C1130" s="8"/>
      <c r="D1130" s="10"/>
      <c r="E1130" s="8" t="s">
        <v>277</v>
      </c>
      <c r="F1130" s="8">
        <v>248</v>
      </c>
      <c r="G1130" s="8" t="s">
        <v>276</v>
      </c>
      <c r="H1130" s="8" t="s">
        <v>66</v>
      </c>
      <c r="I1130" s="8" t="s">
        <v>65</v>
      </c>
      <c r="J1130" s="8">
        <v>1</v>
      </c>
      <c r="K1130" s="8" t="s">
        <v>514</v>
      </c>
      <c r="L1130" s="8">
        <v>1</v>
      </c>
      <c r="M1130" s="8">
        <v>1</v>
      </c>
      <c r="N1130" s="72" t="s">
        <v>728</v>
      </c>
      <c r="O1130" s="98"/>
    </row>
    <row r="1131" spans="1:15" s="99" customFormat="1" hidden="1">
      <c r="A1131" s="10"/>
      <c r="B1131" s="10"/>
      <c r="C1131" s="8"/>
      <c r="D1131" s="10"/>
      <c r="E1131" s="8" t="s">
        <v>275</v>
      </c>
      <c r="F1131" s="8">
        <v>1300</v>
      </c>
      <c r="G1131" s="8" t="s">
        <v>274</v>
      </c>
      <c r="H1131" s="8" t="s">
        <v>78</v>
      </c>
      <c r="I1131" s="8" t="s">
        <v>96</v>
      </c>
      <c r="J1131" s="8">
        <v>1</v>
      </c>
      <c r="K1131" s="8" t="s">
        <v>514</v>
      </c>
      <c r="L1131" s="8">
        <v>4</v>
      </c>
      <c r="M1131" s="8">
        <v>4</v>
      </c>
      <c r="N1131" s="70" t="s">
        <v>624</v>
      </c>
      <c r="O1131" s="98"/>
    </row>
    <row r="1132" spans="1:15" s="99" customFormat="1" hidden="1">
      <c r="A1132" s="10"/>
      <c r="B1132" s="10"/>
      <c r="C1132" s="8"/>
      <c r="D1132" s="10"/>
      <c r="E1132" s="8" t="s">
        <v>273</v>
      </c>
      <c r="F1132" s="8">
        <v>559</v>
      </c>
      <c r="G1132" s="8" t="s">
        <v>197</v>
      </c>
      <c r="H1132" s="8" t="s">
        <v>78</v>
      </c>
      <c r="I1132" s="8" t="s">
        <v>71</v>
      </c>
      <c r="J1132" s="8">
        <v>1</v>
      </c>
      <c r="K1132" s="8" t="s">
        <v>514</v>
      </c>
      <c r="L1132" s="8">
        <v>2</v>
      </c>
      <c r="M1132" s="8">
        <v>2</v>
      </c>
      <c r="N1132" s="72" t="s">
        <v>643</v>
      </c>
      <c r="O1132" s="98"/>
    </row>
    <row r="1133" spans="1:15" s="99" customFormat="1" hidden="1">
      <c r="A1133" s="10"/>
      <c r="B1133" s="10"/>
      <c r="C1133" s="8"/>
      <c r="D1133" s="10"/>
      <c r="E1133" s="19" t="s">
        <v>272</v>
      </c>
      <c r="F1133" s="19">
        <v>1301</v>
      </c>
      <c r="G1133" s="19" t="s">
        <v>271</v>
      </c>
      <c r="H1133" s="19" t="s">
        <v>78</v>
      </c>
      <c r="I1133" s="25" t="s">
        <v>96</v>
      </c>
      <c r="J1133" s="19">
        <v>1</v>
      </c>
      <c r="K1133" s="19" t="s">
        <v>509</v>
      </c>
      <c r="L1133" s="19">
        <v>1</v>
      </c>
      <c r="M1133" s="19">
        <v>10</v>
      </c>
      <c r="N1133" s="25"/>
      <c r="O1133" s="98"/>
    </row>
    <row r="1134" spans="1:15" s="99" customFormat="1" hidden="1">
      <c r="A1134" s="10"/>
      <c r="B1134" s="10"/>
      <c r="C1134" s="8"/>
      <c r="D1134" s="10"/>
      <c r="E1134" s="8" t="s">
        <v>270</v>
      </c>
      <c r="F1134" s="8">
        <v>610</v>
      </c>
      <c r="G1134" s="8" t="s">
        <v>269</v>
      </c>
      <c r="H1134" s="8" t="s">
        <v>17</v>
      </c>
      <c r="I1134" s="8" t="s">
        <v>71</v>
      </c>
      <c r="J1134" s="8">
        <v>1</v>
      </c>
      <c r="K1134" s="8" t="s">
        <v>150</v>
      </c>
      <c r="L1134" s="8">
        <v>1</v>
      </c>
      <c r="M1134" s="8">
        <v>15</v>
      </c>
      <c r="N1134" s="72"/>
      <c r="O1134" s="98"/>
    </row>
    <row r="1135" spans="1:15" s="99" customFormat="1" hidden="1">
      <c r="A1135" s="10"/>
      <c r="B1135" s="10"/>
      <c r="C1135" s="8"/>
      <c r="D1135" s="10"/>
      <c r="E1135" s="8" t="s">
        <v>268</v>
      </c>
      <c r="F1135" s="8">
        <v>378</v>
      </c>
      <c r="G1135" s="8" t="s">
        <v>267</v>
      </c>
      <c r="H1135" s="8" t="s">
        <v>78</v>
      </c>
      <c r="I1135" s="8" t="s">
        <v>71</v>
      </c>
      <c r="J1135" s="8">
        <v>1</v>
      </c>
      <c r="K1135" s="8" t="s">
        <v>514</v>
      </c>
      <c r="L1135" s="8">
        <v>1</v>
      </c>
      <c r="M1135" s="8">
        <v>1</v>
      </c>
      <c r="N1135" s="72" t="s">
        <v>626</v>
      </c>
      <c r="O1135" s="98"/>
    </row>
    <row r="1136" spans="1:15" s="99" customFormat="1" hidden="1">
      <c r="A1136" s="10"/>
      <c r="B1136" s="10"/>
      <c r="C1136" s="8"/>
      <c r="D1136" s="10"/>
      <c r="E1136" s="8" t="s">
        <v>266</v>
      </c>
      <c r="F1136" s="8">
        <v>332</v>
      </c>
      <c r="G1136" s="8" t="s">
        <v>232</v>
      </c>
      <c r="H1136" s="8" t="s">
        <v>78</v>
      </c>
      <c r="I1136" s="8" t="s">
        <v>71</v>
      </c>
      <c r="J1136" s="8">
        <v>1</v>
      </c>
      <c r="K1136" s="8" t="s">
        <v>438</v>
      </c>
      <c r="L1136" s="8">
        <v>1</v>
      </c>
      <c r="M1136" s="8">
        <v>6</v>
      </c>
      <c r="N1136" s="72"/>
      <c r="O1136" s="98"/>
    </row>
    <row r="1137" spans="1:15" s="99" customFormat="1" hidden="1">
      <c r="A1137" s="10"/>
      <c r="B1137" s="10"/>
      <c r="C1137" s="8"/>
      <c r="D1137" s="10"/>
      <c r="E1137" s="19" t="s">
        <v>265</v>
      </c>
      <c r="F1137" s="19">
        <v>118</v>
      </c>
      <c r="G1137" s="19" t="s">
        <v>264</v>
      </c>
      <c r="H1137" s="19" t="s">
        <v>17</v>
      </c>
      <c r="I1137" s="19" t="s">
        <v>174</v>
      </c>
      <c r="J1137" s="19">
        <v>1</v>
      </c>
      <c r="K1137" s="19" t="s">
        <v>438</v>
      </c>
      <c r="L1137" s="19">
        <v>1</v>
      </c>
      <c r="M1137" s="19">
        <v>9</v>
      </c>
      <c r="N1137" s="25"/>
      <c r="O1137" s="98"/>
    </row>
    <row r="1138" spans="1:15" s="99" customFormat="1" hidden="1">
      <c r="A1138" s="10"/>
      <c r="B1138" s="10"/>
      <c r="C1138" s="8"/>
      <c r="D1138" s="10"/>
      <c r="E1138" s="19" t="s">
        <v>263</v>
      </c>
      <c r="F1138" s="19">
        <v>355</v>
      </c>
      <c r="G1138" s="19" t="s">
        <v>103</v>
      </c>
      <c r="H1138" s="19" t="s">
        <v>78</v>
      </c>
      <c r="I1138" s="19" t="s">
        <v>174</v>
      </c>
      <c r="J1138" s="19">
        <v>1</v>
      </c>
      <c r="K1138" s="19" t="s">
        <v>514</v>
      </c>
      <c r="L1138" s="19">
        <v>2</v>
      </c>
      <c r="M1138" s="19">
        <v>2</v>
      </c>
      <c r="N1138" s="25"/>
      <c r="O1138" s="98"/>
    </row>
    <row r="1139" spans="1:15" s="99" customFormat="1" hidden="1">
      <c r="A1139" s="10"/>
      <c r="B1139" s="10"/>
      <c r="C1139" s="8"/>
      <c r="D1139" s="10"/>
      <c r="E1139" s="19" t="s">
        <v>262</v>
      </c>
      <c r="F1139" s="19">
        <v>380</v>
      </c>
      <c r="G1139" s="19" t="s">
        <v>105</v>
      </c>
      <c r="H1139" s="19" t="s">
        <v>78</v>
      </c>
      <c r="I1139" s="19" t="s">
        <v>174</v>
      </c>
      <c r="J1139" s="19">
        <v>1</v>
      </c>
      <c r="K1139" s="19" t="s">
        <v>438</v>
      </c>
      <c r="L1139" s="19">
        <v>1</v>
      </c>
      <c r="M1139" s="19">
        <v>15</v>
      </c>
      <c r="N1139" s="25"/>
      <c r="O1139" s="98"/>
    </row>
    <row r="1140" spans="1:15" s="99" customFormat="1" hidden="1">
      <c r="A1140" s="10"/>
      <c r="B1140" s="10"/>
      <c r="C1140" s="8"/>
      <c r="D1140" s="10"/>
      <c r="E1140" s="19" t="s">
        <v>261</v>
      </c>
      <c r="F1140" s="19">
        <v>380</v>
      </c>
      <c r="G1140" s="19" t="s">
        <v>105</v>
      </c>
      <c r="H1140" s="19" t="s">
        <v>17</v>
      </c>
      <c r="I1140" s="19" t="s">
        <v>174</v>
      </c>
      <c r="J1140" s="19">
        <v>1</v>
      </c>
      <c r="K1140" s="19" t="s">
        <v>438</v>
      </c>
      <c r="L1140" s="19">
        <v>1</v>
      </c>
      <c r="M1140" s="19">
        <v>15</v>
      </c>
      <c r="N1140" s="25"/>
      <c r="O1140" s="98"/>
    </row>
    <row r="1141" spans="1:15" s="99" customFormat="1" hidden="1">
      <c r="A1141" s="10"/>
      <c r="B1141" s="10"/>
      <c r="C1141" s="8"/>
      <c r="D1141" s="10"/>
      <c r="E1141" s="19" t="s">
        <v>260</v>
      </c>
      <c r="F1141" s="19">
        <v>331</v>
      </c>
      <c r="G1141" s="19" t="s">
        <v>259</v>
      </c>
      <c r="H1141" s="19" t="s">
        <v>17</v>
      </c>
      <c r="I1141" s="19" t="s">
        <v>174</v>
      </c>
      <c r="J1141" s="19">
        <v>1</v>
      </c>
      <c r="K1141" s="19" t="s">
        <v>514</v>
      </c>
      <c r="L1141" s="19">
        <v>2</v>
      </c>
      <c r="M1141" s="19">
        <v>2</v>
      </c>
      <c r="N1141" s="25"/>
      <c r="O1141" s="98"/>
    </row>
    <row r="1142" spans="1:15" s="99" customFormat="1" hidden="1">
      <c r="A1142" s="10"/>
      <c r="B1142" s="10"/>
      <c r="C1142" s="8"/>
      <c r="D1142" s="10"/>
      <c r="E1142" s="8" t="s">
        <v>258</v>
      </c>
      <c r="F1142" s="8">
        <v>127</v>
      </c>
      <c r="G1142" s="8" t="s">
        <v>126</v>
      </c>
      <c r="H1142" s="8" t="s">
        <v>78</v>
      </c>
      <c r="I1142" s="8" t="s">
        <v>71</v>
      </c>
      <c r="J1142" s="8">
        <v>1</v>
      </c>
      <c r="K1142" s="8" t="s">
        <v>509</v>
      </c>
      <c r="L1142" s="8">
        <v>1</v>
      </c>
      <c r="M1142" s="8">
        <v>30</v>
      </c>
      <c r="N1142" s="72" t="s">
        <v>655</v>
      </c>
      <c r="O1142" s="98"/>
    </row>
    <row r="1143" spans="1:15" s="99" customFormat="1" hidden="1">
      <c r="A1143" s="10"/>
      <c r="B1143" s="10"/>
      <c r="C1143" s="8"/>
      <c r="D1143" s="10"/>
      <c r="E1143" s="8" t="s">
        <v>257</v>
      </c>
      <c r="F1143" s="8">
        <v>770</v>
      </c>
      <c r="G1143" s="8" t="s">
        <v>256</v>
      </c>
      <c r="H1143" s="8" t="s">
        <v>17</v>
      </c>
      <c r="I1143" s="8" t="s">
        <v>71</v>
      </c>
      <c r="J1143" s="8">
        <v>1</v>
      </c>
      <c r="K1143" s="8" t="s">
        <v>509</v>
      </c>
      <c r="L1143" s="8">
        <v>1</v>
      </c>
      <c r="M1143" s="8">
        <v>20</v>
      </c>
      <c r="N1143" s="70" t="s">
        <v>624</v>
      </c>
      <c r="O1143" s="98"/>
    </row>
    <row r="1144" spans="1:15" s="99" customFormat="1" hidden="1">
      <c r="A1144" s="10"/>
      <c r="B1144" s="10"/>
      <c r="C1144" s="8"/>
      <c r="D1144" s="10"/>
      <c r="E1144" s="8" t="s">
        <v>255</v>
      </c>
      <c r="F1144" s="8">
        <v>352</v>
      </c>
      <c r="G1144" s="8" t="s">
        <v>3</v>
      </c>
      <c r="H1144" s="8" t="s">
        <v>78</v>
      </c>
      <c r="I1144" s="8" t="s">
        <v>71</v>
      </c>
      <c r="J1144" s="8">
        <v>1</v>
      </c>
      <c r="K1144" s="8" t="s">
        <v>509</v>
      </c>
      <c r="L1144" s="8">
        <v>1</v>
      </c>
      <c r="M1144" s="8">
        <v>80</v>
      </c>
      <c r="N1144" s="72"/>
      <c r="O1144" s="98"/>
    </row>
    <row r="1145" spans="1:15" s="99" customFormat="1" hidden="1">
      <c r="A1145" s="10"/>
      <c r="B1145" s="10"/>
      <c r="C1145" s="8"/>
      <c r="D1145" s="10"/>
      <c r="E1145" s="8" t="s">
        <v>254</v>
      </c>
      <c r="F1145" s="8">
        <v>819</v>
      </c>
      <c r="G1145" s="8" t="s">
        <v>253</v>
      </c>
      <c r="H1145" s="8" t="s">
        <v>17</v>
      </c>
      <c r="I1145" s="8" t="s">
        <v>71</v>
      </c>
      <c r="J1145" s="8">
        <v>1</v>
      </c>
      <c r="K1145" s="8" t="s">
        <v>514</v>
      </c>
      <c r="L1145" s="8">
        <v>2</v>
      </c>
      <c r="M1145" s="8">
        <v>3</v>
      </c>
      <c r="N1145" s="70" t="s">
        <v>624</v>
      </c>
      <c r="O1145" s="98"/>
    </row>
    <row r="1146" spans="1:15" s="99" customFormat="1" hidden="1">
      <c r="A1146" s="17"/>
      <c r="B1146" s="17"/>
      <c r="C1146" s="17" t="s">
        <v>252</v>
      </c>
      <c r="D1146" s="139" t="s">
        <v>476</v>
      </c>
      <c r="E1146" s="17"/>
      <c r="F1146" s="17"/>
      <c r="G1146" s="17"/>
      <c r="H1146" s="17" t="s">
        <v>17</v>
      </c>
      <c r="I1146" s="17" t="s">
        <v>71</v>
      </c>
      <c r="J1146" s="17">
        <v>1</v>
      </c>
      <c r="K1146" s="17"/>
      <c r="L1146" s="17"/>
      <c r="M1146" s="17"/>
      <c r="N1146" s="138"/>
      <c r="O1146" s="98"/>
    </row>
    <row r="1147" spans="1:15" s="99" customFormat="1" hidden="1">
      <c r="A1147" s="10"/>
      <c r="B1147" s="10"/>
      <c r="C1147" s="8"/>
      <c r="D1147" s="10"/>
      <c r="E1147" s="8" t="s">
        <v>251</v>
      </c>
      <c r="F1147" s="8">
        <v>98</v>
      </c>
      <c r="G1147" s="8" t="s">
        <v>156</v>
      </c>
      <c r="H1147" s="8" t="s">
        <v>66</v>
      </c>
      <c r="I1147" s="8" t="s">
        <v>65</v>
      </c>
      <c r="J1147" s="8">
        <v>1</v>
      </c>
      <c r="K1147" s="8" t="s">
        <v>514</v>
      </c>
      <c r="L1147" s="8">
        <v>2</v>
      </c>
      <c r="M1147" s="8">
        <v>3</v>
      </c>
      <c r="N1147" s="72" t="s">
        <v>623</v>
      </c>
      <c r="O1147" s="98"/>
    </row>
    <row r="1148" spans="1:15" s="99" customFormat="1" hidden="1">
      <c r="A1148" s="10"/>
      <c r="B1148" s="10"/>
      <c r="C1148" s="8"/>
      <c r="D1148" s="10"/>
      <c r="E1148" s="8" t="s">
        <v>250</v>
      </c>
      <c r="F1148" s="8">
        <v>100</v>
      </c>
      <c r="G1148" s="8" t="s">
        <v>249</v>
      </c>
      <c r="H1148" s="8" t="s">
        <v>66</v>
      </c>
      <c r="I1148" s="8" t="s">
        <v>65</v>
      </c>
      <c r="J1148" s="8">
        <v>1</v>
      </c>
      <c r="K1148" s="8" t="s">
        <v>514</v>
      </c>
      <c r="L1148" s="8">
        <v>3</v>
      </c>
      <c r="M1148" s="8">
        <v>3</v>
      </c>
      <c r="N1148" s="72"/>
      <c r="O1148" s="98"/>
    </row>
    <row r="1149" spans="1:15" s="99" customFormat="1" hidden="1">
      <c r="A1149" s="10"/>
      <c r="B1149" s="10"/>
      <c r="C1149" s="8"/>
      <c r="D1149" s="10"/>
      <c r="E1149" s="19" t="s">
        <v>290</v>
      </c>
      <c r="F1149" s="19">
        <v>280</v>
      </c>
      <c r="G1149" s="19" t="s">
        <v>289</v>
      </c>
      <c r="H1149" s="19" t="s">
        <v>17</v>
      </c>
      <c r="I1149" s="19" t="s">
        <v>96</v>
      </c>
      <c r="J1149" s="19">
        <v>1</v>
      </c>
      <c r="K1149" s="19" t="s">
        <v>438</v>
      </c>
      <c r="L1149" s="19">
        <v>4</v>
      </c>
      <c r="M1149" s="19">
        <v>10</v>
      </c>
      <c r="N1149" s="25"/>
      <c r="O1149" s="98"/>
    </row>
    <row r="1150" spans="1:15" s="99" customFormat="1" hidden="1">
      <c r="A1150" s="10"/>
      <c r="B1150" s="10"/>
      <c r="C1150" s="8"/>
      <c r="D1150" s="10"/>
      <c r="E1150" s="19" t="s">
        <v>288</v>
      </c>
      <c r="F1150" s="19">
        <v>98</v>
      </c>
      <c r="G1150" s="19" t="s">
        <v>156</v>
      </c>
      <c r="H1150" s="19" t="s">
        <v>17</v>
      </c>
      <c r="I1150" s="19" t="s">
        <v>96</v>
      </c>
      <c r="J1150" s="19">
        <v>1</v>
      </c>
      <c r="K1150" s="19" t="s">
        <v>514</v>
      </c>
      <c r="L1150" s="19">
        <v>2</v>
      </c>
      <c r="M1150" s="19">
        <v>3</v>
      </c>
      <c r="N1150" s="25"/>
      <c r="O1150" s="98"/>
    </row>
    <row r="1151" spans="1:15" s="99" customFormat="1" hidden="1">
      <c r="A1151" s="10"/>
      <c r="B1151" s="10"/>
      <c r="C1151" s="8"/>
      <c r="D1151" s="10"/>
      <c r="E1151" s="19" t="s">
        <v>287</v>
      </c>
      <c r="F1151" s="19">
        <v>100</v>
      </c>
      <c r="G1151" s="19" t="s">
        <v>249</v>
      </c>
      <c r="H1151" s="19" t="s">
        <v>17</v>
      </c>
      <c r="I1151" s="19" t="s">
        <v>96</v>
      </c>
      <c r="J1151" s="19">
        <v>1</v>
      </c>
      <c r="K1151" s="19" t="s">
        <v>514</v>
      </c>
      <c r="L1151" s="19">
        <v>3</v>
      </c>
      <c r="M1151" s="19">
        <v>3</v>
      </c>
      <c r="N1151" s="25"/>
      <c r="O1151" s="98"/>
    </row>
    <row r="1152" spans="1:15" s="99" customFormat="1" hidden="1">
      <c r="A1152" s="10"/>
      <c r="B1152" s="10"/>
      <c r="C1152" s="8"/>
      <c r="D1152" s="10"/>
      <c r="E1152" s="19" t="s">
        <v>286</v>
      </c>
      <c r="F1152" s="19">
        <v>669</v>
      </c>
      <c r="G1152" s="19" t="s">
        <v>285</v>
      </c>
      <c r="H1152" s="19" t="s">
        <v>17</v>
      </c>
      <c r="I1152" s="19" t="s">
        <v>96</v>
      </c>
      <c r="J1152" s="19">
        <v>1</v>
      </c>
      <c r="K1152" s="19" t="s">
        <v>514</v>
      </c>
      <c r="L1152" s="19">
        <v>3</v>
      </c>
      <c r="M1152" s="19">
        <v>3</v>
      </c>
      <c r="N1152" s="25"/>
      <c r="O1152" s="98"/>
    </row>
    <row r="1153" spans="1:15" s="99" customFormat="1" hidden="1">
      <c r="A1153" s="10"/>
      <c r="B1153" s="10"/>
      <c r="C1153" s="8"/>
      <c r="D1153" s="10"/>
      <c r="E1153" s="8" t="s">
        <v>284</v>
      </c>
      <c r="F1153" s="8">
        <v>374</v>
      </c>
      <c r="G1153" s="8" t="s">
        <v>82</v>
      </c>
      <c r="H1153" s="8" t="s">
        <v>78</v>
      </c>
      <c r="I1153" s="8" t="s">
        <v>71</v>
      </c>
      <c r="J1153" s="8">
        <v>1</v>
      </c>
      <c r="K1153" s="8" t="s">
        <v>514</v>
      </c>
      <c r="L1153" s="8">
        <v>3</v>
      </c>
      <c r="M1153" s="8">
        <v>3</v>
      </c>
      <c r="N1153" s="72" t="s">
        <v>656</v>
      </c>
      <c r="O1153" s="98"/>
    </row>
    <row r="1154" spans="1:15" s="99" customFormat="1" hidden="1">
      <c r="A1154" s="10"/>
      <c r="B1154" s="10"/>
      <c r="C1154" s="8"/>
      <c r="D1154" s="10"/>
      <c r="E1154" s="8" t="s">
        <v>283</v>
      </c>
      <c r="F1154" s="8">
        <v>373</v>
      </c>
      <c r="G1154" s="8" t="s">
        <v>1</v>
      </c>
      <c r="H1154" s="8" t="s">
        <v>17</v>
      </c>
      <c r="I1154" s="8" t="s">
        <v>71</v>
      </c>
      <c r="J1154" s="8">
        <v>1</v>
      </c>
      <c r="K1154" s="8" t="s">
        <v>519</v>
      </c>
      <c r="L1154" s="8">
        <v>8</v>
      </c>
      <c r="M1154" s="8">
        <v>8</v>
      </c>
      <c r="N1154" s="72"/>
      <c r="O1154" s="98"/>
    </row>
    <row r="1155" spans="1:15" s="99" customFormat="1" hidden="1">
      <c r="A1155" s="10"/>
      <c r="B1155" s="10"/>
      <c r="C1155" s="8"/>
      <c r="D1155" s="10"/>
      <c r="E1155" s="8" t="s">
        <v>282</v>
      </c>
      <c r="F1155" s="8">
        <v>337</v>
      </c>
      <c r="G1155" s="8" t="s">
        <v>79</v>
      </c>
      <c r="H1155" s="8" t="s">
        <v>17</v>
      </c>
      <c r="I1155" s="8" t="s">
        <v>71</v>
      </c>
      <c r="J1155" s="8">
        <v>1</v>
      </c>
      <c r="K1155" s="8" t="s">
        <v>518</v>
      </c>
      <c r="L1155" s="8">
        <v>4</v>
      </c>
      <c r="M1155" s="8">
        <v>8</v>
      </c>
      <c r="N1155" s="72"/>
      <c r="O1155" s="98"/>
    </row>
    <row r="1156" spans="1:15" s="99" customFormat="1" hidden="1">
      <c r="A1156" s="10"/>
      <c r="B1156" s="10"/>
      <c r="C1156" s="8"/>
      <c r="D1156" s="10"/>
      <c r="E1156" s="8" t="s">
        <v>281</v>
      </c>
      <c r="F1156" s="8">
        <v>374</v>
      </c>
      <c r="G1156" s="8" t="s">
        <v>82</v>
      </c>
      <c r="H1156" s="8" t="s">
        <v>78</v>
      </c>
      <c r="I1156" s="8" t="s">
        <v>71</v>
      </c>
      <c r="J1156" s="8">
        <v>1</v>
      </c>
      <c r="K1156" s="8" t="s">
        <v>514</v>
      </c>
      <c r="L1156" s="8">
        <v>3</v>
      </c>
      <c r="M1156" s="8">
        <v>3</v>
      </c>
      <c r="N1156" s="72" t="s">
        <v>657</v>
      </c>
      <c r="O1156" s="98"/>
    </row>
    <row r="1157" spans="1:15" s="99" customFormat="1" hidden="1">
      <c r="A1157" s="10"/>
      <c r="B1157" s="10"/>
      <c r="C1157" s="8"/>
      <c r="D1157" s="10"/>
      <c r="E1157" s="8" t="s">
        <v>280</v>
      </c>
      <c r="F1157" s="8">
        <v>373</v>
      </c>
      <c r="G1157" s="8" t="s">
        <v>1</v>
      </c>
      <c r="H1157" s="8" t="s">
        <v>78</v>
      </c>
      <c r="I1157" s="8" t="s">
        <v>71</v>
      </c>
      <c r="J1157" s="8">
        <v>1</v>
      </c>
      <c r="K1157" s="8" t="s">
        <v>519</v>
      </c>
      <c r="L1157" s="8">
        <v>8</v>
      </c>
      <c r="M1157" s="8">
        <v>8</v>
      </c>
      <c r="N1157" s="72"/>
      <c r="O1157" s="98"/>
    </row>
    <row r="1158" spans="1:15" s="99" customFormat="1" hidden="1">
      <c r="A1158" s="10"/>
      <c r="B1158" s="10"/>
      <c r="C1158" s="8"/>
      <c r="D1158" s="10"/>
      <c r="E1158" s="8" t="s">
        <v>279</v>
      </c>
      <c r="F1158" s="8">
        <v>337</v>
      </c>
      <c r="G1158" s="8" t="s">
        <v>79</v>
      </c>
      <c r="H1158" s="8" t="s">
        <v>78</v>
      </c>
      <c r="I1158" s="8" t="s">
        <v>71</v>
      </c>
      <c r="J1158" s="8">
        <v>1</v>
      </c>
      <c r="K1158" s="8" t="s">
        <v>518</v>
      </c>
      <c r="L1158" s="8">
        <v>4</v>
      </c>
      <c r="M1158" s="8">
        <v>8</v>
      </c>
      <c r="N1158" s="72"/>
      <c r="O1158" s="98"/>
    </row>
    <row r="1159" spans="1:15" s="99" customFormat="1" hidden="1">
      <c r="A1159" s="17" t="s">
        <v>278</v>
      </c>
      <c r="B1159" s="139" t="s">
        <v>524</v>
      </c>
      <c r="C1159" s="17"/>
      <c r="D1159" s="139"/>
      <c r="E1159" s="17"/>
      <c r="F1159" s="17"/>
      <c r="G1159" s="17"/>
      <c r="H1159" s="17" t="s">
        <v>17</v>
      </c>
      <c r="I1159" s="17" t="s">
        <v>71</v>
      </c>
      <c r="J1159" s="17">
        <v>25</v>
      </c>
      <c r="K1159" s="17"/>
      <c r="L1159" s="17"/>
      <c r="M1159" s="17"/>
      <c r="N1159" s="138"/>
      <c r="O1159" s="98"/>
    </row>
    <row r="1160" spans="1:15" s="99" customFormat="1" hidden="1">
      <c r="A1160" s="17"/>
      <c r="B1160" s="17"/>
      <c r="C1160" s="17" t="s">
        <v>278</v>
      </c>
      <c r="D1160" s="139" t="s">
        <v>524</v>
      </c>
      <c r="E1160" s="17"/>
      <c r="F1160" s="17"/>
      <c r="G1160" s="17"/>
      <c r="H1160" s="17" t="s">
        <v>66</v>
      </c>
      <c r="I1160" s="17" t="s">
        <v>65</v>
      </c>
      <c r="J1160" s="17">
        <v>1</v>
      </c>
      <c r="K1160" s="17"/>
      <c r="L1160" s="17"/>
      <c r="M1160" s="17"/>
      <c r="N1160" s="138"/>
      <c r="O1160" s="98"/>
    </row>
    <row r="1161" spans="1:15" s="99" customFormat="1" hidden="1">
      <c r="A1161" s="10"/>
      <c r="B1161" s="10"/>
      <c r="C1161" s="8"/>
      <c r="D1161" s="10"/>
      <c r="E1161" s="8" t="s">
        <v>277</v>
      </c>
      <c r="F1161" s="8">
        <v>248</v>
      </c>
      <c r="G1161" s="8" t="s">
        <v>276</v>
      </c>
      <c r="H1161" s="8" t="s">
        <v>66</v>
      </c>
      <c r="I1161" s="8" t="s">
        <v>65</v>
      </c>
      <c r="J1161" s="8">
        <v>1</v>
      </c>
      <c r="K1161" s="8" t="s">
        <v>514</v>
      </c>
      <c r="L1161" s="8">
        <v>1</v>
      </c>
      <c r="M1161" s="8">
        <v>1</v>
      </c>
      <c r="N1161" s="72" t="s">
        <v>651</v>
      </c>
      <c r="O1161" s="98"/>
    </row>
    <row r="1162" spans="1:15" s="99" customFormat="1" hidden="1">
      <c r="A1162" s="10"/>
      <c r="B1162" s="10"/>
      <c r="C1162" s="8"/>
      <c r="D1162" s="10"/>
      <c r="E1162" s="8" t="s">
        <v>275</v>
      </c>
      <c r="F1162" s="8">
        <v>1300</v>
      </c>
      <c r="G1162" s="8" t="s">
        <v>274</v>
      </c>
      <c r="H1162" s="8" t="s">
        <v>78</v>
      </c>
      <c r="I1162" s="8" t="s">
        <v>71</v>
      </c>
      <c r="J1162" s="8">
        <v>1</v>
      </c>
      <c r="K1162" s="8" t="s">
        <v>514</v>
      </c>
      <c r="L1162" s="8">
        <v>4</v>
      </c>
      <c r="M1162" s="8">
        <v>4</v>
      </c>
      <c r="N1162" s="72" t="s">
        <v>729</v>
      </c>
      <c r="O1162" s="98"/>
    </row>
    <row r="1163" spans="1:15" s="99" customFormat="1" hidden="1">
      <c r="A1163" s="10"/>
      <c r="B1163" s="10"/>
      <c r="C1163" s="8"/>
      <c r="D1163" s="10"/>
      <c r="E1163" s="19" t="s">
        <v>273</v>
      </c>
      <c r="F1163" s="19">
        <v>559</v>
      </c>
      <c r="G1163" s="19" t="s">
        <v>197</v>
      </c>
      <c r="H1163" s="19" t="s">
        <v>78</v>
      </c>
      <c r="I1163" s="19" t="s">
        <v>174</v>
      </c>
      <c r="J1163" s="19">
        <v>1</v>
      </c>
      <c r="K1163" s="19" t="s">
        <v>514</v>
      </c>
      <c r="L1163" s="19">
        <v>2</v>
      </c>
      <c r="M1163" s="19">
        <v>2</v>
      </c>
      <c r="N1163" s="25"/>
      <c r="O1163" s="98"/>
    </row>
    <row r="1164" spans="1:15" s="99" customFormat="1" hidden="1">
      <c r="A1164" s="10"/>
      <c r="B1164" s="10"/>
      <c r="C1164" s="8"/>
      <c r="D1164" s="10"/>
      <c r="E1164" s="19" t="s">
        <v>272</v>
      </c>
      <c r="F1164" s="19">
        <v>1301</v>
      </c>
      <c r="G1164" s="19" t="s">
        <v>271</v>
      </c>
      <c r="H1164" s="19" t="s">
        <v>78</v>
      </c>
      <c r="I1164" s="19" t="s">
        <v>174</v>
      </c>
      <c r="J1164" s="19">
        <v>1</v>
      </c>
      <c r="K1164" s="19" t="s">
        <v>509</v>
      </c>
      <c r="L1164" s="19">
        <v>1</v>
      </c>
      <c r="M1164" s="19">
        <v>10</v>
      </c>
      <c r="N1164" s="25"/>
      <c r="O1164" s="98"/>
    </row>
    <row r="1165" spans="1:15" s="99" customFormat="1" hidden="1">
      <c r="A1165" s="10"/>
      <c r="B1165" s="10"/>
      <c r="C1165" s="8"/>
      <c r="D1165" s="10"/>
      <c r="E1165" s="8" t="s">
        <v>270</v>
      </c>
      <c r="F1165" s="8">
        <v>610</v>
      </c>
      <c r="G1165" s="8" t="s">
        <v>269</v>
      </c>
      <c r="H1165" s="8" t="s">
        <v>17</v>
      </c>
      <c r="I1165" s="8" t="s">
        <v>71</v>
      </c>
      <c r="J1165" s="8">
        <v>1</v>
      </c>
      <c r="K1165" s="8" t="s">
        <v>150</v>
      </c>
      <c r="L1165" s="8">
        <v>1</v>
      </c>
      <c r="M1165" s="8">
        <v>15</v>
      </c>
      <c r="N1165" s="72"/>
      <c r="O1165" s="98"/>
    </row>
    <row r="1166" spans="1:15" s="99" customFormat="1" hidden="1">
      <c r="A1166" s="10"/>
      <c r="B1166" s="10"/>
      <c r="C1166" s="8"/>
      <c r="D1166" s="10"/>
      <c r="E1166" s="19" t="s">
        <v>268</v>
      </c>
      <c r="F1166" s="19">
        <v>378</v>
      </c>
      <c r="G1166" s="19" t="s">
        <v>267</v>
      </c>
      <c r="H1166" s="19" t="s">
        <v>78</v>
      </c>
      <c r="I1166" s="19" t="s">
        <v>174</v>
      </c>
      <c r="J1166" s="19">
        <v>1</v>
      </c>
      <c r="K1166" s="19" t="s">
        <v>514</v>
      </c>
      <c r="L1166" s="19">
        <v>1</v>
      </c>
      <c r="M1166" s="19">
        <v>1</v>
      </c>
      <c r="N1166" s="25"/>
      <c r="O1166" s="98"/>
    </row>
    <row r="1167" spans="1:15" s="99" customFormat="1" hidden="1">
      <c r="A1167" s="10"/>
      <c r="B1167" s="10"/>
      <c r="C1167" s="8"/>
      <c r="D1167" s="10"/>
      <c r="E1167" s="19" t="s">
        <v>266</v>
      </c>
      <c r="F1167" s="19">
        <v>332</v>
      </c>
      <c r="G1167" s="19" t="s">
        <v>232</v>
      </c>
      <c r="H1167" s="19" t="s">
        <v>78</v>
      </c>
      <c r="I1167" s="19" t="s">
        <v>174</v>
      </c>
      <c r="J1167" s="19">
        <v>1</v>
      </c>
      <c r="K1167" s="19" t="s">
        <v>438</v>
      </c>
      <c r="L1167" s="19">
        <v>1</v>
      </c>
      <c r="M1167" s="19">
        <v>6</v>
      </c>
      <c r="N1167" s="25"/>
      <c r="O1167" s="98"/>
    </row>
    <row r="1168" spans="1:15" s="99" customFormat="1" hidden="1">
      <c r="A1168" s="10"/>
      <c r="B1168" s="10"/>
      <c r="C1168" s="8"/>
      <c r="D1168" s="10"/>
      <c r="E1168" s="19" t="s">
        <v>265</v>
      </c>
      <c r="F1168" s="19">
        <v>118</v>
      </c>
      <c r="G1168" s="19" t="s">
        <v>264</v>
      </c>
      <c r="H1168" s="19" t="s">
        <v>17</v>
      </c>
      <c r="I1168" s="19" t="s">
        <v>174</v>
      </c>
      <c r="J1168" s="19">
        <v>1</v>
      </c>
      <c r="K1168" s="19" t="s">
        <v>438</v>
      </c>
      <c r="L1168" s="19">
        <v>1</v>
      </c>
      <c r="M1168" s="19">
        <v>9</v>
      </c>
      <c r="N1168" s="25"/>
      <c r="O1168" s="98"/>
    </row>
    <row r="1169" spans="1:16" s="99" customFormat="1" hidden="1">
      <c r="A1169" s="10"/>
      <c r="B1169" s="10"/>
      <c r="C1169" s="8"/>
      <c r="D1169" s="10"/>
      <c r="E1169" s="19" t="s">
        <v>263</v>
      </c>
      <c r="F1169" s="19">
        <v>355</v>
      </c>
      <c r="G1169" s="19" t="s">
        <v>103</v>
      </c>
      <c r="H1169" s="19" t="s">
        <v>78</v>
      </c>
      <c r="I1169" s="19" t="s">
        <v>174</v>
      </c>
      <c r="J1169" s="19">
        <v>1</v>
      </c>
      <c r="K1169" s="19" t="s">
        <v>514</v>
      </c>
      <c r="L1169" s="19">
        <v>2</v>
      </c>
      <c r="M1169" s="19">
        <v>2</v>
      </c>
      <c r="N1169" s="25"/>
      <c r="O1169" s="98"/>
    </row>
    <row r="1170" spans="1:16" s="99" customFormat="1" hidden="1">
      <c r="A1170" s="10"/>
      <c r="B1170" s="10"/>
      <c r="C1170" s="8"/>
      <c r="D1170" s="10"/>
      <c r="E1170" s="19" t="s">
        <v>262</v>
      </c>
      <c r="F1170" s="19">
        <v>380</v>
      </c>
      <c r="G1170" s="19" t="s">
        <v>105</v>
      </c>
      <c r="H1170" s="19" t="s">
        <v>78</v>
      </c>
      <c r="I1170" s="19" t="s">
        <v>174</v>
      </c>
      <c r="J1170" s="19">
        <v>1</v>
      </c>
      <c r="K1170" s="19" t="s">
        <v>438</v>
      </c>
      <c r="L1170" s="19">
        <v>1</v>
      </c>
      <c r="M1170" s="19">
        <v>15</v>
      </c>
      <c r="N1170" s="25"/>
      <c r="O1170" s="98"/>
    </row>
    <row r="1171" spans="1:16" s="99" customFormat="1" hidden="1">
      <c r="A1171" s="10"/>
      <c r="B1171" s="10"/>
      <c r="C1171" s="8"/>
      <c r="D1171" s="10"/>
      <c r="E1171" s="19" t="s">
        <v>261</v>
      </c>
      <c r="F1171" s="19">
        <v>380</v>
      </c>
      <c r="G1171" s="19" t="s">
        <v>105</v>
      </c>
      <c r="H1171" s="19" t="s">
        <v>17</v>
      </c>
      <c r="I1171" s="19" t="s">
        <v>174</v>
      </c>
      <c r="J1171" s="19">
        <v>1</v>
      </c>
      <c r="K1171" s="19" t="s">
        <v>438</v>
      </c>
      <c r="L1171" s="19">
        <v>1</v>
      </c>
      <c r="M1171" s="19">
        <v>15</v>
      </c>
      <c r="N1171" s="25"/>
      <c r="O1171" s="98"/>
    </row>
    <row r="1172" spans="1:16" s="99" customFormat="1" hidden="1">
      <c r="A1172" s="10"/>
      <c r="B1172" s="10"/>
      <c r="C1172" s="8"/>
      <c r="D1172" s="10"/>
      <c r="E1172" s="19" t="s">
        <v>260</v>
      </c>
      <c r="F1172" s="19">
        <v>331</v>
      </c>
      <c r="G1172" s="19" t="s">
        <v>259</v>
      </c>
      <c r="H1172" s="19" t="s">
        <v>17</v>
      </c>
      <c r="I1172" s="19" t="s">
        <v>174</v>
      </c>
      <c r="J1172" s="19">
        <v>1</v>
      </c>
      <c r="K1172" s="19" t="s">
        <v>514</v>
      </c>
      <c r="L1172" s="19">
        <v>2</v>
      </c>
      <c r="M1172" s="19">
        <v>2</v>
      </c>
      <c r="N1172" s="25"/>
      <c r="O1172" s="98"/>
    </row>
    <row r="1173" spans="1:16" s="99" customFormat="1" hidden="1">
      <c r="A1173" s="10"/>
      <c r="B1173" s="10"/>
      <c r="C1173" s="8"/>
      <c r="D1173" s="10"/>
      <c r="E1173" s="8" t="s">
        <v>258</v>
      </c>
      <c r="F1173" s="8">
        <v>127</v>
      </c>
      <c r="G1173" s="8" t="s">
        <v>126</v>
      </c>
      <c r="H1173" s="8" t="s">
        <v>78</v>
      </c>
      <c r="I1173" s="8" t="s">
        <v>71</v>
      </c>
      <c r="J1173" s="8">
        <v>1</v>
      </c>
      <c r="K1173" s="8" t="s">
        <v>509</v>
      </c>
      <c r="L1173" s="8">
        <v>1</v>
      </c>
      <c r="M1173" s="8">
        <v>30</v>
      </c>
      <c r="N1173" s="72"/>
      <c r="O1173" s="98"/>
    </row>
    <row r="1174" spans="1:16" s="99" customFormat="1" hidden="1">
      <c r="A1174" s="10"/>
      <c r="B1174" s="10"/>
      <c r="C1174" s="8"/>
      <c r="D1174" s="10"/>
      <c r="E1174" s="8" t="s">
        <v>257</v>
      </c>
      <c r="F1174" s="8">
        <v>770</v>
      </c>
      <c r="G1174" s="8" t="s">
        <v>256</v>
      </c>
      <c r="H1174" s="8" t="s">
        <v>17</v>
      </c>
      <c r="I1174" s="8" t="s">
        <v>71</v>
      </c>
      <c r="J1174" s="8">
        <v>1</v>
      </c>
      <c r="K1174" s="8" t="s">
        <v>509</v>
      </c>
      <c r="L1174" s="8">
        <v>1</v>
      </c>
      <c r="M1174" s="8">
        <v>20</v>
      </c>
      <c r="N1174" s="72"/>
      <c r="O1174" s="98"/>
    </row>
    <row r="1175" spans="1:16" hidden="1">
      <c r="E1175" s="8" t="s">
        <v>255</v>
      </c>
      <c r="F1175" s="8">
        <v>352</v>
      </c>
      <c r="G1175" s="8" t="s">
        <v>3</v>
      </c>
      <c r="H1175" s="8" t="s">
        <v>78</v>
      </c>
      <c r="I1175" s="8" t="s">
        <v>71</v>
      </c>
      <c r="J1175" s="8">
        <v>1</v>
      </c>
      <c r="K1175" s="8" t="s">
        <v>509</v>
      </c>
      <c r="L1175" s="8">
        <v>1</v>
      </c>
      <c r="M1175" s="8">
        <v>80</v>
      </c>
      <c r="O1175" s="98"/>
    </row>
    <row r="1176" spans="1:16" hidden="1">
      <c r="E1176" s="8" t="s">
        <v>254</v>
      </c>
      <c r="F1176" s="8">
        <v>819</v>
      </c>
      <c r="G1176" s="8" t="s">
        <v>253</v>
      </c>
      <c r="H1176" s="8" t="s">
        <v>17</v>
      </c>
      <c r="I1176" s="8" t="s">
        <v>71</v>
      </c>
      <c r="J1176" s="8">
        <v>1</v>
      </c>
      <c r="K1176" s="8" t="s">
        <v>514</v>
      </c>
      <c r="L1176" s="8">
        <v>2</v>
      </c>
      <c r="M1176" s="8">
        <v>3</v>
      </c>
      <c r="N1176" s="70" t="s">
        <v>624</v>
      </c>
      <c r="O1176" s="98"/>
    </row>
    <row r="1177" spans="1:16" hidden="1">
      <c r="A1177" s="17"/>
      <c r="B1177" s="17"/>
      <c r="C1177" s="17" t="s">
        <v>252</v>
      </c>
      <c r="D1177" s="139" t="s">
        <v>476</v>
      </c>
      <c r="E1177" s="17"/>
      <c r="F1177" s="17"/>
      <c r="G1177" s="17"/>
      <c r="H1177" s="17" t="s">
        <v>17</v>
      </c>
      <c r="I1177" s="17" t="s">
        <v>71</v>
      </c>
      <c r="J1177" s="17">
        <v>1</v>
      </c>
      <c r="K1177" s="17"/>
      <c r="L1177" s="17"/>
      <c r="M1177" s="17"/>
      <c r="N1177" s="138"/>
      <c r="O1177" s="98"/>
    </row>
    <row r="1178" spans="1:16" hidden="1">
      <c r="E1178" s="8" t="s">
        <v>251</v>
      </c>
      <c r="F1178" s="8">
        <v>98</v>
      </c>
      <c r="G1178" s="8" t="s">
        <v>156</v>
      </c>
      <c r="H1178" s="8" t="s">
        <v>66</v>
      </c>
      <c r="I1178" s="8" t="s">
        <v>65</v>
      </c>
      <c r="J1178" s="8">
        <v>1</v>
      </c>
      <c r="K1178" s="8" t="s">
        <v>514</v>
      </c>
      <c r="L1178" s="8">
        <v>2</v>
      </c>
      <c r="M1178" s="8">
        <v>3</v>
      </c>
      <c r="N1178" s="72" t="s">
        <v>623</v>
      </c>
      <c r="O1178" s="98"/>
    </row>
    <row r="1179" spans="1:16" hidden="1">
      <c r="E1179" s="8" t="s">
        <v>250</v>
      </c>
      <c r="F1179" s="8">
        <v>100</v>
      </c>
      <c r="G1179" s="8" t="s">
        <v>249</v>
      </c>
      <c r="H1179" s="8" t="s">
        <v>66</v>
      </c>
      <c r="I1179" s="8" t="s">
        <v>65</v>
      </c>
      <c r="J1179" s="8">
        <v>1</v>
      </c>
      <c r="K1179" s="8" t="s">
        <v>514</v>
      </c>
      <c r="L1179" s="8">
        <v>3</v>
      </c>
      <c r="M1179" s="8">
        <v>3</v>
      </c>
      <c r="O1179" s="98"/>
    </row>
    <row r="1180" spans="1:16">
      <c r="A1180" s="17"/>
      <c r="B1180" s="17"/>
      <c r="C1180" s="17" t="s">
        <v>248</v>
      </c>
      <c r="D1180" s="139" t="s">
        <v>472</v>
      </c>
      <c r="E1180" s="17"/>
      <c r="F1180" s="17"/>
      <c r="G1180" s="17"/>
      <c r="H1180" s="17" t="s">
        <v>17</v>
      </c>
      <c r="I1180" s="17" t="s">
        <v>71</v>
      </c>
      <c r="J1180" s="17" t="s">
        <v>525</v>
      </c>
      <c r="K1180" s="17"/>
      <c r="L1180" s="17"/>
      <c r="M1180" s="17"/>
      <c r="N1180" s="138"/>
      <c r="O1180" s="98" t="s">
        <v>944</v>
      </c>
      <c r="P1180" s="99" t="s">
        <v>1086</v>
      </c>
    </row>
    <row r="1181" spans="1:16" hidden="1" outlineLevel="1">
      <c r="E1181" s="8" t="s">
        <v>247</v>
      </c>
      <c r="F1181" s="8">
        <v>146</v>
      </c>
      <c r="G1181" s="8" t="s">
        <v>246</v>
      </c>
      <c r="H1181" s="8" t="s">
        <v>66</v>
      </c>
      <c r="I1181" s="8" t="s">
        <v>65</v>
      </c>
      <c r="J1181" s="8">
        <v>1</v>
      </c>
      <c r="K1181" s="8" t="s">
        <v>514</v>
      </c>
      <c r="L1181" s="8">
        <v>2</v>
      </c>
      <c r="M1181" s="8">
        <v>2</v>
      </c>
      <c r="N1181" s="70" t="s">
        <v>624</v>
      </c>
      <c r="O1181" s="98"/>
    </row>
    <row r="1182" spans="1:16" hidden="1" outlineLevel="1">
      <c r="E1182" s="8" t="s">
        <v>245</v>
      </c>
      <c r="F1182" s="8">
        <v>309</v>
      </c>
      <c r="G1182" s="8" t="s">
        <v>133</v>
      </c>
      <c r="H1182" s="8" t="s">
        <v>78</v>
      </c>
      <c r="I1182" s="8" t="s">
        <v>71</v>
      </c>
      <c r="J1182" s="8">
        <v>1</v>
      </c>
      <c r="K1182" s="8" t="s">
        <v>514</v>
      </c>
      <c r="L1182" s="8">
        <v>1</v>
      </c>
      <c r="M1182" s="8">
        <v>2</v>
      </c>
      <c r="N1182" s="70" t="s">
        <v>624</v>
      </c>
      <c r="O1182" s="98"/>
    </row>
    <row r="1183" spans="1:16" hidden="1" outlineLevel="1">
      <c r="E1183" s="8" t="s">
        <v>244</v>
      </c>
      <c r="F1183" s="8">
        <v>352</v>
      </c>
      <c r="G1183" s="8" t="s">
        <v>3</v>
      </c>
      <c r="H1183" s="8" t="s">
        <v>17</v>
      </c>
      <c r="I1183" s="8" t="s">
        <v>71</v>
      </c>
      <c r="J1183" s="8">
        <v>1</v>
      </c>
      <c r="K1183" s="8" t="s">
        <v>509</v>
      </c>
      <c r="L1183" s="8">
        <v>1</v>
      </c>
      <c r="M1183" s="8">
        <v>80</v>
      </c>
      <c r="O1183" s="98"/>
    </row>
    <row r="1184" spans="1:16" hidden="1" outlineLevel="1">
      <c r="E1184" s="8" t="s">
        <v>243</v>
      </c>
      <c r="F1184" s="8">
        <v>334</v>
      </c>
      <c r="G1184" s="8" t="s">
        <v>242</v>
      </c>
      <c r="H1184" s="8" t="s">
        <v>17</v>
      </c>
      <c r="I1184" s="8" t="s">
        <v>71</v>
      </c>
      <c r="J1184" s="8">
        <v>1</v>
      </c>
      <c r="K1184" s="8" t="s">
        <v>514</v>
      </c>
      <c r="L1184" s="8">
        <v>2</v>
      </c>
      <c r="M1184" s="8">
        <v>2</v>
      </c>
      <c r="N1184" s="18" t="s">
        <v>730</v>
      </c>
      <c r="O1184" s="98"/>
    </row>
    <row r="1185" spans="1:16341" hidden="1" outlineLevel="1">
      <c r="E1185" s="8" t="s">
        <v>241</v>
      </c>
      <c r="F1185" s="8">
        <v>335</v>
      </c>
      <c r="G1185" s="8" t="s">
        <v>240</v>
      </c>
      <c r="H1185" s="8" t="s">
        <v>78</v>
      </c>
      <c r="I1185" s="8" t="s">
        <v>71</v>
      </c>
      <c r="J1185" s="8">
        <v>1</v>
      </c>
      <c r="K1185" s="8" t="s">
        <v>514</v>
      </c>
      <c r="L1185" s="8">
        <v>3</v>
      </c>
      <c r="M1185" s="8">
        <v>3</v>
      </c>
      <c r="N1185" s="70" t="s">
        <v>624</v>
      </c>
      <c r="O1185" s="98"/>
    </row>
    <row r="1186" spans="1:16341" hidden="1" outlineLevel="1">
      <c r="E1186" s="8" t="s">
        <v>239</v>
      </c>
      <c r="F1186" s="8">
        <v>309</v>
      </c>
      <c r="G1186" s="8" t="s">
        <v>133</v>
      </c>
      <c r="H1186" s="8" t="s">
        <v>78</v>
      </c>
      <c r="I1186" s="8" t="s">
        <v>71</v>
      </c>
      <c r="J1186" s="8">
        <v>1</v>
      </c>
      <c r="K1186" s="8" t="s">
        <v>514</v>
      </c>
      <c r="L1186" s="8">
        <v>1</v>
      </c>
      <c r="M1186" s="8">
        <v>2</v>
      </c>
      <c r="N1186" s="72" t="s">
        <v>643</v>
      </c>
      <c r="O1186" s="98"/>
    </row>
    <row r="1187" spans="1:16341" hidden="1" outlineLevel="1">
      <c r="E1187" s="8" t="s">
        <v>238</v>
      </c>
      <c r="F1187" s="8">
        <v>352</v>
      </c>
      <c r="G1187" s="8" t="s">
        <v>3</v>
      </c>
      <c r="H1187" s="8" t="s">
        <v>17</v>
      </c>
      <c r="I1187" s="8" t="s">
        <v>71</v>
      </c>
      <c r="J1187" s="8">
        <v>1</v>
      </c>
      <c r="K1187" s="8" t="s">
        <v>509</v>
      </c>
      <c r="L1187" s="8">
        <v>1</v>
      </c>
      <c r="M1187" s="8">
        <v>80</v>
      </c>
      <c r="O1187" s="98"/>
    </row>
    <row r="1188" spans="1:16341" ht="76" customHeight="1" collapsed="1">
      <c r="A1188" s="17"/>
      <c r="B1188" s="17"/>
      <c r="C1188" s="17" t="s">
        <v>84</v>
      </c>
      <c r="D1188" s="139" t="s">
        <v>428</v>
      </c>
      <c r="E1188" s="17"/>
      <c r="F1188" s="17"/>
      <c r="G1188" s="17"/>
      <c r="H1188" s="17" t="s">
        <v>17</v>
      </c>
      <c r="I1188" s="17" t="s">
        <v>71</v>
      </c>
      <c r="J1188" s="17">
        <v>10</v>
      </c>
      <c r="K1188" s="17"/>
      <c r="L1188" s="17"/>
      <c r="M1188" s="17"/>
      <c r="N1188" s="138"/>
      <c r="O1188" s="98" t="s">
        <v>2106</v>
      </c>
      <c r="P1188" s="99" t="s">
        <v>2105</v>
      </c>
    </row>
    <row r="1189" spans="1:16341" hidden="1" outlineLevel="1">
      <c r="E1189" s="8" t="s">
        <v>83</v>
      </c>
      <c r="F1189" s="8">
        <v>374</v>
      </c>
      <c r="G1189" s="8" t="s">
        <v>82</v>
      </c>
      <c r="H1189" s="8" t="s">
        <v>66</v>
      </c>
      <c r="I1189" s="8" t="s">
        <v>65</v>
      </c>
      <c r="J1189" s="8">
        <v>1</v>
      </c>
      <c r="K1189" s="8" t="s">
        <v>514</v>
      </c>
      <c r="L1189" s="8">
        <v>3</v>
      </c>
      <c r="M1189" s="8">
        <v>3</v>
      </c>
      <c r="N1189" s="72" t="s">
        <v>663</v>
      </c>
      <c r="O1189" s="98"/>
    </row>
    <row r="1190" spans="1:16341" hidden="1" outlineLevel="1">
      <c r="E1190" s="8" t="s">
        <v>81</v>
      </c>
      <c r="F1190" s="8">
        <v>373</v>
      </c>
      <c r="G1190" s="8" t="s">
        <v>1</v>
      </c>
      <c r="H1190" s="8" t="s">
        <v>78</v>
      </c>
      <c r="I1190" s="8" t="s">
        <v>71</v>
      </c>
      <c r="J1190" s="8">
        <v>1</v>
      </c>
      <c r="K1190" s="8" t="s">
        <v>519</v>
      </c>
      <c r="L1190" s="8">
        <v>8</v>
      </c>
      <c r="M1190" s="8">
        <v>8</v>
      </c>
      <c r="O1190" s="98"/>
    </row>
    <row r="1191" spans="1:16341" hidden="1" outlineLevel="1">
      <c r="E1191" s="8" t="s">
        <v>80</v>
      </c>
      <c r="F1191" s="8">
        <v>337</v>
      </c>
      <c r="G1191" s="8" t="s">
        <v>79</v>
      </c>
      <c r="H1191" s="8" t="s">
        <v>78</v>
      </c>
      <c r="I1191" s="8" t="s">
        <v>71</v>
      </c>
      <c r="J1191" s="8">
        <v>1</v>
      </c>
      <c r="K1191" s="8" t="s">
        <v>518</v>
      </c>
      <c r="L1191" s="8">
        <v>4</v>
      </c>
      <c r="M1191" s="8">
        <v>8</v>
      </c>
      <c r="O1191" s="98"/>
    </row>
    <row r="1192" spans="1:16341" s="71" customFormat="1" hidden="1" outlineLevel="1">
      <c r="A1192" s="8"/>
      <c r="B1192" s="8"/>
      <c r="C1192" s="8"/>
      <c r="D1192" s="10"/>
      <c r="E1192" s="8" t="s">
        <v>77</v>
      </c>
      <c r="F1192" s="8">
        <v>623</v>
      </c>
      <c r="G1192" s="8" t="s">
        <v>76</v>
      </c>
      <c r="H1192" s="8" t="s">
        <v>17</v>
      </c>
      <c r="I1192" s="8" t="s">
        <v>71</v>
      </c>
      <c r="J1192" s="8">
        <v>1</v>
      </c>
      <c r="K1192" s="8" t="s">
        <v>514</v>
      </c>
      <c r="L1192" s="8">
        <v>2</v>
      </c>
      <c r="M1192" s="8">
        <v>2</v>
      </c>
      <c r="N1192" s="70" t="s">
        <v>624</v>
      </c>
      <c r="O1192" s="98"/>
      <c r="P1192" s="99"/>
      <c r="Q1192" s="10"/>
      <c r="R1192" s="10"/>
      <c r="S1192" s="10"/>
      <c r="T1192" s="10"/>
      <c r="U1192" s="10"/>
      <c r="V1192" s="10"/>
      <c r="W1192" s="10"/>
      <c r="X1192" s="10"/>
      <c r="Y1192" s="10"/>
      <c r="Z1192" s="10"/>
      <c r="AA1192" s="10"/>
      <c r="AB1192" s="10"/>
      <c r="AC1192" s="10"/>
      <c r="AD1192" s="10"/>
      <c r="AE1192" s="10"/>
      <c r="AF1192" s="10"/>
      <c r="AG1192" s="10"/>
      <c r="AH1192" s="10"/>
      <c r="AI1192" s="10"/>
      <c r="AJ1192" s="10"/>
      <c r="AK1192" s="10"/>
      <c r="AL1192" s="10"/>
      <c r="AM1192" s="10"/>
      <c r="AN1192" s="10"/>
      <c r="AO1192" s="10"/>
      <c r="AP1192" s="10"/>
      <c r="AQ1192" s="10"/>
      <c r="AR1192" s="10"/>
      <c r="AS1192" s="10"/>
      <c r="AT1192" s="10"/>
      <c r="AU1192" s="10"/>
      <c r="AV1192" s="10"/>
      <c r="AW1192" s="10"/>
      <c r="AX1192" s="10"/>
      <c r="AY1192" s="10"/>
      <c r="AZ1192" s="10"/>
      <c r="BA1192" s="10"/>
      <c r="BB1192" s="10"/>
      <c r="BC1192" s="10"/>
      <c r="BD1192" s="10"/>
      <c r="BE1192" s="10"/>
      <c r="BF1192" s="10"/>
      <c r="BG1192" s="10"/>
      <c r="BH1192" s="10"/>
      <c r="BI1192" s="10"/>
      <c r="BJ1192" s="10"/>
      <c r="BK1192" s="10"/>
      <c r="BL1192" s="10"/>
      <c r="BM1192" s="10"/>
      <c r="BN1192" s="10"/>
      <c r="BO1192" s="10"/>
      <c r="BP1192" s="10"/>
      <c r="BQ1192" s="10"/>
      <c r="BR1192" s="10"/>
      <c r="BS1192" s="10"/>
      <c r="BT1192" s="10"/>
      <c r="BU1192" s="10"/>
      <c r="BV1192" s="10"/>
      <c r="BW1192" s="10"/>
      <c r="BX1192" s="10"/>
      <c r="BY1192" s="10"/>
      <c r="BZ1192" s="10"/>
      <c r="CA1192" s="10"/>
      <c r="CB1192" s="10"/>
      <c r="CC1192" s="10"/>
      <c r="CD1192" s="10"/>
      <c r="CE1192" s="10"/>
      <c r="CF1192" s="10"/>
      <c r="CG1192" s="10"/>
      <c r="CH1192" s="10"/>
      <c r="CI1192" s="10"/>
      <c r="CJ1192" s="10"/>
      <c r="CK1192" s="10"/>
      <c r="CL1192" s="10"/>
      <c r="CM1192" s="10"/>
      <c r="CN1192" s="10"/>
      <c r="CO1192" s="10"/>
      <c r="CP1192" s="10"/>
      <c r="CQ1192" s="10"/>
      <c r="CR1192" s="10"/>
      <c r="CS1192" s="10"/>
      <c r="CT1192" s="10"/>
      <c r="CU1192" s="10"/>
      <c r="CV1192" s="10"/>
      <c r="CW1192" s="10"/>
      <c r="CX1192" s="10"/>
      <c r="CY1192" s="10"/>
      <c r="CZ1192" s="10"/>
      <c r="DA1192" s="10"/>
      <c r="DB1192" s="10"/>
      <c r="DC1192" s="10"/>
      <c r="DD1192" s="10"/>
      <c r="DE1192" s="10"/>
      <c r="DF1192" s="10"/>
      <c r="DG1192" s="10"/>
      <c r="DH1192" s="10"/>
      <c r="DI1192" s="10"/>
      <c r="DJ1192" s="10"/>
      <c r="DK1192" s="10"/>
      <c r="DL1192" s="10"/>
      <c r="DM1192" s="10"/>
      <c r="DN1192" s="10"/>
      <c r="DO1192" s="10"/>
      <c r="DP1192" s="10"/>
      <c r="DQ1192" s="10"/>
      <c r="DR1192" s="10"/>
      <c r="DS1192" s="10"/>
      <c r="DT1192" s="10"/>
      <c r="DU1192" s="10"/>
      <c r="DV1192" s="10"/>
      <c r="DW1192" s="10"/>
      <c r="DX1192" s="10"/>
      <c r="DY1192" s="10"/>
      <c r="DZ1192" s="10"/>
      <c r="EA1192" s="10"/>
      <c r="EB1192" s="10"/>
      <c r="EC1192" s="10"/>
      <c r="ED1192" s="10"/>
      <c r="EE1192" s="10"/>
      <c r="EF1192" s="10"/>
      <c r="EG1192" s="10"/>
      <c r="EH1192" s="10"/>
      <c r="EI1192" s="10"/>
      <c r="EJ1192" s="10"/>
      <c r="EK1192" s="10"/>
      <c r="EL1192" s="10"/>
      <c r="EM1192" s="10"/>
      <c r="EN1192" s="10"/>
      <c r="EO1192" s="10"/>
      <c r="EP1192" s="10"/>
      <c r="EQ1192" s="10"/>
      <c r="ER1192" s="10"/>
      <c r="ES1192" s="10"/>
      <c r="ET1192" s="10"/>
      <c r="EU1192" s="10"/>
      <c r="EV1192" s="10"/>
      <c r="EW1192" s="10"/>
      <c r="EX1192" s="10"/>
      <c r="EY1192" s="10"/>
      <c r="EZ1192" s="10"/>
      <c r="FA1192" s="10"/>
      <c r="FB1192" s="10"/>
      <c r="FC1192" s="10"/>
      <c r="FD1192" s="10"/>
      <c r="FE1192" s="10"/>
      <c r="FF1192" s="10"/>
      <c r="FG1192" s="10"/>
      <c r="FH1192" s="10"/>
      <c r="FI1192" s="10"/>
      <c r="FJ1192" s="10"/>
      <c r="FK1192" s="10"/>
      <c r="FL1192" s="10"/>
      <c r="FM1192" s="10"/>
      <c r="FN1192" s="10"/>
      <c r="FO1192" s="10"/>
      <c r="FP1192" s="10"/>
      <c r="FQ1192" s="10"/>
      <c r="FR1192" s="10"/>
      <c r="FS1192" s="10"/>
      <c r="FT1192" s="10"/>
      <c r="FU1192" s="10"/>
      <c r="FV1192" s="10"/>
      <c r="FW1192" s="10"/>
      <c r="FX1192" s="10"/>
      <c r="FY1192" s="10"/>
      <c r="FZ1192" s="10"/>
      <c r="GA1192" s="10"/>
      <c r="GB1192" s="10"/>
      <c r="GC1192" s="10"/>
      <c r="GD1192" s="10"/>
      <c r="GE1192" s="10"/>
      <c r="GF1192" s="10"/>
      <c r="GG1192" s="10"/>
      <c r="GH1192" s="10"/>
      <c r="GI1192" s="10"/>
      <c r="GJ1192" s="10"/>
      <c r="GK1192" s="10"/>
      <c r="GL1192" s="10"/>
      <c r="GM1192" s="10"/>
      <c r="GN1192" s="10"/>
      <c r="GO1192" s="10"/>
      <c r="GP1192" s="10"/>
      <c r="GQ1192" s="10"/>
      <c r="GR1192" s="10"/>
      <c r="GS1192" s="10"/>
      <c r="GT1192" s="10"/>
      <c r="GU1192" s="10"/>
      <c r="GV1192" s="10"/>
      <c r="GW1192" s="10"/>
      <c r="GX1192" s="10"/>
      <c r="GY1192" s="10"/>
      <c r="GZ1192" s="10"/>
      <c r="HA1192" s="10"/>
      <c r="HB1192" s="10"/>
      <c r="HC1192" s="10"/>
      <c r="HD1192" s="10"/>
      <c r="HE1192" s="10"/>
      <c r="HF1192" s="10"/>
      <c r="HG1192" s="10"/>
      <c r="HH1192" s="10"/>
      <c r="HI1192" s="10"/>
      <c r="HJ1192" s="10"/>
      <c r="HK1192" s="10"/>
      <c r="HL1192" s="10"/>
      <c r="HM1192" s="10"/>
      <c r="HN1192" s="10"/>
      <c r="HO1192" s="10"/>
      <c r="HP1192" s="10"/>
      <c r="HQ1192" s="10"/>
      <c r="HR1192" s="10"/>
      <c r="HS1192" s="10"/>
      <c r="HT1192" s="10"/>
      <c r="HU1192" s="10"/>
      <c r="HV1192" s="10"/>
      <c r="HW1192" s="10"/>
      <c r="HX1192" s="10"/>
      <c r="HY1192" s="10"/>
      <c r="HZ1192" s="10"/>
      <c r="IA1192" s="10"/>
      <c r="IB1192" s="10"/>
      <c r="IC1192" s="10"/>
      <c r="ID1192" s="10"/>
      <c r="IE1192" s="10"/>
      <c r="IF1192" s="10"/>
      <c r="IG1192" s="10"/>
      <c r="IH1192" s="10"/>
      <c r="II1192" s="10"/>
      <c r="IJ1192" s="10"/>
      <c r="IK1192" s="10"/>
      <c r="IL1192" s="10"/>
      <c r="IM1192" s="10"/>
      <c r="IN1192" s="10"/>
      <c r="IO1192" s="10"/>
      <c r="IP1192" s="10"/>
      <c r="IQ1192" s="10"/>
      <c r="IR1192" s="10"/>
      <c r="IS1192" s="10"/>
      <c r="IT1192" s="10"/>
      <c r="IU1192" s="10"/>
      <c r="IV1192" s="10"/>
      <c r="IW1192" s="10"/>
      <c r="IX1192" s="10"/>
      <c r="IY1192" s="10"/>
      <c r="IZ1192" s="10"/>
      <c r="JA1192" s="10"/>
      <c r="JB1192" s="10"/>
      <c r="JC1192" s="10"/>
      <c r="JD1192" s="10"/>
      <c r="JE1192" s="10"/>
      <c r="JF1192" s="10"/>
      <c r="JG1192" s="10"/>
      <c r="JH1192" s="10"/>
      <c r="JI1192" s="10"/>
      <c r="JJ1192" s="10"/>
      <c r="JK1192" s="10"/>
      <c r="JL1192" s="10"/>
      <c r="JM1192" s="10"/>
      <c r="JN1192" s="10"/>
      <c r="JO1192" s="10"/>
      <c r="JP1192" s="10"/>
      <c r="JQ1192" s="10"/>
      <c r="JR1192" s="10"/>
      <c r="JS1192" s="10"/>
      <c r="JT1192" s="10"/>
      <c r="JU1192" s="10"/>
      <c r="JV1192" s="10"/>
      <c r="JW1192" s="10"/>
      <c r="JX1192" s="10"/>
      <c r="JY1192" s="10"/>
      <c r="JZ1192" s="10"/>
      <c r="KA1192" s="10"/>
      <c r="KB1192" s="10"/>
      <c r="KC1192" s="10"/>
      <c r="KD1192" s="10"/>
      <c r="KE1192" s="10"/>
      <c r="KF1192" s="10"/>
      <c r="KG1192" s="10"/>
      <c r="KH1192" s="10"/>
      <c r="KI1192" s="10"/>
      <c r="KJ1192" s="10"/>
      <c r="KK1192" s="10"/>
      <c r="KL1192" s="10"/>
      <c r="KM1192" s="10"/>
      <c r="KN1192" s="10"/>
      <c r="KO1192" s="10"/>
      <c r="KP1192" s="10"/>
      <c r="KQ1192" s="10"/>
      <c r="KR1192" s="10"/>
      <c r="KS1192" s="10"/>
      <c r="KT1192" s="10"/>
      <c r="KU1192" s="10"/>
      <c r="KV1192" s="10"/>
      <c r="KW1192" s="10"/>
      <c r="KX1192" s="10"/>
      <c r="KY1192" s="10"/>
      <c r="KZ1192" s="10"/>
      <c r="LA1192" s="10"/>
      <c r="LB1192" s="10"/>
      <c r="LC1192" s="10"/>
      <c r="LD1192" s="10"/>
      <c r="LE1192" s="10"/>
      <c r="LF1192" s="10"/>
      <c r="LG1192" s="10"/>
      <c r="LH1192" s="10"/>
      <c r="LI1192" s="10"/>
      <c r="LJ1192" s="10"/>
      <c r="LK1192" s="10"/>
      <c r="LL1192" s="10"/>
      <c r="LM1192" s="10"/>
      <c r="LN1192" s="10"/>
      <c r="LO1192" s="10"/>
      <c r="LP1192" s="10"/>
      <c r="LQ1192" s="10"/>
      <c r="LR1192" s="10"/>
      <c r="LS1192" s="10"/>
      <c r="LT1192" s="10"/>
      <c r="LU1192" s="10"/>
      <c r="LV1192" s="10"/>
      <c r="LW1192" s="10"/>
      <c r="LX1192" s="10"/>
      <c r="LY1192" s="10"/>
      <c r="LZ1192" s="10"/>
      <c r="MA1192" s="10"/>
      <c r="MB1192" s="10"/>
      <c r="MC1192" s="10"/>
      <c r="MD1192" s="10"/>
      <c r="ME1192" s="10"/>
      <c r="MF1192" s="10"/>
      <c r="MG1192" s="10"/>
      <c r="MH1192" s="10"/>
      <c r="MI1192" s="10"/>
      <c r="MJ1192" s="10"/>
      <c r="MK1192" s="10"/>
      <c r="ML1192" s="10"/>
      <c r="MM1192" s="10"/>
      <c r="MN1192" s="10"/>
      <c r="MO1192" s="10"/>
      <c r="MP1192" s="10"/>
      <c r="MQ1192" s="10"/>
      <c r="MR1192" s="10"/>
      <c r="MS1192" s="10"/>
      <c r="MT1192" s="10"/>
      <c r="MU1192" s="10"/>
      <c r="MV1192" s="10"/>
      <c r="MW1192" s="10"/>
      <c r="MX1192" s="10"/>
      <c r="MY1192" s="10"/>
      <c r="MZ1192" s="10"/>
      <c r="NA1192" s="10"/>
      <c r="NB1192" s="10"/>
      <c r="NC1192" s="10"/>
      <c r="ND1192" s="10"/>
      <c r="NE1192" s="10"/>
      <c r="NF1192" s="10"/>
      <c r="NG1192" s="10"/>
      <c r="NH1192" s="10"/>
      <c r="NI1192" s="10"/>
      <c r="NJ1192" s="10"/>
      <c r="NK1192" s="10"/>
      <c r="NL1192" s="10"/>
      <c r="NM1192" s="10"/>
      <c r="NN1192" s="10"/>
      <c r="NO1192" s="10"/>
      <c r="NP1192" s="10"/>
      <c r="NQ1192" s="10"/>
      <c r="NR1192" s="10"/>
      <c r="NS1192" s="10"/>
      <c r="NT1192" s="10"/>
      <c r="NU1192" s="10"/>
      <c r="NV1192" s="10"/>
      <c r="NW1192" s="10"/>
      <c r="NX1192" s="10"/>
      <c r="NY1192" s="10"/>
      <c r="NZ1192" s="10"/>
      <c r="OA1192" s="10"/>
      <c r="OB1192" s="10"/>
      <c r="OC1192" s="10"/>
      <c r="OD1192" s="10"/>
      <c r="OE1192" s="10"/>
      <c r="OF1192" s="10"/>
      <c r="OG1192" s="10"/>
      <c r="OH1192" s="10"/>
      <c r="OI1192" s="10"/>
      <c r="OJ1192" s="10"/>
      <c r="OK1192" s="10"/>
      <c r="OL1192" s="10"/>
      <c r="OM1192" s="10"/>
      <c r="ON1192" s="10"/>
      <c r="OO1192" s="10"/>
      <c r="OP1192" s="10"/>
      <c r="OQ1192" s="10"/>
      <c r="OR1192" s="10"/>
      <c r="OS1192" s="10"/>
      <c r="OT1192" s="10"/>
      <c r="OU1192" s="10"/>
      <c r="OV1192" s="10"/>
      <c r="OW1192" s="10"/>
      <c r="OX1192" s="10"/>
      <c r="OY1192" s="10"/>
      <c r="OZ1192" s="10"/>
      <c r="PA1192" s="10"/>
      <c r="PB1192" s="10"/>
      <c r="PC1192" s="10"/>
      <c r="PD1192" s="10"/>
      <c r="PE1192" s="10"/>
      <c r="PF1192" s="10"/>
      <c r="PG1192" s="10"/>
      <c r="PH1192" s="10"/>
      <c r="PI1192" s="10"/>
      <c r="PJ1192" s="10"/>
      <c r="PK1192" s="10"/>
      <c r="PL1192" s="10"/>
      <c r="PM1192" s="10"/>
      <c r="PN1192" s="10"/>
      <c r="PO1192" s="10"/>
      <c r="PP1192" s="10"/>
      <c r="PQ1192" s="10"/>
      <c r="PR1192" s="10"/>
      <c r="PS1192" s="10"/>
      <c r="PT1192" s="10"/>
      <c r="PU1192" s="10"/>
      <c r="PV1192" s="10"/>
      <c r="PW1192" s="10"/>
      <c r="PX1192" s="10"/>
      <c r="PY1192" s="10"/>
      <c r="PZ1192" s="10"/>
      <c r="QA1192" s="10"/>
      <c r="QB1192" s="10"/>
      <c r="QC1192" s="10"/>
      <c r="QD1192" s="10"/>
      <c r="QE1192" s="10"/>
      <c r="QF1192" s="10"/>
      <c r="QG1192" s="10"/>
      <c r="QH1192" s="10"/>
      <c r="QI1192" s="10"/>
      <c r="QJ1192" s="10"/>
      <c r="QK1192" s="10"/>
      <c r="QL1192" s="10"/>
      <c r="QM1192" s="10"/>
      <c r="QN1192" s="10"/>
      <c r="QO1192" s="10"/>
      <c r="QP1192" s="10"/>
      <c r="QQ1192" s="10"/>
      <c r="QR1192" s="10"/>
      <c r="QS1192" s="10"/>
      <c r="QT1192" s="10"/>
      <c r="QU1192" s="10"/>
      <c r="QV1192" s="10"/>
      <c r="QW1192" s="10"/>
      <c r="QX1192" s="10"/>
      <c r="QY1192" s="10"/>
      <c r="QZ1192" s="10"/>
      <c r="RA1192" s="10"/>
      <c r="RB1192" s="10"/>
      <c r="RC1192" s="10"/>
      <c r="RD1192" s="10"/>
      <c r="RE1192" s="10"/>
      <c r="RF1192" s="10"/>
      <c r="RG1192" s="10"/>
      <c r="RH1192" s="10"/>
      <c r="RI1192" s="10"/>
      <c r="RJ1192" s="10"/>
      <c r="RK1192" s="10"/>
      <c r="RL1192" s="10"/>
      <c r="RM1192" s="10"/>
      <c r="RN1192" s="10"/>
      <c r="RO1192" s="10"/>
      <c r="RP1192" s="10"/>
      <c r="RQ1192" s="10"/>
      <c r="RR1192" s="10"/>
      <c r="RS1192" s="10"/>
      <c r="RT1192" s="10"/>
      <c r="RU1192" s="10"/>
      <c r="RV1192" s="10"/>
      <c r="RW1192" s="10"/>
      <c r="RX1192" s="10"/>
      <c r="RY1192" s="10"/>
      <c r="RZ1192" s="10"/>
      <c r="SA1192" s="10"/>
      <c r="SB1192" s="10"/>
      <c r="SC1192" s="10"/>
      <c r="SD1192" s="10"/>
      <c r="SE1192" s="10"/>
      <c r="SF1192" s="10"/>
      <c r="SG1192" s="10"/>
      <c r="SH1192" s="10"/>
      <c r="SI1192" s="10"/>
      <c r="SJ1192" s="10"/>
      <c r="SK1192" s="10"/>
      <c r="SL1192" s="10"/>
      <c r="SM1192" s="10"/>
      <c r="SN1192" s="10"/>
      <c r="SO1192" s="10"/>
      <c r="SP1192" s="10"/>
      <c r="SQ1192" s="10"/>
      <c r="SR1192" s="10"/>
      <c r="SS1192" s="10"/>
      <c r="ST1192" s="10"/>
      <c r="SU1192" s="10"/>
      <c r="SV1192" s="10"/>
      <c r="SW1192" s="10"/>
      <c r="SX1192" s="10"/>
      <c r="SY1192" s="10"/>
      <c r="SZ1192" s="10"/>
      <c r="TA1192" s="10"/>
      <c r="TB1192" s="10"/>
      <c r="TC1192" s="10"/>
      <c r="TD1192" s="10"/>
      <c r="TE1192" s="10"/>
      <c r="TF1192" s="10"/>
      <c r="TG1192" s="10"/>
      <c r="TH1192" s="10"/>
      <c r="TI1192" s="10"/>
      <c r="TJ1192" s="10"/>
      <c r="TK1192" s="10"/>
      <c r="TL1192" s="10"/>
      <c r="TM1192" s="10"/>
      <c r="TN1192" s="10"/>
      <c r="TO1192" s="10"/>
      <c r="TP1192" s="10"/>
      <c r="TQ1192" s="10"/>
      <c r="TR1192" s="10"/>
      <c r="TS1192" s="10"/>
      <c r="TT1192" s="10"/>
      <c r="TU1192" s="10"/>
      <c r="TV1192" s="10"/>
      <c r="TW1192" s="10"/>
      <c r="TX1192" s="10"/>
      <c r="TY1192" s="10"/>
      <c r="TZ1192" s="10"/>
      <c r="UA1192" s="10"/>
      <c r="UB1192" s="10"/>
      <c r="UC1192" s="10"/>
      <c r="UD1192" s="10"/>
      <c r="UE1192" s="10"/>
      <c r="UF1192" s="10"/>
      <c r="UG1192" s="10"/>
      <c r="UH1192" s="10"/>
      <c r="UI1192" s="10"/>
      <c r="UJ1192" s="10"/>
      <c r="UK1192" s="10"/>
      <c r="UL1192" s="10"/>
      <c r="UM1192" s="10"/>
      <c r="UN1192" s="10"/>
      <c r="UO1192" s="10"/>
      <c r="UP1192" s="10"/>
      <c r="UQ1192" s="10"/>
      <c r="UR1192" s="10"/>
      <c r="US1192" s="10"/>
      <c r="UT1192" s="10"/>
      <c r="UU1192" s="10"/>
      <c r="UV1192" s="10"/>
      <c r="UW1192" s="10"/>
      <c r="UX1192" s="10"/>
      <c r="UY1192" s="10"/>
      <c r="UZ1192" s="10"/>
      <c r="VA1192" s="10"/>
      <c r="VB1192" s="10"/>
      <c r="VC1192" s="10"/>
      <c r="VD1192" s="10"/>
      <c r="VE1192" s="10"/>
      <c r="VF1192" s="10"/>
      <c r="VG1192" s="10"/>
      <c r="VH1192" s="10"/>
      <c r="VI1192" s="10"/>
      <c r="VJ1192" s="10"/>
      <c r="VK1192" s="10"/>
      <c r="VL1192" s="10"/>
      <c r="VM1192" s="10"/>
      <c r="VN1192" s="10"/>
      <c r="VO1192" s="10"/>
      <c r="VP1192" s="10"/>
      <c r="VQ1192" s="10"/>
      <c r="VR1192" s="10"/>
      <c r="VS1192" s="10"/>
      <c r="VT1192" s="10"/>
      <c r="VU1192" s="10"/>
      <c r="VV1192" s="10"/>
      <c r="VW1192" s="10"/>
      <c r="VX1192" s="10"/>
      <c r="VY1192" s="10"/>
      <c r="VZ1192" s="10"/>
      <c r="WA1192" s="10"/>
      <c r="WB1192" s="10"/>
      <c r="WC1192" s="10"/>
      <c r="WD1192" s="10"/>
      <c r="WE1192" s="10"/>
      <c r="WF1192" s="10"/>
      <c r="WG1192" s="10"/>
      <c r="WH1192" s="10"/>
      <c r="WI1192" s="10"/>
      <c r="WJ1192" s="10"/>
      <c r="WK1192" s="10"/>
      <c r="WL1192" s="10"/>
      <c r="WM1192" s="10"/>
      <c r="WN1192" s="10"/>
      <c r="WO1192" s="10"/>
      <c r="WP1192" s="10"/>
      <c r="WQ1192" s="10"/>
      <c r="WR1192" s="10"/>
      <c r="WS1192" s="10"/>
      <c r="WT1192" s="10"/>
      <c r="WU1192" s="10"/>
      <c r="WV1192" s="10"/>
      <c r="WW1192" s="10"/>
      <c r="WX1192" s="10"/>
      <c r="WY1192" s="10"/>
      <c r="WZ1192" s="10"/>
      <c r="XA1192" s="10"/>
      <c r="XB1192" s="10"/>
      <c r="XC1192" s="10"/>
      <c r="XD1192" s="10"/>
      <c r="XE1192" s="10"/>
      <c r="XF1192" s="10"/>
      <c r="XG1192" s="10"/>
      <c r="XH1192" s="10"/>
      <c r="XI1192" s="10"/>
      <c r="XJ1192" s="10"/>
      <c r="XK1192" s="10"/>
      <c r="XL1192" s="10"/>
      <c r="XM1192" s="10"/>
      <c r="XN1192" s="10"/>
      <c r="XO1192" s="10"/>
      <c r="XP1192" s="10"/>
      <c r="XQ1192" s="10"/>
      <c r="XR1192" s="10"/>
      <c r="XS1192" s="10"/>
      <c r="XT1192" s="10"/>
      <c r="XU1192" s="10"/>
      <c r="XV1192" s="10"/>
      <c r="XW1192" s="10"/>
      <c r="XX1192" s="10"/>
      <c r="XY1192" s="10"/>
      <c r="XZ1192" s="10"/>
      <c r="YA1192" s="10"/>
      <c r="YB1192" s="10"/>
      <c r="YC1192" s="10"/>
      <c r="YD1192" s="10"/>
      <c r="YE1192" s="10"/>
      <c r="YF1192" s="10"/>
      <c r="YG1192" s="10"/>
      <c r="YH1192" s="10"/>
      <c r="YI1192" s="10"/>
      <c r="YJ1192" s="10"/>
      <c r="YK1192" s="10"/>
      <c r="YL1192" s="10"/>
      <c r="YM1192" s="10"/>
      <c r="YN1192" s="10"/>
      <c r="YO1192" s="10"/>
      <c r="YP1192" s="10"/>
      <c r="YQ1192" s="10"/>
      <c r="YR1192" s="10"/>
      <c r="YS1192" s="10"/>
      <c r="YT1192" s="10"/>
      <c r="YU1192" s="10"/>
      <c r="YV1192" s="10"/>
      <c r="YW1192" s="10"/>
      <c r="YX1192" s="10"/>
      <c r="YY1192" s="10"/>
      <c r="YZ1192" s="10"/>
      <c r="ZA1192" s="10"/>
      <c r="ZB1192" s="10"/>
      <c r="ZC1192" s="10"/>
      <c r="ZD1192" s="10"/>
      <c r="ZE1192" s="10"/>
      <c r="ZF1192" s="10"/>
      <c r="ZG1192" s="10"/>
      <c r="ZH1192" s="10"/>
      <c r="ZI1192" s="10"/>
      <c r="ZJ1192" s="10"/>
      <c r="ZK1192" s="10"/>
      <c r="ZL1192" s="10"/>
      <c r="ZM1192" s="10"/>
      <c r="ZN1192" s="10"/>
      <c r="ZO1192" s="10"/>
      <c r="ZP1192" s="10"/>
      <c r="ZQ1192" s="10"/>
      <c r="ZR1192" s="10"/>
      <c r="ZS1192" s="10"/>
      <c r="ZT1192" s="10"/>
      <c r="ZU1192" s="10"/>
      <c r="ZV1192" s="10"/>
      <c r="ZW1192" s="10"/>
      <c r="ZX1192" s="10"/>
      <c r="ZY1192" s="10"/>
      <c r="ZZ1192" s="10"/>
      <c r="AAA1192" s="10"/>
      <c r="AAB1192" s="10"/>
      <c r="AAC1192" s="10"/>
      <c r="AAD1192" s="10"/>
      <c r="AAE1192" s="10"/>
      <c r="AAF1192" s="10"/>
      <c r="AAG1192" s="10"/>
      <c r="AAH1192" s="10"/>
      <c r="AAI1192" s="10"/>
      <c r="AAJ1192" s="10"/>
      <c r="AAK1192" s="10"/>
      <c r="AAL1192" s="10"/>
      <c r="AAM1192" s="10"/>
      <c r="AAN1192" s="10"/>
      <c r="AAO1192" s="10"/>
      <c r="AAP1192" s="10"/>
      <c r="AAQ1192" s="10"/>
      <c r="AAR1192" s="10"/>
      <c r="AAS1192" s="10"/>
      <c r="AAT1192" s="10"/>
      <c r="AAU1192" s="10"/>
      <c r="AAV1192" s="10"/>
      <c r="AAW1192" s="10"/>
      <c r="AAX1192" s="10"/>
      <c r="AAY1192" s="10"/>
      <c r="AAZ1192" s="10"/>
      <c r="ABA1192" s="10"/>
      <c r="ABB1192" s="10"/>
      <c r="ABC1192" s="10"/>
      <c r="ABD1192" s="10"/>
      <c r="ABE1192" s="10"/>
      <c r="ABF1192" s="10"/>
      <c r="ABG1192" s="10"/>
      <c r="ABH1192" s="10"/>
      <c r="ABI1192" s="10"/>
      <c r="ABJ1192" s="10"/>
      <c r="ABK1192" s="10"/>
      <c r="ABL1192" s="10"/>
      <c r="ABM1192" s="10"/>
      <c r="ABN1192" s="10"/>
      <c r="ABO1192" s="10"/>
      <c r="ABP1192" s="10"/>
      <c r="ABQ1192" s="10"/>
      <c r="ABR1192" s="10"/>
      <c r="ABS1192" s="10"/>
      <c r="ABT1192" s="10"/>
      <c r="ABU1192" s="10"/>
      <c r="ABV1192" s="10"/>
      <c r="ABW1192" s="10"/>
      <c r="ABX1192" s="10"/>
      <c r="ABY1192" s="10"/>
      <c r="ABZ1192" s="10"/>
      <c r="ACA1192" s="10"/>
      <c r="ACB1192" s="10"/>
      <c r="ACC1192" s="10"/>
      <c r="ACD1192" s="10"/>
      <c r="ACE1192" s="10"/>
      <c r="ACF1192" s="10"/>
      <c r="ACG1192" s="10"/>
      <c r="ACH1192" s="10"/>
      <c r="ACI1192" s="10"/>
      <c r="ACJ1192" s="10"/>
      <c r="ACK1192" s="10"/>
      <c r="ACL1192" s="10"/>
      <c r="ACM1192" s="10"/>
      <c r="ACN1192" s="10"/>
      <c r="ACO1192" s="10"/>
      <c r="ACP1192" s="10"/>
      <c r="ACQ1192" s="10"/>
      <c r="ACR1192" s="10"/>
      <c r="ACS1192" s="10"/>
      <c r="ACT1192" s="10"/>
      <c r="ACU1192" s="10"/>
      <c r="ACV1192" s="10"/>
      <c r="ACW1192" s="10"/>
      <c r="ACX1192" s="10"/>
      <c r="ACY1192" s="10"/>
      <c r="ACZ1192" s="10"/>
      <c r="ADA1192" s="10"/>
      <c r="ADB1192" s="10"/>
      <c r="ADC1192" s="10"/>
      <c r="ADD1192" s="10"/>
      <c r="ADE1192" s="10"/>
      <c r="ADF1192" s="10"/>
      <c r="ADG1192" s="10"/>
      <c r="ADH1192" s="10"/>
      <c r="ADI1192" s="10"/>
      <c r="ADJ1192" s="10"/>
      <c r="ADK1192" s="10"/>
      <c r="ADL1192" s="10"/>
      <c r="ADM1192" s="10"/>
      <c r="ADN1192" s="10"/>
      <c r="ADO1192" s="10"/>
      <c r="ADP1192" s="10"/>
      <c r="ADQ1192" s="10"/>
      <c r="ADR1192" s="10"/>
      <c r="ADS1192" s="10"/>
      <c r="ADT1192" s="10"/>
      <c r="ADU1192" s="10"/>
      <c r="ADV1192" s="10"/>
      <c r="ADW1192" s="10"/>
      <c r="ADX1192" s="10"/>
      <c r="ADY1192" s="10"/>
      <c r="ADZ1192" s="10"/>
      <c r="AEA1192" s="10"/>
      <c r="AEB1192" s="10"/>
      <c r="AEC1192" s="10"/>
      <c r="AED1192" s="10"/>
      <c r="AEE1192" s="10"/>
      <c r="AEF1192" s="10"/>
      <c r="AEG1192" s="10"/>
      <c r="AEH1192" s="10"/>
      <c r="AEI1192" s="10"/>
      <c r="AEJ1192" s="10"/>
      <c r="AEK1192" s="10"/>
      <c r="AEL1192" s="10"/>
      <c r="AEM1192" s="10"/>
      <c r="AEN1192" s="10"/>
      <c r="AEO1192" s="10"/>
      <c r="AEP1192" s="10"/>
      <c r="AEQ1192" s="10"/>
      <c r="AER1192" s="10"/>
      <c r="AES1192" s="10"/>
      <c r="AET1192" s="10"/>
      <c r="AEU1192" s="10"/>
      <c r="AEV1192" s="10"/>
      <c r="AEW1192" s="10"/>
      <c r="AEX1192" s="10"/>
      <c r="AEY1192" s="10"/>
      <c r="AEZ1192" s="10"/>
      <c r="AFA1192" s="10"/>
      <c r="AFB1192" s="10"/>
      <c r="AFC1192" s="10"/>
      <c r="AFD1192" s="10"/>
      <c r="AFE1192" s="10"/>
      <c r="AFF1192" s="10"/>
      <c r="AFG1192" s="10"/>
      <c r="AFH1192" s="10"/>
      <c r="AFI1192" s="10"/>
      <c r="AFJ1192" s="10"/>
      <c r="AFK1192" s="10"/>
      <c r="AFL1192" s="10"/>
      <c r="AFM1192" s="10"/>
      <c r="AFN1192" s="10"/>
      <c r="AFO1192" s="10"/>
      <c r="AFP1192" s="10"/>
      <c r="AFQ1192" s="10"/>
      <c r="AFR1192" s="10"/>
      <c r="AFS1192" s="10"/>
      <c r="AFT1192" s="10"/>
      <c r="AFU1192" s="10"/>
      <c r="AFV1192" s="10"/>
      <c r="AFW1192" s="10"/>
      <c r="AFX1192" s="10"/>
      <c r="AFY1192" s="10"/>
      <c r="AFZ1192" s="10"/>
      <c r="AGA1192" s="10"/>
      <c r="AGB1192" s="10"/>
      <c r="AGC1192" s="10"/>
      <c r="AGD1192" s="10"/>
      <c r="AGE1192" s="10"/>
      <c r="AGF1192" s="10"/>
      <c r="AGG1192" s="10"/>
      <c r="AGH1192" s="10"/>
      <c r="AGI1192" s="10"/>
      <c r="AGJ1192" s="10"/>
      <c r="AGK1192" s="10"/>
      <c r="AGL1192" s="10"/>
      <c r="AGM1192" s="10"/>
      <c r="AGN1192" s="10"/>
      <c r="AGO1192" s="10"/>
      <c r="AGP1192" s="10"/>
      <c r="AGQ1192" s="10"/>
      <c r="AGR1192" s="10"/>
      <c r="AGS1192" s="10"/>
      <c r="AGT1192" s="10"/>
      <c r="AGU1192" s="10"/>
      <c r="AGV1192" s="10"/>
      <c r="AGW1192" s="10"/>
      <c r="AGX1192" s="10"/>
      <c r="AGY1192" s="10"/>
      <c r="AGZ1192" s="10"/>
      <c r="AHA1192" s="10"/>
      <c r="AHB1192" s="10"/>
      <c r="AHC1192" s="10"/>
      <c r="AHD1192" s="10"/>
      <c r="AHE1192" s="10"/>
      <c r="AHF1192" s="10"/>
      <c r="AHG1192" s="10"/>
      <c r="AHH1192" s="10"/>
      <c r="AHI1192" s="10"/>
      <c r="AHJ1192" s="10"/>
      <c r="AHK1192" s="10"/>
      <c r="AHL1192" s="10"/>
      <c r="AHM1192" s="10"/>
      <c r="AHN1192" s="10"/>
      <c r="AHO1192" s="10"/>
      <c r="AHP1192" s="10"/>
      <c r="AHQ1192" s="10"/>
      <c r="AHR1192" s="10"/>
      <c r="AHS1192" s="10"/>
      <c r="AHT1192" s="10"/>
      <c r="AHU1192" s="10"/>
      <c r="AHV1192" s="10"/>
      <c r="AHW1192" s="10"/>
      <c r="AHX1192" s="10"/>
      <c r="AHY1192" s="10"/>
      <c r="AHZ1192" s="10"/>
      <c r="AIA1192" s="10"/>
      <c r="AIB1192" s="10"/>
      <c r="AIC1192" s="10"/>
      <c r="AID1192" s="10"/>
      <c r="AIE1192" s="10"/>
      <c r="AIF1192" s="10"/>
      <c r="AIG1192" s="10"/>
      <c r="AIH1192" s="10"/>
      <c r="AII1192" s="10"/>
      <c r="AIJ1192" s="10"/>
      <c r="AIK1192" s="10"/>
      <c r="AIL1192" s="10"/>
      <c r="AIM1192" s="10"/>
      <c r="AIN1192" s="10"/>
      <c r="AIO1192" s="10"/>
      <c r="AIP1192" s="10"/>
      <c r="AIQ1192" s="10"/>
      <c r="AIR1192" s="10"/>
      <c r="AIS1192" s="10"/>
      <c r="AIT1192" s="10"/>
      <c r="AIU1192" s="10"/>
      <c r="AIV1192" s="10"/>
      <c r="AIW1192" s="10"/>
      <c r="AIX1192" s="10"/>
      <c r="AIY1192" s="10"/>
      <c r="AIZ1192" s="10"/>
      <c r="AJA1192" s="10"/>
      <c r="AJB1192" s="10"/>
      <c r="AJC1192" s="10"/>
      <c r="AJD1192" s="10"/>
      <c r="AJE1192" s="10"/>
      <c r="AJF1192" s="10"/>
      <c r="AJG1192" s="10"/>
      <c r="AJH1192" s="10"/>
      <c r="AJI1192" s="10"/>
      <c r="AJJ1192" s="10"/>
      <c r="AJK1192" s="10"/>
      <c r="AJL1192" s="10"/>
      <c r="AJM1192" s="10"/>
      <c r="AJN1192" s="10"/>
      <c r="AJO1192" s="10"/>
      <c r="AJP1192" s="10"/>
      <c r="AJQ1192" s="10"/>
      <c r="AJR1192" s="10"/>
      <c r="AJS1192" s="10"/>
      <c r="AJT1192" s="10"/>
      <c r="AJU1192" s="10"/>
      <c r="AJV1192" s="10"/>
      <c r="AJW1192" s="10"/>
      <c r="AJX1192" s="10"/>
      <c r="AJY1192" s="10"/>
      <c r="AJZ1192" s="10"/>
      <c r="AKA1192" s="10"/>
      <c r="AKB1192" s="10"/>
      <c r="AKC1192" s="10"/>
      <c r="AKD1192" s="10"/>
      <c r="AKE1192" s="10"/>
      <c r="AKF1192" s="10"/>
      <c r="AKG1192" s="10"/>
      <c r="AKH1192" s="10"/>
      <c r="AKI1192" s="10"/>
      <c r="AKJ1192" s="10"/>
      <c r="AKK1192" s="10"/>
      <c r="AKL1192" s="10"/>
      <c r="AKM1192" s="10"/>
      <c r="AKN1192" s="10"/>
      <c r="AKO1192" s="10"/>
      <c r="AKP1192" s="10"/>
      <c r="AKQ1192" s="10"/>
      <c r="AKR1192" s="10"/>
      <c r="AKS1192" s="10"/>
      <c r="AKT1192" s="10"/>
      <c r="AKU1192" s="10"/>
      <c r="AKV1192" s="10"/>
      <c r="AKW1192" s="10"/>
      <c r="AKX1192" s="10"/>
      <c r="AKY1192" s="10"/>
      <c r="AKZ1192" s="10"/>
      <c r="ALA1192" s="10"/>
      <c r="ALB1192" s="10"/>
      <c r="ALC1192" s="10"/>
      <c r="ALD1192" s="10"/>
      <c r="ALE1192" s="10"/>
      <c r="ALF1192" s="10"/>
      <c r="ALG1192" s="10"/>
      <c r="ALH1192" s="10"/>
      <c r="ALI1192" s="10"/>
      <c r="ALJ1192" s="10"/>
      <c r="ALK1192" s="10"/>
      <c r="ALL1192" s="10"/>
      <c r="ALM1192" s="10"/>
      <c r="ALN1192" s="10"/>
      <c r="ALO1192" s="10"/>
      <c r="ALP1192" s="10"/>
      <c r="ALQ1192" s="10"/>
      <c r="ALR1192" s="10"/>
      <c r="ALS1192" s="10"/>
      <c r="ALT1192" s="10"/>
      <c r="ALU1192" s="10"/>
      <c r="ALV1192" s="10"/>
      <c r="ALW1192" s="10"/>
      <c r="ALX1192" s="10"/>
      <c r="ALY1192" s="10"/>
      <c r="ALZ1192" s="10"/>
      <c r="AMA1192" s="10"/>
      <c r="AMB1192" s="10"/>
      <c r="AMC1192" s="10"/>
      <c r="AMD1192" s="10"/>
      <c r="AME1192" s="10"/>
      <c r="AMF1192" s="10"/>
      <c r="AMG1192" s="10"/>
      <c r="AMH1192" s="10"/>
      <c r="AMI1192" s="10"/>
      <c r="AMJ1192" s="10"/>
      <c r="AMK1192" s="10"/>
      <c r="AML1192" s="10"/>
      <c r="AMM1192" s="10"/>
      <c r="AMN1192" s="10"/>
      <c r="AMO1192" s="10"/>
      <c r="AMP1192" s="10"/>
      <c r="AMQ1192" s="10"/>
      <c r="AMR1192" s="10"/>
      <c r="AMS1192" s="10"/>
      <c r="AMT1192" s="10"/>
      <c r="AMU1192" s="10"/>
      <c r="AMV1192" s="10"/>
      <c r="AMW1192" s="10"/>
      <c r="AMX1192" s="10"/>
      <c r="AMY1192" s="10"/>
      <c r="AMZ1192" s="10"/>
      <c r="ANA1192" s="10"/>
      <c r="ANB1192" s="10"/>
      <c r="ANC1192" s="10"/>
      <c r="AND1192" s="10"/>
      <c r="ANE1192" s="10"/>
      <c r="ANF1192" s="10"/>
      <c r="ANG1192" s="10"/>
      <c r="ANH1192" s="10"/>
      <c r="ANI1192" s="10"/>
      <c r="ANJ1192" s="10"/>
      <c r="ANK1192" s="10"/>
      <c r="ANL1192" s="10"/>
      <c r="ANM1192" s="10"/>
      <c r="ANN1192" s="10"/>
      <c r="ANO1192" s="10"/>
      <c r="ANP1192" s="10"/>
      <c r="ANQ1192" s="10"/>
      <c r="ANR1192" s="10"/>
      <c r="ANS1192" s="10"/>
      <c r="ANT1192" s="10"/>
      <c r="ANU1192" s="10"/>
      <c r="ANV1192" s="10"/>
      <c r="ANW1192" s="10"/>
      <c r="ANX1192" s="10"/>
      <c r="ANY1192" s="10"/>
      <c r="ANZ1192" s="10"/>
      <c r="AOA1192" s="10"/>
      <c r="AOB1192" s="10"/>
      <c r="AOC1192" s="10"/>
      <c r="AOD1192" s="10"/>
      <c r="AOE1192" s="10"/>
      <c r="AOF1192" s="10"/>
      <c r="AOG1192" s="10"/>
      <c r="AOH1192" s="10"/>
      <c r="AOI1192" s="10"/>
      <c r="AOJ1192" s="10"/>
      <c r="AOK1192" s="10"/>
      <c r="AOL1192" s="10"/>
      <c r="AOM1192" s="10"/>
      <c r="AON1192" s="10"/>
      <c r="AOO1192" s="10"/>
      <c r="AOP1192" s="10"/>
      <c r="AOQ1192" s="10"/>
      <c r="AOR1192" s="10"/>
      <c r="AOS1192" s="10"/>
      <c r="AOT1192" s="10"/>
      <c r="AOU1192" s="10"/>
      <c r="AOV1192" s="10"/>
      <c r="AOW1192" s="10"/>
      <c r="AOX1192" s="10"/>
      <c r="AOY1192" s="10"/>
      <c r="AOZ1192" s="10"/>
      <c r="APA1192" s="10"/>
      <c r="APB1192" s="10"/>
      <c r="APC1192" s="10"/>
      <c r="APD1192" s="10"/>
      <c r="APE1192" s="10"/>
      <c r="APF1192" s="10"/>
      <c r="APG1192" s="10"/>
      <c r="APH1192" s="10"/>
      <c r="API1192" s="10"/>
      <c r="APJ1192" s="10"/>
      <c r="APK1192" s="10"/>
      <c r="APL1192" s="10"/>
      <c r="APM1192" s="10"/>
      <c r="APN1192" s="10"/>
      <c r="APO1192" s="10"/>
      <c r="APP1192" s="10"/>
      <c r="APQ1192" s="10"/>
      <c r="APR1192" s="10"/>
      <c r="APS1192" s="10"/>
      <c r="APT1192" s="10"/>
      <c r="APU1192" s="10"/>
      <c r="APV1192" s="10"/>
      <c r="APW1192" s="10"/>
      <c r="APX1192" s="10"/>
      <c r="APY1192" s="10"/>
      <c r="APZ1192" s="10"/>
      <c r="AQA1192" s="10"/>
      <c r="AQB1192" s="10"/>
      <c r="AQC1192" s="10"/>
      <c r="AQD1192" s="10"/>
      <c r="AQE1192" s="10"/>
      <c r="AQF1192" s="10"/>
      <c r="AQG1192" s="10"/>
      <c r="AQH1192" s="10"/>
      <c r="AQI1192" s="10"/>
      <c r="AQJ1192" s="10"/>
      <c r="AQK1192" s="10"/>
      <c r="AQL1192" s="10"/>
      <c r="AQM1192" s="10"/>
      <c r="AQN1192" s="10"/>
      <c r="AQO1192" s="10"/>
      <c r="AQP1192" s="10"/>
      <c r="AQQ1192" s="10"/>
      <c r="AQR1192" s="10"/>
      <c r="AQS1192" s="10"/>
      <c r="AQT1192" s="10"/>
      <c r="AQU1192" s="10"/>
      <c r="AQV1192" s="10"/>
      <c r="AQW1192" s="10"/>
      <c r="AQX1192" s="10"/>
      <c r="AQY1192" s="10"/>
      <c r="AQZ1192" s="10"/>
      <c r="ARA1192" s="10"/>
      <c r="ARB1192" s="10"/>
      <c r="ARC1192" s="10"/>
      <c r="ARD1192" s="10"/>
      <c r="ARE1192" s="10"/>
      <c r="ARF1192" s="10"/>
      <c r="ARG1192" s="10"/>
      <c r="ARH1192" s="10"/>
      <c r="ARI1192" s="10"/>
      <c r="ARJ1192" s="10"/>
      <c r="ARK1192" s="10"/>
      <c r="ARL1192" s="10"/>
      <c r="ARM1192" s="10"/>
      <c r="ARN1192" s="10"/>
      <c r="ARO1192" s="10"/>
      <c r="ARP1192" s="10"/>
      <c r="ARQ1192" s="10"/>
      <c r="ARR1192" s="10"/>
      <c r="ARS1192" s="10"/>
      <c r="ART1192" s="10"/>
      <c r="ARU1192" s="10"/>
      <c r="ARV1192" s="10"/>
      <c r="ARW1192" s="10"/>
      <c r="ARX1192" s="10"/>
      <c r="ARY1192" s="10"/>
      <c r="ARZ1192" s="10"/>
      <c r="ASA1192" s="10"/>
      <c r="ASB1192" s="10"/>
      <c r="ASC1192" s="10"/>
      <c r="ASD1192" s="10"/>
      <c r="ASE1192" s="10"/>
      <c r="ASF1192" s="10"/>
      <c r="ASG1192" s="10"/>
      <c r="ASH1192" s="10"/>
      <c r="ASI1192" s="10"/>
      <c r="ASJ1192" s="10"/>
      <c r="ASK1192" s="10"/>
      <c r="ASL1192" s="10"/>
      <c r="ASM1192" s="10"/>
      <c r="ASN1192" s="10"/>
      <c r="ASO1192" s="10"/>
      <c r="ASP1192" s="10"/>
      <c r="ASQ1192" s="10"/>
      <c r="ASR1192" s="10"/>
      <c r="ASS1192" s="10"/>
      <c r="AST1192" s="10"/>
      <c r="ASU1192" s="10"/>
      <c r="ASV1192" s="10"/>
      <c r="ASW1192" s="10"/>
      <c r="ASX1192" s="10"/>
      <c r="ASY1192" s="10"/>
      <c r="ASZ1192" s="10"/>
      <c r="ATA1192" s="10"/>
      <c r="ATB1192" s="10"/>
      <c r="ATC1192" s="10"/>
      <c r="ATD1192" s="10"/>
      <c r="ATE1192" s="10"/>
      <c r="ATF1192" s="10"/>
      <c r="ATG1192" s="10"/>
      <c r="ATH1192" s="10"/>
      <c r="ATI1192" s="10"/>
      <c r="ATJ1192" s="10"/>
      <c r="ATK1192" s="10"/>
      <c r="ATL1192" s="10"/>
      <c r="ATM1192" s="10"/>
      <c r="ATN1192" s="10"/>
      <c r="ATO1192" s="10"/>
      <c r="ATP1192" s="10"/>
      <c r="ATQ1192" s="10"/>
      <c r="ATR1192" s="10"/>
      <c r="ATS1192" s="10"/>
      <c r="ATT1192" s="10"/>
      <c r="ATU1192" s="10"/>
      <c r="ATV1192" s="10"/>
      <c r="ATW1192" s="10"/>
      <c r="ATX1192" s="10"/>
      <c r="ATY1192" s="10"/>
      <c r="ATZ1192" s="10"/>
      <c r="AUA1192" s="10"/>
      <c r="AUB1192" s="10"/>
      <c r="AUC1192" s="10"/>
      <c r="AUD1192" s="10"/>
      <c r="AUE1192" s="10"/>
      <c r="AUF1192" s="10"/>
      <c r="AUG1192" s="10"/>
      <c r="AUH1192" s="10"/>
      <c r="AUI1192" s="10"/>
      <c r="AUJ1192" s="10"/>
      <c r="AUK1192" s="10"/>
      <c r="AUL1192" s="10"/>
      <c r="AUM1192" s="10"/>
      <c r="AUN1192" s="10"/>
      <c r="AUO1192" s="10"/>
      <c r="AUP1192" s="10"/>
      <c r="AUQ1192" s="10"/>
      <c r="AUR1192" s="10"/>
      <c r="AUS1192" s="10"/>
      <c r="AUT1192" s="10"/>
      <c r="AUU1192" s="10"/>
      <c r="AUV1192" s="10"/>
      <c r="AUW1192" s="10"/>
      <c r="AUX1192" s="10"/>
      <c r="AUY1192" s="10"/>
      <c r="AUZ1192" s="10"/>
      <c r="AVA1192" s="10"/>
      <c r="AVB1192" s="10"/>
      <c r="AVC1192" s="10"/>
      <c r="AVD1192" s="10"/>
      <c r="AVE1192" s="10"/>
      <c r="AVF1192" s="10"/>
      <c r="AVG1192" s="10"/>
      <c r="AVH1192" s="10"/>
      <c r="AVI1192" s="10"/>
      <c r="AVJ1192" s="10"/>
      <c r="AVK1192" s="10"/>
      <c r="AVL1192" s="10"/>
      <c r="AVM1192" s="10"/>
      <c r="AVN1192" s="10"/>
      <c r="AVO1192" s="10"/>
      <c r="AVP1192" s="10"/>
      <c r="AVQ1192" s="10"/>
      <c r="AVR1192" s="10"/>
      <c r="AVS1192" s="10"/>
      <c r="AVT1192" s="10"/>
      <c r="AVU1192" s="10"/>
      <c r="AVV1192" s="10"/>
      <c r="AVW1192" s="10"/>
      <c r="AVX1192" s="10"/>
      <c r="AVY1192" s="10"/>
      <c r="AVZ1192" s="10"/>
      <c r="AWA1192" s="10"/>
      <c r="AWB1192" s="10"/>
      <c r="AWC1192" s="10"/>
      <c r="AWD1192" s="10"/>
      <c r="AWE1192" s="10"/>
      <c r="AWF1192" s="10"/>
      <c r="AWG1192" s="10"/>
      <c r="AWH1192" s="10"/>
      <c r="AWI1192" s="10"/>
      <c r="AWJ1192" s="10"/>
      <c r="AWK1192" s="10"/>
      <c r="AWL1192" s="10"/>
      <c r="AWM1192" s="10"/>
      <c r="AWN1192" s="10"/>
      <c r="AWO1192" s="10"/>
      <c r="AWP1192" s="10"/>
      <c r="AWQ1192" s="10"/>
      <c r="AWR1192" s="10"/>
      <c r="AWS1192" s="10"/>
      <c r="AWT1192" s="10"/>
      <c r="AWU1192" s="10"/>
      <c r="AWV1192" s="10"/>
      <c r="AWW1192" s="10"/>
      <c r="AWX1192" s="10"/>
      <c r="AWY1192" s="10"/>
      <c r="AWZ1192" s="10"/>
      <c r="AXA1192" s="10"/>
      <c r="AXB1192" s="10"/>
      <c r="AXC1192" s="10"/>
      <c r="AXD1192" s="10"/>
      <c r="AXE1192" s="10"/>
      <c r="AXF1192" s="10"/>
      <c r="AXG1192" s="10"/>
      <c r="AXH1192" s="10"/>
      <c r="AXI1192" s="10"/>
      <c r="AXJ1192" s="10"/>
      <c r="AXK1192" s="10"/>
      <c r="AXL1192" s="10"/>
      <c r="AXM1192" s="10"/>
      <c r="AXN1192" s="10"/>
      <c r="AXO1192" s="10"/>
      <c r="AXP1192" s="10"/>
      <c r="AXQ1192" s="10"/>
      <c r="AXR1192" s="10"/>
      <c r="AXS1192" s="10"/>
      <c r="AXT1192" s="10"/>
      <c r="AXU1192" s="10"/>
      <c r="AXV1192" s="10"/>
      <c r="AXW1192" s="10"/>
      <c r="AXX1192" s="10"/>
      <c r="AXY1192" s="10"/>
      <c r="AXZ1192" s="10"/>
      <c r="AYA1192" s="10"/>
      <c r="AYB1192" s="10"/>
      <c r="AYC1192" s="10"/>
      <c r="AYD1192" s="10"/>
      <c r="AYE1192" s="10"/>
      <c r="AYF1192" s="10"/>
      <c r="AYG1192" s="10"/>
      <c r="AYH1192" s="10"/>
      <c r="AYI1192" s="10"/>
      <c r="AYJ1192" s="10"/>
      <c r="AYK1192" s="10"/>
      <c r="AYL1192" s="10"/>
      <c r="AYM1192" s="10"/>
      <c r="AYN1192" s="10"/>
      <c r="AYO1192" s="10"/>
      <c r="AYP1192" s="10"/>
      <c r="AYQ1192" s="10"/>
      <c r="AYR1192" s="10"/>
      <c r="AYS1192" s="10"/>
      <c r="AYT1192" s="10"/>
      <c r="AYU1192" s="10"/>
      <c r="AYV1192" s="10"/>
      <c r="AYW1192" s="10"/>
      <c r="AYX1192" s="10"/>
      <c r="AYY1192" s="10"/>
      <c r="AYZ1192" s="10"/>
      <c r="AZA1192" s="10"/>
      <c r="AZB1192" s="10"/>
      <c r="AZC1192" s="10"/>
      <c r="AZD1192" s="10"/>
      <c r="AZE1192" s="10"/>
      <c r="AZF1192" s="10"/>
      <c r="AZG1192" s="10"/>
      <c r="AZH1192" s="10"/>
      <c r="AZI1192" s="10"/>
      <c r="AZJ1192" s="10"/>
      <c r="AZK1192" s="10"/>
      <c r="AZL1192" s="10"/>
      <c r="AZM1192" s="10"/>
      <c r="AZN1192" s="10"/>
      <c r="AZO1192" s="10"/>
      <c r="AZP1192" s="10"/>
      <c r="AZQ1192" s="10"/>
      <c r="AZR1192" s="10"/>
      <c r="AZS1192" s="10"/>
      <c r="AZT1192" s="10"/>
      <c r="AZU1192" s="10"/>
      <c r="AZV1192" s="10"/>
      <c r="AZW1192" s="10"/>
      <c r="AZX1192" s="10"/>
      <c r="AZY1192" s="10"/>
      <c r="AZZ1192" s="10"/>
      <c r="BAA1192" s="10"/>
      <c r="BAB1192" s="10"/>
      <c r="BAC1192" s="10"/>
      <c r="BAD1192" s="10"/>
      <c r="BAE1192" s="10"/>
      <c r="BAF1192" s="10"/>
      <c r="BAG1192" s="10"/>
      <c r="BAH1192" s="10"/>
      <c r="BAI1192" s="10"/>
      <c r="BAJ1192" s="10"/>
      <c r="BAK1192" s="10"/>
      <c r="BAL1192" s="10"/>
      <c r="BAM1192" s="10"/>
      <c r="BAN1192" s="10"/>
      <c r="BAO1192" s="10"/>
      <c r="BAP1192" s="10"/>
      <c r="BAQ1192" s="10"/>
      <c r="BAR1192" s="10"/>
      <c r="BAS1192" s="10"/>
      <c r="BAT1192" s="10"/>
      <c r="BAU1192" s="10"/>
      <c r="BAV1192" s="10"/>
      <c r="BAW1192" s="10"/>
      <c r="BAX1192" s="10"/>
      <c r="BAY1192" s="10"/>
      <c r="BAZ1192" s="10"/>
      <c r="BBA1192" s="10"/>
      <c r="BBB1192" s="10"/>
      <c r="BBC1192" s="10"/>
      <c r="BBD1192" s="10"/>
      <c r="BBE1192" s="10"/>
      <c r="BBF1192" s="10"/>
      <c r="BBG1192" s="10"/>
      <c r="BBH1192" s="10"/>
      <c r="BBI1192" s="10"/>
      <c r="BBJ1192" s="10"/>
      <c r="BBK1192" s="10"/>
      <c r="BBL1192" s="10"/>
      <c r="BBM1192" s="10"/>
      <c r="BBN1192" s="10"/>
      <c r="BBO1192" s="10"/>
      <c r="BBP1192" s="10"/>
      <c r="BBQ1192" s="10"/>
      <c r="BBR1192" s="10"/>
      <c r="BBS1192" s="10"/>
      <c r="BBT1192" s="10"/>
      <c r="BBU1192" s="10"/>
      <c r="BBV1192" s="10"/>
      <c r="BBW1192" s="10"/>
      <c r="BBX1192" s="10"/>
      <c r="BBY1192" s="10"/>
      <c r="BBZ1192" s="10"/>
      <c r="BCA1192" s="10"/>
      <c r="BCB1192" s="10"/>
      <c r="BCC1192" s="10"/>
      <c r="BCD1192" s="10"/>
      <c r="BCE1192" s="10"/>
      <c r="BCF1192" s="10"/>
      <c r="BCG1192" s="10"/>
      <c r="BCH1192" s="10"/>
      <c r="BCI1192" s="10"/>
      <c r="BCJ1192" s="10"/>
      <c r="BCK1192" s="10"/>
      <c r="BCL1192" s="10"/>
      <c r="BCM1192" s="10"/>
      <c r="BCN1192" s="10"/>
      <c r="BCO1192" s="10"/>
      <c r="BCP1192" s="10"/>
      <c r="BCQ1192" s="10"/>
      <c r="BCR1192" s="10"/>
      <c r="BCS1192" s="10"/>
      <c r="BCT1192" s="10"/>
      <c r="BCU1192" s="10"/>
      <c r="BCV1192" s="10"/>
      <c r="BCW1192" s="10"/>
      <c r="BCX1192" s="10"/>
      <c r="BCY1192" s="10"/>
      <c r="BCZ1192" s="10"/>
      <c r="BDA1192" s="10"/>
      <c r="BDB1192" s="10"/>
      <c r="BDC1192" s="10"/>
      <c r="BDD1192" s="10"/>
      <c r="BDE1192" s="10"/>
      <c r="BDF1192" s="10"/>
      <c r="BDG1192" s="10"/>
      <c r="BDH1192" s="10"/>
      <c r="BDI1192" s="10"/>
      <c r="BDJ1192" s="10"/>
      <c r="BDK1192" s="10"/>
      <c r="BDL1192" s="10"/>
      <c r="BDM1192" s="10"/>
      <c r="BDN1192" s="10"/>
      <c r="BDO1192" s="10"/>
      <c r="BDP1192" s="10"/>
      <c r="BDQ1192" s="10"/>
      <c r="BDR1192" s="10"/>
      <c r="BDS1192" s="10"/>
      <c r="BDT1192" s="10"/>
      <c r="BDU1192" s="10"/>
      <c r="BDV1192" s="10"/>
      <c r="BDW1192" s="10"/>
      <c r="BDX1192" s="10"/>
      <c r="BDY1192" s="10"/>
      <c r="BDZ1192" s="10"/>
      <c r="BEA1192" s="10"/>
      <c r="BEB1192" s="10"/>
      <c r="BEC1192" s="10"/>
      <c r="BED1192" s="10"/>
      <c r="BEE1192" s="10"/>
      <c r="BEF1192" s="10"/>
      <c r="BEG1192" s="10"/>
      <c r="BEH1192" s="10"/>
      <c r="BEI1192" s="10"/>
      <c r="BEJ1192" s="10"/>
      <c r="BEK1192" s="10"/>
      <c r="BEL1192" s="10"/>
      <c r="BEM1192" s="10"/>
      <c r="BEN1192" s="10"/>
      <c r="BEO1192" s="10"/>
      <c r="BEP1192" s="10"/>
      <c r="BEQ1192" s="10"/>
      <c r="BER1192" s="10"/>
      <c r="BES1192" s="10"/>
      <c r="BET1192" s="10"/>
      <c r="BEU1192" s="10"/>
      <c r="BEV1192" s="10"/>
      <c r="BEW1192" s="10"/>
      <c r="BEX1192" s="10"/>
      <c r="BEY1192" s="10"/>
      <c r="BEZ1192" s="10"/>
      <c r="BFA1192" s="10"/>
      <c r="BFB1192" s="10"/>
      <c r="BFC1192" s="10"/>
      <c r="BFD1192" s="10"/>
      <c r="BFE1192" s="10"/>
      <c r="BFF1192" s="10"/>
      <c r="BFG1192" s="10"/>
      <c r="BFH1192" s="10"/>
      <c r="BFI1192" s="10"/>
      <c r="BFJ1192" s="10"/>
      <c r="BFK1192" s="10"/>
      <c r="BFL1192" s="10"/>
      <c r="BFM1192" s="10"/>
      <c r="BFN1192" s="10"/>
      <c r="BFO1192" s="10"/>
      <c r="BFP1192" s="10"/>
      <c r="BFQ1192" s="10"/>
      <c r="BFR1192" s="10"/>
      <c r="BFS1192" s="10"/>
      <c r="BFT1192" s="10"/>
      <c r="BFU1192" s="10"/>
      <c r="BFV1192" s="10"/>
      <c r="BFW1192" s="10"/>
      <c r="BFX1192" s="10"/>
      <c r="BFY1192" s="10"/>
      <c r="BFZ1192" s="10"/>
      <c r="BGA1192" s="10"/>
      <c r="BGB1192" s="10"/>
      <c r="BGC1192" s="10"/>
      <c r="BGD1192" s="10"/>
      <c r="BGE1192" s="10"/>
      <c r="BGF1192" s="10"/>
      <c r="BGG1192" s="10"/>
      <c r="BGH1192" s="10"/>
      <c r="BGI1192" s="10"/>
      <c r="BGJ1192" s="10"/>
      <c r="BGK1192" s="10"/>
      <c r="BGL1192" s="10"/>
      <c r="BGM1192" s="10"/>
      <c r="BGN1192" s="10"/>
      <c r="BGO1192" s="10"/>
      <c r="BGP1192" s="10"/>
      <c r="BGQ1192" s="10"/>
      <c r="BGR1192" s="10"/>
      <c r="BGS1192" s="10"/>
      <c r="BGT1192" s="10"/>
      <c r="BGU1192" s="10"/>
      <c r="BGV1192" s="10"/>
      <c r="BGW1192" s="10"/>
      <c r="BGX1192" s="10"/>
      <c r="BGY1192" s="10"/>
      <c r="BGZ1192" s="10"/>
      <c r="BHA1192" s="10"/>
      <c r="BHB1192" s="10"/>
      <c r="BHC1192" s="10"/>
      <c r="BHD1192" s="10"/>
      <c r="BHE1192" s="10"/>
      <c r="BHF1192" s="10"/>
      <c r="BHG1192" s="10"/>
      <c r="BHH1192" s="10"/>
      <c r="BHI1192" s="10"/>
      <c r="BHJ1192" s="10"/>
      <c r="BHK1192" s="10"/>
      <c r="BHL1192" s="10"/>
      <c r="BHM1192" s="10"/>
      <c r="BHN1192" s="10"/>
      <c r="BHO1192" s="10"/>
      <c r="BHP1192" s="10"/>
      <c r="BHQ1192" s="10"/>
      <c r="BHR1192" s="10"/>
      <c r="BHS1192" s="10"/>
      <c r="BHT1192" s="10"/>
      <c r="BHU1192" s="10"/>
      <c r="BHV1192" s="10"/>
      <c r="BHW1192" s="10"/>
      <c r="BHX1192" s="10"/>
      <c r="BHY1192" s="10"/>
      <c r="BHZ1192" s="10"/>
      <c r="BIA1192" s="10"/>
      <c r="BIB1192" s="10"/>
      <c r="BIC1192" s="10"/>
      <c r="BID1192" s="10"/>
      <c r="BIE1192" s="10"/>
      <c r="BIF1192" s="10"/>
      <c r="BIG1192" s="10"/>
      <c r="BIH1192" s="10"/>
      <c r="BII1192" s="10"/>
      <c r="BIJ1192" s="10"/>
      <c r="BIK1192" s="10"/>
      <c r="BIL1192" s="10"/>
      <c r="BIM1192" s="10"/>
      <c r="BIN1192" s="10"/>
      <c r="BIO1192" s="10"/>
      <c r="BIP1192" s="10"/>
      <c r="BIQ1192" s="10"/>
      <c r="BIR1192" s="10"/>
      <c r="BIS1192" s="10"/>
      <c r="BIT1192" s="10"/>
      <c r="BIU1192" s="10"/>
      <c r="BIV1192" s="10"/>
      <c r="BIW1192" s="10"/>
      <c r="BIX1192" s="10"/>
      <c r="BIY1192" s="10"/>
      <c r="BIZ1192" s="10"/>
      <c r="BJA1192" s="10"/>
      <c r="BJB1192" s="10"/>
      <c r="BJC1192" s="10"/>
      <c r="BJD1192" s="10"/>
      <c r="BJE1192" s="10"/>
      <c r="BJF1192" s="10"/>
      <c r="BJG1192" s="10"/>
      <c r="BJH1192" s="10"/>
      <c r="BJI1192" s="10"/>
      <c r="BJJ1192" s="10"/>
      <c r="BJK1192" s="10"/>
      <c r="BJL1192" s="10"/>
      <c r="BJM1192" s="10"/>
      <c r="BJN1192" s="10"/>
      <c r="BJO1192" s="10"/>
      <c r="BJP1192" s="10"/>
      <c r="BJQ1192" s="10"/>
      <c r="BJR1192" s="10"/>
      <c r="BJS1192" s="10"/>
      <c r="BJT1192" s="10"/>
      <c r="BJU1192" s="10"/>
      <c r="BJV1192" s="10"/>
      <c r="BJW1192" s="10"/>
      <c r="BJX1192" s="10"/>
      <c r="BJY1192" s="10"/>
      <c r="BJZ1192" s="10"/>
      <c r="BKA1192" s="10"/>
      <c r="BKB1192" s="10"/>
      <c r="BKC1192" s="10"/>
      <c r="BKD1192" s="10"/>
      <c r="BKE1192" s="10"/>
      <c r="BKF1192" s="10"/>
      <c r="BKG1192" s="10"/>
      <c r="BKH1192" s="10"/>
      <c r="BKI1192" s="10"/>
      <c r="BKJ1192" s="10"/>
      <c r="BKK1192" s="10"/>
      <c r="BKL1192" s="10"/>
      <c r="BKM1192" s="10"/>
      <c r="BKN1192" s="10"/>
      <c r="BKO1192" s="10"/>
      <c r="BKP1192" s="10"/>
      <c r="BKQ1192" s="10"/>
      <c r="BKR1192" s="10"/>
      <c r="BKS1192" s="10"/>
      <c r="BKT1192" s="10"/>
      <c r="BKU1192" s="10"/>
      <c r="BKV1192" s="10"/>
      <c r="BKW1192" s="10"/>
      <c r="BKX1192" s="10"/>
      <c r="BKY1192" s="10"/>
      <c r="BKZ1192" s="10"/>
      <c r="BLA1192" s="10"/>
      <c r="BLB1192" s="10"/>
      <c r="BLC1192" s="10"/>
      <c r="BLD1192" s="10"/>
      <c r="BLE1192" s="10"/>
      <c r="BLF1192" s="10"/>
      <c r="BLG1192" s="10"/>
      <c r="BLH1192" s="10"/>
      <c r="BLI1192" s="10"/>
      <c r="BLJ1192" s="10"/>
      <c r="BLK1192" s="10"/>
      <c r="BLL1192" s="10"/>
      <c r="BLM1192" s="10"/>
      <c r="BLN1192" s="10"/>
      <c r="BLO1192" s="10"/>
      <c r="BLP1192" s="10"/>
      <c r="BLQ1192" s="10"/>
      <c r="BLR1192" s="10"/>
      <c r="BLS1192" s="10"/>
      <c r="BLT1192" s="10"/>
      <c r="BLU1192" s="10"/>
      <c r="BLV1192" s="10"/>
      <c r="BLW1192" s="10"/>
      <c r="BLX1192" s="10"/>
      <c r="BLY1192" s="10"/>
      <c r="BLZ1192" s="10"/>
      <c r="BMA1192" s="10"/>
      <c r="BMB1192" s="10"/>
      <c r="BMC1192" s="10"/>
      <c r="BMD1192" s="10"/>
      <c r="BME1192" s="10"/>
      <c r="BMF1192" s="10"/>
      <c r="BMG1192" s="10"/>
      <c r="BMH1192" s="10"/>
      <c r="BMI1192" s="10"/>
      <c r="BMJ1192" s="10"/>
      <c r="BMK1192" s="10"/>
      <c r="BML1192" s="10"/>
      <c r="BMM1192" s="10"/>
      <c r="BMN1192" s="10"/>
      <c r="BMO1192" s="10"/>
      <c r="BMP1192" s="10"/>
      <c r="BMQ1192" s="10"/>
      <c r="BMR1192" s="10"/>
      <c r="BMS1192" s="10"/>
      <c r="BMT1192" s="10"/>
      <c r="BMU1192" s="10"/>
      <c r="BMV1192" s="10"/>
      <c r="BMW1192" s="10"/>
      <c r="BMX1192" s="10"/>
      <c r="BMY1192" s="10"/>
      <c r="BMZ1192" s="10"/>
      <c r="BNA1192" s="10"/>
      <c r="BNB1192" s="10"/>
      <c r="BNC1192" s="10"/>
      <c r="BND1192" s="10"/>
      <c r="BNE1192" s="10"/>
      <c r="BNF1192" s="10"/>
      <c r="BNG1192" s="10"/>
      <c r="BNH1192" s="10"/>
      <c r="BNI1192" s="10"/>
      <c r="BNJ1192" s="10"/>
      <c r="BNK1192" s="10"/>
      <c r="BNL1192" s="10"/>
      <c r="BNM1192" s="10"/>
      <c r="BNN1192" s="10"/>
      <c r="BNO1192" s="10"/>
      <c r="BNP1192" s="10"/>
      <c r="BNQ1192" s="10"/>
      <c r="BNR1192" s="10"/>
      <c r="BNS1192" s="10"/>
      <c r="BNT1192" s="10"/>
      <c r="BNU1192" s="10"/>
      <c r="BNV1192" s="10"/>
      <c r="BNW1192" s="10"/>
      <c r="BNX1192" s="10"/>
      <c r="BNY1192" s="10"/>
      <c r="BNZ1192" s="10"/>
      <c r="BOA1192" s="10"/>
      <c r="BOB1192" s="10"/>
      <c r="BOC1192" s="10"/>
      <c r="BOD1192" s="10"/>
      <c r="BOE1192" s="10"/>
      <c r="BOF1192" s="10"/>
      <c r="BOG1192" s="10"/>
      <c r="BOH1192" s="10"/>
      <c r="BOI1192" s="10"/>
      <c r="BOJ1192" s="10"/>
      <c r="BOK1192" s="10"/>
      <c r="BOL1192" s="10"/>
      <c r="BOM1192" s="10"/>
      <c r="BON1192" s="10"/>
      <c r="BOO1192" s="10"/>
      <c r="BOP1192" s="10"/>
      <c r="BOQ1192" s="10"/>
      <c r="BOR1192" s="10"/>
      <c r="BOS1192" s="10"/>
      <c r="BOT1192" s="10"/>
      <c r="BOU1192" s="10"/>
      <c r="BOV1192" s="10"/>
      <c r="BOW1192" s="10"/>
      <c r="BOX1192" s="10"/>
      <c r="BOY1192" s="10"/>
      <c r="BOZ1192" s="10"/>
      <c r="BPA1192" s="10"/>
      <c r="BPB1192" s="10"/>
      <c r="BPC1192" s="10"/>
      <c r="BPD1192" s="10"/>
      <c r="BPE1192" s="10"/>
      <c r="BPF1192" s="10"/>
      <c r="BPG1192" s="10"/>
      <c r="BPH1192" s="10"/>
      <c r="BPI1192" s="10"/>
      <c r="BPJ1192" s="10"/>
      <c r="BPK1192" s="10"/>
      <c r="BPL1192" s="10"/>
      <c r="BPM1192" s="10"/>
      <c r="BPN1192" s="10"/>
      <c r="BPO1192" s="10"/>
      <c r="BPP1192" s="10"/>
      <c r="BPQ1192" s="10"/>
      <c r="BPR1192" s="10"/>
      <c r="BPS1192" s="10"/>
      <c r="BPT1192" s="10"/>
      <c r="BPU1192" s="10"/>
      <c r="BPV1192" s="10"/>
      <c r="BPW1192" s="10"/>
      <c r="BPX1192" s="10"/>
      <c r="BPY1192" s="10"/>
      <c r="BPZ1192" s="10"/>
      <c r="BQA1192" s="10"/>
      <c r="BQB1192" s="10"/>
      <c r="BQC1192" s="10"/>
      <c r="BQD1192" s="10"/>
      <c r="BQE1192" s="10"/>
      <c r="BQF1192" s="10"/>
      <c r="BQG1192" s="10"/>
      <c r="BQH1192" s="10"/>
      <c r="BQI1192" s="10"/>
      <c r="BQJ1192" s="10"/>
      <c r="BQK1192" s="10"/>
      <c r="BQL1192" s="10"/>
      <c r="BQM1192" s="10"/>
      <c r="BQN1192" s="10"/>
      <c r="BQO1192" s="10"/>
      <c r="BQP1192" s="10"/>
      <c r="BQQ1192" s="10"/>
      <c r="BQR1192" s="10"/>
      <c r="BQS1192" s="10"/>
      <c r="BQT1192" s="10"/>
      <c r="BQU1192" s="10"/>
      <c r="BQV1192" s="10"/>
      <c r="BQW1192" s="10"/>
      <c r="BQX1192" s="10"/>
      <c r="BQY1192" s="10"/>
      <c r="BQZ1192" s="10"/>
      <c r="BRA1192" s="10"/>
      <c r="BRB1192" s="10"/>
      <c r="BRC1192" s="10"/>
      <c r="BRD1192" s="10"/>
      <c r="BRE1192" s="10"/>
      <c r="BRF1192" s="10"/>
      <c r="BRG1192" s="10"/>
      <c r="BRH1192" s="10"/>
      <c r="BRI1192" s="10"/>
      <c r="BRJ1192" s="10"/>
      <c r="BRK1192" s="10"/>
      <c r="BRL1192" s="10"/>
      <c r="BRM1192" s="10"/>
      <c r="BRN1192" s="10"/>
      <c r="BRO1192" s="10"/>
      <c r="BRP1192" s="10"/>
      <c r="BRQ1192" s="10"/>
      <c r="BRR1192" s="10"/>
      <c r="BRS1192" s="10"/>
      <c r="BRT1192" s="10"/>
      <c r="BRU1192" s="10"/>
      <c r="BRV1192" s="10"/>
      <c r="BRW1192" s="10"/>
      <c r="BRX1192" s="10"/>
      <c r="BRY1192" s="10"/>
      <c r="BRZ1192" s="10"/>
      <c r="BSA1192" s="10"/>
      <c r="BSB1192" s="10"/>
      <c r="BSC1192" s="10"/>
      <c r="BSD1192" s="10"/>
      <c r="BSE1192" s="10"/>
      <c r="BSF1192" s="10"/>
      <c r="BSG1192" s="10"/>
      <c r="BSH1192" s="10"/>
      <c r="BSI1192" s="10"/>
      <c r="BSJ1192" s="10"/>
      <c r="BSK1192" s="10"/>
      <c r="BSL1192" s="10"/>
      <c r="BSM1192" s="10"/>
      <c r="BSN1192" s="10"/>
      <c r="BSO1192" s="10"/>
      <c r="BSP1192" s="10"/>
      <c r="BSQ1192" s="10"/>
      <c r="BSR1192" s="10"/>
      <c r="BSS1192" s="10"/>
      <c r="BST1192" s="10"/>
      <c r="BSU1192" s="10"/>
      <c r="BSV1192" s="10"/>
      <c r="BSW1192" s="10"/>
      <c r="BSX1192" s="10"/>
      <c r="BSY1192" s="10"/>
      <c r="BSZ1192" s="10"/>
      <c r="BTA1192" s="10"/>
      <c r="BTB1192" s="10"/>
      <c r="BTC1192" s="10"/>
      <c r="BTD1192" s="10"/>
      <c r="BTE1192" s="10"/>
      <c r="BTF1192" s="10"/>
      <c r="BTG1192" s="10"/>
      <c r="BTH1192" s="10"/>
      <c r="BTI1192" s="10"/>
      <c r="BTJ1192" s="10"/>
      <c r="BTK1192" s="10"/>
      <c r="BTL1192" s="10"/>
      <c r="BTM1192" s="10"/>
      <c r="BTN1192" s="10"/>
      <c r="BTO1192" s="10"/>
      <c r="BTP1192" s="10"/>
      <c r="BTQ1192" s="10"/>
      <c r="BTR1192" s="10"/>
      <c r="BTS1192" s="10"/>
      <c r="BTT1192" s="10"/>
      <c r="BTU1192" s="10"/>
      <c r="BTV1192" s="10"/>
      <c r="BTW1192" s="10"/>
      <c r="BTX1192" s="10"/>
      <c r="BTY1192" s="10"/>
      <c r="BTZ1192" s="10"/>
      <c r="BUA1192" s="10"/>
      <c r="BUB1192" s="10"/>
      <c r="BUC1192" s="10"/>
      <c r="BUD1192" s="10"/>
      <c r="BUE1192" s="10"/>
      <c r="BUF1192" s="10"/>
      <c r="BUG1192" s="10"/>
      <c r="BUH1192" s="10"/>
      <c r="BUI1192" s="10"/>
      <c r="BUJ1192" s="10"/>
      <c r="BUK1192" s="10"/>
      <c r="BUL1192" s="10"/>
      <c r="BUM1192" s="10"/>
      <c r="BUN1192" s="10"/>
      <c r="BUO1192" s="10"/>
      <c r="BUP1192" s="10"/>
      <c r="BUQ1192" s="10"/>
      <c r="BUR1192" s="10"/>
      <c r="BUS1192" s="10"/>
      <c r="BUT1192" s="10"/>
      <c r="BUU1192" s="10"/>
      <c r="BUV1192" s="10"/>
      <c r="BUW1192" s="10"/>
      <c r="BUX1192" s="10"/>
      <c r="BUY1192" s="10"/>
      <c r="BUZ1192" s="10"/>
      <c r="BVA1192" s="10"/>
      <c r="BVB1192" s="10"/>
      <c r="BVC1192" s="10"/>
      <c r="BVD1192" s="10"/>
      <c r="BVE1192" s="10"/>
      <c r="BVF1192" s="10"/>
      <c r="BVG1192" s="10"/>
      <c r="BVH1192" s="10"/>
      <c r="BVI1192" s="10"/>
      <c r="BVJ1192" s="10"/>
      <c r="BVK1192" s="10"/>
      <c r="BVL1192" s="10"/>
      <c r="BVM1192" s="10"/>
      <c r="BVN1192" s="10"/>
      <c r="BVO1192" s="10"/>
      <c r="BVP1192" s="10"/>
      <c r="BVQ1192" s="10"/>
      <c r="BVR1192" s="10"/>
      <c r="BVS1192" s="10"/>
      <c r="BVT1192" s="10"/>
      <c r="BVU1192" s="10"/>
      <c r="BVV1192" s="10"/>
      <c r="BVW1192" s="10"/>
      <c r="BVX1192" s="10"/>
      <c r="BVY1192" s="10"/>
      <c r="BVZ1192" s="10"/>
      <c r="BWA1192" s="10"/>
      <c r="BWB1192" s="10"/>
      <c r="BWC1192" s="10"/>
      <c r="BWD1192" s="10"/>
      <c r="BWE1192" s="10"/>
      <c r="BWF1192" s="10"/>
      <c r="BWG1192" s="10"/>
      <c r="BWH1192" s="10"/>
      <c r="BWI1192" s="10"/>
      <c r="BWJ1192" s="10"/>
      <c r="BWK1192" s="10"/>
      <c r="BWL1192" s="10"/>
      <c r="BWM1192" s="10"/>
      <c r="BWN1192" s="10"/>
      <c r="BWO1192" s="10"/>
      <c r="BWP1192" s="10"/>
      <c r="BWQ1192" s="10"/>
      <c r="BWR1192" s="10"/>
      <c r="BWS1192" s="10"/>
      <c r="BWT1192" s="10"/>
      <c r="BWU1192" s="10"/>
      <c r="BWV1192" s="10"/>
      <c r="BWW1192" s="10"/>
      <c r="BWX1192" s="10"/>
      <c r="BWY1192" s="10"/>
      <c r="BWZ1192" s="10"/>
      <c r="BXA1192" s="10"/>
      <c r="BXB1192" s="10"/>
      <c r="BXC1192" s="10"/>
      <c r="BXD1192" s="10"/>
      <c r="BXE1192" s="10"/>
      <c r="BXF1192" s="10"/>
      <c r="BXG1192" s="10"/>
      <c r="BXH1192" s="10"/>
      <c r="BXI1192" s="10"/>
      <c r="BXJ1192" s="10"/>
      <c r="BXK1192" s="10"/>
      <c r="BXL1192" s="10"/>
      <c r="BXM1192" s="10"/>
      <c r="BXN1192" s="10"/>
      <c r="BXO1192" s="10"/>
      <c r="BXP1192" s="10"/>
      <c r="BXQ1192" s="10"/>
      <c r="BXR1192" s="10"/>
      <c r="BXS1192" s="10"/>
      <c r="BXT1192" s="10"/>
      <c r="BXU1192" s="10"/>
      <c r="BXV1192" s="10"/>
      <c r="BXW1192" s="10"/>
      <c r="BXX1192" s="10"/>
      <c r="BXY1192" s="10"/>
      <c r="BXZ1192" s="10"/>
      <c r="BYA1192" s="10"/>
      <c r="BYB1192" s="10"/>
      <c r="BYC1192" s="10"/>
      <c r="BYD1192" s="10"/>
      <c r="BYE1192" s="10"/>
      <c r="BYF1192" s="10"/>
      <c r="BYG1192" s="10"/>
      <c r="BYH1192" s="10"/>
      <c r="BYI1192" s="10"/>
      <c r="BYJ1192" s="10"/>
      <c r="BYK1192" s="10"/>
      <c r="BYL1192" s="10"/>
      <c r="BYM1192" s="10"/>
      <c r="BYN1192" s="10"/>
      <c r="BYO1192" s="10"/>
      <c r="BYP1192" s="10"/>
      <c r="BYQ1192" s="10"/>
      <c r="BYR1192" s="10"/>
      <c r="BYS1192" s="10"/>
      <c r="BYT1192" s="10"/>
      <c r="BYU1192" s="10"/>
      <c r="BYV1192" s="10"/>
      <c r="BYW1192" s="10"/>
      <c r="BYX1192" s="10"/>
      <c r="BYY1192" s="10"/>
      <c r="BYZ1192" s="10"/>
      <c r="BZA1192" s="10"/>
      <c r="BZB1192" s="10"/>
      <c r="BZC1192" s="10"/>
      <c r="BZD1192" s="10"/>
      <c r="BZE1192" s="10"/>
      <c r="BZF1192" s="10"/>
      <c r="BZG1192" s="10"/>
      <c r="BZH1192" s="10"/>
      <c r="BZI1192" s="10"/>
      <c r="BZJ1192" s="10"/>
      <c r="BZK1192" s="10"/>
      <c r="BZL1192" s="10"/>
      <c r="BZM1192" s="10"/>
      <c r="BZN1192" s="10"/>
      <c r="BZO1192" s="10"/>
      <c r="BZP1192" s="10"/>
      <c r="BZQ1192" s="10"/>
      <c r="BZR1192" s="10"/>
      <c r="BZS1192" s="10"/>
      <c r="BZT1192" s="10"/>
      <c r="BZU1192" s="10"/>
      <c r="BZV1192" s="10"/>
      <c r="BZW1192" s="10"/>
      <c r="BZX1192" s="10"/>
      <c r="BZY1192" s="10"/>
      <c r="BZZ1192" s="10"/>
      <c r="CAA1192" s="10"/>
      <c r="CAB1192" s="10"/>
      <c r="CAC1192" s="10"/>
      <c r="CAD1192" s="10"/>
      <c r="CAE1192" s="10"/>
      <c r="CAF1192" s="10"/>
      <c r="CAG1192" s="10"/>
      <c r="CAH1192" s="10"/>
      <c r="CAI1192" s="10"/>
      <c r="CAJ1192" s="10"/>
      <c r="CAK1192" s="10"/>
      <c r="CAL1192" s="10"/>
      <c r="CAM1192" s="10"/>
      <c r="CAN1192" s="10"/>
      <c r="CAO1192" s="10"/>
      <c r="CAP1192" s="10"/>
      <c r="CAQ1192" s="10"/>
      <c r="CAR1192" s="10"/>
      <c r="CAS1192" s="10"/>
      <c r="CAT1192" s="10"/>
      <c r="CAU1192" s="10"/>
      <c r="CAV1192" s="10"/>
      <c r="CAW1192" s="10"/>
      <c r="CAX1192" s="10"/>
      <c r="CAY1192" s="10"/>
      <c r="CAZ1192" s="10"/>
      <c r="CBA1192" s="10"/>
      <c r="CBB1192" s="10"/>
      <c r="CBC1192" s="10"/>
      <c r="CBD1192" s="10"/>
      <c r="CBE1192" s="10"/>
      <c r="CBF1192" s="10"/>
      <c r="CBG1192" s="10"/>
      <c r="CBH1192" s="10"/>
      <c r="CBI1192" s="10"/>
      <c r="CBJ1192" s="10"/>
      <c r="CBK1192" s="10"/>
      <c r="CBL1192" s="10"/>
      <c r="CBM1192" s="10"/>
      <c r="CBN1192" s="10"/>
      <c r="CBO1192" s="10"/>
      <c r="CBP1192" s="10"/>
      <c r="CBQ1192" s="10"/>
      <c r="CBR1192" s="10"/>
      <c r="CBS1192" s="10"/>
      <c r="CBT1192" s="10"/>
      <c r="CBU1192" s="10"/>
      <c r="CBV1192" s="10"/>
      <c r="CBW1192" s="10"/>
      <c r="CBX1192" s="10"/>
      <c r="CBY1192" s="10"/>
      <c r="CBZ1192" s="10"/>
      <c r="CCA1192" s="10"/>
      <c r="CCB1192" s="10"/>
      <c r="CCC1192" s="10"/>
      <c r="CCD1192" s="10"/>
      <c r="CCE1192" s="10"/>
      <c r="CCF1192" s="10"/>
      <c r="CCG1192" s="10"/>
      <c r="CCH1192" s="10"/>
      <c r="CCI1192" s="10"/>
      <c r="CCJ1192" s="10"/>
      <c r="CCK1192" s="10"/>
      <c r="CCL1192" s="10"/>
      <c r="CCM1192" s="10"/>
      <c r="CCN1192" s="10"/>
      <c r="CCO1192" s="10"/>
      <c r="CCP1192" s="10"/>
      <c r="CCQ1192" s="10"/>
      <c r="CCR1192" s="10"/>
      <c r="CCS1192" s="10"/>
      <c r="CCT1192" s="10"/>
      <c r="CCU1192" s="10"/>
      <c r="CCV1192" s="10"/>
      <c r="CCW1192" s="10"/>
      <c r="CCX1192" s="10"/>
      <c r="CCY1192" s="10"/>
      <c r="CCZ1192" s="10"/>
      <c r="CDA1192" s="10"/>
      <c r="CDB1192" s="10"/>
      <c r="CDC1192" s="10"/>
      <c r="CDD1192" s="10"/>
      <c r="CDE1192" s="10"/>
      <c r="CDF1192" s="10"/>
      <c r="CDG1192" s="10"/>
      <c r="CDH1192" s="10"/>
      <c r="CDI1192" s="10"/>
      <c r="CDJ1192" s="10"/>
      <c r="CDK1192" s="10"/>
      <c r="CDL1192" s="10"/>
      <c r="CDM1192" s="10"/>
      <c r="CDN1192" s="10"/>
      <c r="CDO1192" s="10"/>
      <c r="CDP1192" s="10"/>
      <c r="CDQ1192" s="10"/>
      <c r="CDR1192" s="10"/>
      <c r="CDS1192" s="10"/>
      <c r="CDT1192" s="10"/>
      <c r="CDU1192" s="10"/>
      <c r="CDV1192" s="10"/>
      <c r="CDW1192" s="10"/>
      <c r="CDX1192" s="10"/>
      <c r="CDY1192" s="10"/>
      <c r="CDZ1192" s="10"/>
      <c r="CEA1192" s="10"/>
      <c r="CEB1192" s="10"/>
      <c r="CEC1192" s="10"/>
      <c r="CED1192" s="10"/>
      <c r="CEE1192" s="10"/>
      <c r="CEF1192" s="10"/>
      <c r="CEG1192" s="10"/>
      <c r="CEH1192" s="10"/>
      <c r="CEI1192" s="10"/>
      <c r="CEJ1192" s="10"/>
      <c r="CEK1192" s="10"/>
      <c r="CEL1192" s="10"/>
      <c r="CEM1192" s="10"/>
      <c r="CEN1192" s="10"/>
      <c r="CEO1192" s="10"/>
      <c r="CEP1192" s="10"/>
      <c r="CEQ1192" s="10"/>
      <c r="CER1192" s="10"/>
      <c r="CES1192" s="10"/>
      <c r="CET1192" s="10"/>
      <c r="CEU1192" s="10"/>
      <c r="CEV1192" s="10"/>
      <c r="CEW1192" s="10"/>
      <c r="CEX1192" s="10"/>
      <c r="CEY1192" s="10"/>
      <c r="CEZ1192" s="10"/>
      <c r="CFA1192" s="10"/>
      <c r="CFB1192" s="10"/>
      <c r="CFC1192" s="10"/>
      <c r="CFD1192" s="10"/>
      <c r="CFE1192" s="10"/>
      <c r="CFF1192" s="10"/>
      <c r="CFG1192" s="10"/>
      <c r="CFH1192" s="10"/>
      <c r="CFI1192" s="10"/>
      <c r="CFJ1192" s="10"/>
      <c r="CFK1192" s="10"/>
      <c r="CFL1192" s="10"/>
      <c r="CFM1192" s="10"/>
      <c r="CFN1192" s="10"/>
      <c r="CFO1192" s="10"/>
      <c r="CFP1192" s="10"/>
      <c r="CFQ1192" s="10"/>
      <c r="CFR1192" s="10"/>
      <c r="CFS1192" s="10"/>
      <c r="CFT1192" s="10"/>
      <c r="CFU1192" s="10"/>
      <c r="CFV1192" s="10"/>
      <c r="CFW1192" s="10"/>
      <c r="CFX1192" s="10"/>
      <c r="CFY1192" s="10"/>
      <c r="CFZ1192" s="10"/>
      <c r="CGA1192" s="10"/>
      <c r="CGB1192" s="10"/>
      <c r="CGC1192" s="10"/>
      <c r="CGD1192" s="10"/>
      <c r="CGE1192" s="10"/>
      <c r="CGF1192" s="10"/>
      <c r="CGG1192" s="10"/>
      <c r="CGH1192" s="10"/>
      <c r="CGI1192" s="10"/>
      <c r="CGJ1192" s="10"/>
      <c r="CGK1192" s="10"/>
      <c r="CGL1192" s="10"/>
      <c r="CGM1192" s="10"/>
      <c r="CGN1192" s="10"/>
      <c r="CGO1192" s="10"/>
      <c r="CGP1192" s="10"/>
      <c r="CGQ1192" s="10"/>
      <c r="CGR1192" s="10"/>
      <c r="CGS1192" s="10"/>
      <c r="CGT1192" s="10"/>
      <c r="CGU1192" s="10"/>
      <c r="CGV1192" s="10"/>
      <c r="CGW1192" s="10"/>
      <c r="CGX1192" s="10"/>
      <c r="CGY1192" s="10"/>
      <c r="CGZ1192" s="10"/>
      <c r="CHA1192" s="10"/>
      <c r="CHB1192" s="10"/>
      <c r="CHC1192" s="10"/>
      <c r="CHD1192" s="10"/>
      <c r="CHE1192" s="10"/>
      <c r="CHF1192" s="10"/>
      <c r="CHG1192" s="10"/>
      <c r="CHH1192" s="10"/>
      <c r="CHI1192" s="10"/>
      <c r="CHJ1192" s="10"/>
      <c r="CHK1192" s="10"/>
      <c r="CHL1192" s="10"/>
      <c r="CHM1192" s="10"/>
      <c r="CHN1192" s="10"/>
      <c r="CHO1192" s="10"/>
      <c r="CHP1192" s="10"/>
      <c r="CHQ1192" s="10"/>
      <c r="CHR1192" s="10"/>
      <c r="CHS1192" s="10"/>
      <c r="CHT1192" s="10"/>
      <c r="CHU1192" s="10"/>
      <c r="CHV1192" s="10"/>
      <c r="CHW1192" s="10"/>
      <c r="CHX1192" s="10"/>
      <c r="CHY1192" s="10"/>
      <c r="CHZ1192" s="10"/>
      <c r="CIA1192" s="10"/>
      <c r="CIB1192" s="10"/>
      <c r="CIC1192" s="10"/>
      <c r="CID1192" s="10"/>
      <c r="CIE1192" s="10"/>
      <c r="CIF1192" s="10"/>
      <c r="CIG1192" s="10"/>
      <c r="CIH1192" s="10"/>
      <c r="CII1192" s="10"/>
      <c r="CIJ1192" s="10"/>
      <c r="CIK1192" s="10"/>
      <c r="CIL1192" s="10"/>
      <c r="CIM1192" s="10"/>
      <c r="CIN1192" s="10"/>
      <c r="CIO1192" s="10"/>
      <c r="CIP1192" s="10"/>
      <c r="CIQ1192" s="10"/>
      <c r="CIR1192" s="10"/>
      <c r="CIS1192" s="10"/>
      <c r="CIT1192" s="10"/>
      <c r="CIU1192" s="10"/>
      <c r="CIV1192" s="10"/>
      <c r="CIW1192" s="10"/>
      <c r="CIX1192" s="10"/>
      <c r="CIY1192" s="10"/>
      <c r="CIZ1192" s="10"/>
      <c r="CJA1192" s="10"/>
      <c r="CJB1192" s="10"/>
      <c r="CJC1192" s="10"/>
      <c r="CJD1192" s="10"/>
      <c r="CJE1192" s="10"/>
      <c r="CJF1192" s="10"/>
      <c r="CJG1192" s="10"/>
      <c r="CJH1192" s="10"/>
      <c r="CJI1192" s="10"/>
      <c r="CJJ1192" s="10"/>
      <c r="CJK1192" s="10"/>
      <c r="CJL1192" s="10"/>
      <c r="CJM1192" s="10"/>
      <c r="CJN1192" s="10"/>
      <c r="CJO1192" s="10"/>
      <c r="CJP1192" s="10"/>
      <c r="CJQ1192" s="10"/>
      <c r="CJR1192" s="10"/>
      <c r="CJS1192" s="10"/>
      <c r="CJT1192" s="10"/>
      <c r="CJU1192" s="10"/>
      <c r="CJV1192" s="10"/>
      <c r="CJW1192" s="10"/>
      <c r="CJX1192" s="10"/>
      <c r="CJY1192" s="10"/>
      <c r="CJZ1192" s="10"/>
      <c r="CKA1192" s="10"/>
      <c r="CKB1192" s="10"/>
      <c r="CKC1192" s="10"/>
      <c r="CKD1192" s="10"/>
      <c r="CKE1192" s="10"/>
      <c r="CKF1192" s="10"/>
      <c r="CKG1192" s="10"/>
      <c r="CKH1192" s="10"/>
      <c r="CKI1192" s="10"/>
      <c r="CKJ1192" s="10"/>
      <c r="CKK1192" s="10"/>
      <c r="CKL1192" s="10"/>
      <c r="CKM1192" s="10"/>
      <c r="CKN1192" s="10"/>
      <c r="CKO1192" s="10"/>
      <c r="CKP1192" s="10"/>
      <c r="CKQ1192" s="10"/>
      <c r="CKR1192" s="10"/>
      <c r="CKS1192" s="10"/>
      <c r="CKT1192" s="10"/>
      <c r="CKU1192" s="10"/>
      <c r="CKV1192" s="10"/>
      <c r="CKW1192" s="10"/>
      <c r="CKX1192" s="10"/>
      <c r="CKY1192" s="10"/>
      <c r="CKZ1192" s="10"/>
      <c r="CLA1192" s="10"/>
      <c r="CLB1192" s="10"/>
      <c r="CLC1192" s="10"/>
      <c r="CLD1192" s="10"/>
      <c r="CLE1192" s="10"/>
      <c r="CLF1192" s="10"/>
      <c r="CLG1192" s="10"/>
      <c r="CLH1192" s="10"/>
      <c r="CLI1192" s="10"/>
      <c r="CLJ1192" s="10"/>
      <c r="CLK1192" s="10"/>
      <c r="CLL1192" s="10"/>
      <c r="CLM1192" s="10"/>
      <c r="CLN1192" s="10"/>
      <c r="CLO1192" s="10"/>
      <c r="CLP1192" s="10"/>
      <c r="CLQ1192" s="10"/>
      <c r="CLR1192" s="10"/>
      <c r="CLS1192" s="10"/>
      <c r="CLT1192" s="10"/>
      <c r="CLU1192" s="10"/>
      <c r="CLV1192" s="10"/>
      <c r="CLW1192" s="10"/>
      <c r="CLX1192" s="10"/>
      <c r="CLY1192" s="10"/>
      <c r="CLZ1192" s="10"/>
      <c r="CMA1192" s="10"/>
      <c r="CMB1192" s="10"/>
      <c r="CMC1192" s="10"/>
      <c r="CMD1192" s="10"/>
      <c r="CME1192" s="10"/>
      <c r="CMF1192" s="10"/>
      <c r="CMG1192" s="10"/>
      <c r="CMH1192" s="10"/>
      <c r="CMI1192" s="10"/>
      <c r="CMJ1192" s="10"/>
      <c r="CMK1192" s="10"/>
      <c r="CML1192" s="10"/>
      <c r="CMM1192" s="10"/>
      <c r="CMN1192" s="10"/>
      <c r="CMO1192" s="10"/>
      <c r="CMP1192" s="10"/>
      <c r="CMQ1192" s="10"/>
      <c r="CMR1192" s="10"/>
      <c r="CMS1192" s="10"/>
      <c r="CMT1192" s="10"/>
      <c r="CMU1192" s="10"/>
      <c r="CMV1192" s="10"/>
      <c r="CMW1192" s="10"/>
      <c r="CMX1192" s="10"/>
      <c r="CMY1192" s="10"/>
      <c r="CMZ1192" s="10"/>
      <c r="CNA1192" s="10"/>
      <c r="CNB1192" s="10"/>
      <c r="CNC1192" s="10"/>
      <c r="CND1192" s="10"/>
      <c r="CNE1192" s="10"/>
      <c r="CNF1192" s="10"/>
      <c r="CNG1192" s="10"/>
      <c r="CNH1192" s="10"/>
      <c r="CNI1192" s="10"/>
      <c r="CNJ1192" s="10"/>
      <c r="CNK1192" s="10"/>
      <c r="CNL1192" s="10"/>
      <c r="CNM1192" s="10"/>
      <c r="CNN1192" s="10"/>
      <c r="CNO1192" s="10"/>
      <c r="CNP1192" s="10"/>
      <c r="CNQ1192" s="10"/>
      <c r="CNR1192" s="10"/>
      <c r="CNS1192" s="10"/>
      <c r="CNT1192" s="10"/>
      <c r="CNU1192" s="10"/>
      <c r="CNV1192" s="10"/>
      <c r="CNW1192" s="10"/>
      <c r="CNX1192" s="10"/>
      <c r="CNY1192" s="10"/>
      <c r="CNZ1192" s="10"/>
      <c r="COA1192" s="10"/>
      <c r="COB1192" s="10"/>
      <c r="COC1192" s="10"/>
      <c r="COD1192" s="10"/>
      <c r="COE1192" s="10"/>
      <c r="COF1192" s="10"/>
      <c r="COG1192" s="10"/>
      <c r="COH1192" s="10"/>
      <c r="COI1192" s="10"/>
      <c r="COJ1192" s="10"/>
      <c r="COK1192" s="10"/>
      <c r="COL1192" s="10"/>
      <c r="COM1192" s="10"/>
      <c r="CON1192" s="10"/>
      <c r="COO1192" s="10"/>
      <c r="COP1192" s="10"/>
      <c r="COQ1192" s="10"/>
      <c r="COR1192" s="10"/>
      <c r="COS1192" s="10"/>
      <c r="COT1192" s="10"/>
      <c r="COU1192" s="10"/>
      <c r="COV1192" s="10"/>
      <c r="COW1192" s="10"/>
      <c r="COX1192" s="10"/>
      <c r="COY1192" s="10"/>
      <c r="COZ1192" s="10"/>
      <c r="CPA1192" s="10"/>
      <c r="CPB1192" s="10"/>
      <c r="CPC1192" s="10"/>
      <c r="CPD1192" s="10"/>
      <c r="CPE1192" s="10"/>
      <c r="CPF1192" s="10"/>
      <c r="CPG1192" s="10"/>
      <c r="CPH1192" s="10"/>
      <c r="CPI1192" s="10"/>
      <c r="CPJ1192" s="10"/>
      <c r="CPK1192" s="10"/>
      <c r="CPL1192" s="10"/>
      <c r="CPM1192" s="10"/>
      <c r="CPN1192" s="10"/>
      <c r="CPO1192" s="10"/>
      <c r="CPP1192" s="10"/>
      <c r="CPQ1192" s="10"/>
      <c r="CPR1192" s="10"/>
      <c r="CPS1192" s="10"/>
      <c r="CPT1192" s="10"/>
      <c r="CPU1192" s="10"/>
      <c r="CPV1192" s="10"/>
      <c r="CPW1192" s="10"/>
      <c r="CPX1192" s="10"/>
      <c r="CPY1192" s="10"/>
      <c r="CPZ1192" s="10"/>
      <c r="CQA1192" s="10"/>
      <c r="CQB1192" s="10"/>
      <c r="CQC1192" s="10"/>
      <c r="CQD1192" s="10"/>
      <c r="CQE1192" s="10"/>
      <c r="CQF1192" s="10"/>
      <c r="CQG1192" s="10"/>
      <c r="CQH1192" s="10"/>
      <c r="CQI1192" s="10"/>
      <c r="CQJ1192" s="10"/>
      <c r="CQK1192" s="10"/>
      <c r="CQL1192" s="10"/>
      <c r="CQM1192" s="10"/>
      <c r="CQN1192" s="10"/>
      <c r="CQO1192" s="10"/>
      <c r="CQP1192" s="10"/>
      <c r="CQQ1192" s="10"/>
      <c r="CQR1192" s="10"/>
      <c r="CQS1192" s="10"/>
      <c r="CQT1192" s="10"/>
      <c r="CQU1192" s="10"/>
      <c r="CQV1192" s="10"/>
      <c r="CQW1192" s="10"/>
      <c r="CQX1192" s="10"/>
      <c r="CQY1192" s="10"/>
      <c r="CQZ1192" s="10"/>
      <c r="CRA1192" s="10"/>
      <c r="CRB1192" s="10"/>
      <c r="CRC1192" s="10"/>
      <c r="CRD1192" s="10"/>
      <c r="CRE1192" s="10"/>
      <c r="CRF1192" s="10"/>
      <c r="CRG1192" s="10"/>
      <c r="CRH1192" s="10"/>
      <c r="CRI1192" s="10"/>
      <c r="CRJ1192" s="10"/>
      <c r="CRK1192" s="10"/>
      <c r="CRL1192" s="10"/>
      <c r="CRM1192" s="10"/>
      <c r="CRN1192" s="10"/>
      <c r="CRO1192" s="10"/>
      <c r="CRP1192" s="10"/>
      <c r="CRQ1192" s="10"/>
      <c r="CRR1192" s="10"/>
      <c r="CRS1192" s="10"/>
      <c r="CRT1192" s="10"/>
      <c r="CRU1192" s="10"/>
      <c r="CRV1192" s="10"/>
      <c r="CRW1192" s="10"/>
      <c r="CRX1192" s="10"/>
      <c r="CRY1192" s="10"/>
      <c r="CRZ1192" s="10"/>
      <c r="CSA1192" s="10"/>
      <c r="CSB1192" s="10"/>
      <c r="CSC1192" s="10"/>
      <c r="CSD1192" s="10"/>
      <c r="CSE1192" s="10"/>
      <c r="CSF1192" s="10"/>
      <c r="CSG1192" s="10"/>
      <c r="CSH1192" s="10"/>
      <c r="CSI1192" s="10"/>
      <c r="CSJ1192" s="10"/>
      <c r="CSK1192" s="10"/>
      <c r="CSL1192" s="10"/>
      <c r="CSM1192" s="10"/>
      <c r="CSN1192" s="10"/>
      <c r="CSO1192" s="10"/>
      <c r="CSP1192" s="10"/>
      <c r="CSQ1192" s="10"/>
      <c r="CSR1192" s="10"/>
      <c r="CSS1192" s="10"/>
      <c r="CST1192" s="10"/>
      <c r="CSU1192" s="10"/>
      <c r="CSV1192" s="10"/>
      <c r="CSW1192" s="10"/>
      <c r="CSX1192" s="10"/>
      <c r="CSY1192" s="10"/>
      <c r="CSZ1192" s="10"/>
      <c r="CTA1192" s="10"/>
      <c r="CTB1192" s="10"/>
      <c r="CTC1192" s="10"/>
      <c r="CTD1192" s="10"/>
      <c r="CTE1192" s="10"/>
      <c r="CTF1192" s="10"/>
      <c r="CTG1192" s="10"/>
      <c r="CTH1192" s="10"/>
      <c r="CTI1192" s="10"/>
      <c r="CTJ1192" s="10"/>
      <c r="CTK1192" s="10"/>
      <c r="CTL1192" s="10"/>
      <c r="CTM1192" s="10"/>
      <c r="CTN1192" s="10"/>
      <c r="CTO1192" s="10"/>
      <c r="CTP1192" s="10"/>
      <c r="CTQ1192" s="10"/>
      <c r="CTR1192" s="10"/>
      <c r="CTS1192" s="10"/>
      <c r="CTT1192" s="10"/>
      <c r="CTU1192" s="10"/>
      <c r="CTV1192" s="10"/>
      <c r="CTW1192" s="10"/>
      <c r="CTX1192" s="10"/>
      <c r="CTY1192" s="10"/>
      <c r="CTZ1192" s="10"/>
      <c r="CUA1192" s="10"/>
      <c r="CUB1192" s="10"/>
      <c r="CUC1192" s="10"/>
      <c r="CUD1192" s="10"/>
      <c r="CUE1192" s="10"/>
      <c r="CUF1192" s="10"/>
      <c r="CUG1192" s="10"/>
      <c r="CUH1192" s="10"/>
      <c r="CUI1192" s="10"/>
      <c r="CUJ1192" s="10"/>
      <c r="CUK1192" s="10"/>
      <c r="CUL1192" s="10"/>
      <c r="CUM1192" s="10"/>
      <c r="CUN1192" s="10"/>
      <c r="CUO1192" s="10"/>
      <c r="CUP1192" s="10"/>
      <c r="CUQ1192" s="10"/>
      <c r="CUR1192" s="10"/>
      <c r="CUS1192" s="10"/>
      <c r="CUT1192" s="10"/>
      <c r="CUU1192" s="10"/>
      <c r="CUV1192" s="10"/>
      <c r="CUW1192" s="10"/>
      <c r="CUX1192" s="10"/>
      <c r="CUY1192" s="10"/>
      <c r="CUZ1192" s="10"/>
      <c r="CVA1192" s="10"/>
      <c r="CVB1192" s="10"/>
      <c r="CVC1192" s="10"/>
      <c r="CVD1192" s="10"/>
      <c r="CVE1192" s="10"/>
      <c r="CVF1192" s="10"/>
      <c r="CVG1192" s="10"/>
      <c r="CVH1192" s="10"/>
      <c r="CVI1192" s="10"/>
      <c r="CVJ1192" s="10"/>
      <c r="CVK1192" s="10"/>
      <c r="CVL1192" s="10"/>
      <c r="CVM1192" s="10"/>
      <c r="CVN1192" s="10"/>
      <c r="CVO1192" s="10"/>
      <c r="CVP1192" s="10"/>
      <c r="CVQ1192" s="10"/>
      <c r="CVR1192" s="10"/>
      <c r="CVS1192" s="10"/>
      <c r="CVT1192" s="10"/>
      <c r="CVU1192" s="10"/>
      <c r="CVV1192" s="10"/>
      <c r="CVW1192" s="10"/>
      <c r="CVX1192" s="10"/>
      <c r="CVY1192" s="10"/>
      <c r="CVZ1192" s="10"/>
      <c r="CWA1192" s="10"/>
      <c r="CWB1192" s="10"/>
      <c r="CWC1192" s="10"/>
      <c r="CWD1192" s="10"/>
      <c r="CWE1192" s="10"/>
      <c r="CWF1192" s="10"/>
      <c r="CWG1192" s="10"/>
      <c r="CWH1192" s="10"/>
      <c r="CWI1192" s="10"/>
      <c r="CWJ1192" s="10"/>
      <c r="CWK1192" s="10"/>
      <c r="CWL1192" s="10"/>
      <c r="CWM1192" s="10"/>
      <c r="CWN1192" s="10"/>
      <c r="CWO1192" s="10"/>
      <c r="CWP1192" s="10"/>
      <c r="CWQ1192" s="10"/>
      <c r="CWR1192" s="10"/>
      <c r="CWS1192" s="10"/>
      <c r="CWT1192" s="10"/>
      <c r="CWU1192" s="10"/>
      <c r="CWV1192" s="10"/>
      <c r="CWW1192" s="10"/>
      <c r="CWX1192" s="10"/>
      <c r="CWY1192" s="10"/>
      <c r="CWZ1192" s="10"/>
      <c r="CXA1192" s="10"/>
      <c r="CXB1192" s="10"/>
      <c r="CXC1192" s="10"/>
      <c r="CXD1192" s="10"/>
      <c r="CXE1192" s="10"/>
      <c r="CXF1192" s="10"/>
      <c r="CXG1192" s="10"/>
      <c r="CXH1192" s="10"/>
      <c r="CXI1192" s="10"/>
      <c r="CXJ1192" s="10"/>
      <c r="CXK1192" s="10"/>
      <c r="CXL1192" s="10"/>
      <c r="CXM1192" s="10"/>
      <c r="CXN1192" s="10"/>
      <c r="CXO1192" s="10"/>
      <c r="CXP1192" s="10"/>
      <c r="CXQ1192" s="10"/>
      <c r="CXR1192" s="10"/>
      <c r="CXS1192" s="10"/>
      <c r="CXT1192" s="10"/>
      <c r="CXU1192" s="10"/>
      <c r="CXV1192" s="10"/>
      <c r="CXW1192" s="10"/>
      <c r="CXX1192" s="10"/>
      <c r="CXY1192" s="10"/>
      <c r="CXZ1192" s="10"/>
      <c r="CYA1192" s="10"/>
      <c r="CYB1192" s="10"/>
      <c r="CYC1192" s="10"/>
      <c r="CYD1192" s="10"/>
      <c r="CYE1192" s="10"/>
      <c r="CYF1192" s="10"/>
      <c r="CYG1192" s="10"/>
      <c r="CYH1192" s="10"/>
      <c r="CYI1192" s="10"/>
      <c r="CYJ1192" s="10"/>
      <c r="CYK1192" s="10"/>
      <c r="CYL1192" s="10"/>
      <c r="CYM1192" s="10"/>
      <c r="CYN1192" s="10"/>
      <c r="CYO1192" s="10"/>
      <c r="CYP1192" s="10"/>
      <c r="CYQ1192" s="10"/>
      <c r="CYR1192" s="10"/>
      <c r="CYS1192" s="10"/>
      <c r="CYT1192" s="10"/>
      <c r="CYU1192" s="10"/>
      <c r="CYV1192" s="10"/>
      <c r="CYW1192" s="10"/>
      <c r="CYX1192" s="10"/>
      <c r="CYY1192" s="10"/>
      <c r="CYZ1192" s="10"/>
      <c r="CZA1192" s="10"/>
      <c r="CZB1192" s="10"/>
      <c r="CZC1192" s="10"/>
      <c r="CZD1192" s="10"/>
      <c r="CZE1192" s="10"/>
      <c r="CZF1192" s="10"/>
      <c r="CZG1192" s="10"/>
      <c r="CZH1192" s="10"/>
      <c r="CZI1192" s="10"/>
      <c r="CZJ1192" s="10"/>
      <c r="CZK1192" s="10"/>
      <c r="CZL1192" s="10"/>
      <c r="CZM1192" s="10"/>
      <c r="CZN1192" s="10"/>
      <c r="CZO1192" s="10"/>
      <c r="CZP1192" s="10"/>
      <c r="CZQ1192" s="10"/>
      <c r="CZR1192" s="10"/>
      <c r="CZS1192" s="10"/>
      <c r="CZT1192" s="10"/>
      <c r="CZU1192" s="10"/>
      <c r="CZV1192" s="10"/>
      <c r="CZW1192" s="10"/>
      <c r="CZX1192" s="10"/>
      <c r="CZY1192" s="10"/>
      <c r="CZZ1192" s="10"/>
      <c r="DAA1192" s="10"/>
      <c r="DAB1192" s="10"/>
      <c r="DAC1192" s="10"/>
      <c r="DAD1192" s="10"/>
      <c r="DAE1192" s="10"/>
      <c r="DAF1192" s="10"/>
      <c r="DAG1192" s="10"/>
      <c r="DAH1192" s="10"/>
      <c r="DAI1192" s="10"/>
      <c r="DAJ1192" s="10"/>
      <c r="DAK1192" s="10"/>
      <c r="DAL1192" s="10"/>
      <c r="DAM1192" s="10"/>
      <c r="DAN1192" s="10"/>
      <c r="DAO1192" s="10"/>
      <c r="DAP1192" s="10"/>
      <c r="DAQ1192" s="10"/>
      <c r="DAR1192" s="10"/>
      <c r="DAS1192" s="10"/>
      <c r="DAT1192" s="10"/>
      <c r="DAU1192" s="10"/>
      <c r="DAV1192" s="10"/>
      <c r="DAW1192" s="10"/>
      <c r="DAX1192" s="10"/>
      <c r="DAY1192" s="10"/>
      <c r="DAZ1192" s="10"/>
      <c r="DBA1192" s="10"/>
      <c r="DBB1192" s="10"/>
      <c r="DBC1192" s="10"/>
      <c r="DBD1192" s="10"/>
      <c r="DBE1192" s="10"/>
      <c r="DBF1192" s="10"/>
      <c r="DBG1192" s="10"/>
      <c r="DBH1192" s="10"/>
      <c r="DBI1192" s="10"/>
      <c r="DBJ1192" s="10"/>
      <c r="DBK1192" s="10"/>
      <c r="DBL1192" s="10"/>
      <c r="DBM1192" s="10"/>
      <c r="DBN1192" s="10"/>
      <c r="DBO1192" s="10"/>
      <c r="DBP1192" s="10"/>
      <c r="DBQ1192" s="10"/>
      <c r="DBR1192" s="10"/>
      <c r="DBS1192" s="10"/>
      <c r="DBT1192" s="10"/>
      <c r="DBU1192" s="10"/>
      <c r="DBV1192" s="10"/>
      <c r="DBW1192" s="10"/>
      <c r="DBX1192" s="10"/>
      <c r="DBY1192" s="10"/>
      <c r="DBZ1192" s="10"/>
      <c r="DCA1192" s="10"/>
      <c r="DCB1192" s="10"/>
      <c r="DCC1192" s="10"/>
      <c r="DCD1192" s="10"/>
      <c r="DCE1192" s="10"/>
      <c r="DCF1192" s="10"/>
      <c r="DCG1192" s="10"/>
      <c r="DCH1192" s="10"/>
      <c r="DCI1192" s="10"/>
      <c r="DCJ1192" s="10"/>
      <c r="DCK1192" s="10"/>
      <c r="DCL1192" s="10"/>
      <c r="DCM1192" s="10"/>
      <c r="DCN1192" s="10"/>
      <c r="DCO1192" s="10"/>
      <c r="DCP1192" s="10"/>
      <c r="DCQ1192" s="10"/>
      <c r="DCR1192" s="10"/>
      <c r="DCS1192" s="10"/>
      <c r="DCT1192" s="10"/>
      <c r="DCU1192" s="10"/>
      <c r="DCV1192" s="10"/>
      <c r="DCW1192" s="10"/>
      <c r="DCX1192" s="10"/>
      <c r="DCY1192" s="10"/>
      <c r="DCZ1192" s="10"/>
      <c r="DDA1192" s="10"/>
      <c r="DDB1192" s="10"/>
      <c r="DDC1192" s="10"/>
      <c r="DDD1192" s="10"/>
      <c r="DDE1192" s="10"/>
      <c r="DDF1192" s="10"/>
      <c r="DDG1192" s="10"/>
      <c r="DDH1192" s="10"/>
      <c r="DDI1192" s="10"/>
      <c r="DDJ1192" s="10"/>
      <c r="DDK1192" s="10"/>
      <c r="DDL1192" s="10"/>
      <c r="DDM1192" s="10"/>
      <c r="DDN1192" s="10"/>
      <c r="DDO1192" s="10"/>
      <c r="DDP1192" s="10"/>
      <c r="DDQ1192" s="10"/>
      <c r="DDR1192" s="10"/>
      <c r="DDS1192" s="10"/>
      <c r="DDT1192" s="10"/>
      <c r="DDU1192" s="10"/>
      <c r="DDV1192" s="10"/>
      <c r="DDW1192" s="10"/>
      <c r="DDX1192" s="10"/>
      <c r="DDY1192" s="10"/>
      <c r="DDZ1192" s="10"/>
      <c r="DEA1192" s="10"/>
      <c r="DEB1192" s="10"/>
      <c r="DEC1192" s="10"/>
      <c r="DED1192" s="10"/>
      <c r="DEE1192" s="10"/>
      <c r="DEF1192" s="10"/>
      <c r="DEG1192" s="10"/>
      <c r="DEH1192" s="10"/>
      <c r="DEI1192" s="10"/>
      <c r="DEJ1192" s="10"/>
      <c r="DEK1192" s="10"/>
      <c r="DEL1192" s="10"/>
      <c r="DEM1192" s="10"/>
      <c r="DEN1192" s="10"/>
      <c r="DEO1192" s="10"/>
      <c r="DEP1192" s="10"/>
      <c r="DEQ1192" s="10"/>
      <c r="DER1192" s="10"/>
      <c r="DES1192" s="10"/>
      <c r="DET1192" s="10"/>
      <c r="DEU1192" s="10"/>
      <c r="DEV1192" s="10"/>
      <c r="DEW1192" s="10"/>
      <c r="DEX1192" s="10"/>
      <c r="DEY1192" s="10"/>
      <c r="DEZ1192" s="10"/>
      <c r="DFA1192" s="10"/>
      <c r="DFB1192" s="10"/>
      <c r="DFC1192" s="10"/>
      <c r="DFD1192" s="10"/>
      <c r="DFE1192" s="10"/>
      <c r="DFF1192" s="10"/>
      <c r="DFG1192" s="10"/>
      <c r="DFH1192" s="10"/>
      <c r="DFI1192" s="10"/>
      <c r="DFJ1192" s="10"/>
      <c r="DFK1192" s="10"/>
      <c r="DFL1192" s="10"/>
      <c r="DFM1192" s="10"/>
      <c r="DFN1192" s="10"/>
      <c r="DFO1192" s="10"/>
      <c r="DFP1192" s="10"/>
      <c r="DFQ1192" s="10"/>
      <c r="DFR1192" s="10"/>
      <c r="DFS1192" s="10"/>
      <c r="DFT1192" s="10"/>
      <c r="DFU1192" s="10"/>
      <c r="DFV1192" s="10"/>
      <c r="DFW1192" s="10"/>
      <c r="DFX1192" s="10"/>
      <c r="DFY1192" s="10"/>
      <c r="DFZ1192" s="10"/>
      <c r="DGA1192" s="10"/>
      <c r="DGB1192" s="10"/>
      <c r="DGC1192" s="10"/>
      <c r="DGD1192" s="10"/>
      <c r="DGE1192" s="10"/>
      <c r="DGF1192" s="10"/>
      <c r="DGG1192" s="10"/>
      <c r="DGH1192" s="10"/>
      <c r="DGI1192" s="10"/>
      <c r="DGJ1192" s="10"/>
      <c r="DGK1192" s="10"/>
      <c r="DGL1192" s="10"/>
      <c r="DGM1192" s="10"/>
      <c r="DGN1192" s="10"/>
      <c r="DGO1192" s="10"/>
      <c r="DGP1192" s="10"/>
      <c r="DGQ1192" s="10"/>
      <c r="DGR1192" s="10"/>
      <c r="DGS1192" s="10"/>
      <c r="DGT1192" s="10"/>
      <c r="DGU1192" s="10"/>
      <c r="DGV1192" s="10"/>
      <c r="DGW1192" s="10"/>
      <c r="DGX1192" s="10"/>
      <c r="DGY1192" s="10"/>
      <c r="DGZ1192" s="10"/>
      <c r="DHA1192" s="10"/>
      <c r="DHB1192" s="10"/>
      <c r="DHC1192" s="10"/>
      <c r="DHD1192" s="10"/>
      <c r="DHE1192" s="10"/>
      <c r="DHF1192" s="10"/>
      <c r="DHG1192" s="10"/>
      <c r="DHH1192" s="10"/>
      <c r="DHI1192" s="10"/>
      <c r="DHJ1192" s="10"/>
      <c r="DHK1192" s="10"/>
      <c r="DHL1192" s="10"/>
      <c r="DHM1192" s="10"/>
      <c r="DHN1192" s="10"/>
      <c r="DHO1192" s="10"/>
      <c r="DHP1192" s="10"/>
      <c r="DHQ1192" s="10"/>
      <c r="DHR1192" s="10"/>
      <c r="DHS1192" s="10"/>
      <c r="DHT1192" s="10"/>
      <c r="DHU1192" s="10"/>
      <c r="DHV1192" s="10"/>
      <c r="DHW1192" s="10"/>
      <c r="DHX1192" s="10"/>
      <c r="DHY1192" s="10"/>
      <c r="DHZ1192" s="10"/>
      <c r="DIA1192" s="10"/>
      <c r="DIB1192" s="10"/>
      <c r="DIC1192" s="10"/>
      <c r="DID1192" s="10"/>
      <c r="DIE1192" s="10"/>
      <c r="DIF1192" s="10"/>
      <c r="DIG1192" s="10"/>
      <c r="DIH1192" s="10"/>
      <c r="DII1192" s="10"/>
      <c r="DIJ1192" s="10"/>
      <c r="DIK1192" s="10"/>
      <c r="DIL1192" s="10"/>
      <c r="DIM1192" s="10"/>
      <c r="DIN1192" s="10"/>
      <c r="DIO1192" s="10"/>
      <c r="DIP1192" s="10"/>
      <c r="DIQ1192" s="10"/>
      <c r="DIR1192" s="10"/>
      <c r="DIS1192" s="10"/>
      <c r="DIT1192" s="10"/>
      <c r="DIU1192" s="10"/>
      <c r="DIV1192" s="10"/>
      <c r="DIW1192" s="10"/>
      <c r="DIX1192" s="10"/>
      <c r="DIY1192" s="10"/>
      <c r="DIZ1192" s="10"/>
      <c r="DJA1192" s="10"/>
      <c r="DJB1192" s="10"/>
      <c r="DJC1192" s="10"/>
      <c r="DJD1192" s="10"/>
      <c r="DJE1192" s="10"/>
      <c r="DJF1192" s="10"/>
      <c r="DJG1192" s="10"/>
      <c r="DJH1192" s="10"/>
      <c r="DJI1192" s="10"/>
      <c r="DJJ1192" s="10"/>
      <c r="DJK1192" s="10"/>
      <c r="DJL1192" s="10"/>
      <c r="DJM1192" s="10"/>
      <c r="DJN1192" s="10"/>
      <c r="DJO1192" s="10"/>
      <c r="DJP1192" s="10"/>
      <c r="DJQ1192" s="10"/>
      <c r="DJR1192" s="10"/>
      <c r="DJS1192" s="10"/>
      <c r="DJT1192" s="10"/>
      <c r="DJU1192" s="10"/>
      <c r="DJV1192" s="10"/>
      <c r="DJW1192" s="10"/>
      <c r="DJX1192" s="10"/>
      <c r="DJY1192" s="10"/>
      <c r="DJZ1192" s="10"/>
      <c r="DKA1192" s="10"/>
      <c r="DKB1192" s="10"/>
      <c r="DKC1192" s="10"/>
      <c r="DKD1192" s="10"/>
      <c r="DKE1192" s="10"/>
      <c r="DKF1192" s="10"/>
      <c r="DKG1192" s="10"/>
      <c r="DKH1192" s="10"/>
      <c r="DKI1192" s="10"/>
      <c r="DKJ1192" s="10"/>
      <c r="DKK1192" s="10"/>
      <c r="DKL1192" s="10"/>
      <c r="DKM1192" s="10"/>
      <c r="DKN1192" s="10"/>
      <c r="DKO1192" s="10"/>
      <c r="DKP1192" s="10"/>
      <c r="DKQ1192" s="10"/>
      <c r="DKR1192" s="10"/>
      <c r="DKS1192" s="10"/>
      <c r="DKT1192" s="10"/>
      <c r="DKU1192" s="10"/>
      <c r="DKV1192" s="10"/>
      <c r="DKW1192" s="10"/>
      <c r="DKX1192" s="10"/>
      <c r="DKY1192" s="10"/>
      <c r="DKZ1192" s="10"/>
      <c r="DLA1192" s="10"/>
      <c r="DLB1192" s="10"/>
      <c r="DLC1192" s="10"/>
      <c r="DLD1192" s="10"/>
      <c r="DLE1192" s="10"/>
      <c r="DLF1192" s="10"/>
      <c r="DLG1192" s="10"/>
      <c r="DLH1192" s="10"/>
      <c r="DLI1192" s="10"/>
      <c r="DLJ1192" s="10"/>
      <c r="DLK1192" s="10"/>
      <c r="DLL1192" s="10"/>
      <c r="DLM1192" s="10"/>
      <c r="DLN1192" s="10"/>
      <c r="DLO1192" s="10"/>
      <c r="DLP1192" s="10"/>
      <c r="DLQ1192" s="10"/>
      <c r="DLR1192" s="10"/>
      <c r="DLS1192" s="10"/>
      <c r="DLT1192" s="10"/>
      <c r="DLU1192" s="10"/>
      <c r="DLV1192" s="10"/>
      <c r="DLW1192" s="10"/>
      <c r="DLX1192" s="10"/>
      <c r="DLY1192" s="10"/>
      <c r="DLZ1192" s="10"/>
      <c r="DMA1192" s="10"/>
      <c r="DMB1192" s="10"/>
      <c r="DMC1192" s="10"/>
      <c r="DMD1192" s="10"/>
      <c r="DME1192" s="10"/>
      <c r="DMF1192" s="10"/>
      <c r="DMG1192" s="10"/>
      <c r="DMH1192" s="10"/>
      <c r="DMI1192" s="10"/>
      <c r="DMJ1192" s="10"/>
      <c r="DMK1192" s="10"/>
      <c r="DML1192" s="10"/>
      <c r="DMM1192" s="10"/>
      <c r="DMN1192" s="10"/>
      <c r="DMO1192" s="10"/>
      <c r="DMP1192" s="10"/>
      <c r="DMQ1192" s="10"/>
      <c r="DMR1192" s="10"/>
      <c r="DMS1192" s="10"/>
      <c r="DMT1192" s="10"/>
      <c r="DMU1192" s="10"/>
      <c r="DMV1192" s="10"/>
      <c r="DMW1192" s="10"/>
      <c r="DMX1192" s="10"/>
      <c r="DMY1192" s="10"/>
      <c r="DMZ1192" s="10"/>
      <c r="DNA1192" s="10"/>
      <c r="DNB1192" s="10"/>
      <c r="DNC1192" s="10"/>
      <c r="DND1192" s="10"/>
      <c r="DNE1192" s="10"/>
      <c r="DNF1192" s="10"/>
      <c r="DNG1192" s="10"/>
      <c r="DNH1192" s="10"/>
      <c r="DNI1192" s="10"/>
      <c r="DNJ1192" s="10"/>
      <c r="DNK1192" s="10"/>
      <c r="DNL1192" s="10"/>
      <c r="DNM1192" s="10"/>
      <c r="DNN1192" s="10"/>
      <c r="DNO1192" s="10"/>
      <c r="DNP1192" s="10"/>
      <c r="DNQ1192" s="10"/>
      <c r="DNR1192" s="10"/>
      <c r="DNS1192" s="10"/>
      <c r="DNT1192" s="10"/>
      <c r="DNU1192" s="10"/>
      <c r="DNV1192" s="10"/>
      <c r="DNW1192" s="10"/>
      <c r="DNX1192" s="10"/>
      <c r="DNY1192" s="10"/>
      <c r="DNZ1192" s="10"/>
      <c r="DOA1192" s="10"/>
      <c r="DOB1192" s="10"/>
      <c r="DOC1192" s="10"/>
      <c r="DOD1192" s="10"/>
      <c r="DOE1192" s="10"/>
      <c r="DOF1192" s="10"/>
      <c r="DOG1192" s="10"/>
      <c r="DOH1192" s="10"/>
      <c r="DOI1192" s="10"/>
      <c r="DOJ1192" s="10"/>
      <c r="DOK1192" s="10"/>
      <c r="DOL1192" s="10"/>
      <c r="DOM1192" s="10"/>
      <c r="DON1192" s="10"/>
      <c r="DOO1192" s="10"/>
      <c r="DOP1192" s="10"/>
      <c r="DOQ1192" s="10"/>
      <c r="DOR1192" s="10"/>
      <c r="DOS1192" s="10"/>
      <c r="DOT1192" s="10"/>
      <c r="DOU1192" s="10"/>
      <c r="DOV1192" s="10"/>
      <c r="DOW1192" s="10"/>
      <c r="DOX1192" s="10"/>
      <c r="DOY1192" s="10"/>
      <c r="DOZ1192" s="10"/>
      <c r="DPA1192" s="10"/>
      <c r="DPB1192" s="10"/>
      <c r="DPC1192" s="10"/>
      <c r="DPD1192" s="10"/>
      <c r="DPE1192" s="10"/>
      <c r="DPF1192" s="10"/>
      <c r="DPG1192" s="10"/>
      <c r="DPH1192" s="10"/>
      <c r="DPI1192" s="10"/>
      <c r="DPJ1192" s="10"/>
      <c r="DPK1192" s="10"/>
      <c r="DPL1192" s="10"/>
      <c r="DPM1192" s="10"/>
      <c r="DPN1192" s="10"/>
      <c r="DPO1192" s="10"/>
      <c r="DPP1192" s="10"/>
      <c r="DPQ1192" s="10"/>
      <c r="DPR1192" s="10"/>
      <c r="DPS1192" s="10"/>
      <c r="DPT1192" s="10"/>
      <c r="DPU1192" s="10"/>
      <c r="DPV1192" s="10"/>
      <c r="DPW1192" s="10"/>
      <c r="DPX1192" s="10"/>
      <c r="DPY1192" s="10"/>
      <c r="DPZ1192" s="10"/>
      <c r="DQA1192" s="10"/>
      <c r="DQB1192" s="10"/>
      <c r="DQC1192" s="10"/>
      <c r="DQD1192" s="10"/>
      <c r="DQE1192" s="10"/>
      <c r="DQF1192" s="10"/>
      <c r="DQG1192" s="10"/>
      <c r="DQH1192" s="10"/>
      <c r="DQI1192" s="10"/>
      <c r="DQJ1192" s="10"/>
      <c r="DQK1192" s="10"/>
      <c r="DQL1192" s="10"/>
      <c r="DQM1192" s="10"/>
      <c r="DQN1192" s="10"/>
      <c r="DQO1192" s="10"/>
      <c r="DQP1192" s="10"/>
      <c r="DQQ1192" s="10"/>
      <c r="DQR1192" s="10"/>
      <c r="DQS1192" s="10"/>
      <c r="DQT1192" s="10"/>
      <c r="DQU1192" s="10"/>
      <c r="DQV1192" s="10"/>
      <c r="DQW1192" s="10"/>
      <c r="DQX1192" s="10"/>
      <c r="DQY1192" s="10"/>
      <c r="DQZ1192" s="10"/>
      <c r="DRA1192" s="10"/>
      <c r="DRB1192" s="10"/>
      <c r="DRC1192" s="10"/>
      <c r="DRD1192" s="10"/>
      <c r="DRE1192" s="10"/>
      <c r="DRF1192" s="10"/>
      <c r="DRG1192" s="10"/>
      <c r="DRH1192" s="10"/>
      <c r="DRI1192" s="10"/>
      <c r="DRJ1192" s="10"/>
      <c r="DRK1192" s="10"/>
      <c r="DRL1192" s="10"/>
      <c r="DRM1192" s="10"/>
      <c r="DRN1192" s="10"/>
      <c r="DRO1192" s="10"/>
      <c r="DRP1192" s="10"/>
      <c r="DRQ1192" s="10"/>
      <c r="DRR1192" s="10"/>
      <c r="DRS1192" s="10"/>
      <c r="DRT1192" s="10"/>
      <c r="DRU1192" s="10"/>
      <c r="DRV1192" s="10"/>
      <c r="DRW1192" s="10"/>
      <c r="DRX1192" s="10"/>
      <c r="DRY1192" s="10"/>
      <c r="DRZ1192" s="10"/>
      <c r="DSA1192" s="10"/>
      <c r="DSB1192" s="10"/>
      <c r="DSC1192" s="10"/>
      <c r="DSD1192" s="10"/>
      <c r="DSE1192" s="10"/>
      <c r="DSF1192" s="10"/>
      <c r="DSG1192" s="10"/>
      <c r="DSH1192" s="10"/>
      <c r="DSI1192" s="10"/>
      <c r="DSJ1192" s="10"/>
      <c r="DSK1192" s="10"/>
      <c r="DSL1192" s="10"/>
      <c r="DSM1192" s="10"/>
      <c r="DSN1192" s="10"/>
      <c r="DSO1192" s="10"/>
      <c r="DSP1192" s="10"/>
      <c r="DSQ1192" s="10"/>
      <c r="DSR1192" s="10"/>
      <c r="DSS1192" s="10"/>
      <c r="DST1192" s="10"/>
      <c r="DSU1192" s="10"/>
      <c r="DSV1192" s="10"/>
      <c r="DSW1192" s="10"/>
      <c r="DSX1192" s="10"/>
      <c r="DSY1192" s="10"/>
      <c r="DSZ1192" s="10"/>
      <c r="DTA1192" s="10"/>
      <c r="DTB1192" s="10"/>
      <c r="DTC1192" s="10"/>
      <c r="DTD1192" s="10"/>
      <c r="DTE1192" s="10"/>
      <c r="DTF1192" s="10"/>
      <c r="DTG1192" s="10"/>
      <c r="DTH1192" s="10"/>
      <c r="DTI1192" s="10"/>
      <c r="DTJ1192" s="10"/>
      <c r="DTK1192" s="10"/>
      <c r="DTL1192" s="10"/>
      <c r="DTM1192" s="10"/>
      <c r="DTN1192" s="10"/>
      <c r="DTO1192" s="10"/>
      <c r="DTP1192" s="10"/>
      <c r="DTQ1192" s="10"/>
      <c r="DTR1192" s="10"/>
      <c r="DTS1192" s="10"/>
      <c r="DTT1192" s="10"/>
      <c r="DTU1192" s="10"/>
      <c r="DTV1192" s="10"/>
      <c r="DTW1192" s="10"/>
      <c r="DTX1192" s="10"/>
      <c r="DTY1192" s="10"/>
      <c r="DTZ1192" s="10"/>
      <c r="DUA1192" s="10"/>
      <c r="DUB1192" s="10"/>
      <c r="DUC1192" s="10"/>
      <c r="DUD1192" s="10"/>
      <c r="DUE1192" s="10"/>
      <c r="DUF1192" s="10"/>
      <c r="DUG1192" s="10"/>
      <c r="DUH1192" s="10"/>
      <c r="DUI1192" s="10"/>
      <c r="DUJ1192" s="10"/>
      <c r="DUK1192" s="10"/>
      <c r="DUL1192" s="10"/>
      <c r="DUM1192" s="10"/>
      <c r="DUN1192" s="10"/>
      <c r="DUO1192" s="10"/>
      <c r="DUP1192" s="10"/>
      <c r="DUQ1192" s="10"/>
      <c r="DUR1192" s="10"/>
      <c r="DUS1192" s="10"/>
      <c r="DUT1192" s="10"/>
      <c r="DUU1192" s="10"/>
      <c r="DUV1192" s="10"/>
      <c r="DUW1192" s="10"/>
      <c r="DUX1192" s="10"/>
      <c r="DUY1192" s="10"/>
      <c r="DUZ1192" s="10"/>
      <c r="DVA1192" s="10"/>
      <c r="DVB1192" s="10"/>
      <c r="DVC1192" s="10"/>
      <c r="DVD1192" s="10"/>
      <c r="DVE1192" s="10"/>
      <c r="DVF1192" s="10"/>
      <c r="DVG1192" s="10"/>
      <c r="DVH1192" s="10"/>
      <c r="DVI1192" s="10"/>
      <c r="DVJ1192" s="10"/>
      <c r="DVK1192" s="10"/>
      <c r="DVL1192" s="10"/>
      <c r="DVM1192" s="10"/>
      <c r="DVN1192" s="10"/>
      <c r="DVO1192" s="10"/>
      <c r="DVP1192" s="10"/>
      <c r="DVQ1192" s="10"/>
      <c r="DVR1192" s="10"/>
      <c r="DVS1192" s="10"/>
      <c r="DVT1192" s="10"/>
      <c r="DVU1192" s="10"/>
      <c r="DVV1192" s="10"/>
      <c r="DVW1192" s="10"/>
      <c r="DVX1192" s="10"/>
      <c r="DVY1192" s="10"/>
      <c r="DVZ1192" s="10"/>
      <c r="DWA1192" s="10"/>
      <c r="DWB1192" s="10"/>
      <c r="DWC1192" s="10"/>
      <c r="DWD1192" s="10"/>
      <c r="DWE1192" s="10"/>
      <c r="DWF1192" s="10"/>
      <c r="DWG1192" s="10"/>
      <c r="DWH1192" s="10"/>
      <c r="DWI1192" s="10"/>
      <c r="DWJ1192" s="10"/>
      <c r="DWK1192" s="10"/>
      <c r="DWL1192" s="10"/>
      <c r="DWM1192" s="10"/>
      <c r="DWN1192" s="10"/>
      <c r="DWO1192" s="10"/>
      <c r="DWP1192" s="10"/>
      <c r="DWQ1192" s="10"/>
      <c r="DWR1192" s="10"/>
      <c r="DWS1192" s="10"/>
      <c r="DWT1192" s="10"/>
      <c r="DWU1192" s="10"/>
      <c r="DWV1192" s="10"/>
      <c r="DWW1192" s="10"/>
      <c r="DWX1192" s="10"/>
      <c r="DWY1192" s="10"/>
      <c r="DWZ1192" s="10"/>
      <c r="DXA1192" s="10"/>
      <c r="DXB1192" s="10"/>
      <c r="DXC1192" s="10"/>
      <c r="DXD1192" s="10"/>
      <c r="DXE1192" s="10"/>
      <c r="DXF1192" s="10"/>
      <c r="DXG1192" s="10"/>
      <c r="DXH1192" s="10"/>
      <c r="DXI1192" s="10"/>
      <c r="DXJ1192" s="10"/>
      <c r="DXK1192" s="10"/>
      <c r="DXL1192" s="10"/>
      <c r="DXM1192" s="10"/>
      <c r="DXN1192" s="10"/>
      <c r="DXO1192" s="10"/>
      <c r="DXP1192" s="10"/>
      <c r="DXQ1192" s="10"/>
      <c r="DXR1192" s="10"/>
      <c r="DXS1192" s="10"/>
      <c r="DXT1192" s="10"/>
      <c r="DXU1192" s="10"/>
      <c r="DXV1192" s="10"/>
      <c r="DXW1192" s="10"/>
      <c r="DXX1192" s="10"/>
      <c r="DXY1192" s="10"/>
      <c r="DXZ1192" s="10"/>
      <c r="DYA1192" s="10"/>
      <c r="DYB1192" s="10"/>
      <c r="DYC1192" s="10"/>
      <c r="DYD1192" s="10"/>
      <c r="DYE1192" s="10"/>
      <c r="DYF1192" s="10"/>
      <c r="DYG1192" s="10"/>
      <c r="DYH1192" s="10"/>
      <c r="DYI1192" s="10"/>
      <c r="DYJ1192" s="10"/>
      <c r="DYK1192" s="10"/>
      <c r="DYL1192" s="10"/>
      <c r="DYM1192" s="10"/>
      <c r="DYN1192" s="10"/>
      <c r="DYO1192" s="10"/>
      <c r="DYP1192" s="10"/>
      <c r="DYQ1192" s="10"/>
      <c r="DYR1192" s="10"/>
      <c r="DYS1192" s="10"/>
      <c r="DYT1192" s="10"/>
      <c r="DYU1192" s="10"/>
      <c r="DYV1192" s="10"/>
      <c r="DYW1192" s="10"/>
      <c r="DYX1192" s="10"/>
      <c r="DYY1192" s="10"/>
      <c r="DYZ1192" s="10"/>
      <c r="DZA1192" s="10"/>
      <c r="DZB1192" s="10"/>
      <c r="DZC1192" s="10"/>
      <c r="DZD1192" s="10"/>
      <c r="DZE1192" s="10"/>
      <c r="DZF1192" s="10"/>
      <c r="DZG1192" s="10"/>
      <c r="DZH1192" s="10"/>
      <c r="DZI1192" s="10"/>
      <c r="DZJ1192" s="10"/>
      <c r="DZK1192" s="10"/>
      <c r="DZL1192" s="10"/>
      <c r="DZM1192" s="10"/>
      <c r="DZN1192" s="10"/>
      <c r="DZO1192" s="10"/>
      <c r="DZP1192" s="10"/>
      <c r="DZQ1192" s="10"/>
      <c r="DZR1192" s="10"/>
      <c r="DZS1192" s="10"/>
      <c r="DZT1192" s="10"/>
      <c r="DZU1192" s="10"/>
      <c r="DZV1192" s="10"/>
      <c r="DZW1192" s="10"/>
      <c r="DZX1192" s="10"/>
      <c r="DZY1192" s="10"/>
      <c r="DZZ1192" s="10"/>
      <c r="EAA1192" s="10"/>
      <c r="EAB1192" s="10"/>
      <c r="EAC1192" s="10"/>
      <c r="EAD1192" s="10"/>
      <c r="EAE1192" s="10"/>
      <c r="EAF1192" s="10"/>
      <c r="EAG1192" s="10"/>
      <c r="EAH1192" s="10"/>
      <c r="EAI1192" s="10"/>
      <c r="EAJ1192" s="10"/>
      <c r="EAK1192" s="10"/>
      <c r="EAL1192" s="10"/>
      <c r="EAM1192" s="10"/>
      <c r="EAN1192" s="10"/>
      <c r="EAO1192" s="10"/>
      <c r="EAP1192" s="10"/>
      <c r="EAQ1192" s="10"/>
      <c r="EAR1192" s="10"/>
      <c r="EAS1192" s="10"/>
      <c r="EAT1192" s="10"/>
      <c r="EAU1192" s="10"/>
      <c r="EAV1192" s="10"/>
      <c r="EAW1192" s="10"/>
      <c r="EAX1192" s="10"/>
      <c r="EAY1192" s="10"/>
      <c r="EAZ1192" s="10"/>
      <c r="EBA1192" s="10"/>
      <c r="EBB1192" s="10"/>
      <c r="EBC1192" s="10"/>
      <c r="EBD1192" s="10"/>
      <c r="EBE1192" s="10"/>
      <c r="EBF1192" s="10"/>
      <c r="EBG1192" s="10"/>
      <c r="EBH1192" s="10"/>
      <c r="EBI1192" s="10"/>
      <c r="EBJ1192" s="10"/>
      <c r="EBK1192" s="10"/>
      <c r="EBL1192" s="10"/>
      <c r="EBM1192" s="10"/>
      <c r="EBN1192" s="10"/>
      <c r="EBO1192" s="10"/>
      <c r="EBP1192" s="10"/>
      <c r="EBQ1192" s="10"/>
      <c r="EBR1192" s="10"/>
      <c r="EBS1192" s="10"/>
      <c r="EBT1192" s="10"/>
      <c r="EBU1192" s="10"/>
      <c r="EBV1192" s="10"/>
      <c r="EBW1192" s="10"/>
      <c r="EBX1192" s="10"/>
      <c r="EBY1192" s="10"/>
      <c r="EBZ1192" s="10"/>
      <c r="ECA1192" s="10"/>
      <c r="ECB1192" s="10"/>
      <c r="ECC1192" s="10"/>
      <c r="ECD1192" s="10"/>
      <c r="ECE1192" s="10"/>
      <c r="ECF1192" s="10"/>
      <c r="ECG1192" s="10"/>
      <c r="ECH1192" s="10"/>
      <c r="ECI1192" s="10"/>
      <c r="ECJ1192" s="10"/>
      <c r="ECK1192" s="10"/>
      <c r="ECL1192" s="10"/>
      <c r="ECM1192" s="10"/>
      <c r="ECN1192" s="10"/>
      <c r="ECO1192" s="10"/>
      <c r="ECP1192" s="10"/>
      <c r="ECQ1192" s="10"/>
      <c r="ECR1192" s="10"/>
      <c r="ECS1192" s="10"/>
      <c r="ECT1192" s="10"/>
      <c r="ECU1192" s="10"/>
      <c r="ECV1192" s="10"/>
      <c r="ECW1192" s="10"/>
      <c r="ECX1192" s="10"/>
      <c r="ECY1192" s="10"/>
      <c r="ECZ1192" s="10"/>
      <c r="EDA1192" s="10"/>
      <c r="EDB1192" s="10"/>
      <c r="EDC1192" s="10"/>
      <c r="EDD1192" s="10"/>
      <c r="EDE1192" s="10"/>
      <c r="EDF1192" s="10"/>
      <c r="EDG1192" s="10"/>
      <c r="EDH1192" s="10"/>
      <c r="EDI1192" s="10"/>
      <c r="EDJ1192" s="10"/>
      <c r="EDK1192" s="10"/>
      <c r="EDL1192" s="10"/>
      <c r="EDM1192" s="10"/>
      <c r="EDN1192" s="10"/>
      <c r="EDO1192" s="10"/>
      <c r="EDP1192" s="10"/>
      <c r="EDQ1192" s="10"/>
      <c r="EDR1192" s="10"/>
      <c r="EDS1192" s="10"/>
      <c r="EDT1192" s="10"/>
      <c r="EDU1192" s="10"/>
      <c r="EDV1192" s="10"/>
      <c r="EDW1192" s="10"/>
      <c r="EDX1192" s="10"/>
      <c r="EDY1192" s="10"/>
      <c r="EDZ1192" s="10"/>
      <c r="EEA1192" s="10"/>
      <c r="EEB1192" s="10"/>
      <c r="EEC1192" s="10"/>
      <c r="EED1192" s="10"/>
      <c r="EEE1192" s="10"/>
      <c r="EEF1192" s="10"/>
      <c r="EEG1192" s="10"/>
      <c r="EEH1192" s="10"/>
      <c r="EEI1192" s="10"/>
      <c r="EEJ1192" s="10"/>
      <c r="EEK1192" s="10"/>
      <c r="EEL1192" s="10"/>
      <c r="EEM1192" s="10"/>
      <c r="EEN1192" s="10"/>
      <c r="EEO1192" s="10"/>
      <c r="EEP1192" s="10"/>
      <c r="EEQ1192" s="10"/>
      <c r="EER1192" s="10"/>
      <c r="EES1192" s="10"/>
      <c r="EET1192" s="10"/>
      <c r="EEU1192" s="10"/>
      <c r="EEV1192" s="10"/>
      <c r="EEW1192" s="10"/>
      <c r="EEX1192" s="10"/>
      <c r="EEY1192" s="10"/>
      <c r="EEZ1192" s="10"/>
      <c r="EFA1192" s="10"/>
      <c r="EFB1192" s="10"/>
      <c r="EFC1192" s="10"/>
      <c r="EFD1192" s="10"/>
      <c r="EFE1192" s="10"/>
      <c r="EFF1192" s="10"/>
      <c r="EFG1192" s="10"/>
      <c r="EFH1192" s="10"/>
      <c r="EFI1192" s="10"/>
      <c r="EFJ1192" s="10"/>
      <c r="EFK1192" s="10"/>
      <c r="EFL1192" s="10"/>
      <c r="EFM1192" s="10"/>
      <c r="EFN1192" s="10"/>
      <c r="EFO1192" s="10"/>
      <c r="EFP1192" s="10"/>
      <c r="EFQ1192" s="10"/>
      <c r="EFR1192" s="10"/>
      <c r="EFS1192" s="10"/>
      <c r="EFT1192" s="10"/>
      <c r="EFU1192" s="10"/>
      <c r="EFV1192" s="10"/>
      <c r="EFW1192" s="10"/>
      <c r="EFX1192" s="10"/>
      <c r="EFY1192" s="10"/>
      <c r="EFZ1192" s="10"/>
      <c r="EGA1192" s="10"/>
      <c r="EGB1192" s="10"/>
      <c r="EGC1192" s="10"/>
      <c r="EGD1192" s="10"/>
      <c r="EGE1192" s="10"/>
      <c r="EGF1192" s="10"/>
      <c r="EGG1192" s="10"/>
      <c r="EGH1192" s="10"/>
      <c r="EGI1192" s="10"/>
      <c r="EGJ1192" s="10"/>
      <c r="EGK1192" s="10"/>
      <c r="EGL1192" s="10"/>
      <c r="EGM1192" s="10"/>
      <c r="EGN1192" s="10"/>
      <c r="EGO1192" s="10"/>
      <c r="EGP1192" s="10"/>
      <c r="EGQ1192" s="10"/>
      <c r="EGR1192" s="10"/>
      <c r="EGS1192" s="10"/>
      <c r="EGT1192" s="10"/>
      <c r="EGU1192" s="10"/>
      <c r="EGV1192" s="10"/>
      <c r="EGW1192" s="10"/>
      <c r="EGX1192" s="10"/>
      <c r="EGY1192" s="10"/>
      <c r="EGZ1192" s="10"/>
      <c r="EHA1192" s="10"/>
      <c r="EHB1192" s="10"/>
      <c r="EHC1192" s="10"/>
      <c r="EHD1192" s="10"/>
      <c r="EHE1192" s="10"/>
      <c r="EHF1192" s="10"/>
      <c r="EHG1192" s="10"/>
      <c r="EHH1192" s="10"/>
      <c r="EHI1192" s="10"/>
      <c r="EHJ1192" s="10"/>
      <c r="EHK1192" s="10"/>
      <c r="EHL1192" s="10"/>
      <c r="EHM1192" s="10"/>
      <c r="EHN1192" s="10"/>
      <c r="EHO1192" s="10"/>
      <c r="EHP1192" s="10"/>
      <c r="EHQ1192" s="10"/>
      <c r="EHR1192" s="10"/>
      <c r="EHS1192" s="10"/>
      <c r="EHT1192" s="10"/>
      <c r="EHU1192" s="10"/>
      <c r="EHV1192" s="10"/>
      <c r="EHW1192" s="10"/>
      <c r="EHX1192" s="10"/>
      <c r="EHY1192" s="10"/>
      <c r="EHZ1192" s="10"/>
      <c r="EIA1192" s="10"/>
      <c r="EIB1192" s="10"/>
      <c r="EIC1192" s="10"/>
      <c r="EID1192" s="10"/>
      <c r="EIE1192" s="10"/>
      <c r="EIF1192" s="10"/>
      <c r="EIG1192" s="10"/>
      <c r="EIH1192" s="10"/>
      <c r="EII1192" s="10"/>
      <c r="EIJ1192" s="10"/>
      <c r="EIK1192" s="10"/>
      <c r="EIL1192" s="10"/>
      <c r="EIM1192" s="10"/>
      <c r="EIN1192" s="10"/>
      <c r="EIO1192" s="10"/>
      <c r="EIP1192" s="10"/>
      <c r="EIQ1192" s="10"/>
      <c r="EIR1192" s="10"/>
      <c r="EIS1192" s="10"/>
      <c r="EIT1192" s="10"/>
      <c r="EIU1192" s="10"/>
      <c r="EIV1192" s="10"/>
      <c r="EIW1192" s="10"/>
      <c r="EIX1192" s="10"/>
      <c r="EIY1192" s="10"/>
      <c r="EIZ1192" s="10"/>
      <c r="EJA1192" s="10"/>
      <c r="EJB1192" s="10"/>
      <c r="EJC1192" s="10"/>
      <c r="EJD1192" s="10"/>
      <c r="EJE1192" s="10"/>
      <c r="EJF1192" s="10"/>
      <c r="EJG1192" s="10"/>
      <c r="EJH1192" s="10"/>
      <c r="EJI1192" s="10"/>
      <c r="EJJ1192" s="10"/>
      <c r="EJK1192" s="10"/>
      <c r="EJL1192" s="10"/>
      <c r="EJM1192" s="10"/>
      <c r="EJN1192" s="10"/>
      <c r="EJO1192" s="10"/>
      <c r="EJP1192" s="10"/>
      <c r="EJQ1192" s="10"/>
      <c r="EJR1192" s="10"/>
      <c r="EJS1192" s="10"/>
      <c r="EJT1192" s="10"/>
      <c r="EJU1192" s="10"/>
      <c r="EJV1192" s="10"/>
      <c r="EJW1192" s="10"/>
      <c r="EJX1192" s="10"/>
      <c r="EJY1192" s="10"/>
      <c r="EJZ1192" s="10"/>
      <c r="EKA1192" s="10"/>
      <c r="EKB1192" s="10"/>
      <c r="EKC1192" s="10"/>
      <c r="EKD1192" s="10"/>
      <c r="EKE1192" s="10"/>
      <c r="EKF1192" s="10"/>
      <c r="EKG1192" s="10"/>
      <c r="EKH1192" s="10"/>
      <c r="EKI1192" s="10"/>
      <c r="EKJ1192" s="10"/>
      <c r="EKK1192" s="10"/>
      <c r="EKL1192" s="10"/>
      <c r="EKM1192" s="10"/>
      <c r="EKN1192" s="10"/>
      <c r="EKO1192" s="10"/>
      <c r="EKP1192" s="10"/>
      <c r="EKQ1192" s="10"/>
      <c r="EKR1192" s="10"/>
      <c r="EKS1192" s="10"/>
      <c r="EKT1192" s="10"/>
      <c r="EKU1192" s="10"/>
      <c r="EKV1192" s="10"/>
      <c r="EKW1192" s="10"/>
      <c r="EKX1192" s="10"/>
      <c r="EKY1192" s="10"/>
      <c r="EKZ1192" s="10"/>
      <c r="ELA1192" s="10"/>
      <c r="ELB1192" s="10"/>
      <c r="ELC1192" s="10"/>
      <c r="ELD1192" s="10"/>
      <c r="ELE1192" s="10"/>
      <c r="ELF1192" s="10"/>
      <c r="ELG1192" s="10"/>
      <c r="ELH1192" s="10"/>
      <c r="ELI1192" s="10"/>
      <c r="ELJ1192" s="10"/>
      <c r="ELK1192" s="10"/>
      <c r="ELL1192" s="10"/>
      <c r="ELM1192" s="10"/>
      <c r="ELN1192" s="10"/>
      <c r="ELO1192" s="10"/>
      <c r="ELP1192" s="10"/>
      <c r="ELQ1192" s="10"/>
      <c r="ELR1192" s="10"/>
      <c r="ELS1192" s="10"/>
      <c r="ELT1192" s="10"/>
      <c r="ELU1192" s="10"/>
      <c r="ELV1192" s="10"/>
      <c r="ELW1192" s="10"/>
      <c r="ELX1192" s="10"/>
      <c r="ELY1192" s="10"/>
      <c r="ELZ1192" s="10"/>
      <c r="EMA1192" s="10"/>
      <c r="EMB1192" s="10"/>
      <c r="EMC1192" s="10"/>
      <c r="EMD1192" s="10"/>
      <c r="EME1192" s="10"/>
      <c r="EMF1192" s="10"/>
      <c r="EMG1192" s="10"/>
      <c r="EMH1192" s="10"/>
      <c r="EMI1192" s="10"/>
      <c r="EMJ1192" s="10"/>
      <c r="EMK1192" s="10"/>
      <c r="EML1192" s="10"/>
      <c r="EMM1192" s="10"/>
      <c r="EMN1192" s="10"/>
      <c r="EMO1192" s="10"/>
      <c r="EMP1192" s="10"/>
      <c r="EMQ1192" s="10"/>
      <c r="EMR1192" s="10"/>
      <c r="EMS1192" s="10"/>
      <c r="EMT1192" s="10"/>
      <c r="EMU1192" s="10"/>
      <c r="EMV1192" s="10"/>
      <c r="EMW1192" s="10"/>
      <c r="EMX1192" s="10"/>
      <c r="EMY1192" s="10"/>
      <c r="EMZ1192" s="10"/>
      <c r="ENA1192" s="10"/>
      <c r="ENB1192" s="10"/>
      <c r="ENC1192" s="10"/>
      <c r="END1192" s="10"/>
      <c r="ENE1192" s="10"/>
      <c r="ENF1192" s="10"/>
      <c r="ENG1192" s="10"/>
      <c r="ENH1192" s="10"/>
      <c r="ENI1192" s="10"/>
      <c r="ENJ1192" s="10"/>
      <c r="ENK1192" s="10"/>
      <c r="ENL1192" s="10"/>
      <c r="ENM1192" s="10"/>
      <c r="ENN1192" s="10"/>
      <c r="ENO1192" s="10"/>
      <c r="ENP1192" s="10"/>
      <c r="ENQ1192" s="10"/>
      <c r="ENR1192" s="10"/>
      <c r="ENS1192" s="10"/>
      <c r="ENT1192" s="10"/>
      <c r="ENU1192" s="10"/>
      <c r="ENV1192" s="10"/>
      <c r="ENW1192" s="10"/>
      <c r="ENX1192" s="10"/>
      <c r="ENY1192" s="10"/>
      <c r="ENZ1192" s="10"/>
      <c r="EOA1192" s="10"/>
      <c r="EOB1192" s="10"/>
      <c r="EOC1192" s="10"/>
      <c r="EOD1192" s="10"/>
      <c r="EOE1192" s="10"/>
      <c r="EOF1192" s="10"/>
      <c r="EOG1192" s="10"/>
      <c r="EOH1192" s="10"/>
      <c r="EOI1192" s="10"/>
      <c r="EOJ1192" s="10"/>
      <c r="EOK1192" s="10"/>
      <c r="EOL1192" s="10"/>
      <c r="EOM1192" s="10"/>
      <c r="EON1192" s="10"/>
      <c r="EOO1192" s="10"/>
      <c r="EOP1192" s="10"/>
      <c r="EOQ1192" s="10"/>
      <c r="EOR1192" s="10"/>
      <c r="EOS1192" s="10"/>
      <c r="EOT1192" s="10"/>
      <c r="EOU1192" s="10"/>
      <c r="EOV1192" s="10"/>
      <c r="EOW1192" s="10"/>
      <c r="EOX1192" s="10"/>
      <c r="EOY1192" s="10"/>
      <c r="EOZ1192" s="10"/>
      <c r="EPA1192" s="10"/>
      <c r="EPB1192" s="10"/>
      <c r="EPC1192" s="10"/>
      <c r="EPD1192" s="10"/>
      <c r="EPE1192" s="10"/>
      <c r="EPF1192" s="10"/>
      <c r="EPG1192" s="10"/>
      <c r="EPH1192" s="10"/>
      <c r="EPI1192" s="10"/>
      <c r="EPJ1192" s="10"/>
      <c r="EPK1192" s="10"/>
      <c r="EPL1192" s="10"/>
      <c r="EPM1192" s="10"/>
      <c r="EPN1192" s="10"/>
      <c r="EPO1192" s="10"/>
      <c r="EPP1192" s="10"/>
      <c r="EPQ1192" s="10"/>
      <c r="EPR1192" s="10"/>
      <c r="EPS1192" s="10"/>
      <c r="EPT1192" s="10"/>
      <c r="EPU1192" s="10"/>
      <c r="EPV1192" s="10"/>
      <c r="EPW1192" s="10"/>
      <c r="EPX1192" s="10"/>
      <c r="EPY1192" s="10"/>
      <c r="EPZ1192" s="10"/>
      <c r="EQA1192" s="10"/>
      <c r="EQB1192" s="10"/>
      <c r="EQC1192" s="10"/>
      <c r="EQD1192" s="10"/>
      <c r="EQE1192" s="10"/>
      <c r="EQF1192" s="10"/>
      <c r="EQG1192" s="10"/>
      <c r="EQH1192" s="10"/>
      <c r="EQI1192" s="10"/>
      <c r="EQJ1192" s="10"/>
      <c r="EQK1192" s="10"/>
      <c r="EQL1192" s="10"/>
      <c r="EQM1192" s="10"/>
      <c r="EQN1192" s="10"/>
      <c r="EQO1192" s="10"/>
      <c r="EQP1192" s="10"/>
      <c r="EQQ1192" s="10"/>
      <c r="EQR1192" s="10"/>
      <c r="EQS1192" s="10"/>
      <c r="EQT1192" s="10"/>
      <c r="EQU1192" s="10"/>
      <c r="EQV1192" s="10"/>
      <c r="EQW1192" s="10"/>
      <c r="EQX1192" s="10"/>
      <c r="EQY1192" s="10"/>
      <c r="EQZ1192" s="10"/>
      <c r="ERA1192" s="10"/>
      <c r="ERB1192" s="10"/>
      <c r="ERC1192" s="10"/>
      <c r="ERD1192" s="10"/>
      <c r="ERE1192" s="10"/>
      <c r="ERF1192" s="10"/>
      <c r="ERG1192" s="10"/>
      <c r="ERH1192" s="10"/>
      <c r="ERI1192" s="10"/>
      <c r="ERJ1192" s="10"/>
      <c r="ERK1192" s="10"/>
      <c r="ERL1192" s="10"/>
      <c r="ERM1192" s="10"/>
      <c r="ERN1192" s="10"/>
      <c r="ERO1192" s="10"/>
      <c r="ERP1192" s="10"/>
      <c r="ERQ1192" s="10"/>
      <c r="ERR1192" s="10"/>
      <c r="ERS1192" s="10"/>
      <c r="ERT1192" s="10"/>
      <c r="ERU1192" s="10"/>
      <c r="ERV1192" s="10"/>
      <c r="ERW1192" s="10"/>
      <c r="ERX1192" s="10"/>
      <c r="ERY1192" s="10"/>
      <c r="ERZ1192" s="10"/>
      <c r="ESA1192" s="10"/>
      <c r="ESB1192" s="10"/>
      <c r="ESC1192" s="10"/>
      <c r="ESD1192" s="10"/>
      <c r="ESE1192" s="10"/>
      <c r="ESF1192" s="10"/>
      <c r="ESG1192" s="10"/>
      <c r="ESH1192" s="10"/>
      <c r="ESI1192" s="10"/>
      <c r="ESJ1192" s="10"/>
      <c r="ESK1192" s="10"/>
      <c r="ESL1192" s="10"/>
      <c r="ESM1192" s="10"/>
      <c r="ESN1192" s="10"/>
      <c r="ESO1192" s="10"/>
      <c r="ESP1192" s="10"/>
      <c r="ESQ1192" s="10"/>
      <c r="ESR1192" s="10"/>
      <c r="ESS1192" s="10"/>
      <c r="EST1192" s="10"/>
      <c r="ESU1192" s="10"/>
      <c r="ESV1192" s="10"/>
      <c r="ESW1192" s="10"/>
      <c r="ESX1192" s="10"/>
      <c r="ESY1192" s="10"/>
      <c r="ESZ1192" s="10"/>
      <c r="ETA1192" s="10"/>
      <c r="ETB1192" s="10"/>
      <c r="ETC1192" s="10"/>
      <c r="ETD1192" s="10"/>
      <c r="ETE1192" s="10"/>
      <c r="ETF1192" s="10"/>
      <c r="ETG1192" s="10"/>
      <c r="ETH1192" s="10"/>
      <c r="ETI1192" s="10"/>
      <c r="ETJ1192" s="10"/>
      <c r="ETK1192" s="10"/>
      <c r="ETL1192" s="10"/>
      <c r="ETM1192" s="10"/>
      <c r="ETN1192" s="10"/>
      <c r="ETO1192" s="10"/>
      <c r="ETP1192" s="10"/>
      <c r="ETQ1192" s="10"/>
      <c r="ETR1192" s="10"/>
      <c r="ETS1192" s="10"/>
      <c r="ETT1192" s="10"/>
      <c r="ETU1192" s="10"/>
      <c r="ETV1192" s="10"/>
      <c r="ETW1192" s="10"/>
      <c r="ETX1192" s="10"/>
      <c r="ETY1192" s="10"/>
      <c r="ETZ1192" s="10"/>
      <c r="EUA1192" s="10"/>
      <c r="EUB1192" s="10"/>
      <c r="EUC1192" s="10"/>
      <c r="EUD1192" s="10"/>
      <c r="EUE1192" s="10"/>
      <c r="EUF1192" s="10"/>
      <c r="EUG1192" s="10"/>
      <c r="EUH1192" s="10"/>
      <c r="EUI1192" s="10"/>
      <c r="EUJ1192" s="10"/>
      <c r="EUK1192" s="10"/>
      <c r="EUL1192" s="10"/>
      <c r="EUM1192" s="10"/>
      <c r="EUN1192" s="10"/>
      <c r="EUO1192" s="10"/>
      <c r="EUP1192" s="10"/>
      <c r="EUQ1192" s="10"/>
      <c r="EUR1192" s="10"/>
      <c r="EUS1192" s="10"/>
      <c r="EUT1192" s="10"/>
      <c r="EUU1192" s="10"/>
      <c r="EUV1192" s="10"/>
      <c r="EUW1192" s="10"/>
      <c r="EUX1192" s="10"/>
      <c r="EUY1192" s="10"/>
      <c r="EUZ1192" s="10"/>
      <c r="EVA1192" s="10"/>
      <c r="EVB1192" s="10"/>
      <c r="EVC1192" s="10"/>
      <c r="EVD1192" s="10"/>
      <c r="EVE1192" s="10"/>
      <c r="EVF1192" s="10"/>
      <c r="EVG1192" s="10"/>
      <c r="EVH1192" s="10"/>
      <c r="EVI1192" s="10"/>
      <c r="EVJ1192" s="10"/>
      <c r="EVK1192" s="10"/>
      <c r="EVL1192" s="10"/>
      <c r="EVM1192" s="10"/>
      <c r="EVN1192" s="10"/>
      <c r="EVO1192" s="10"/>
      <c r="EVP1192" s="10"/>
      <c r="EVQ1192" s="10"/>
      <c r="EVR1192" s="10"/>
      <c r="EVS1192" s="10"/>
      <c r="EVT1192" s="10"/>
      <c r="EVU1192" s="10"/>
      <c r="EVV1192" s="10"/>
      <c r="EVW1192" s="10"/>
      <c r="EVX1192" s="10"/>
      <c r="EVY1192" s="10"/>
      <c r="EVZ1192" s="10"/>
      <c r="EWA1192" s="10"/>
      <c r="EWB1192" s="10"/>
      <c r="EWC1192" s="10"/>
      <c r="EWD1192" s="10"/>
      <c r="EWE1192" s="10"/>
      <c r="EWF1192" s="10"/>
      <c r="EWG1192" s="10"/>
      <c r="EWH1192" s="10"/>
      <c r="EWI1192" s="10"/>
      <c r="EWJ1192" s="10"/>
      <c r="EWK1192" s="10"/>
      <c r="EWL1192" s="10"/>
      <c r="EWM1192" s="10"/>
      <c r="EWN1192" s="10"/>
      <c r="EWO1192" s="10"/>
      <c r="EWP1192" s="10"/>
      <c r="EWQ1192" s="10"/>
      <c r="EWR1192" s="10"/>
      <c r="EWS1192" s="10"/>
      <c r="EWT1192" s="10"/>
      <c r="EWU1192" s="10"/>
      <c r="EWV1192" s="10"/>
      <c r="EWW1192" s="10"/>
      <c r="EWX1192" s="10"/>
      <c r="EWY1192" s="10"/>
      <c r="EWZ1192" s="10"/>
      <c r="EXA1192" s="10"/>
      <c r="EXB1192" s="10"/>
      <c r="EXC1192" s="10"/>
      <c r="EXD1192" s="10"/>
      <c r="EXE1192" s="10"/>
      <c r="EXF1192" s="10"/>
      <c r="EXG1192" s="10"/>
      <c r="EXH1192" s="10"/>
      <c r="EXI1192" s="10"/>
      <c r="EXJ1192" s="10"/>
      <c r="EXK1192" s="10"/>
      <c r="EXL1192" s="10"/>
      <c r="EXM1192" s="10"/>
      <c r="EXN1192" s="10"/>
      <c r="EXO1192" s="10"/>
      <c r="EXP1192" s="10"/>
      <c r="EXQ1192" s="10"/>
      <c r="EXR1192" s="10"/>
      <c r="EXS1192" s="10"/>
      <c r="EXT1192" s="10"/>
      <c r="EXU1192" s="10"/>
      <c r="EXV1192" s="10"/>
      <c r="EXW1192" s="10"/>
      <c r="EXX1192" s="10"/>
      <c r="EXY1192" s="10"/>
      <c r="EXZ1192" s="10"/>
      <c r="EYA1192" s="10"/>
      <c r="EYB1192" s="10"/>
      <c r="EYC1192" s="10"/>
      <c r="EYD1192" s="10"/>
      <c r="EYE1192" s="10"/>
      <c r="EYF1192" s="10"/>
      <c r="EYG1192" s="10"/>
      <c r="EYH1192" s="10"/>
      <c r="EYI1192" s="10"/>
      <c r="EYJ1192" s="10"/>
      <c r="EYK1192" s="10"/>
      <c r="EYL1192" s="10"/>
      <c r="EYM1192" s="10"/>
      <c r="EYN1192" s="10"/>
      <c r="EYO1192" s="10"/>
      <c r="EYP1192" s="10"/>
      <c r="EYQ1192" s="10"/>
      <c r="EYR1192" s="10"/>
      <c r="EYS1192" s="10"/>
      <c r="EYT1192" s="10"/>
      <c r="EYU1192" s="10"/>
      <c r="EYV1192" s="10"/>
      <c r="EYW1192" s="10"/>
      <c r="EYX1192" s="10"/>
      <c r="EYY1192" s="10"/>
      <c r="EYZ1192" s="10"/>
      <c r="EZA1192" s="10"/>
      <c r="EZB1192" s="10"/>
      <c r="EZC1192" s="10"/>
      <c r="EZD1192" s="10"/>
      <c r="EZE1192" s="10"/>
      <c r="EZF1192" s="10"/>
      <c r="EZG1192" s="10"/>
      <c r="EZH1192" s="10"/>
      <c r="EZI1192" s="10"/>
      <c r="EZJ1192" s="10"/>
      <c r="EZK1192" s="10"/>
      <c r="EZL1192" s="10"/>
      <c r="EZM1192" s="10"/>
      <c r="EZN1192" s="10"/>
      <c r="EZO1192" s="10"/>
      <c r="EZP1192" s="10"/>
      <c r="EZQ1192" s="10"/>
      <c r="EZR1192" s="10"/>
      <c r="EZS1192" s="10"/>
      <c r="EZT1192" s="10"/>
      <c r="EZU1192" s="10"/>
      <c r="EZV1192" s="10"/>
      <c r="EZW1192" s="10"/>
      <c r="EZX1192" s="10"/>
      <c r="EZY1192" s="10"/>
      <c r="EZZ1192" s="10"/>
      <c r="FAA1192" s="10"/>
      <c r="FAB1192" s="10"/>
      <c r="FAC1192" s="10"/>
      <c r="FAD1192" s="10"/>
      <c r="FAE1192" s="10"/>
      <c r="FAF1192" s="10"/>
      <c r="FAG1192" s="10"/>
      <c r="FAH1192" s="10"/>
      <c r="FAI1192" s="10"/>
      <c r="FAJ1192" s="10"/>
      <c r="FAK1192" s="10"/>
      <c r="FAL1192" s="10"/>
      <c r="FAM1192" s="10"/>
      <c r="FAN1192" s="10"/>
      <c r="FAO1192" s="10"/>
      <c r="FAP1192" s="10"/>
      <c r="FAQ1192" s="10"/>
      <c r="FAR1192" s="10"/>
      <c r="FAS1192" s="10"/>
      <c r="FAT1192" s="10"/>
      <c r="FAU1192" s="10"/>
      <c r="FAV1192" s="10"/>
      <c r="FAW1192" s="10"/>
      <c r="FAX1192" s="10"/>
      <c r="FAY1192" s="10"/>
      <c r="FAZ1192" s="10"/>
      <c r="FBA1192" s="10"/>
      <c r="FBB1192" s="10"/>
      <c r="FBC1192" s="10"/>
      <c r="FBD1192" s="10"/>
      <c r="FBE1192" s="10"/>
      <c r="FBF1192" s="10"/>
      <c r="FBG1192" s="10"/>
      <c r="FBH1192" s="10"/>
      <c r="FBI1192" s="10"/>
      <c r="FBJ1192" s="10"/>
      <c r="FBK1192" s="10"/>
      <c r="FBL1192" s="10"/>
      <c r="FBM1192" s="10"/>
      <c r="FBN1192" s="10"/>
      <c r="FBO1192" s="10"/>
      <c r="FBP1192" s="10"/>
      <c r="FBQ1192" s="10"/>
      <c r="FBR1192" s="10"/>
      <c r="FBS1192" s="10"/>
      <c r="FBT1192" s="10"/>
      <c r="FBU1192" s="10"/>
      <c r="FBV1192" s="10"/>
      <c r="FBW1192" s="10"/>
      <c r="FBX1192" s="10"/>
      <c r="FBY1192" s="10"/>
      <c r="FBZ1192" s="10"/>
      <c r="FCA1192" s="10"/>
      <c r="FCB1192" s="10"/>
      <c r="FCC1192" s="10"/>
      <c r="FCD1192" s="10"/>
      <c r="FCE1192" s="10"/>
      <c r="FCF1192" s="10"/>
      <c r="FCG1192" s="10"/>
      <c r="FCH1192" s="10"/>
      <c r="FCI1192" s="10"/>
      <c r="FCJ1192" s="10"/>
      <c r="FCK1192" s="10"/>
      <c r="FCL1192" s="10"/>
      <c r="FCM1192" s="10"/>
      <c r="FCN1192" s="10"/>
      <c r="FCO1192" s="10"/>
      <c r="FCP1192" s="10"/>
      <c r="FCQ1192" s="10"/>
      <c r="FCR1192" s="10"/>
      <c r="FCS1192" s="10"/>
      <c r="FCT1192" s="10"/>
      <c r="FCU1192" s="10"/>
      <c r="FCV1192" s="10"/>
      <c r="FCW1192" s="10"/>
      <c r="FCX1192" s="10"/>
      <c r="FCY1192" s="10"/>
      <c r="FCZ1192" s="10"/>
      <c r="FDA1192" s="10"/>
      <c r="FDB1192" s="10"/>
      <c r="FDC1192" s="10"/>
      <c r="FDD1192" s="10"/>
      <c r="FDE1192" s="10"/>
      <c r="FDF1192" s="10"/>
      <c r="FDG1192" s="10"/>
      <c r="FDH1192" s="10"/>
      <c r="FDI1192" s="10"/>
      <c r="FDJ1192" s="10"/>
      <c r="FDK1192" s="10"/>
      <c r="FDL1192" s="10"/>
      <c r="FDM1192" s="10"/>
      <c r="FDN1192" s="10"/>
      <c r="FDO1192" s="10"/>
      <c r="FDP1192" s="10"/>
      <c r="FDQ1192" s="10"/>
      <c r="FDR1192" s="10"/>
      <c r="FDS1192" s="10"/>
      <c r="FDT1192" s="10"/>
      <c r="FDU1192" s="10"/>
      <c r="FDV1192" s="10"/>
      <c r="FDW1192" s="10"/>
      <c r="FDX1192" s="10"/>
      <c r="FDY1192" s="10"/>
      <c r="FDZ1192" s="10"/>
      <c r="FEA1192" s="10"/>
      <c r="FEB1192" s="10"/>
      <c r="FEC1192" s="10"/>
      <c r="FED1192" s="10"/>
      <c r="FEE1192" s="10"/>
      <c r="FEF1192" s="10"/>
      <c r="FEG1192" s="10"/>
      <c r="FEH1192" s="10"/>
      <c r="FEI1192" s="10"/>
      <c r="FEJ1192" s="10"/>
      <c r="FEK1192" s="10"/>
      <c r="FEL1192" s="10"/>
      <c r="FEM1192" s="10"/>
      <c r="FEN1192" s="10"/>
      <c r="FEO1192" s="10"/>
      <c r="FEP1192" s="10"/>
      <c r="FEQ1192" s="10"/>
      <c r="FER1192" s="10"/>
      <c r="FES1192" s="10"/>
      <c r="FET1192" s="10"/>
      <c r="FEU1192" s="10"/>
      <c r="FEV1192" s="10"/>
      <c r="FEW1192" s="10"/>
      <c r="FEX1192" s="10"/>
      <c r="FEY1192" s="10"/>
      <c r="FEZ1192" s="10"/>
      <c r="FFA1192" s="10"/>
      <c r="FFB1192" s="10"/>
      <c r="FFC1192" s="10"/>
      <c r="FFD1192" s="10"/>
      <c r="FFE1192" s="10"/>
      <c r="FFF1192" s="10"/>
      <c r="FFG1192" s="10"/>
      <c r="FFH1192" s="10"/>
      <c r="FFI1192" s="10"/>
      <c r="FFJ1192" s="10"/>
      <c r="FFK1192" s="10"/>
      <c r="FFL1192" s="10"/>
      <c r="FFM1192" s="10"/>
      <c r="FFN1192" s="10"/>
      <c r="FFO1192" s="10"/>
      <c r="FFP1192" s="10"/>
      <c r="FFQ1192" s="10"/>
      <c r="FFR1192" s="10"/>
      <c r="FFS1192" s="10"/>
      <c r="FFT1192" s="10"/>
      <c r="FFU1192" s="10"/>
      <c r="FFV1192" s="10"/>
      <c r="FFW1192" s="10"/>
      <c r="FFX1192" s="10"/>
      <c r="FFY1192" s="10"/>
      <c r="FFZ1192" s="10"/>
      <c r="FGA1192" s="10"/>
      <c r="FGB1192" s="10"/>
      <c r="FGC1192" s="10"/>
      <c r="FGD1192" s="10"/>
      <c r="FGE1192" s="10"/>
      <c r="FGF1192" s="10"/>
      <c r="FGG1192" s="10"/>
      <c r="FGH1192" s="10"/>
      <c r="FGI1192" s="10"/>
      <c r="FGJ1192" s="10"/>
      <c r="FGK1192" s="10"/>
      <c r="FGL1192" s="10"/>
      <c r="FGM1192" s="10"/>
      <c r="FGN1192" s="10"/>
      <c r="FGO1192" s="10"/>
      <c r="FGP1192" s="10"/>
      <c r="FGQ1192" s="10"/>
      <c r="FGR1192" s="10"/>
      <c r="FGS1192" s="10"/>
      <c r="FGT1192" s="10"/>
      <c r="FGU1192" s="10"/>
      <c r="FGV1192" s="10"/>
      <c r="FGW1192" s="10"/>
      <c r="FGX1192" s="10"/>
      <c r="FGY1192" s="10"/>
      <c r="FGZ1192" s="10"/>
      <c r="FHA1192" s="10"/>
      <c r="FHB1192" s="10"/>
      <c r="FHC1192" s="10"/>
      <c r="FHD1192" s="10"/>
      <c r="FHE1192" s="10"/>
      <c r="FHF1192" s="10"/>
      <c r="FHG1192" s="10"/>
      <c r="FHH1192" s="10"/>
      <c r="FHI1192" s="10"/>
      <c r="FHJ1192" s="10"/>
      <c r="FHK1192" s="10"/>
      <c r="FHL1192" s="10"/>
      <c r="FHM1192" s="10"/>
      <c r="FHN1192" s="10"/>
      <c r="FHO1192" s="10"/>
      <c r="FHP1192" s="10"/>
      <c r="FHQ1192" s="10"/>
      <c r="FHR1192" s="10"/>
      <c r="FHS1192" s="10"/>
      <c r="FHT1192" s="10"/>
      <c r="FHU1192" s="10"/>
      <c r="FHV1192" s="10"/>
      <c r="FHW1192" s="10"/>
      <c r="FHX1192" s="10"/>
      <c r="FHY1192" s="10"/>
      <c r="FHZ1192" s="10"/>
      <c r="FIA1192" s="10"/>
      <c r="FIB1192" s="10"/>
      <c r="FIC1192" s="10"/>
      <c r="FID1192" s="10"/>
      <c r="FIE1192" s="10"/>
      <c r="FIF1192" s="10"/>
      <c r="FIG1192" s="10"/>
      <c r="FIH1192" s="10"/>
      <c r="FII1192" s="10"/>
      <c r="FIJ1192" s="10"/>
      <c r="FIK1192" s="10"/>
      <c r="FIL1192" s="10"/>
      <c r="FIM1192" s="10"/>
      <c r="FIN1192" s="10"/>
      <c r="FIO1192" s="10"/>
      <c r="FIP1192" s="10"/>
      <c r="FIQ1192" s="10"/>
      <c r="FIR1192" s="10"/>
      <c r="FIS1192" s="10"/>
      <c r="FIT1192" s="10"/>
      <c r="FIU1192" s="10"/>
      <c r="FIV1192" s="10"/>
      <c r="FIW1192" s="10"/>
      <c r="FIX1192" s="10"/>
      <c r="FIY1192" s="10"/>
      <c r="FIZ1192" s="10"/>
      <c r="FJA1192" s="10"/>
      <c r="FJB1192" s="10"/>
      <c r="FJC1192" s="10"/>
      <c r="FJD1192" s="10"/>
      <c r="FJE1192" s="10"/>
      <c r="FJF1192" s="10"/>
      <c r="FJG1192" s="10"/>
      <c r="FJH1192" s="10"/>
      <c r="FJI1192" s="10"/>
      <c r="FJJ1192" s="10"/>
      <c r="FJK1192" s="10"/>
      <c r="FJL1192" s="10"/>
      <c r="FJM1192" s="10"/>
      <c r="FJN1192" s="10"/>
      <c r="FJO1192" s="10"/>
      <c r="FJP1192" s="10"/>
      <c r="FJQ1192" s="10"/>
      <c r="FJR1192" s="10"/>
      <c r="FJS1192" s="10"/>
      <c r="FJT1192" s="10"/>
      <c r="FJU1192" s="10"/>
      <c r="FJV1192" s="10"/>
      <c r="FJW1192" s="10"/>
      <c r="FJX1192" s="10"/>
      <c r="FJY1192" s="10"/>
      <c r="FJZ1192" s="10"/>
      <c r="FKA1192" s="10"/>
      <c r="FKB1192" s="10"/>
      <c r="FKC1192" s="10"/>
      <c r="FKD1192" s="10"/>
      <c r="FKE1192" s="10"/>
      <c r="FKF1192" s="10"/>
      <c r="FKG1192" s="10"/>
      <c r="FKH1192" s="10"/>
      <c r="FKI1192" s="10"/>
      <c r="FKJ1192" s="10"/>
      <c r="FKK1192" s="10"/>
      <c r="FKL1192" s="10"/>
      <c r="FKM1192" s="10"/>
      <c r="FKN1192" s="10"/>
      <c r="FKO1192" s="10"/>
      <c r="FKP1192" s="10"/>
      <c r="FKQ1192" s="10"/>
      <c r="FKR1192" s="10"/>
      <c r="FKS1192" s="10"/>
      <c r="FKT1192" s="10"/>
      <c r="FKU1192" s="10"/>
      <c r="FKV1192" s="10"/>
      <c r="FKW1192" s="10"/>
      <c r="FKX1192" s="10"/>
      <c r="FKY1192" s="10"/>
      <c r="FKZ1192" s="10"/>
      <c r="FLA1192" s="10"/>
      <c r="FLB1192" s="10"/>
      <c r="FLC1192" s="10"/>
      <c r="FLD1192" s="10"/>
      <c r="FLE1192" s="10"/>
      <c r="FLF1192" s="10"/>
      <c r="FLG1192" s="10"/>
      <c r="FLH1192" s="10"/>
      <c r="FLI1192" s="10"/>
      <c r="FLJ1192" s="10"/>
      <c r="FLK1192" s="10"/>
      <c r="FLL1192" s="10"/>
      <c r="FLM1192" s="10"/>
      <c r="FLN1192" s="10"/>
      <c r="FLO1192" s="10"/>
      <c r="FLP1192" s="10"/>
      <c r="FLQ1192" s="10"/>
      <c r="FLR1192" s="10"/>
      <c r="FLS1192" s="10"/>
      <c r="FLT1192" s="10"/>
      <c r="FLU1192" s="10"/>
      <c r="FLV1192" s="10"/>
      <c r="FLW1192" s="10"/>
      <c r="FLX1192" s="10"/>
      <c r="FLY1192" s="10"/>
      <c r="FLZ1192" s="10"/>
      <c r="FMA1192" s="10"/>
      <c r="FMB1192" s="10"/>
      <c r="FMC1192" s="10"/>
      <c r="FMD1192" s="10"/>
      <c r="FME1192" s="10"/>
      <c r="FMF1192" s="10"/>
      <c r="FMG1192" s="10"/>
      <c r="FMH1192" s="10"/>
      <c r="FMI1192" s="10"/>
      <c r="FMJ1192" s="10"/>
      <c r="FMK1192" s="10"/>
      <c r="FML1192" s="10"/>
      <c r="FMM1192" s="10"/>
      <c r="FMN1192" s="10"/>
      <c r="FMO1192" s="10"/>
      <c r="FMP1192" s="10"/>
      <c r="FMQ1192" s="10"/>
      <c r="FMR1192" s="10"/>
      <c r="FMS1192" s="10"/>
      <c r="FMT1192" s="10"/>
      <c r="FMU1192" s="10"/>
      <c r="FMV1192" s="10"/>
      <c r="FMW1192" s="10"/>
      <c r="FMX1192" s="10"/>
      <c r="FMY1192" s="10"/>
      <c r="FMZ1192" s="10"/>
      <c r="FNA1192" s="10"/>
      <c r="FNB1192" s="10"/>
      <c r="FNC1192" s="10"/>
      <c r="FND1192" s="10"/>
      <c r="FNE1192" s="10"/>
      <c r="FNF1192" s="10"/>
      <c r="FNG1192" s="10"/>
      <c r="FNH1192" s="10"/>
      <c r="FNI1192" s="10"/>
      <c r="FNJ1192" s="10"/>
      <c r="FNK1192" s="10"/>
      <c r="FNL1192" s="10"/>
      <c r="FNM1192" s="10"/>
      <c r="FNN1192" s="10"/>
      <c r="FNO1192" s="10"/>
      <c r="FNP1192" s="10"/>
      <c r="FNQ1192" s="10"/>
      <c r="FNR1192" s="10"/>
      <c r="FNS1192" s="10"/>
      <c r="FNT1192" s="10"/>
      <c r="FNU1192" s="10"/>
      <c r="FNV1192" s="10"/>
      <c r="FNW1192" s="10"/>
      <c r="FNX1192" s="10"/>
      <c r="FNY1192" s="10"/>
      <c r="FNZ1192" s="10"/>
      <c r="FOA1192" s="10"/>
      <c r="FOB1192" s="10"/>
      <c r="FOC1192" s="10"/>
      <c r="FOD1192" s="10"/>
      <c r="FOE1192" s="10"/>
      <c r="FOF1192" s="10"/>
      <c r="FOG1192" s="10"/>
      <c r="FOH1192" s="10"/>
      <c r="FOI1192" s="10"/>
      <c r="FOJ1192" s="10"/>
      <c r="FOK1192" s="10"/>
      <c r="FOL1192" s="10"/>
      <c r="FOM1192" s="10"/>
      <c r="FON1192" s="10"/>
      <c r="FOO1192" s="10"/>
      <c r="FOP1192" s="10"/>
      <c r="FOQ1192" s="10"/>
      <c r="FOR1192" s="10"/>
      <c r="FOS1192" s="10"/>
      <c r="FOT1192" s="10"/>
      <c r="FOU1192" s="10"/>
      <c r="FOV1192" s="10"/>
      <c r="FOW1192" s="10"/>
      <c r="FOX1192" s="10"/>
      <c r="FOY1192" s="10"/>
      <c r="FOZ1192" s="10"/>
      <c r="FPA1192" s="10"/>
      <c r="FPB1192" s="10"/>
      <c r="FPC1192" s="10"/>
      <c r="FPD1192" s="10"/>
      <c r="FPE1192" s="10"/>
      <c r="FPF1192" s="10"/>
      <c r="FPG1192" s="10"/>
      <c r="FPH1192" s="10"/>
      <c r="FPI1192" s="10"/>
      <c r="FPJ1192" s="10"/>
      <c r="FPK1192" s="10"/>
      <c r="FPL1192" s="10"/>
      <c r="FPM1192" s="10"/>
      <c r="FPN1192" s="10"/>
      <c r="FPO1192" s="10"/>
      <c r="FPP1192" s="10"/>
      <c r="FPQ1192" s="10"/>
      <c r="FPR1192" s="10"/>
      <c r="FPS1192" s="10"/>
      <c r="FPT1192" s="10"/>
      <c r="FPU1192" s="10"/>
      <c r="FPV1192" s="10"/>
      <c r="FPW1192" s="10"/>
      <c r="FPX1192" s="10"/>
      <c r="FPY1192" s="10"/>
      <c r="FPZ1192" s="10"/>
      <c r="FQA1192" s="10"/>
      <c r="FQB1192" s="10"/>
      <c r="FQC1192" s="10"/>
      <c r="FQD1192" s="10"/>
      <c r="FQE1192" s="10"/>
      <c r="FQF1192" s="10"/>
      <c r="FQG1192" s="10"/>
      <c r="FQH1192" s="10"/>
      <c r="FQI1192" s="10"/>
      <c r="FQJ1192" s="10"/>
      <c r="FQK1192" s="10"/>
      <c r="FQL1192" s="10"/>
      <c r="FQM1192" s="10"/>
      <c r="FQN1192" s="10"/>
      <c r="FQO1192" s="10"/>
      <c r="FQP1192" s="10"/>
      <c r="FQQ1192" s="10"/>
      <c r="FQR1192" s="10"/>
      <c r="FQS1192" s="10"/>
      <c r="FQT1192" s="10"/>
      <c r="FQU1192" s="10"/>
      <c r="FQV1192" s="10"/>
      <c r="FQW1192" s="10"/>
      <c r="FQX1192" s="10"/>
      <c r="FQY1192" s="10"/>
      <c r="FQZ1192" s="10"/>
      <c r="FRA1192" s="10"/>
      <c r="FRB1192" s="10"/>
      <c r="FRC1192" s="10"/>
      <c r="FRD1192" s="10"/>
      <c r="FRE1192" s="10"/>
      <c r="FRF1192" s="10"/>
      <c r="FRG1192" s="10"/>
      <c r="FRH1192" s="10"/>
      <c r="FRI1192" s="10"/>
      <c r="FRJ1192" s="10"/>
      <c r="FRK1192" s="10"/>
      <c r="FRL1192" s="10"/>
      <c r="FRM1192" s="10"/>
      <c r="FRN1192" s="10"/>
      <c r="FRO1192" s="10"/>
      <c r="FRP1192" s="10"/>
      <c r="FRQ1192" s="10"/>
      <c r="FRR1192" s="10"/>
      <c r="FRS1192" s="10"/>
      <c r="FRT1192" s="10"/>
      <c r="FRU1192" s="10"/>
      <c r="FRV1192" s="10"/>
      <c r="FRW1192" s="10"/>
      <c r="FRX1192" s="10"/>
      <c r="FRY1192" s="10"/>
      <c r="FRZ1192" s="10"/>
      <c r="FSA1192" s="10"/>
      <c r="FSB1192" s="10"/>
      <c r="FSC1192" s="10"/>
      <c r="FSD1192" s="10"/>
      <c r="FSE1192" s="10"/>
      <c r="FSF1192" s="10"/>
      <c r="FSG1192" s="10"/>
      <c r="FSH1192" s="10"/>
      <c r="FSI1192" s="10"/>
      <c r="FSJ1192" s="10"/>
      <c r="FSK1192" s="10"/>
      <c r="FSL1192" s="10"/>
      <c r="FSM1192" s="10"/>
      <c r="FSN1192" s="10"/>
      <c r="FSO1192" s="10"/>
      <c r="FSP1192" s="10"/>
      <c r="FSQ1192" s="10"/>
      <c r="FSR1192" s="10"/>
      <c r="FSS1192" s="10"/>
      <c r="FST1192" s="10"/>
      <c r="FSU1192" s="10"/>
      <c r="FSV1192" s="10"/>
      <c r="FSW1192" s="10"/>
      <c r="FSX1192" s="10"/>
      <c r="FSY1192" s="10"/>
      <c r="FSZ1192" s="10"/>
      <c r="FTA1192" s="10"/>
      <c r="FTB1192" s="10"/>
      <c r="FTC1192" s="10"/>
      <c r="FTD1192" s="10"/>
      <c r="FTE1192" s="10"/>
      <c r="FTF1192" s="10"/>
      <c r="FTG1192" s="10"/>
      <c r="FTH1192" s="10"/>
      <c r="FTI1192" s="10"/>
      <c r="FTJ1192" s="10"/>
      <c r="FTK1192" s="10"/>
      <c r="FTL1192" s="10"/>
      <c r="FTM1192" s="10"/>
      <c r="FTN1192" s="10"/>
      <c r="FTO1192" s="10"/>
      <c r="FTP1192" s="10"/>
      <c r="FTQ1192" s="10"/>
      <c r="FTR1192" s="10"/>
      <c r="FTS1192" s="10"/>
      <c r="FTT1192" s="10"/>
      <c r="FTU1192" s="10"/>
      <c r="FTV1192" s="10"/>
      <c r="FTW1192" s="10"/>
      <c r="FTX1192" s="10"/>
      <c r="FTY1192" s="10"/>
      <c r="FTZ1192" s="10"/>
      <c r="FUA1192" s="10"/>
      <c r="FUB1192" s="10"/>
      <c r="FUC1192" s="10"/>
      <c r="FUD1192" s="10"/>
      <c r="FUE1192" s="10"/>
      <c r="FUF1192" s="10"/>
      <c r="FUG1192" s="10"/>
      <c r="FUH1192" s="10"/>
      <c r="FUI1192" s="10"/>
      <c r="FUJ1192" s="10"/>
      <c r="FUK1192" s="10"/>
      <c r="FUL1192" s="10"/>
      <c r="FUM1192" s="10"/>
      <c r="FUN1192" s="10"/>
      <c r="FUO1192" s="10"/>
      <c r="FUP1192" s="10"/>
      <c r="FUQ1192" s="10"/>
      <c r="FUR1192" s="10"/>
      <c r="FUS1192" s="10"/>
      <c r="FUT1192" s="10"/>
      <c r="FUU1192" s="10"/>
      <c r="FUV1192" s="10"/>
      <c r="FUW1192" s="10"/>
      <c r="FUX1192" s="10"/>
      <c r="FUY1192" s="10"/>
      <c r="FUZ1192" s="10"/>
      <c r="FVA1192" s="10"/>
      <c r="FVB1192" s="10"/>
      <c r="FVC1192" s="10"/>
      <c r="FVD1192" s="10"/>
      <c r="FVE1192" s="10"/>
      <c r="FVF1192" s="10"/>
      <c r="FVG1192" s="10"/>
      <c r="FVH1192" s="10"/>
      <c r="FVI1192" s="10"/>
      <c r="FVJ1192" s="10"/>
      <c r="FVK1192" s="10"/>
      <c r="FVL1192" s="10"/>
      <c r="FVM1192" s="10"/>
      <c r="FVN1192" s="10"/>
      <c r="FVO1192" s="10"/>
      <c r="FVP1192" s="10"/>
      <c r="FVQ1192" s="10"/>
      <c r="FVR1192" s="10"/>
      <c r="FVS1192" s="10"/>
      <c r="FVT1192" s="10"/>
      <c r="FVU1192" s="10"/>
      <c r="FVV1192" s="10"/>
      <c r="FVW1192" s="10"/>
      <c r="FVX1192" s="10"/>
      <c r="FVY1192" s="10"/>
      <c r="FVZ1192" s="10"/>
      <c r="FWA1192" s="10"/>
      <c r="FWB1192" s="10"/>
      <c r="FWC1192" s="10"/>
      <c r="FWD1192" s="10"/>
      <c r="FWE1192" s="10"/>
      <c r="FWF1192" s="10"/>
      <c r="FWG1192" s="10"/>
      <c r="FWH1192" s="10"/>
      <c r="FWI1192" s="10"/>
      <c r="FWJ1192" s="10"/>
      <c r="FWK1192" s="10"/>
      <c r="FWL1192" s="10"/>
      <c r="FWM1192" s="10"/>
      <c r="FWN1192" s="10"/>
      <c r="FWO1192" s="10"/>
      <c r="FWP1192" s="10"/>
      <c r="FWQ1192" s="10"/>
      <c r="FWR1192" s="10"/>
      <c r="FWS1192" s="10"/>
      <c r="FWT1192" s="10"/>
      <c r="FWU1192" s="10"/>
      <c r="FWV1192" s="10"/>
      <c r="FWW1192" s="10"/>
      <c r="FWX1192" s="10"/>
      <c r="FWY1192" s="10"/>
      <c r="FWZ1192" s="10"/>
      <c r="FXA1192" s="10"/>
      <c r="FXB1192" s="10"/>
      <c r="FXC1192" s="10"/>
      <c r="FXD1192" s="10"/>
      <c r="FXE1192" s="10"/>
      <c r="FXF1192" s="10"/>
      <c r="FXG1192" s="10"/>
      <c r="FXH1192" s="10"/>
      <c r="FXI1192" s="10"/>
      <c r="FXJ1192" s="10"/>
      <c r="FXK1192" s="10"/>
      <c r="FXL1192" s="10"/>
      <c r="FXM1192" s="10"/>
      <c r="FXN1192" s="10"/>
      <c r="FXO1192" s="10"/>
      <c r="FXP1192" s="10"/>
      <c r="FXQ1192" s="10"/>
      <c r="FXR1192" s="10"/>
      <c r="FXS1192" s="10"/>
      <c r="FXT1192" s="10"/>
      <c r="FXU1192" s="10"/>
      <c r="FXV1192" s="10"/>
      <c r="FXW1192" s="10"/>
      <c r="FXX1192" s="10"/>
      <c r="FXY1192" s="10"/>
      <c r="FXZ1192" s="10"/>
      <c r="FYA1192" s="10"/>
      <c r="FYB1192" s="10"/>
      <c r="FYC1192" s="10"/>
      <c r="FYD1192" s="10"/>
      <c r="FYE1192" s="10"/>
      <c r="FYF1192" s="10"/>
      <c r="FYG1192" s="10"/>
      <c r="FYH1192" s="10"/>
      <c r="FYI1192" s="10"/>
      <c r="FYJ1192" s="10"/>
      <c r="FYK1192" s="10"/>
      <c r="FYL1192" s="10"/>
      <c r="FYM1192" s="10"/>
      <c r="FYN1192" s="10"/>
      <c r="FYO1192" s="10"/>
      <c r="FYP1192" s="10"/>
      <c r="FYQ1192" s="10"/>
      <c r="FYR1192" s="10"/>
      <c r="FYS1192" s="10"/>
      <c r="FYT1192" s="10"/>
      <c r="FYU1192" s="10"/>
      <c r="FYV1192" s="10"/>
      <c r="FYW1192" s="10"/>
      <c r="FYX1192" s="10"/>
      <c r="FYY1192" s="10"/>
      <c r="FYZ1192" s="10"/>
      <c r="FZA1192" s="10"/>
      <c r="FZB1192" s="10"/>
      <c r="FZC1192" s="10"/>
      <c r="FZD1192" s="10"/>
      <c r="FZE1192" s="10"/>
      <c r="FZF1192" s="10"/>
      <c r="FZG1192" s="10"/>
      <c r="FZH1192" s="10"/>
      <c r="FZI1192" s="10"/>
      <c r="FZJ1192" s="10"/>
      <c r="FZK1192" s="10"/>
      <c r="FZL1192" s="10"/>
      <c r="FZM1192" s="10"/>
      <c r="FZN1192" s="10"/>
      <c r="FZO1192" s="10"/>
      <c r="FZP1192" s="10"/>
      <c r="FZQ1192" s="10"/>
      <c r="FZR1192" s="10"/>
      <c r="FZS1192" s="10"/>
      <c r="FZT1192" s="10"/>
      <c r="FZU1192" s="10"/>
      <c r="FZV1192" s="10"/>
      <c r="FZW1192" s="10"/>
      <c r="FZX1192" s="10"/>
      <c r="FZY1192" s="10"/>
      <c r="FZZ1192" s="10"/>
      <c r="GAA1192" s="10"/>
      <c r="GAB1192" s="10"/>
      <c r="GAC1192" s="10"/>
      <c r="GAD1192" s="10"/>
      <c r="GAE1192" s="10"/>
      <c r="GAF1192" s="10"/>
      <c r="GAG1192" s="10"/>
      <c r="GAH1192" s="10"/>
      <c r="GAI1192" s="10"/>
      <c r="GAJ1192" s="10"/>
      <c r="GAK1192" s="10"/>
      <c r="GAL1192" s="10"/>
      <c r="GAM1192" s="10"/>
      <c r="GAN1192" s="10"/>
      <c r="GAO1192" s="10"/>
      <c r="GAP1192" s="10"/>
      <c r="GAQ1192" s="10"/>
      <c r="GAR1192" s="10"/>
      <c r="GAS1192" s="10"/>
      <c r="GAT1192" s="10"/>
      <c r="GAU1192" s="10"/>
      <c r="GAV1192" s="10"/>
      <c r="GAW1192" s="10"/>
      <c r="GAX1192" s="10"/>
      <c r="GAY1192" s="10"/>
      <c r="GAZ1192" s="10"/>
      <c r="GBA1192" s="10"/>
      <c r="GBB1192" s="10"/>
      <c r="GBC1192" s="10"/>
      <c r="GBD1192" s="10"/>
      <c r="GBE1192" s="10"/>
      <c r="GBF1192" s="10"/>
      <c r="GBG1192" s="10"/>
      <c r="GBH1192" s="10"/>
      <c r="GBI1192" s="10"/>
      <c r="GBJ1192" s="10"/>
      <c r="GBK1192" s="10"/>
      <c r="GBL1192" s="10"/>
      <c r="GBM1192" s="10"/>
      <c r="GBN1192" s="10"/>
      <c r="GBO1192" s="10"/>
      <c r="GBP1192" s="10"/>
      <c r="GBQ1192" s="10"/>
      <c r="GBR1192" s="10"/>
      <c r="GBS1192" s="10"/>
      <c r="GBT1192" s="10"/>
      <c r="GBU1192" s="10"/>
      <c r="GBV1192" s="10"/>
      <c r="GBW1192" s="10"/>
      <c r="GBX1192" s="10"/>
      <c r="GBY1192" s="10"/>
      <c r="GBZ1192" s="10"/>
      <c r="GCA1192" s="10"/>
      <c r="GCB1192" s="10"/>
      <c r="GCC1192" s="10"/>
      <c r="GCD1192" s="10"/>
      <c r="GCE1192" s="10"/>
      <c r="GCF1192" s="10"/>
      <c r="GCG1192" s="10"/>
      <c r="GCH1192" s="10"/>
      <c r="GCI1192" s="10"/>
      <c r="GCJ1192" s="10"/>
      <c r="GCK1192" s="10"/>
      <c r="GCL1192" s="10"/>
      <c r="GCM1192" s="10"/>
      <c r="GCN1192" s="10"/>
      <c r="GCO1192" s="10"/>
      <c r="GCP1192" s="10"/>
      <c r="GCQ1192" s="10"/>
      <c r="GCR1192" s="10"/>
      <c r="GCS1192" s="10"/>
      <c r="GCT1192" s="10"/>
      <c r="GCU1192" s="10"/>
      <c r="GCV1192" s="10"/>
      <c r="GCW1192" s="10"/>
      <c r="GCX1192" s="10"/>
      <c r="GCY1192" s="10"/>
      <c r="GCZ1192" s="10"/>
      <c r="GDA1192" s="10"/>
      <c r="GDB1192" s="10"/>
      <c r="GDC1192" s="10"/>
      <c r="GDD1192" s="10"/>
      <c r="GDE1192" s="10"/>
      <c r="GDF1192" s="10"/>
      <c r="GDG1192" s="10"/>
      <c r="GDH1192" s="10"/>
      <c r="GDI1192" s="10"/>
      <c r="GDJ1192" s="10"/>
      <c r="GDK1192" s="10"/>
      <c r="GDL1192" s="10"/>
      <c r="GDM1192" s="10"/>
      <c r="GDN1192" s="10"/>
      <c r="GDO1192" s="10"/>
      <c r="GDP1192" s="10"/>
      <c r="GDQ1192" s="10"/>
      <c r="GDR1192" s="10"/>
      <c r="GDS1192" s="10"/>
      <c r="GDT1192" s="10"/>
      <c r="GDU1192" s="10"/>
      <c r="GDV1192" s="10"/>
      <c r="GDW1192" s="10"/>
      <c r="GDX1192" s="10"/>
      <c r="GDY1192" s="10"/>
      <c r="GDZ1192" s="10"/>
      <c r="GEA1192" s="10"/>
      <c r="GEB1192" s="10"/>
      <c r="GEC1192" s="10"/>
      <c r="GED1192" s="10"/>
      <c r="GEE1192" s="10"/>
      <c r="GEF1192" s="10"/>
      <c r="GEG1192" s="10"/>
      <c r="GEH1192" s="10"/>
      <c r="GEI1192" s="10"/>
      <c r="GEJ1192" s="10"/>
      <c r="GEK1192" s="10"/>
      <c r="GEL1192" s="10"/>
      <c r="GEM1192" s="10"/>
      <c r="GEN1192" s="10"/>
      <c r="GEO1192" s="10"/>
      <c r="GEP1192" s="10"/>
      <c r="GEQ1192" s="10"/>
      <c r="GER1192" s="10"/>
      <c r="GES1192" s="10"/>
      <c r="GET1192" s="10"/>
      <c r="GEU1192" s="10"/>
      <c r="GEV1192" s="10"/>
      <c r="GEW1192" s="10"/>
      <c r="GEX1192" s="10"/>
      <c r="GEY1192" s="10"/>
      <c r="GEZ1192" s="10"/>
      <c r="GFA1192" s="10"/>
      <c r="GFB1192" s="10"/>
      <c r="GFC1192" s="10"/>
      <c r="GFD1192" s="10"/>
      <c r="GFE1192" s="10"/>
      <c r="GFF1192" s="10"/>
      <c r="GFG1192" s="10"/>
      <c r="GFH1192" s="10"/>
      <c r="GFI1192" s="10"/>
      <c r="GFJ1192" s="10"/>
      <c r="GFK1192" s="10"/>
      <c r="GFL1192" s="10"/>
      <c r="GFM1192" s="10"/>
      <c r="GFN1192" s="10"/>
      <c r="GFO1192" s="10"/>
      <c r="GFP1192" s="10"/>
      <c r="GFQ1192" s="10"/>
      <c r="GFR1192" s="10"/>
      <c r="GFS1192" s="10"/>
      <c r="GFT1192" s="10"/>
      <c r="GFU1192" s="10"/>
      <c r="GFV1192" s="10"/>
      <c r="GFW1192" s="10"/>
      <c r="GFX1192" s="10"/>
      <c r="GFY1192" s="10"/>
      <c r="GFZ1192" s="10"/>
      <c r="GGA1192" s="10"/>
      <c r="GGB1192" s="10"/>
      <c r="GGC1192" s="10"/>
      <c r="GGD1192" s="10"/>
      <c r="GGE1192" s="10"/>
      <c r="GGF1192" s="10"/>
      <c r="GGG1192" s="10"/>
      <c r="GGH1192" s="10"/>
      <c r="GGI1192" s="10"/>
      <c r="GGJ1192" s="10"/>
      <c r="GGK1192" s="10"/>
      <c r="GGL1192" s="10"/>
      <c r="GGM1192" s="10"/>
      <c r="GGN1192" s="10"/>
      <c r="GGO1192" s="10"/>
      <c r="GGP1192" s="10"/>
      <c r="GGQ1192" s="10"/>
      <c r="GGR1192" s="10"/>
      <c r="GGS1192" s="10"/>
      <c r="GGT1192" s="10"/>
      <c r="GGU1192" s="10"/>
      <c r="GGV1192" s="10"/>
      <c r="GGW1192" s="10"/>
      <c r="GGX1192" s="10"/>
      <c r="GGY1192" s="10"/>
      <c r="GGZ1192" s="10"/>
      <c r="GHA1192" s="10"/>
      <c r="GHB1192" s="10"/>
      <c r="GHC1192" s="10"/>
      <c r="GHD1192" s="10"/>
      <c r="GHE1192" s="10"/>
      <c r="GHF1192" s="10"/>
      <c r="GHG1192" s="10"/>
      <c r="GHH1192" s="10"/>
      <c r="GHI1192" s="10"/>
      <c r="GHJ1192" s="10"/>
      <c r="GHK1192" s="10"/>
      <c r="GHL1192" s="10"/>
      <c r="GHM1192" s="10"/>
      <c r="GHN1192" s="10"/>
      <c r="GHO1192" s="10"/>
      <c r="GHP1192" s="10"/>
      <c r="GHQ1192" s="10"/>
      <c r="GHR1192" s="10"/>
      <c r="GHS1192" s="10"/>
      <c r="GHT1192" s="10"/>
      <c r="GHU1192" s="10"/>
      <c r="GHV1192" s="10"/>
      <c r="GHW1192" s="10"/>
      <c r="GHX1192" s="10"/>
      <c r="GHY1192" s="10"/>
      <c r="GHZ1192" s="10"/>
      <c r="GIA1192" s="10"/>
      <c r="GIB1192" s="10"/>
      <c r="GIC1192" s="10"/>
      <c r="GID1192" s="10"/>
      <c r="GIE1192" s="10"/>
      <c r="GIF1192" s="10"/>
      <c r="GIG1192" s="10"/>
      <c r="GIH1192" s="10"/>
      <c r="GII1192" s="10"/>
      <c r="GIJ1192" s="10"/>
      <c r="GIK1192" s="10"/>
      <c r="GIL1192" s="10"/>
      <c r="GIM1192" s="10"/>
      <c r="GIN1192" s="10"/>
      <c r="GIO1192" s="10"/>
      <c r="GIP1192" s="10"/>
      <c r="GIQ1192" s="10"/>
      <c r="GIR1192" s="10"/>
      <c r="GIS1192" s="10"/>
      <c r="GIT1192" s="10"/>
      <c r="GIU1192" s="10"/>
      <c r="GIV1192" s="10"/>
      <c r="GIW1192" s="10"/>
      <c r="GIX1192" s="10"/>
      <c r="GIY1192" s="10"/>
      <c r="GIZ1192" s="10"/>
      <c r="GJA1192" s="10"/>
      <c r="GJB1192" s="10"/>
      <c r="GJC1192" s="10"/>
      <c r="GJD1192" s="10"/>
      <c r="GJE1192" s="10"/>
      <c r="GJF1192" s="10"/>
      <c r="GJG1192" s="10"/>
      <c r="GJH1192" s="10"/>
      <c r="GJI1192" s="10"/>
      <c r="GJJ1192" s="10"/>
      <c r="GJK1192" s="10"/>
      <c r="GJL1192" s="10"/>
      <c r="GJM1192" s="10"/>
      <c r="GJN1192" s="10"/>
      <c r="GJO1192" s="10"/>
      <c r="GJP1192" s="10"/>
      <c r="GJQ1192" s="10"/>
      <c r="GJR1192" s="10"/>
      <c r="GJS1192" s="10"/>
      <c r="GJT1192" s="10"/>
      <c r="GJU1192" s="10"/>
      <c r="GJV1192" s="10"/>
      <c r="GJW1192" s="10"/>
      <c r="GJX1192" s="10"/>
      <c r="GJY1192" s="10"/>
      <c r="GJZ1192" s="10"/>
      <c r="GKA1192" s="10"/>
      <c r="GKB1192" s="10"/>
      <c r="GKC1192" s="10"/>
      <c r="GKD1192" s="10"/>
      <c r="GKE1192" s="10"/>
      <c r="GKF1192" s="10"/>
      <c r="GKG1192" s="10"/>
      <c r="GKH1192" s="10"/>
      <c r="GKI1192" s="10"/>
      <c r="GKJ1192" s="10"/>
      <c r="GKK1192" s="10"/>
      <c r="GKL1192" s="10"/>
      <c r="GKM1192" s="10"/>
      <c r="GKN1192" s="10"/>
      <c r="GKO1192" s="10"/>
      <c r="GKP1192" s="10"/>
      <c r="GKQ1192" s="10"/>
      <c r="GKR1192" s="10"/>
      <c r="GKS1192" s="10"/>
      <c r="GKT1192" s="10"/>
      <c r="GKU1192" s="10"/>
      <c r="GKV1192" s="10"/>
      <c r="GKW1192" s="10"/>
      <c r="GKX1192" s="10"/>
      <c r="GKY1192" s="10"/>
      <c r="GKZ1192" s="10"/>
      <c r="GLA1192" s="10"/>
      <c r="GLB1192" s="10"/>
      <c r="GLC1192" s="10"/>
      <c r="GLD1192" s="10"/>
      <c r="GLE1192" s="10"/>
      <c r="GLF1192" s="10"/>
      <c r="GLG1192" s="10"/>
      <c r="GLH1192" s="10"/>
      <c r="GLI1192" s="10"/>
      <c r="GLJ1192" s="10"/>
      <c r="GLK1192" s="10"/>
      <c r="GLL1192" s="10"/>
      <c r="GLM1192" s="10"/>
      <c r="GLN1192" s="10"/>
      <c r="GLO1192" s="10"/>
      <c r="GLP1192" s="10"/>
      <c r="GLQ1192" s="10"/>
      <c r="GLR1192" s="10"/>
      <c r="GLS1192" s="10"/>
      <c r="GLT1192" s="10"/>
      <c r="GLU1192" s="10"/>
      <c r="GLV1192" s="10"/>
      <c r="GLW1192" s="10"/>
      <c r="GLX1192" s="10"/>
      <c r="GLY1192" s="10"/>
      <c r="GLZ1192" s="10"/>
      <c r="GMA1192" s="10"/>
      <c r="GMB1192" s="10"/>
      <c r="GMC1192" s="10"/>
      <c r="GMD1192" s="10"/>
      <c r="GME1192" s="10"/>
      <c r="GMF1192" s="10"/>
      <c r="GMG1192" s="10"/>
      <c r="GMH1192" s="10"/>
      <c r="GMI1192" s="10"/>
      <c r="GMJ1192" s="10"/>
      <c r="GMK1192" s="10"/>
      <c r="GML1192" s="10"/>
      <c r="GMM1192" s="10"/>
      <c r="GMN1192" s="10"/>
      <c r="GMO1192" s="10"/>
      <c r="GMP1192" s="10"/>
      <c r="GMQ1192" s="10"/>
      <c r="GMR1192" s="10"/>
      <c r="GMS1192" s="10"/>
      <c r="GMT1192" s="10"/>
      <c r="GMU1192" s="10"/>
      <c r="GMV1192" s="10"/>
      <c r="GMW1192" s="10"/>
      <c r="GMX1192" s="10"/>
      <c r="GMY1192" s="10"/>
      <c r="GMZ1192" s="10"/>
      <c r="GNA1192" s="10"/>
      <c r="GNB1192" s="10"/>
      <c r="GNC1192" s="10"/>
      <c r="GND1192" s="10"/>
      <c r="GNE1192" s="10"/>
      <c r="GNF1192" s="10"/>
      <c r="GNG1192" s="10"/>
      <c r="GNH1192" s="10"/>
      <c r="GNI1192" s="10"/>
      <c r="GNJ1192" s="10"/>
      <c r="GNK1192" s="10"/>
      <c r="GNL1192" s="10"/>
      <c r="GNM1192" s="10"/>
      <c r="GNN1192" s="10"/>
      <c r="GNO1192" s="10"/>
      <c r="GNP1192" s="10"/>
      <c r="GNQ1192" s="10"/>
      <c r="GNR1192" s="10"/>
      <c r="GNS1192" s="10"/>
      <c r="GNT1192" s="10"/>
      <c r="GNU1192" s="10"/>
      <c r="GNV1192" s="10"/>
      <c r="GNW1192" s="10"/>
      <c r="GNX1192" s="10"/>
      <c r="GNY1192" s="10"/>
      <c r="GNZ1192" s="10"/>
      <c r="GOA1192" s="10"/>
      <c r="GOB1192" s="10"/>
      <c r="GOC1192" s="10"/>
      <c r="GOD1192" s="10"/>
      <c r="GOE1192" s="10"/>
      <c r="GOF1192" s="10"/>
      <c r="GOG1192" s="10"/>
      <c r="GOH1192" s="10"/>
      <c r="GOI1192" s="10"/>
      <c r="GOJ1192" s="10"/>
      <c r="GOK1192" s="10"/>
      <c r="GOL1192" s="10"/>
      <c r="GOM1192" s="10"/>
      <c r="GON1192" s="10"/>
      <c r="GOO1192" s="10"/>
      <c r="GOP1192" s="10"/>
      <c r="GOQ1192" s="10"/>
      <c r="GOR1192" s="10"/>
      <c r="GOS1192" s="10"/>
      <c r="GOT1192" s="10"/>
      <c r="GOU1192" s="10"/>
      <c r="GOV1192" s="10"/>
      <c r="GOW1192" s="10"/>
      <c r="GOX1192" s="10"/>
      <c r="GOY1192" s="10"/>
      <c r="GOZ1192" s="10"/>
      <c r="GPA1192" s="10"/>
      <c r="GPB1192" s="10"/>
      <c r="GPC1192" s="10"/>
      <c r="GPD1192" s="10"/>
      <c r="GPE1192" s="10"/>
      <c r="GPF1192" s="10"/>
      <c r="GPG1192" s="10"/>
      <c r="GPH1192" s="10"/>
      <c r="GPI1192" s="10"/>
      <c r="GPJ1192" s="10"/>
      <c r="GPK1192" s="10"/>
      <c r="GPL1192" s="10"/>
      <c r="GPM1192" s="10"/>
      <c r="GPN1192" s="10"/>
      <c r="GPO1192" s="10"/>
      <c r="GPP1192" s="10"/>
      <c r="GPQ1192" s="10"/>
      <c r="GPR1192" s="10"/>
      <c r="GPS1192" s="10"/>
      <c r="GPT1192" s="10"/>
      <c r="GPU1192" s="10"/>
      <c r="GPV1192" s="10"/>
      <c r="GPW1192" s="10"/>
      <c r="GPX1192" s="10"/>
      <c r="GPY1192" s="10"/>
      <c r="GPZ1192" s="10"/>
      <c r="GQA1192" s="10"/>
      <c r="GQB1192" s="10"/>
      <c r="GQC1192" s="10"/>
      <c r="GQD1192" s="10"/>
      <c r="GQE1192" s="10"/>
      <c r="GQF1192" s="10"/>
      <c r="GQG1192" s="10"/>
      <c r="GQH1192" s="10"/>
      <c r="GQI1192" s="10"/>
      <c r="GQJ1192" s="10"/>
      <c r="GQK1192" s="10"/>
      <c r="GQL1192" s="10"/>
      <c r="GQM1192" s="10"/>
      <c r="GQN1192" s="10"/>
      <c r="GQO1192" s="10"/>
      <c r="GQP1192" s="10"/>
      <c r="GQQ1192" s="10"/>
      <c r="GQR1192" s="10"/>
      <c r="GQS1192" s="10"/>
      <c r="GQT1192" s="10"/>
      <c r="GQU1192" s="10"/>
      <c r="GQV1192" s="10"/>
      <c r="GQW1192" s="10"/>
      <c r="GQX1192" s="10"/>
      <c r="GQY1192" s="10"/>
      <c r="GQZ1192" s="10"/>
      <c r="GRA1192" s="10"/>
      <c r="GRB1192" s="10"/>
      <c r="GRC1192" s="10"/>
      <c r="GRD1192" s="10"/>
      <c r="GRE1192" s="10"/>
      <c r="GRF1192" s="10"/>
      <c r="GRG1192" s="10"/>
      <c r="GRH1192" s="10"/>
      <c r="GRI1192" s="10"/>
      <c r="GRJ1192" s="10"/>
      <c r="GRK1192" s="10"/>
      <c r="GRL1192" s="10"/>
      <c r="GRM1192" s="10"/>
      <c r="GRN1192" s="10"/>
      <c r="GRO1192" s="10"/>
      <c r="GRP1192" s="10"/>
      <c r="GRQ1192" s="10"/>
      <c r="GRR1192" s="10"/>
      <c r="GRS1192" s="10"/>
      <c r="GRT1192" s="10"/>
      <c r="GRU1192" s="10"/>
      <c r="GRV1192" s="10"/>
      <c r="GRW1192" s="10"/>
      <c r="GRX1192" s="10"/>
      <c r="GRY1192" s="10"/>
      <c r="GRZ1192" s="10"/>
      <c r="GSA1192" s="10"/>
      <c r="GSB1192" s="10"/>
      <c r="GSC1192" s="10"/>
      <c r="GSD1192" s="10"/>
      <c r="GSE1192" s="10"/>
      <c r="GSF1192" s="10"/>
      <c r="GSG1192" s="10"/>
      <c r="GSH1192" s="10"/>
      <c r="GSI1192" s="10"/>
      <c r="GSJ1192" s="10"/>
      <c r="GSK1192" s="10"/>
      <c r="GSL1192" s="10"/>
      <c r="GSM1192" s="10"/>
      <c r="GSN1192" s="10"/>
      <c r="GSO1192" s="10"/>
      <c r="GSP1192" s="10"/>
      <c r="GSQ1192" s="10"/>
      <c r="GSR1192" s="10"/>
      <c r="GSS1192" s="10"/>
      <c r="GST1192" s="10"/>
      <c r="GSU1192" s="10"/>
      <c r="GSV1192" s="10"/>
      <c r="GSW1192" s="10"/>
      <c r="GSX1192" s="10"/>
      <c r="GSY1192" s="10"/>
      <c r="GSZ1192" s="10"/>
      <c r="GTA1192" s="10"/>
      <c r="GTB1192" s="10"/>
      <c r="GTC1192" s="10"/>
      <c r="GTD1192" s="10"/>
      <c r="GTE1192" s="10"/>
      <c r="GTF1192" s="10"/>
      <c r="GTG1192" s="10"/>
      <c r="GTH1192" s="10"/>
      <c r="GTI1192" s="10"/>
      <c r="GTJ1192" s="10"/>
      <c r="GTK1192" s="10"/>
      <c r="GTL1192" s="10"/>
      <c r="GTM1192" s="10"/>
      <c r="GTN1192" s="10"/>
      <c r="GTO1192" s="10"/>
      <c r="GTP1192" s="10"/>
      <c r="GTQ1192" s="10"/>
      <c r="GTR1192" s="10"/>
      <c r="GTS1192" s="10"/>
      <c r="GTT1192" s="10"/>
      <c r="GTU1192" s="10"/>
      <c r="GTV1192" s="10"/>
      <c r="GTW1192" s="10"/>
      <c r="GTX1192" s="10"/>
      <c r="GTY1192" s="10"/>
      <c r="GTZ1192" s="10"/>
      <c r="GUA1192" s="10"/>
      <c r="GUB1192" s="10"/>
      <c r="GUC1192" s="10"/>
      <c r="GUD1192" s="10"/>
      <c r="GUE1192" s="10"/>
      <c r="GUF1192" s="10"/>
      <c r="GUG1192" s="10"/>
      <c r="GUH1192" s="10"/>
      <c r="GUI1192" s="10"/>
      <c r="GUJ1192" s="10"/>
      <c r="GUK1192" s="10"/>
      <c r="GUL1192" s="10"/>
      <c r="GUM1192" s="10"/>
      <c r="GUN1192" s="10"/>
      <c r="GUO1192" s="10"/>
      <c r="GUP1192" s="10"/>
      <c r="GUQ1192" s="10"/>
      <c r="GUR1192" s="10"/>
      <c r="GUS1192" s="10"/>
      <c r="GUT1192" s="10"/>
      <c r="GUU1192" s="10"/>
      <c r="GUV1192" s="10"/>
      <c r="GUW1192" s="10"/>
      <c r="GUX1192" s="10"/>
      <c r="GUY1192" s="10"/>
      <c r="GUZ1192" s="10"/>
      <c r="GVA1192" s="10"/>
      <c r="GVB1192" s="10"/>
      <c r="GVC1192" s="10"/>
      <c r="GVD1192" s="10"/>
      <c r="GVE1192" s="10"/>
      <c r="GVF1192" s="10"/>
      <c r="GVG1192" s="10"/>
      <c r="GVH1192" s="10"/>
      <c r="GVI1192" s="10"/>
      <c r="GVJ1192" s="10"/>
      <c r="GVK1192" s="10"/>
      <c r="GVL1192" s="10"/>
      <c r="GVM1192" s="10"/>
      <c r="GVN1192" s="10"/>
      <c r="GVO1192" s="10"/>
      <c r="GVP1192" s="10"/>
      <c r="GVQ1192" s="10"/>
      <c r="GVR1192" s="10"/>
      <c r="GVS1192" s="10"/>
      <c r="GVT1192" s="10"/>
      <c r="GVU1192" s="10"/>
      <c r="GVV1192" s="10"/>
      <c r="GVW1192" s="10"/>
      <c r="GVX1192" s="10"/>
      <c r="GVY1192" s="10"/>
      <c r="GVZ1192" s="10"/>
      <c r="GWA1192" s="10"/>
      <c r="GWB1192" s="10"/>
      <c r="GWC1192" s="10"/>
      <c r="GWD1192" s="10"/>
      <c r="GWE1192" s="10"/>
      <c r="GWF1192" s="10"/>
      <c r="GWG1192" s="10"/>
      <c r="GWH1192" s="10"/>
      <c r="GWI1192" s="10"/>
      <c r="GWJ1192" s="10"/>
      <c r="GWK1192" s="10"/>
      <c r="GWL1192" s="10"/>
      <c r="GWM1192" s="10"/>
      <c r="GWN1192" s="10"/>
      <c r="GWO1192" s="10"/>
      <c r="GWP1192" s="10"/>
      <c r="GWQ1192" s="10"/>
      <c r="GWR1192" s="10"/>
      <c r="GWS1192" s="10"/>
      <c r="GWT1192" s="10"/>
      <c r="GWU1192" s="10"/>
      <c r="GWV1192" s="10"/>
      <c r="GWW1192" s="10"/>
      <c r="GWX1192" s="10"/>
      <c r="GWY1192" s="10"/>
      <c r="GWZ1192" s="10"/>
      <c r="GXA1192" s="10"/>
      <c r="GXB1192" s="10"/>
      <c r="GXC1192" s="10"/>
      <c r="GXD1192" s="10"/>
      <c r="GXE1192" s="10"/>
      <c r="GXF1192" s="10"/>
      <c r="GXG1192" s="10"/>
      <c r="GXH1192" s="10"/>
      <c r="GXI1192" s="10"/>
      <c r="GXJ1192" s="10"/>
      <c r="GXK1192" s="10"/>
      <c r="GXL1192" s="10"/>
      <c r="GXM1192" s="10"/>
      <c r="GXN1192" s="10"/>
      <c r="GXO1192" s="10"/>
      <c r="GXP1192" s="10"/>
      <c r="GXQ1192" s="10"/>
      <c r="GXR1192" s="10"/>
      <c r="GXS1192" s="10"/>
      <c r="GXT1192" s="10"/>
      <c r="GXU1192" s="10"/>
      <c r="GXV1192" s="10"/>
      <c r="GXW1192" s="10"/>
      <c r="GXX1192" s="10"/>
      <c r="GXY1192" s="10"/>
      <c r="GXZ1192" s="10"/>
      <c r="GYA1192" s="10"/>
      <c r="GYB1192" s="10"/>
      <c r="GYC1192" s="10"/>
      <c r="GYD1192" s="10"/>
      <c r="GYE1192" s="10"/>
      <c r="GYF1192" s="10"/>
      <c r="GYG1192" s="10"/>
      <c r="GYH1192" s="10"/>
      <c r="GYI1192" s="10"/>
      <c r="GYJ1192" s="10"/>
      <c r="GYK1192" s="10"/>
      <c r="GYL1192" s="10"/>
      <c r="GYM1192" s="10"/>
      <c r="GYN1192" s="10"/>
      <c r="GYO1192" s="10"/>
      <c r="GYP1192" s="10"/>
      <c r="GYQ1192" s="10"/>
      <c r="GYR1192" s="10"/>
      <c r="GYS1192" s="10"/>
      <c r="GYT1192" s="10"/>
      <c r="GYU1192" s="10"/>
      <c r="GYV1192" s="10"/>
      <c r="GYW1192" s="10"/>
      <c r="GYX1192" s="10"/>
      <c r="GYY1192" s="10"/>
      <c r="GYZ1192" s="10"/>
      <c r="GZA1192" s="10"/>
      <c r="GZB1192" s="10"/>
      <c r="GZC1192" s="10"/>
      <c r="GZD1192" s="10"/>
      <c r="GZE1192" s="10"/>
      <c r="GZF1192" s="10"/>
      <c r="GZG1192" s="10"/>
      <c r="GZH1192" s="10"/>
      <c r="GZI1192" s="10"/>
      <c r="GZJ1192" s="10"/>
      <c r="GZK1192" s="10"/>
      <c r="GZL1192" s="10"/>
      <c r="GZM1192" s="10"/>
      <c r="GZN1192" s="10"/>
      <c r="GZO1192" s="10"/>
      <c r="GZP1192" s="10"/>
      <c r="GZQ1192" s="10"/>
      <c r="GZR1192" s="10"/>
      <c r="GZS1192" s="10"/>
      <c r="GZT1192" s="10"/>
      <c r="GZU1192" s="10"/>
      <c r="GZV1192" s="10"/>
      <c r="GZW1192" s="10"/>
      <c r="GZX1192" s="10"/>
      <c r="GZY1192" s="10"/>
      <c r="GZZ1192" s="10"/>
      <c r="HAA1192" s="10"/>
      <c r="HAB1192" s="10"/>
      <c r="HAC1192" s="10"/>
      <c r="HAD1192" s="10"/>
      <c r="HAE1192" s="10"/>
      <c r="HAF1192" s="10"/>
      <c r="HAG1192" s="10"/>
      <c r="HAH1192" s="10"/>
      <c r="HAI1192" s="10"/>
      <c r="HAJ1192" s="10"/>
      <c r="HAK1192" s="10"/>
      <c r="HAL1192" s="10"/>
      <c r="HAM1192" s="10"/>
      <c r="HAN1192" s="10"/>
      <c r="HAO1192" s="10"/>
      <c r="HAP1192" s="10"/>
      <c r="HAQ1192" s="10"/>
      <c r="HAR1192" s="10"/>
      <c r="HAS1192" s="10"/>
      <c r="HAT1192" s="10"/>
      <c r="HAU1192" s="10"/>
      <c r="HAV1192" s="10"/>
      <c r="HAW1192" s="10"/>
      <c r="HAX1192" s="10"/>
      <c r="HAY1192" s="10"/>
      <c r="HAZ1192" s="10"/>
      <c r="HBA1192" s="10"/>
      <c r="HBB1192" s="10"/>
      <c r="HBC1192" s="10"/>
      <c r="HBD1192" s="10"/>
      <c r="HBE1192" s="10"/>
      <c r="HBF1192" s="10"/>
      <c r="HBG1192" s="10"/>
      <c r="HBH1192" s="10"/>
      <c r="HBI1192" s="10"/>
      <c r="HBJ1192" s="10"/>
      <c r="HBK1192" s="10"/>
      <c r="HBL1192" s="10"/>
      <c r="HBM1192" s="10"/>
      <c r="HBN1192" s="10"/>
      <c r="HBO1192" s="10"/>
      <c r="HBP1192" s="10"/>
      <c r="HBQ1192" s="10"/>
      <c r="HBR1192" s="10"/>
      <c r="HBS1192" s="10"/>
      <c r="HBT1192" s="10"/>
      <c r="HBU1192" s="10"/>
      <c r="HBV1192" s="10"/>
      <c r="HBW1192" s="10"/>
      <c r="HBX1192" s="10"/>
      <c r="HBY1192" s="10"/>
      <c r="HBZ1192" s="10"/>
      <c r="HCA1192" s="10"/>
      <c r="HCB1192" s="10"/>
      <c r="HCC1192" s="10"/>
      <c r="HCD1192" s="10"/>
      <c r="HCE1192" s="10"/>
      <c r="HCF1192" s="10"/>
      <c r="HCG1192" s="10"/>
      <c r="HCH1192" s="10"/>
      <c r="HCI1192" s="10"/>
      <c r="HCJ1192" s="10"/>
      <c r="HCK1192" s="10"/>
      <c r="HCL1192" s="10"/>
      <c r="HCM1192" s="10"/>
      <c r="HCN1192" s="10"/>
      <c r="HCO1192" s="10"/>
      <c r="HCP1192" s="10"/>
      <c r="HCQ1192" s="10"/>
      <c r="HCR1192" s="10"/>
      <c r="HCS1192" s="10"/>
      <c r="HCT1192" s="10"/>
      <c r="HCU1192" s="10"/>
      <c r="HCV1192" s="10"/>
      <c r="HCW1192" s="10"/>
      <c r="HCX1192" s="10"/>
      <c r="HCY1192" s="10"/>
      <c r="HCZ1192" s="10"/>
      <c r="HDA1192" s="10"/>
      <c r="HDB1192" s="10"/>
      <c r="HDC1192" s="10"/>
      <c r="HDD1192" s="10"/>
      <c r="HDE1192" s="10"/>
      <c r="HDF1192" s="10"/>
      <c r="HDG1192" s="10"/>
      <c r="HDH1192" s="10"/>
      <c r="HDI1192" s="10"/>
      <c r="HDJ1192" s="10"/>
      <c r="HDK1192" s="10"/>
      <c r="HDL1192" s="10"/>
      <c r="HDM1192" s="10"/>
      <c r="HDN1192" s="10"/>
      <c r="HDO1192" s="10"/>
      <c r="HDP1192" s="10"/>
      <c r="HDQ1192" s="10"/>
      <c r="HDR1192" s="10"/>
      <c r="HDS1192" s="10"/>
      <c r="HDT1192" s="10"/>
      <c r="HDU1192" s="10"/>
      <c r="HDV1192" s="10"/>
      <c r="HDW1192" s="10"/>
      <c r="HDX1192" s="10"/>
      <c r="HDY1192" s="10"/>
      <c r="HDZ1192" s="10"/>
      <c r="HEA1192" s="10"/>
      <c r="HEB1192" s="10"/>
      <c r="HEC1192" s="10"/>
      <c r="HED1192" s="10"/>
      <c r="HEE1192" s="10"/>
      <c r="HEF1192" s="10"/>
      <c r="HEG1192" s="10"/>
      <c r="HEH1192" s="10"/>
      <c r="HEI1192" s="10"/>
      <c r="HEJ1192" s="10"/>
      <c r="HEK1192" s="10"/>
      <c r="HEL1192" s="10"/>
      <c r="HEM1192" s="10"/>
      <c r="HEN1192" s="10"/>
      <c r="HEO1192" s="10"/>
      <c r="HEP1192" s="10"/>
      <c r="HEQ1192" s="10"/>
      <c r="HER1192" s="10"/>
      <c r="HES1192" s="10"/>
      <c r="HET1192" s="10"/>
      <c r="HEU1192" s="10"/>
      <c r="HEV1192" s="10"/>
      <c r="HEW1192" s="10"/>
      <c r="HEX1192" s="10"/>
      <c r="HEY1192" s="10"/>
      <c r="HEZ1192" s="10"/>
      <c r="HFA1192" s="10"/>
      <c r="HFB1192" s="10"/>
      <c r="HFC1192" s="10"/>
      <c r="HFD1192" s="10"/>
      <c r="HFE1192" s="10"/>
      <c r="HFF1192" s="10"/>
      <c r="HFG1192" s="10"/>
      <c r="HFH1192" s="10"/>
      <c r="HFI1192" s="10"/>
      <c r="HFJ1192" s="10"/>
      <c r="HFK1192" s="10"/>
      <c r="HFL1192" s="10"/>
      <c r="HFM1192" s="10"/>
      <c r="HFN1192" s="10"/>
      <c r="HFO1192" s="10"/>
      <c r="HFP1192" s="10"/>
      <c r="HFQ1192" s="10"/>
      <c r="HFR1192" s="10"/>
      <c r="HFS1192" s="10"/>
      <c r="HFT1192" s="10"/>
      <c r="HFU1192" s="10"/>
      <c r="HFV1192" s="10"/>
      <c r="HFW1192" s="10"/>
      <c r="HFX1192" s="10"/>
      <c r="HFY1192" s="10"/>
      <c r="HFZ1192" s="10"/>
      <c r="HGA1192" s="10"/>
      <c r="HGB1192" s="10"/>
      <c r="HGC1192" s="10"/>
      <c r="HGD1192" s="10"/>
      <c r="HGE1192" s="10"/>
      <c r="HGF1192" s="10"/>
      <c r="HGG1192" s="10"/>
      <c r="HGH1192" s="10"/>
      <c r="HGI1192" s="10"/>
      <c r="HGJ1192" s="10"/>
      <c r="HGK1192" s="10"/>
      <c r="HGL1192" s="10"/>
      <c r="HGM1192" s="10"/>
      <c r="HGN1192" s="10"/>
      <c r="HGO1192" s="10"/>
      <c r="HGP1192" s="10"/>
      <c r="HGQ1192" s="10"/>
      <c r="HGR1192" s="10"/>
      <c r="HGS1192" s="10"/>
      <c r="HGT1192" s="10"/>
      <c r="HGU1192" s="10"/>
      <c r="HGV1192" s="10"/>
      <c r="HGW1192" s="10"/>
      <c r="HGX1192" s="10"/>
      <c r="HGY1192" s="10"/>
      <c r="HGZ1192" s="10"/>
      <c r="HHA1192" s="10"/>
      <c r="HHB1192" s="10"/>
      <c r="HHC1192" s="10"/>
      <c r="HHD1192" s="10"/>
      <c r="HHE1192" s="10"/>
      <c r="HHF1192" s="10"/>
      <c r="HHG1192" s="10"/>
      <c r="HHH1192" s="10"/>
      <c r="HHI1192" s="10"/>
      <c r="HHJ1192" s="10"/>
      <c r="HHK1192" s="10"/>
      <c r="HHL1192" s="10"/>
      <c r="HHM1192" s="10"/>
      <c r="HHN1192" s="10"/>
      <c r="HHO1192" s="10"/>
      <c r="HHP1192" s="10"/>
      <c r="HHQ1192" s="10"/>
      <c r="HHR1192" s="10"/>
      <c r="HHS1192" s="10"/>
      <c r="HHT1192" s="10"/>
      <c r="HHU1192" s="10"/>
      <c r="HHV1192" s="10"/>
      <c r="HHW1192" s="10"/>
      <c r="HHX1192" s="10"/>
      <c r="HHY1192" s="10"/>
      <c r="HHZ1192" s="10"/>
      <c r="HIA1192" s="10"/>
      <c r="HIB1192" s="10"/>
      <c r="HIC1192" s="10"/>
      <c r="HID1192" s="10"/>
      <c r="HIE1192" s="10"/>
      <c r="HIF1192" s="10"/>
      <c r="HIG1192" s="10"/>
      <c r="HIH1192" s="10"/>
      <c r="HII1192" s="10"/>
      <c r="HIJ1192" s="10"/>
      <c r="HIK1192" s="10"/>
      <c r="HIL1192" s="10"/>
      <c r="HIM1192" s="10"/>
      <c r="HIN1192" s="10"/>
      <c r="HIO1192" s="10"/>
      <c r="HIP1192" s="10"/>
      <c r="HIQ1192" s="10"/>
      <c r="HIR1192" s="10"/>
      <c r="HIS1192" s="10"/>
      <c r="HIT1192" s="10"/>
      <c r="HIU1192" s="10"/>
      <c r="HIV1192" s="10"/>
      <c r="HIW1192" s="10"/>
      <c r="HIX1192" s="10"/>
      <c r="HIY1192" s="10"/>
      <c r="HIZ1192" s="10"/>
      <c r="HJA1192" s="10"/>
      <c r="HJB1192" s="10"/>
      <c r="HJC1192" s="10"/>
      <c r="HJD1192" s="10"/>
      <c r="HJE1192" s="10"/>
      <c r="HJF1192" s="10"/>
      <c r="HJG1192" s="10"/>
      <c r="HJH1192" s="10"/>
      <c r="HJI1192" s="10"/>
      <c r="HJJ1192" s="10"/>
      <c r="HJK1192" s="10"/>
      <c r="HJL1192" s="10"/>
      <c r="HJM1192" s="10"/>
      <c r="HJN1192" s="10"/>
      <c r="HJO1192" s="10"/>
      <c r="HJP1192" s="10"/>
      <c r="HJQ1192" s="10"/>
      <c r="HJR1192" s="10"/>
      <c r="HJS1192" s="10"/>
      <c r="HJT1192" s="10"/>
      <c r="HJU1192" s="10"/>
      <c r="HJV1192" s="10"/>
      <c r="HJW1192" s="10"/>
      <c r="HJX1192" s="10"/>
      <c r="HJY1192" s="10"/>
      <c r="HJZ1192" s="10"/>
      <c r="HKA1192" s="10"/>
      <c r="HKB1192" s="10"/>
      <c r="HKC1192" s="10"/>
      <c r="HKD1192" s="10"/>
      <c r="HKE1192" s="10"/>
      <c r="HKF1192" s="10"/>
      <c r="HKG1192" s="10"/>
      <c r="HKH1192" s="10"/>
      <c r="HKI1192" s="10"/>
      <c r="HKJ1192" s="10"/>
      <c r="HKK1192" s="10"/>
      <c r="HKL1192" s="10"/>
      <c r="HKM1192" s="10"/>
      <c r="HKN1192" s="10"/>
      <c r="HKO1192" s="10"/>
      <c r="HKP1192" s="10"/>
      <c r="HKQ1192" s="10"/>
      <c r="HKR1192" s="10"/>
      <c r="HKS1192" s="10"/>
      <c r="HKT1192" s="10"/>
      <c r="HKU1192" s="10"/>
      <c r="HKV1192" s="10"/>
      <c r="HKW1192" s="10"/>
      <c r="HKX1192" s="10"/>
      <c r="HKY1192" s="10"/>
      <c r="HKZ1192" s="10"/>
      <c r="HLA1192" s="10"/>
      <c r="HLB1192" s="10"/>
      <c r="HLC1192" s="10"/>
      <c r="HLD1192" s="10"/>
      <c r="HLE1192" s="10"/>
      <c r="HLF1192" s="10"/>
      <c r="HLG1192" s="10"/>
      <c r="HLH1192" s="10"/>
      <c r="HLI1192" s="10"/>
      <c r="HLJ1192" s="10"/>
      <c r="HLK1192" s="10"/>
      <c r="HLL1192" s="10"/>
      <c r="HLM1192" s="10"/>
      <c r="HLN1192" s="10"/>
      <c r="HLO1192" s="10"/>
      <c r="HLP1192" s="10"/>
      <c r="HLQ1192" s="10"/>
      <c r="HLR1192" s="10"/>
      <c r="HLS1192" s="10"/>
      <c r="HLT1192" s="10"/>
      <c r="HLU1192" s="10"/>
      <c r="HLV1192" s="10"/>
      <c r="HLW1192" s="10"/>
      <c r="HLX1192" s="10"/>
      <c r="HLY1192" s="10"/>
      <c r="HLZ1192" s="10"/>
      <c r="HMA1192" s="10"/>
      <c r="HMB1192" s="10"/>
      <c r="HMC1192" s="10"/>
      <c r="HMD1192" s="10"/>
      <c r="HME1192" s="10"/>
      <c r="HMF1192" s="10"/>
      <c r="HMG1192" s="10"/>
      <c r="HMH1192" s="10"/>
      <c r="HMI1192" s="10"/>
      <c r="HMJ1192" s="10"/>
      <c r="HMK1192" s="10"/>
      <c r="HML1192" s="10"/>
      <c r="HMM1192" s="10"/>
      <c r="HMN1192" s="10"/>
      <c r="HMO1192" s="10"/>
      <c r="HMP1192" s="10"/>
      <c r="HMQ1192" s="10"/>
      <c r="HMR1192" s="10"/>
      <c r="HMS1192" s="10"/>
      <c r="HMT1192" s="10"/>
      <c r="HMU1192" s="10"/>
      <c r="HMV1192" s="10"/>
      <c r="HMW1192" s="10"/>
      <c r="HMX1192" s="10"/>
      <c r="HMY1192" s="10"/>
      <c r="HMZ1192" s="10"/>
      <c r="HNA1192" s="10"/>
      <c r="HNB1192" s="10"/>
      <c r="HNC1192" s="10"/>
      <c r="HND1192" s="10"/>
      <c r="HNE1192" s="10"/>
      <c r="HNF1192" s="10"/>
      <c r="HNG1192" s="10"/>
      <c r="HNH1192" s="10"/>
      <c r="HNI1192" s="10"/>
      <c r="HNJ1192" s="10"/>
      <c r="HNK1192" s="10"/>
      <c r="HNL1192" s="10"/>
      <c r="HNM1192" s="10"/>
      <c r="HNN1192" s="10"/>
      <c r="HNO1192" s="10"/>
      <c r="HNP1192" s="10"/>
      <c r="HNQ1192" s="10"/>
      <c r="HNR1192" s="10"/>
      <c r="HNS1192" s="10"/>
      <c r="HNT1192" s="10"/>
      <c r="HNU1192" s="10"/>
      <c r="HNV1192" s="10"/>
      <c r="HNW1192" s="10"/>
      <c r="HNX1192" s="10"/>
      <c r="HNY1192" s="10"/>
      <c r="HNZ1192" s="10"/>
      <c r="HOA1192" s="10"/>
      <c r="HOB1192" s="10"/>
      <c r="HOC1192" s="10"/>
      <c r="HOD1192" s="10"/>
      <c r="HOE1192" s="10"/>
      <c r="HOF1192" s="10"/>
      <c r="HOG1192" s="10"/>
      <c r="HOH1192" s="10"/>
      <c r="HOI1192" s="10"/>
      <c r="HOJ1192" s="10"/>
      <c r="HOK1192" s="10"/>
      <c r="HOL1192" s="10"/>
      <c r="HOM1192" s="10"/>
      <c r="HON1192" s="10"/>
      <c r="HOO1192" s="10"/>
      <c r="HOP1192" s="10"/>
      <c r="HOQ1192" s="10"/>
      <c r="HOR1192" s="10"/>
      <c r="HOS1192" s="10"/>
      <c r="HOT1192" s="10"/>
      <c r="HOU1192" s="10"/>
      <c r="HOV1192" s="10"/>
      <c r="HOW1192" s="10"/>
      <c r="HOX1192" s="10"/>
      <c r="HOY1192" s="10"/>
      <c r="HOZ1192" s="10"/>
      <c r="HPA1192" s="10"/>
      <c r="HPB1192" s="10"/>
      <c r="HPC1192" s="10"/>
      <c r="HPD1192" s="10"/>
      <c r="HPE1192" s="10"/>
      <c r="HPF1192" s="10"/>
      <c r="HPG1192" s="10"/>
      <c r="HPH1192" s="10"/>
      <c r="HPI1192" s="10"/>
      <c r="HPJ1192" s="10"/>
      <c r="HPK1192" s="10"/>
      <c r="HPL1192" s="10"/>
      <c r="HPM1192" s="10"/>
      <c r="HPN1192" s="10"/>
      <c r="HPO1192" s="10"/>
      <c r="HPP1192" s="10"/>
      <c r="HPQ1192" s="10"/>
      <c r="HPR1192" s="10"/>
      <c r="HPS1192" s="10"/>
      <c r="HPT1192" s="10"/>
      <c r="HPU1192" s="10"/>
      <c r="HPV1192" s="10"/>
      <c r="HPW1192" s="10"/>
      <c r="HPX1192" s="10"/>
      <c r="HPY1192" s="10"/>
      <c r="HPZ1192" s="10"/>
      <c r="HQA1192" s="10"/>
      <c r="HQB1192" s="10"/>
      <c r="HQC1192" s="10"/>
      <c r="HQD1192" s="10"/>
      <c r="HQE1192" s="10"/>
      <c r="HQF1192" s="10"/>
      <c r="HQG1192" s="10"/>
      <c r="HQH1192" s="10"/>
      <c r="HQI1192" s="10"/>
      <c r="HQJ1192" s="10"/>
      <c r="HQK1192" s="10"/>
      <c r="HQL1192" s="10"/>
      <c r="HQM1192" s="10"/>
      <c r="HQN1192" s="10"/>
      <c r="HQO1192" s="10"/>
      <c r="HQP1192" s="10"/>
      <c r="HQQ1192" s="10"/>
      <c r="HQR1192" s="10"/>
      <c r="HQS1192" s="10"/>
      <c r="HQT1192" s="10"/>
      <c r="HQU1192" s="10"/>
      <c r="HQV1192" s="10"/>
      <c r="HQW1192" s="10"/>
      <c r="HQX1192" s="10"/>
      <c r="HQY1192" s="10"/>
      <c r="HQZ1192" s="10"/>
      <c r="HRA1192" s="10"/>
      <c r="HRB1192" s="10"/>
      <c r="HRC1192" s="10"/>
      <c r="HRD1192" s="10"/>
      <c r="HRE1192" s="10"/>
      <c r="HRF1192" s="10"/>
      <c r="HRG1192" s="10"/>
      <c r="HRH1192" s="10"/>
      <c r="HRI1192" s="10"/>
      <c r="HRJ1192" s="10"/>
      <c r="HRK1192" s="10"/>
      <c r="HRL1192" s="10"/>
      <c r="HRM1192" s="10"/>
      <c r="HRN1192" s="10"/>
      <c r="HRO1192" s="10"/>
      <c r="HRP1192" s="10"/>
      <c r="HRQ1192" s="10"/>
      <c r="HRR1192" s="10"/>
      <c r="HRS1192" s="10"/>
      <c r="HRT1192" s="10"/>
      <c r="HRU1192" s="10"/>
      <c r="HRV1192" s="10"/>
      <c r="HRW1192" s="10"/>
      <c r="HRX1192" s="10"/>
      <c r="HRY1192" s="10"/>
      <c r="HRZ1192" s="10"/>
      <c r="HSA1192" s="10"/>
      <c r="HSB1192" s="10"/>
      <c r="HSC1192" s="10"/>
      <c r="HSD1192" s="10"/>
      <c r="HSE1192" s="10"/>
      <c r="HSF1192" s="10"/>
      <c r="HSG1192" s="10"/>
      <c r="HSH1192" s="10"/>
      <c r="HSI1192" s="10"/>
      <c r="HSJ1192" s="10"/>
      <c r="HSK1192" s="10"/>
      <c r="HSL1192" s="10"/>
      <c r="HSM1192" s="10"/>
      <c r="HSN1192" s="10"/>
      <c r="HSO1192" s="10"/>
      <c r="HSP1192" s="10"/>
      <c r="HSQ1192" s="10"/>
      <c r="HSR1192" s="10"/>
      <c r="HSS1192" s="10"/>
      <c r="HST1192" s="10"/>
      <c r="HSU1192" s="10"/>
      <c r="HSV1192" s="10"/>
      <c r="HSW1192" s="10"/>
      <c r="HSX1192" s="10"/>
      <c r="HSY1192" s="10"/>
      <c r="HSZ1192" s="10"/>
      <c r="HTA1192" s="10"/>
      <c r="HTB1192" s="10"/>
      <c r="HTC1192" s="10"/>
      <c r="HTD1192" s="10"/>
      <c r="HTE1192" s="10"/>
      <c r="HTF1192" s="10"/>
      <c r="HTG1192" s="10"/>
      <c r="HTH1192" s="10"/>
      <c r="HTI1192" s="10"/>
      <c r="HTJ1192" s="10"/>
      <c r="HTK1192" s="10"/>
      <c r="HTL1192" s="10"/>
      <c r="HTM1192" s="10"/>
      <c r="HTN1192" s="10"/>
      <c r="HTO1192" s="10"/>
      <c r="HTP1192" s="10"/>
      <c r="HTQ1192" s="10"/>
      <c r="HTR1192" s="10"/>
      <c r="HTS1192" s="10"/>
      <c r="HTT1192" s="10"/>
      <c r="HTU1192" s="10"/>
      <c r="HTV1192" s="10"/>
      <c r="HTW1192" s="10"/>
      <c r="HTX1192" s="10"/>
      <c r="HTY1192" s="10"/>
      <c r="HTZ1192" s="10"/>
      <c r="HUA1192" s="10"/>
      <c r="HUB1192" s="10"/>
      <c r="HUC1192" s="10"/>
      <c r="HUD1192" s="10"/>
      <c r="HUE1192" s="10"/>
      <c r="HUF1192" s="10"/>
      <c r="HUG1192" s="10"/>
      <c r="HUH1192" s="10"/>
      <c r="HUI1192" s="10"/>
      <c r="HUJ1192" s="10"/>
      <c r="HUK1192" s="10"/>
      <c r="HUL1192" s="10"/>
      <c r="HUM1192" s="10"/>
      <c r="HUN1192" s="10"/>
      <c r="HUO1192" s="10"/>
      <c r="HUP1192" s="10"/>
      <c r="HUQ1192" s="10"/>
      <c r="HUR1192" s="10"/>
      <c r="HUS1192" s="10"/>
      <c r="HUT1192" s="10"/>
      <c r="HUU1192" s="10"/>
      <c r="HUV1192" s="10"/>
      <c r="HUW1192" s="10"/>
      <c r="HUX1192" s="10"/>
      <c r="HUY1192" s="10"/>
      <c r="HUZ1192" s="10"/>
      <c r="HVA1192" s="10"/>
      <c r="HVB1192" s="10"/>
      <c r="HVC1192" s="10"/>
      <c r="HVD1192" s="10"/>
      <c r="HVE1192" s="10"/>
      <c r="HVF1192" s="10"/>
      <c r="HVG1192" s="10"/>
      <c r="HVH1192" s="10"/>
      <c r="HVI1192" s="10"/>
      <c r="HVJ1192" s="10"/>
      <c r="HVK1192" s="10"/>
      <c r="HVL1192" s="10"/>
      <c r="HVM1192" s="10"/>
      <c r="HVN1192" s="10"/>
      <c r="HVO1192" s="10"/>
      <c r="HVP1192" s="10"/>
      <c r="HVQ1192" s="10"/>
      <c r="HVR1192" s="10"/>
      <c r="HVS1192" s="10"/>
      <c r="HVT1192" s="10"/>
      <c r="HVU1192" s="10"/>
      <c r="HVV1192" s="10"/>
      <c r="HVW1192" s="10"/>
      <c r="HVX1192" s="10"/>
      <c r="HVY1192" s="10"/>
      <c r="HVZ1192" s="10"/>
      <c r="HWA1192" s="10"/>
      <c r="HWB1192" s="10"/>
      <c r="HWC1192" s="10"/>
      <c r="HWD1192" s="10"/>
      <c r="HWE1192" s="10"/>
      <c r="HWF1192" s="10"/>
      <c r="HWG1192" s="10"/>
      <c r="HWH1192" s="10"/>
      <c r="HWI1192" s="10"/>
      <c r="HWJ1192" s="10"/>
      <c r="HWK1192" s="10"/>
      <c r="HWL1192" s="10"/>
      <c r="HWM1192" s="10"/>
      <c r="HWN1192" s="10"/>
      <c r="HWO1192" s="10"/>
      <c r="HWP1192" s="10"/>
      <c r="HWQ1192" s="10"/>
      <c r="HWR1192" s="10"/>
      <c r="HWS1192" s="10"/>
      <c r="HWT1192" s="10"/>
      <c r="HWU1192" s="10"/>
      <c r="HWV1192" s="10"/>
      <c r="HWW1192" s="10"/>
      <c r="HWX1192" s="10"/>
      <c r="HWY1192" s="10"/>
      <c r="HWZ1192" s="10"/>
      <c r="HXA1192" s="10"/>
      <c r="HXB1192" s="10"/>
      <c r="HXC1192" s="10"/>
      <c r="HXD1192" s="10"/>
      <c r="HXE1192" s="10"/>
      <c r="HXF1192" s="10"/>
      <c r="HXG1192" s="10"/>
      <c r="HXH1192" s="10"/>
      <c r="HXI1192" s="10"/>
      <c r="HXJ1192" s="10"/>
      <c r="HXK1192" s="10"/>
      <c r="HXL1192" s="10"/>
      <c r="HXM1192" s="10"/>
      <c r="HXN1192" s="10"/>
      <c r="HXO1192" s="10"/>
      <c r="HXP1192" s="10"/>
      <c r="HXQ1192" s="10"/>
      <c r="HXR1192" s="10"/>
      <c r="HXS1192" s="10"/>
      <c r="HXT1192" s="10"/>
      <c r="HXU1192" s="10"/>
      <c r="HXV1192" s="10"/>
      <c r="HXW1192" s="10"/>
      <c r="HXX1192" s="10"/>
      <c r="HXY1192" s="10"/>
      <c r="HXZ1192" s="10"/>
      <c r="HYA1192" s="10"/>
      <c r="HYB1192" s="10"/>
      <c r="HYC1192" s="10"/>
      <c r="HYD1192" s="10"/>
      <c r="HYE1192" s="10"/>
      <c r="HYF1192" s="10"/>
      <c r="HYG1192" s="10"/>
      <c r="HYH1192" s="10"/>
      <c r="HYI1192" s="10"/>
      <c r="HYJ1192" s="10"/>
      <c r="HYK1192" s="10"/>
      <c r="HYL1192" s="10"/>
      <c r="HYM1192" s="10"/>
      <c r="HYN1192" s="10"/>
      <c r="HYO1192" s="10"/>
      <c r="HYP1192" s="10"/>
      <c r="HYQ1192" s="10"/>
      <c r="HYR1192" s="10"/>
      <c r="HYS1192" s="10"/>
      <c r="HYT1192" s="10"/>
      <c r="HYU1192" s="10"/>
      <c r="HYV1192" s="10"/>
      <c r="HYW1192" s="10"/>
      <c r="HYX1192" s="10"/>
      <c r="HYY1192" s="10"/>
      <c r="HYZ1192" s="10"/>
      <c r="HZA1192" s="10"/>
      <c r="HZB1192" s="10"/>
      <c r="HZC1192" s="10"/>
      <c r="HZD1192" s="10"/>
      <c r="HZE1192" s="10"/>
      <c r="HZF1192" s="10"/>
      <c r="HZG1192" s="10"/>
      <c r="HZH1192" s="10"/>
      <c r="HZI1192" s="10"/>
      <c r="HZJ1192" s="10"/>
      <c r="HZK1192" s="10"/>
      <c r="HZL1192" s="10"/>
      <c r="HZM1192" s="10"/>
      <c r="HZN1192" s="10"/>
      <c r="HZO1192" s="10"/>
      <c r="HZP1192" s="10"/>
      <c r="HZQ1192" s="10"/>
      <c r="HZR1192" s="10"/>
      <c r="HZS1192" s="10"/>
      <c r="HZT1192" s="10"/>
      <c r="HZU1192" s="10"/>
      <c r="HZV1192" s="10"/>
      <c r="HZW1192" s="10"/>
      <c r="HZX1192" s="10"/>
      <c r="HZY1192" s="10"/>
      <c r="HZZ1192" s="10"/>
      <c r="IAA1192" s="10"/>
      <c r="IAB1192" s="10"/>
      <c r="IAC1192" s="10"/>
      <c r="IAD1192" s="10"/>
      <c r="IAE1192" s="10"/>
      <c r="IAF1192" s="10"/>
      <c r="IAG1192" s="10"/>
      <c r="IAH1192" s="10"/>
      <c r="IAI1192" s="10"/>
      <c r="IAJ1192" s="10"/>
      <c r="IAK1192" s="10"/>
      <c r="IAL1192" s="10"/>
      <c r="IAM1192" s="10"/>
      <c r="IAN1192" s="10"/>
      <c r="IAO1192" s="10"/>
      <c r="IAP1192" s="10"/>
      <c r="IAQ1192" s="10"/>
      <c r="IAR1192" s="10"/>
      <c r="IAS1192" s="10"/>
      <c r="IAT1192" s="10"/>
      <c r="IAU1192" s="10"/>
      <c r="IAV1192" s="10"/>
      <c r="IAW1192" s="10"/>
      <c r="IAX1192" s="10"/>
      <c r="IAY1192" s="10"/>
      <c r="IAZ1192" s="10"/>
      <c r="IBA1192" s="10"/>
      <c r="IBB1192" s="10"/>
      <c r="IBC1192" s="10"/>
      <c r="IBD1192" s="10"/>
      <c r="IBE1192" s="10"/>
      <c r="IBF1192" s="10"/>
      <c r="IBG1192" s="10"/>
      <c r="IBH1192" s="10"/>
      <c r="IBI1192" s="10"/>
      <c r="IBJ1192" s="10"/>
      <c r="IBK1192" s="10"/>
      <c r="IBL1192" s="10"/>
      <c r="IBM1192" s="10"/>
      <c r="IBN1192" s="10"/>
      <c r="IBO1192" s="10"/>
      <c r="IBP1192" s="10"/>
      <c r="IBQ1192" s="10"/>
      <c r="IBR1192" s="10"/>
      <c r="IBS1192" s="10"/>
      <c r="IBT1192" s="10"/>
      <c r="IBU1192" s="10"/>
      <c r="IBV1192" s="10"/>
      <c r="IBW1192" s="10"/>
      <c r="IBX1192" s="10"/>
      <c r="IBY1192" s="10"/>
      <c r="IBZ1192" s="10"/>
      <c r="ICA1192" s="10"/>
      <c r="ICB1192" s="10"/>
      <c r="ICC1192" s="10"/>
      <c r="ICD1192" s="10"/>
      <c r="ICE1192" s="10"/>
      <c r="ICF1192" s="10"/>
      <c r="ICG1192" s="10"/>
      <c r="ICH1192" s="10"/>
      <c r="ICI1192" s="10"/>
      <c r="ICJ1192" s="10"/>
      <c r="ICK1192" s="10"/>
      <c r="ICL1192" s="10"/>
      <c r="ICM1192" s="10"/>
      <c r="ICN1192" s="10"/>
      <c r="ICO1192" s="10"/>
      <c r="ICP1192" s="10"/>
      <c r="ICQ1192" s="10"/>
      <c r="ICR1192" s="10"/>
      <c r="ICS1192" s="10"/>
      <c r="ICT1192" s="10"/>
      <c r="ICU1192" s="10"/>
      <c r="ICV1192" s="10"/>
      <c r="ICW1192" s="10"/>
      <c r="ICX1192" s="10"/>
      <c r="ICY1192" s="10"/>
      <c r="ICZ1192" s="10"/>
      <c r="IDA1192" s="10"/>
      <c r="IDB1192" s="10"/>
      <c r="IDC1192" s="10"/>
      <c r="IDD1192" s="10"/>
      <c r="IDE1192" s="10"/>
      <c r="IDF1192" s="10"/>
      <c r="IDG1192" s="10"/>
      <c r="IDH1192" s="10"/>
      <c r="IDI1192" s="10"/>
      <c r="IDJ1192" s="10"/>
      <c r="IDK1192" s="10"/>
      <c r="IDL1192" s="10"/>
      <c r="IDM1192" s="10"/>
      <c r="IDN1192" s="10"/>
      <c r="IDO1192" s="10"/>
      <c r="IDP1192" s="10"/>
      <c r="IDQ1192" s="10"/>
      <c r="IDR1192" s="10"/>
      <c r="IDS1192" s="10"/>
      <c r="IDT1192" s="10"/>
      <c r="IDU1192" s="10"/>
      <c r="IDV1192" s="10"/>
      <c r="IDW1192" s="10"/>
      <c r="IDX1192" s="10"/>
      <c r="IDY1192" s="10"/>
      <c r="IDZ1192" s="10"/>
      <c r="IEA1192" s="10"/>
      <c r="IEB1192" s="10"/>
      <c r="IEC1192" s="10"/>
      <c r="IED1192" s="10"/>
      <c r="IEE1192" s="10"/>
      <c r="IEF1192" s="10"/>
      <c r="IEG1192" s="10"/>
      <c r="IEH1192" s="10"/>
      <c r="IEI1192" s="10"/>
      <c r="IEJ1192" s="10"/>
      <c r="IEK1192" s="10"/>
      <c r="IEL1192" s="10"/>
      <c r="IEM1192" s="10"/>
      <c r="IEN1192" s="10"/>
      <c r="IEO1192" s="10"/>
      <c r="IEP1192" s="10"/>
      <c r="IEQ1192" s="10"/>
      <c r="IER1192" s="10"/>
      <c r="IES1192" s="10"/>
      <c r="IET1192" s="10"/>
      <c r="IEU1192" s="10"/>
      <c r="IEV1192" s="10"/>
      <c r="IEW1192" s="10"/>
      <c r="IEX1192" s="10"/>
      <c r="IEY1192" s="10"/>
      <c r="IEZ1192" s="10"/>
      <c r="IFA1192" s="10"/>
      <c r="IFB1192" s="10"/>
      <c r="IFC1192" s="10"/>
      <c r="IFD1192" s="10"/>
      <c r="IFE1192" s="10"/>
      <c r="IFF1192" s="10"/>
      <c r="IFG1192" s="10"/>
      <c r="IFH1192" s="10"/>
      <c r="IFI1192" s="10"/>
      <c r="IFJ1192" s="10"/>
      <c r="IFK1192" s="10"/>
      <c r="IFL1192" s="10"/>
      <c r="IFM1192" s="10"/>
      <c r="IFN1192" s="10"/>
      <c r="IFO1192" s="10"/>
      <c r="IFP1192" s="10"/>
      <c r="IFQ1192" s="10"/>
      <c r="IFR1192" s="10"/>
      <c r="IFS1192" s="10"/>
      <c r="IFT1192" s="10"/>
      <c r="IFU1192" s="10"/>
      <c r="IFV1192" s="10"/>
      <c r="IFW1192" s="10"/>
      <c r="IFX1192" s="10"/>
      <c r="IFY1192" s="10"/>
      <c r="IFZ1192" s="10"/>
      <c r="IGA1192" s="10"/>
      <c r="IGB1192" s="10"/>
      <c r="IGC1192" s="10"/>
      <c r="IGD1192" s="10"/>
      <c r="IGE1192" s="10"/>
      <c r="IGF1192" s="10"/>
      <c r="IGG1192" s="10"/>
      <c r="IGH1192" s="10"/>
      <c r="IGI1192" s="10"/>
      <c r="IGJ1192" s="10"/>
      <c r="IGK1192" s="10"/>
      <c r="IGL1192" s="10"/>
      <c r="IGM1192" s="10"/>
      <c r="IGN1192" s="10"/>
      <c r="IGO1192" s="10"/>
      <c r="IGP1192" s="10"/>
      <c r="IGQ1192" s="10"/>
      <c r="IGR1192" s="10"/>
      <c r="IGS1192" s="10"/>
      <c r="IGT1192" s="10"/>
      <c r="IGU1192" s="10"/>
      <c r="IGV1192" s="10"/>
      <c r="IGW1192" s="10"/>
      <c r="IGX1192" s="10"/>
      <c r="IGY1192" s="10"/>
      <c r="IGZ1192" s="10"/>
      <c r="IHA1192" s="10"/>
      <c r="IHB1192" s="10"/>
      <c r="IHC1192" s="10"/>
      <c r="IHD1192" s="10"/>
      <c r="IHE1192" s="10"/>
      <c r="IHF1192" s="10"/>
      <c r="IHG1192" s="10"/>
      <c r="IHH1192" s="10"/>
      <c r="IHI1192" s="10"/>
      <c r="IHJ1192" s="10"/>
      <c r="IHK1192" s="10"/>
      <c r="IHL1192" s="10"/>
      <c r="IHM1192" s="10"/>
      <c r="IHN1192" s="10"/>
      <c r="IHO1192" s="10"/>
      <c r="IHP1192" s="10"/>
      <c r="IHQ1192" s="10"/>
      <c r="IHR1192" s="10"/>
      <c r="IHS1192" s="10"/>
      <c r="IHT1192" s="10"/>
      <c r="IHU1192" s="10"/>
      <c r="IHV1192" s="10"/>
      <c r="IHW1192" s="10"/>
      <c r="IHX1192" s="10"/>
      <c r="IHY1192" s="10"/>
      <c r="IHZ1192" s="10"/>
      <c r="IIA1192" s="10"/>
      <c r="IIB1192" s="10"/>
      <c r="IIC1192" s="10"/>
      <c r="IID1192" s="10"/>
      <c r="IIE1192" s="10"/>
      <c r="IIF1192" s="10"/>
      <c r="IIG1192" s="10"/>
      <c r="IIH1192" s="10"/>
      <c r="III1192" s="10"/>
      <c r="IIJ1192" s="10"/>
      <c r="IIK1192" s="10"/>
      <c r="IIL1192" s="10"/>
      <c r="IIM1192" s="10"/>
      <c r="IIN1192" s="10"/>
      <c r="IIO1192" s="10"/>
      <c r="IIP1192" s="10"/>
      <c r="IIQ1192" s="10"/>
      <c r="IIR1192" s="10"/>
      <c r="IIS1192" s="10"/>
      <c r="IIT1192" s="10"/>
      <c r="IIU1192" s="10"/>
      <c r="IIV1192" s="10"/>
      <c r="IIW1192" s="10"/>
      <c r="IIX1192" s="10"/>
      <c r="IIY1192" s="10"/>
      <c r="IIZ1192" s="10"/>
      <c r="IJA1192" s="10"/>
      <c r="IJB1192" s="10"/>
      <c r="IJC1192" s="10"/>
      <c r="IJD1192" s="10"/>
      <c r="IJE1192" s="10"/>
      <c r="IJF1192" s="10"/>
      <c r="IJG1192" s="10"/>
      <c r="IJH1192" s="10"/>
      <c r="IJI1192" s="10"/>
      <c r="IJJ1192" s="10"/>
      <c r="IJK1192" s="10"/>
      <c r="IJL1192" s="10"/>
      <c r="IJM1192" s="10"/>
      <c r="IJN1192" s="10"/>
      <c r="IJO1192" s="10"/>
      <c r="IJP1192" s="10"/>
      <c r="IJQ1192" s="10"/>
      <c r="IJR1192" s="10"/>
      <c r="IJS1192" s="10"/>
      <c r="IJT1192" s="10"/>
      <c r="IJU1192" s="10"/>
      <c r="IJV1192" s="10"/>
      <c r="IJW1192" s="10"/>
      <c r="IJX1192" s="10"/>
      <c r="IJY1192" s="10"/>
      <c r="IJZ1192" s="10"/>
      <c r="IKA1192" s="10"/>
      <c r="IKB1192" s="10"/>
      <c r="IKC1192" s="10"/>
      <c r="IKD1192" s="10"/>
      <c r="IKE1192" s="10"/>
      <c r="IKF1192" s="10"/>
      <c r="IKG1192" s="10"/>
      <c r="IKH1192" s="10"/>
      <c r="IKI1192" s="10"/>
      <c r="IKJ1192" s="10"/>
      <c r="IKK1192" s="10"/>
      <c r="IKL1192" s="10"/>
      <c r="IKM1192" s="10"/>
      <c r="IKN1192" s="10"/>
      <c r="IKO1192" s="10"/>
      <c r="IKP1192" s="10"/>
      <c r="IKQ1192" s="10"/>
      <c r="IKR1192" s="10"/>
      <c r="IKS1192" s="10"/>
      <c r="IKT1192" s="10"/>
      <c r="IKU1192" s="10"/>
      <c r="IKV1192" s="10"/>
      <c r="IKW1192" s="10"/>
      <c r="IKX1192" s="10"/>
      <c r="IKY1192" s="10"/>
      <c r="IKZ1192" s="10"/>
      <c r="ILA1192" s="10"/>
      <c r="ILB1192" s="10"/>
      <c r="ILC1192" s="10"/>
      <c r="ILD1192" s="10"/>
      <c r="ILE1192" s="10"/>
      <c r="ILF1192" s="10"/>
      <c r="ILG1192" s="10"/>
      <c r="ILH1192" s="10"/>
      <c r="ILI1192" s="10"/>
      <c r="ILJ1192" s="10"/>
      <c r="ILK1192" s="10"/>
      <c r="ILL1192" s="10"/>
      <c r="ILM1192" s="10"/>
      <c r="ILN1192" s="10"/>
      <c r="ILO1192" s="10"/>
      <c r="ILP1192" s="10"/>
      <c r="ILQ1192" s="10"/>
      <c r="ILR1192" s="10"/>
      <c r="ILS1192" s="10"/>
      <c r="ILT1192" s="10"/>
      <c r="ILU1192" s="10"/>
      <c r="ILV1192" s="10"/>
      <c r="ILW1192" s="10"/>
      <c r="ILX1192" s="10"/>
      <c r="ILY1192" s="10"/>
      <c r="ILZ1192" s="10"/>
      <c r="IMA1192" s="10"/>
      <c r="IMB1192" s="10"/>
      <c r="IMC1192" s="10"/>
      <c r="IMD1192" s="10"/>
      <c r="IME1192" s="10"/>
      <c r="IMF1192" s="10"/>
      <c r="IMG1192" s="10"/>
      <c r="IMH1192" s="10"/>
      <c r="IMI1192" s="10"/>
      <c r="IMJ1192" s="10"/>
      <c r="IMK1192" s="10"/>
      <c r="IML1192" s="10"/>
      <c r="IMM1192" s="10"/>
      <c r="IMN1192" s="10"/>
      <c r="IMO1192" s="10"/>
      <c r="IMP1192" s="10"/>
      <c r="IMQ1192" s="10"/>
      <c r="IMR1192" s="10"/>
      <c r="IMS1192" s="10"/>
      <c r="IMT1192" s="10"/>
      <c r="IMU1192" s="10"/>
      <c r="IMV1192" s="10"/>
      <c r="IMW1192" s="10"/>
      <c r="IMX1192" s="10"/>
      <c r="IMY1192" s="10"/>
      <c r="IMZ1192" s="10"/>
      <c r="INA1192" s="10"/>
      <c r="INB1192" s="10"/>
      <c r="INC1192" s="10"/>
      <c r="IND1192" s="10"/>
      <c r="INE1192" s="10"/>
      <c r="INF1192" s="10"/>
      <c r="ING1192" s="10"/>
      <c r="INH1192" s="10"/>
      <c r="INI1192" s="10"/>
      <c r="INJ1192" s="10"/>
      <c r="INK1192" s="10"/>
      <c r="INL1192" s="10"/>
      <c r="INM1192" s="10"/>
      <c r="INN1192" s="10"/>
      <c r="INO1192" s="10"/>
      <c r="INP1192" s="10"/>
      <c r="INQ1192" s="10"/>
      <c r="INR1192" s="10"/>
      <c r="INS1192" s="10"/>
      <c r="INT1192" s="10"/>
      <c r="INU1192" s="10"/>
      <c r="INV1192" s="10"/>
      <c r="INW1192" s="10"/>
      <c r="INX1192" s="10"/>
      <c r="INY1192" s="10"/>
      <c r="INZ1192" s="10"/>
      <c r="IOA1192" s="10"/>
      <c r="IOB1192" s="10"/>
      <c r="IOC1192" s="10"/>
      <c r="IOD1192" s="10"/>
      <c r="IOE1192" s="10"/>
      <c r="IOF1192" s="10"/>
      <c r="IOG1192" s="10"/>
      <c r="IOH1192" s="10"/>
      <c r="IOI1192" s="10"/>
      <c r="IOJ1192" s="10"/>
      <c r="IOK1192" s="10"/>
      <c r="IOL1192" s="10"/>
      <c r="IOM1192" s="10"/>
      <c r="ION1192" s="10"/>
      <c r="IOO1192" s="10"/>
      <c r="IOP1192" s="10"/>
      <c r="IOQ1192" s="10"/>
      <c r="IOR1192" s="10"/>
      <c r="IOS1192" s="10"/>
      <c r="IOT1192" s="10"/>
      <c r="IOU1192" s="10"/>
      <c r="IOV1192" s="10"/>
      <c r="IOW1192" s="10"/>
      <c r="IOX1192" s="10"/>
      <c r="IOY1192" s="10"/>
      <c r="IOZ1192" s="10"/>
      <c r="IPA1192" s="10"/>
      <c r="IPB1192" s="10"/>
      <c r="IPC1192" s="10"/>
      <c r="IPD1192" s="10"/>
      <c r="IPE1192" s="10"/>
      <c r="IPF1192" s="10"/>
      <c r="IPG1192" s="10"/>
      <c r="IPH1192" s="10"/>
      <c r="IPI1192" s="10"/>
      <c r="IPJ1192" s="10"/>
      <c r="IPK1192" s="10"/>
      <c r="IPL1192" s="10"/>
      <c r="IPM1192" s="10"/>
      <c r="IPN1192" s="10"/>
      <c r="IPO1192" s="10"/>
      <c r="IPP1192" s="10"/>
      <c r="IPQ1192" s="10"/>
      <c r="IPR1192" s="10"/>
      <c r="IPS1192" s="10"/>
      <c r="IPT1192" s="10"/>
      <c r="IPU1192" s="10"/>
      <c r="IPV1192" s="10"/>
      <c r="IPW1192" s="10"/>
      <c r="IPX1192" s="10"/>
      <c r="IPY1192" s="10"/>
      <c r="IPZ1192" s="10"/>
      <c r="IQA1192" s="10"/>
      <c r="IQB1192" s="10"/>
      <c r="IQC1192" s="10"/>
      <c r="IQD1192" s="10"/>
      <c r="IQE1192" s="10"/>
      <c r="IQF1192" s="10"/>
      <c r="IQG1192" s="10"/>
      <c r="IQH1192" s="10"/>
      <c r="IQI1192" s="10"/>
      <c r="IQJ1192" s="10"/>
      <c r="IQK1192" s="10"/>
      <c r="IQL1192" s="10"/>
      <c r="IQM1192" s="10"/>
      <c r="IQN1192" s="10"/>
      <c r="IQO1192" s="10"/>
      <c r="IQP1192" s="10"/>
      <c r="IQQ1192" s="10"/>
      <c r="IQR1192" s="10"/>
      <c r="IQS1192" s="10"/>
      <c r="IQT1192" s="10"/>
      <c r="IQU1192" s="10"/>
      <c r="IQV1192" s="10"/>
      <c r="IQW1192" s="10"/>
      <c r="IQX1192" s="10"/>
      <c r="IQY1192" s="10"/>
      <c r="IQZ1192" s="10"/>
      <c r="IRA1192" s="10"/>
      <c r="IRB1192" s="10"/>
      <c r="IRC1192" s="10"/>
      <c r="IRD1192" s="10"/>
      <c r="IRE1192" s="10"/>
      <c r="IRF1192" s="10"/>
      <c r="IRG1192" s="10"/>
      <c r="IRH1192" s="10"/>
      <c r="IRI1192" s="10"/>
      <c r="IRJ1192" s="10"/>
      <c r="IRK1192" s="10"/>
      <c r="IRL1192" s="10"/>
      <c r="IRM1192" s="10"/>
      <c r="IRN1192" s="10"/>
      <c r="IRO1192" s="10"/>
      <c r="IRP1192" s="10"/>
      <c r="IRQ1192" s="10"/>
      <c r="IRR1192" s="10"/>
      <c r="IRS1192" s="10"/>
      <c r="IRT1192" s="10"/>
      <c r="IRU1192" s="10"/>
      <c r="IRV1192" s="10"/>
      <c r="IRW1192" s="10"/>
      <c r="IRX1192" s="10"/>
      <c r="IRY1192" s="10"/>
      <c r="IRZ1192" s="10"/>
      <c r="ISA1192" s="10"/>
      <c r="ISB1192" s="10"/>
      <c r="ISC1192" s="10"/>
      <c r="ISD1192" s="10"/>
      <c r="ISE1192" s="10"/>
      <c r="ISF1192" s="10"/>
      <c r="ISG1192" s="10"/>
      <c r="ISH1192" s="10"/>
      <c r="ISI1192" s="10"/>
      <c r="ISJ1192" s="10"/>
      <c r="ISK1192" s="10"/>
      <c r="ISL1192" s="10"/>
      <c r="ISM1192" s="10"/>
      <c r="ISN1192" s="10"/>
      <c r="ISO1192" s="10"/>
      <c r="ISP1192" s="10"/>
      <c r="ISQ1192" s="10"/>
      <c r="ISR1192" s="10"/>
      <c r="ISS1192" s="10"/>
      <c r="IST1192" s="10"/>
      <c r="ISU1192" s="10"/>
      <c r="ISV1192" s="10"/>
      <c r="ISW1192" s="10"/>
      <c r="ISX1192" s="10"/>
      <c r="ISY1192" s="10"/>
      <c r="ISZ1192" s="10"/>
      <c r="ITA1192" s="10"/>
      <c r="ITB1192" s="10"/>
      <c r="ITC1192" s="10"/>
      <c r="ITD1192" s="10"/>
      <c r="ITE1192" s="10"/>
      <c r="ITF1192" s="10"/>
      <c r="ITG1192" s="10"/>
      <c r="ITH1192" s="10"/>
      <c r="ITI1192" s="10"/>
      <c r="ITJ1192" s="10"/>
      <c r="ITK1192" s="10"/>
      <c r="ITL1192" s="10"/>
      <c r="ITM1192" s="10"/>
      <c r="ITN1192" s="10"/>
      <c r="ITO1192" s="10"/>
      <c r="ITP1192" s="10"/>
      <c r="ITQ1192" s="10"/>
      <c r="ITR1192" s="10"/>
      <c r="ITS1192" s="10"/>
      <c r="ITT1192" s="10"/>
      <c r="ITU1192" s="10"/>
      <c r="ITV1192" s="10"/>
      <c r="ITW1192" s="10"/>
      <c r="ITX1192" s="10"/>
      <c r="ITY1192" s="10"/>
      <c r="ITZ1192" s="10"/>
      <c r="IUA1192" s="10"/>
      <c r="IUB1192" s="10"/>
      <c r="IUC1192" s="10"/>
      <c r="IUD1192" s="10"/>
      <c r="IUE1192" s="10"/>
      <c r="IUF1192" s="10"/>
      <c r="IUG1192" s="10"/>
      <c r="IUH1192" s="10"/>
      <c r="IUI1192" s="10"/>
      <c r="IUJ1192" s="10"/>
      <c r="IUK1192" s="10"/>
      <c r="IUL1192" s="10"/>
      <c r="IUM1192" s="10"/>
      <c r="IUN1192" s="10"/>
      <c r="IUO1192" s="10"/>
      <c r="IUP1192" s="10"/>
      <c r="IUQ1192" s="10"/>
      <c r="IUR1192" s="10"/>
      <c r="IUS1192" s="10"/>
      <c r="IUT1192" s="10"/>
      <c r="IUU1192" s="10"/>
      <c r="IUV1192" s="10"/>
      <c r="IUW1192" s="10"/>
      <c r="IUX1192" s="10"/>
      <c r="IUY1192" s="10"/>
      <c r="IUZ1192" s="10"/>
      <c r="IVA1192" s="10"/>
      <c r="IVB1192" s="10"/>
      <c r="IVC1192" s="10"/>
      <c r="IVD1192" s="10"/>
      <c r="IVE1192" s="10"/>
      <c r="IVF1192" s="10"/>
      <c r="IVG1192" s="10"/>
      <c r="IVH1192" s="10"/>
      <c r="IVI1192" s="10"/>
      <c r="IVJ1192" s="10"/>
      <c r="IVK1192" s="10"/>
      <c r="IVL1192" s="10"/>
      <c r="IVM1192" s="10"/>
      <c r="IVN1192" s="10"/>
      <c r="IVO1192" s="10"/>
      <c r="IVP1192" s="10"/>
      <c r="IVQ1192" s="10"/>
      <c r="IVR1192" s="10"/>
      <c r="IVS1192" s="10"/>
      <c r="IVT1192" s="10"/>
      <c r="IVU1192" s="10"/>
      <c r="IVV1192" s="10"/>
      <c r="IVW1192" s="10"/>
      <c r="IVX1192" s="10"/>
      <c r="IVY1192" s="10"/>
      <c r="IVZ1192" s="10"/>
      <c r="IWA1192" s="10"/>
      <c r="IWB1192" s="10"/>
      <c r="IWC1192" s="10"/>
      <c r="IWD1192" s="10"/>
      <c r="IWE1192" s="10"/>
      <c r="IWF1192" s="10"/>
      <c r="IWG1192" s="10"/>
      <c r="IWH1192" s="10"/>
      <c r="IWI1192" s="10"/>
      <c r="IWJ1192" s="10"/>
      <c r="IWK1192" s="10"/>
      <c r="IWL1192" s="10"/>
      <c r="IWM1192" s="10"/>
      <c r="IWN1192" s="10"/>
      <c r="IWO1192" s="10"/>
      <c r="IWP1192" s="10"/>
      <c r="IWQ1192" s="10"/>
      <c r="IWR1192" s="10"/>
      <c r="IWS1192" s="10"/>
      <c r="IWT1192" s="10"/>
      <c r="IWU1192" s="10"/>
      <c r="IWV1192" s="10"/>
      <c r="IWW1192" s="10"/>
      <c r="IWX1192" s="10"/>
      <c r="IWY1192" s="10"/>
      <c r="IWZ1192" s="10"/>
      <c r="IXA1192" s="10"/>
      <c r="IXB1192" s="10"/>
      <c r="IXC1192" s="10"/>
      <c r="IXD1192" s="10"/>
      <c r="IXE1192" s="10"/>
      <c r="IXF1192" s="10"/>
      <c r="IXG1192" s="10"/>
      <c r="IXH1192" s="10"/>
      <c r="IXI1192" s="10"/>
      <c r="IXJ1192" s="10"/>
      <c r="IXK1192" s="10"/>
      <c r="IXL1192" s="10"/>
      <c r="IXM1192" s="10"/>
      <c r="IXN1192" s="10"/>
      <c r="IXO1192" s="10"/>
      <c r="IXP1192" s="10"/>
      <c r="IXQ1192" s="10"/>
      <c r="IXR1192" s="10"/>
      <c r="IXS1192" s="10"/>
      <c r="IXT1192" s="10"/>
      <c r="IXU1192" s="10"/>
      <c r="IXV1192" s="10"/>
      <c r="IXW1192" s="10"/>
      <c r="IXX1192" s="10"/>
      <c r="IXY1192" s="10"/>
      <c r="IXZ1192" s="10"/>
      <c r="IYA1192" s="10"/>
      <c r="IYB1192" s="10"/>
      <c r="IYC1192" s="10"/>
      <c r="IYD1192" s="10"/>
      <c r="IYE1192" s="10"/>
      <c r="IYF1192" s="10"/>
      <c r="IYG1192" s="10"/>
      <c r="IYH1192" s="10"/>
      <c r="IYI1192" s="10"/>
      <c r="IYJ1192" s="10"/>
      <c r="IYK1192" s="10"/>
      <c r="IYL1192" s="10"/>
      <c r="IYM1192" s="10"/>
      <c r="IYN1192" s="10"/>
      <c r="IYO1192" s="10"/>
      <c r="IYP1192" s="10"/>
      <c r="IYQ1192" s="10"/>
      <c r="IYR1192" s="10"/>
      <c r="IYS1192" s="10"/>
      <c r="IYT1192" s="10"/>
      <c r="IYU1192" s="10"/>
      <c r="IYV1192" s="10"/>
      <c r="IYW1192" s="10"/>
      <c r="IYX1192" s="10"/>
      <c r="IYY1192" s="10"/>
      <c r="IYZ1192" s="10"/>
      <c r="IZA1192" s="10"/>
      <c r="IZB1192" s="10"/>
      <c r="IZC1192" s="10"/>
      <c r="IZD1192" s="10"/>
      <c r="IZE1192" s="10"/>
      <c r="IZF1192" s="10"/>
      <c r="IZG1192" s="10"/>
      <c r="IZH1192" s="10"/>
      <c r="IZI1192" s="10"/>
      <c r="IZJ1192" s="10"/>
      <c r="IZK1192" s="10"/>
      <c r="IZL1192" s="10"/>
      <c r="IZM1192" s="10"/>
      <c r="IZN1192" s="10"/>
      <c r="IZO1192" s="10"/>
      <c r="IZP1192" s="10"/>
      <c r="IZQ1192" s="10"/>
      <c r="IZR1192" s="10"/>
      <c r="IZS1192" s="10"/>
      <c r="IZT1192" s="10"/>
      <c r="IZU1192" s="10"/>
      <c r="IZV1192" s="10"/>
      <c r="IZW1192" s="10"/>
      <c r="IZX1192" s="10"/>
      <c r="IZY1192" s="10"/>
      <c r="IZZ1192" s="10"/>
      <c r="JAA1192" s="10"/>
      <c r="JAB1192" s="10"/>
      <c r="JAC1192" s="10"/>
      <c r="JAD1192" s="10"/>
      <c r="JAE1192" s="10"/>
      <c r="JAF1192" s="10"/>
      <c r="JAG1192" s="10"/>
      <c r="JAH1192" s="10"/>
      <c r="JAI1192" s="10"/>
      <c r="JAJ1192" s="10"/>
      <c r="JAK1192" s="10"/>
      <c r="JAL1192" s="10"/>
      <c r="JAM1192" s="10"/>
      <c r="JAN1192" s="10"/>
      <c r="JAO1192" s="10"/>
      <c r="JAP1192" s="10"/>
      <c r="JAQ1192" s="10"/>
      <c r="JAR1192" s="10"/>
      <c r="JAS1192" s="10"/>
      <c r="JAT1192" s="10"/>
      <c r="JAU1192" s="10"/>
      <c r="JAV1192" s="10"/>
      <c r="JAW1192" s="10"/>
      <c r="JAX1192" s="10"/>
      <c r="JAY1192" s="10"/>
      <c r="JAZ1192" s="10"/>
      <c r="JBA1192" s="10"/>
      <c r="JBB1192" s="10"/>
      <c r="JBC1192" s="10"/>
      <c r="JBD1192" s="10"/>
      <c r="JBE1192" s="10"/>
      <c r="JBF1192" s="10"/>
      <c r="JBG1192" s="10"/>
      <c r="JBH1192" s="10"/>
      <c r="JBI1192" s="10"/>
      <c r="JBJ1192" s="10"/>
      <c r="JBK1192" s="10"/>
      <c r="JBL1192" s="10"/>
      <c r="JBM1192" s="10"/>
      <c r="JBN1192" s="10"/>
      <c r="JBO1192" s="10"/>
      <c r="JBP1192" s="10"/>
      <c r="JBQ1192" s="10"/>
      <c r="JBR1192" s="10"/>
      <c r="JBS1192" s="10"/>
      <c r="JBT1192" s="10"/>
      <c r="JBU1192" s="10"/>
      <c r="JBV1192" s="10"/>
      <c r="JBW1192" s="10"/>
      <c r="JBX1192" s="10"/>
      <c r="JBY1192" s="10"/>
      <c r="JBZ1192" s="10"/>
      <c r="JCA1192" s="10"/>
      <c r="JCB1192" s="10"/>
      <c r="JCC1192" s="10"/>
      <c r="JCD1192" s="10"/>
      <c r="JCE1192" s="10"/>
      <c r="JCF1192" s="10"/>
      <c r="JCG1192" s="10"/>
      <c r="JCH1192" s="10"/>
      <c r="JCI1192" s="10"/>
      <c r="JCJ1192" s="10"/>
      <c r="JCK1192" s="10"/>
      <c r="JCL1192" s="10"/>
      <c r="JCM1192" s="10"/>
      <c r="JCN1192" s="10"/>
      <c r="JCO1192" s="10"/>
      <c r="JCP1192" s="10"/>
      <c r="JCQ1192" s="10"/>
      <c r="JCR1192" s="10"/>
      <c r="JCS1192" s="10"/>
      <c r="JCT1192" s="10"/>
      <c r="JCU1192" s="10"/>
      <c r="JCV1192" s="10"/>
      <c r="JCW1192" s="10"/>
      <c r="JCX1192" s="10"/>
      <c r="JCY1192" s="10"/>
      <c r="JCZ1192" s="10"/>
      <c r="JDA1192" s="10"/>
      <c r="JDB1192" s="10"/>
      <c r="JDC1192" s="10"/>
      <c r="JDD1192" s="10"/>
      <c r="JDE1192" s="10"/>
      <c r="JDF1192" s="10"/>
      <c r="JDG1192" s="10"/>
      <c r="JDH1192" s="10"/>
      <c r="JDI1192" s="10"/>
      <c r="JDJ1192" s="10"/>
      <c r="JDK1192" s="10"/>
      <c r="JDL1192" s="10"/>
      <c r="JDM1192" s="10"/>
      <c r="JDN1192" s="10"/>
      <c r="JDO1192" s="10"/>
      <c r="JDP1192" s="10"/>
      <c r="JDQ1192" s="10"/>
      <c r="JDR1192" s="10"/>
      <c r="JDS1192" s="10"/>
      <c r="JDT1192" s="10"/>
      <c r="JDU1192" s="10"/>
      <c r="JDV1192" s="10"/>
      <c r="JDW1192" s="10"/>
      <c r="JDX1192" s="10"/>
      <c r="JDY1192" s="10"/>
      <c r="JDZ1192" s="10"/>
      <c r="JEA1192" s="10"/>
      <c r="JEB1192" s="10"/>
      <c r="JEC1192" s="10"/>
      <c r="JED1192" s="10"/>
      <c r="JEE1192" s="10"/>
      <c r="JEF1192" s="10"/>
      <c r="JEG1192" s="10"/>
      <c r="JEH1192" s="10"/>
      <c r="JEI1192" s="10"/>
      <c r="JEJ1192" s="10"/>
      <c r="JEK1192" s="10"/>
      <c r="JEL1192" s="10"/>
      <c r="JEM1192" s="10"/>
      <c r="JEN1192" s="10"/>
      <c r="JEO1192" s="10"/>
      <c r="JEP1192" s="10"/>
      <c r="JEQ1192" s="10"/>
      <c r="JER1192" s="10"/>
      <c r="JES1192" s="10"/>
      <c r="JET1192" s="10"/>
      <c r="JEU1192" s="10"/>
      <c r="JEV1192" s="10"/>
      <c r="JEW1192" s="10"/>
      <c r="JEX1192" s="10"/>
      <c r="JEY1192" s="10"/>
      <c r="JEZ1192" s="10"/>
      <c r="JFA1192" s="10"/>
      <c r="JFB1192" s="10"/>
      <c r="JFC1192" s="10"/>
      <c r="JFD1192" s="10"/>
      <c r="JFE1192" s="10"/>
      <c r="JFF1192" s="10"/>
      <c r="JFG1192" s="10"/>
      <c r="JFH1192" s="10"/>
      <c r="JFI1192" s="10"/>
      <c r="JFJ1192" s="10"/>
      <c r="JFK1192" s="10"/>
      <c r="JFL1192" s="10"/>
      <c r="JFM1192" s="10"/>
      <c r="JFN1192" s="10"/>
      <c r="JFO1192" s="10"/>
      <c r="JFP1192" s="10"/>
      <c r="JFQ1192" s="10"/>
      <c r="JFR1192" s="10"/>
      <c r="JFS1192" s="10"/>
      <c r="JFT1192" s="10"/>
      <c r="JFU1192" s="10"/>
      <c r="JFV1192" s="10"/>
      <c r="JFW1192" s="10"/>
      <c r="JFX1192" s="10"/>
      <c r="JFY1192" s="10"/>
      <c r="JFZ1192" s="10"/>
      <c r="JGA1192" s="10"/>
      <c r="JGB1192" s="10"/>
      <c r="JGC1192" s="10"/>
      <c r="JGD1192" s="10"/>
      <c r="JGE1192" s="10"/>
      <c r="JGF1192" s="10"/>
      <c r="JGG1192" s="10"/>
      <c r="JGH1192" s="10"/>
      <c r="JGI1192" s="10"/>
      <c r="JGJ1192" s="10"/>
      <c r="JGK1192" s="10"/>
      <c r="JGL1192" s="10"/>
      <c r="JGM1192" s="10"/>
      <c r="JGN1192" s="10"/>
      <c r="JGO1192" s="10"/>
      <c r="JGP1192" s="10"/>
      <c r="JGQ1192" s="10"/>
      <c r="JGR1192" s="10"/>
      <c r="JGS1192" s="10"/>
      <c r="JGT1192" s="10"/>
      <c r="JGU1192" s="10"/>
      <c r="JGV1192" s="10"/>
      <c r="JGW1192" s="10"/>
      <c r="JGX1192" s="10"/>
      <c r="JGY1192" s="10"/>
      <c r="JGZ1192" s="10"/>
      <c r="JHA1192" s="10"/>
      <c r="JHB1192" s="10"/>
      <c r="JHC1192" s="10"/>
      <c r="JHD1192" s="10"/>
      <c r="JHE1192" s="10"/>
      <c r="JHF1192" s="10"/>
      <c r="JHG1192" s="10"/>
      <c r="JHH1192" s="10"/>
      <c r="JHI1192" s="10"/>
      <c r="JHJ1192" s="10"/>
      <c r="JHK1192" s="10"/>
      <c r="JHL1192" s="10"/>
      <c r="JHM1192" s="10"/>
      <c r="JHN1192" s="10"/>
      <c r="JHO1192" s="10"/>
      <c r="JHP1192" s="10"/>
      <c r="JHQ1192" s="10"/>
      <c r="JHR1192" s="10"/>
      <c r="JHS1192" s="10"/>
      <c r="JHT1192" s="10"/>
      <c r="JHU1192" s="10"/>
      <c r="JHV1192" s="10"/>
      <c r="JHW1192" s="10"/>
      <c r="JHX1192" s="10"/>
      <c r="JHY1192" s="10"/>
      <c r="JHZ1192" s="10"/>
      <c r="JIA1192" s="10"/>
      <c r="JIB1192" s="10"/>
      <c r="JIC1192" s="10"/>
      <c r="JID1192" s="10"/>
      <c r="JIE1192" s="10"/>
      <c r="JIF1192" s="10"/>
      <c r="JIG1192" s="10"/>
      <c r="JIH1192" s="10"/>
      <c r="JII1192" s="10"/>
      <c r="JIJ1192" s="10"/>
      <c r="JIK1192" s="10"/>
      <c r="JIL1192" s="10"/>
      <c r="JIM1192" s="10"/>
      <c r="JIN1192" s="10"/>
      <c r="JIO1192" s="10"/>
      <c r="JIP1192" s="10"/>
      <c r="JIQ1192" s="10"/>
      <c r="JIR1192" s="10"/>
      <c r="JIS1192" s="10"/>
      <c r="JIT1192" s="10"/>
      <c r="JIU1192" s="10"/>
      <c r="JIV1192" s="10"/>
      <c r="JIW1192" s="10"/>
      <c r="JIX1192" s="10"/>
      <c r="JIY1192" s="10"/>
      <c r="JIZ1192" s="10"/>
      <c r="JJA1192" s="10"/>
      <c r="JJB1192" s="10"/>
      <c r="JJC1192" s="10"/>
      <c r="JJD1192" s="10"/>
      <c r="JJE1192" s="10"/>
      <c r="JJF1192" s="10"/>
      <c r="JJG1192" s="10"/>
      <c r="JJH1192" s="10"/>
      <c r="JJI1192" s="10"/>
      <c r="JJJ1192" s="10"/>
      <c r="JJK1192" s="10"/>
      <c r="JJL1192" s="10"/>
      <c r="JJM1192" s="10"/>
      <c r="JJN1192" s="10"/>
      <c r="JJO1192" s="10"/>
      <c r="JJP1192" s="10"/>
      <c r="JJQ1192" s="10"/>
      <c r="JJR1192" s="10"/>
      <c r="JJS1192" s="10"/>
      <c r="JJT1192" s="10"/>
      <c r="JJU1192" s="10"/>
      <c r="JJV1192" s="10"/>
      <c r="JJW1192" s="10"/>
      <c r="JJX1192" s="10"/>
      <c r="JJY1192" s="10"/>
      <c r="JJZ1192" s="10"/>
      <c r="JKA1192" s="10"/>
      <c r="JKB1192" s="10"/>
      <c r="JKC1192" s="10"/>
      <c r="JKD1192" s="10"/>
      <c r="JKE1192" s="10"/>
      <c r="JKF1192" s="10"/>
      <c r="JKG1192" s="10"/>
      <c r="JKH1192" s="10"/>
      <c r="JKI1192" s="10"/>
      <c r="JKJ1192" s="10"/>
      <c r="JKK1192" s="10"/>
      <c r="JKL1192" s="10"/>
      <c r="JKM1192" s="10"/>
      <c r="JKN1192" s="10"/>
      <c r="JKO1192" s="10"/>
      <c r="JKP1192" s="10"/>
      <c r="JKQ1192" s="10"/>
      <c r="JKR1192" s="10"/>
      <c r="JKS1192" s="10"/>
      <c r="JKT1192" s="10"/>
      <c r="JKU1192" s="10"/>
      <c r="JKV1192" s="10"/>
      <c r="JKW1192" s="10"/>
      <c r="JKX1192" s="10"/>
      <c r="JKY1192" s="10"/>
      <c r="JKZ1192" s="10"/>
      <c r="JLA1192" s="10"/>
      <c r="JLB1192" s="10"/>
      <c r="JLC1192" s="10"/>
      <c r="JLD1192" s="10"/>
      <c r="JLE1192" s="10"/>
      <c r="JLF1192" s="10"/>
      <c r="JLG1192" s="10"/>
      <c r="JLH1192" s="10"/>
      <c r="JLI1192" s="10"/>
      <c r="JLJ1192" s="10"/>
      <c r="JLK1192" s="10"/>
      <c r="JLL1192" s="10"/>
      <c r="JLM1192" s="10"/>
      <c r="JLN1192" s="10"/>
      <c r="JLO1192" s="10"/>
      <c r="JLP1192" s="10"/>
      <c r="JLQ1192" s="10"/>
      <c r="JLR1192" s="10"/>
      <c r="JLS1192" s="10"/>
      <c r="JLT1192" s="10"/>
      <c r="JLU1192" s="10"/>
      <c r="JLV1192" s="10"/>
      <c r="JLW1192" s="10"/>
      <c r="JLX1192" s="10"/>
      <c r="JLY1192" s="10"/>
      <c r="JLZ1192" s="10"/>
      <c r="JMA1192" s="10"/>
      <c r="JMB1192" s="10"/>
      <c r="JMC1192" s="10"/>
      <c r="JMD1192" s="10"/>
      <c r="JME1192" s="10"/>
      <c r="JMF1192" s="10"/>
      <c r="JMG1192" s="10"/>
      <c r="JMH1192" s="10"/>
      <c r="JMI1192" s="10"/>
      <c r="JMJ1192" s="10"/>
      <c r="JMK1192" s="10"/>
      <c r="JML1192" s="10"/>
      <c r="JMM1192" s="10"/>
      <c r="JMN1192" s="10"/>
      <c r="JMO1192" s="10"/>
      <c r="JMP1192" s="10"/>
      <c r="JMQ1192" s="10"/>
      <c r="JMR1192" s="10"/>
      <c r="JMS1192" s="10"/>
      <c r="JMT1192" s="10"/>
      <c r="JMU1192" s="10"/>
      <c r="JMV1192" s="10"/>
      <c r="JMW1192" s="10"/>
      <c r="JMX1192" s="10"/>
      <c r="JMY1192" s="10"/>
      <c r="JMZ1192" s="10"/>
      <c r="JNA1192" s="10"/>
      <c r="JNB1192" s="10"/>
      <c r="JNC1192" s="10"/>
      <c r="JND1192" s="10"/>
      <c r="JNE1192" s="10"/>
      <c r="JNF1192" s="10"/>
      <c r="JNG1192" s="10"/>
      <c r="JNH1192" s="10"/>
      <c r="JNI1192" s="10"/>
      <c r="JNJ1192" s="10"/>
      <c r="JNK1192" s="10"/>
      <c r="JNL1192" s="10"/>
      <c r="JNM1192" s="10"/>
      <c r="JNN1192" s="10"/>
      <c r="JNO1192" s="10"/>
      <c r="JNP1192" s="10"/>
      <c r="JNQ1192" s="10"/>
      <c r="JNR1192" s="10"/>
      <c r="JNS1192" s="10"/>
      <c r="JNT1192" s="10"/>
      <c r="JNU1192" s="10"/>
      <c r="JNV1192" s="10"/>
      <c r="JNW1192" s="10"/>
      <c r="JNX1192" s="10"/>
      <c r="JNY1192" s="10"/>
      <c r="JNZ1192" s="10"/>
      <c r="JOA1192" s="10"/>
      <c r="JOB1192" s="10"/>
      <c r="JOC1192" s="10"/>
      <c r="JOD1192" s="10"/>
      <c r="JOE1192" s="10"/>
      <c r="JOF1192" s="10"/>
      <c r="JOG1192" s="10"/>
      <c r="JOH1192" s="10"/>
      <c r="JOI1192" s="10"/>
      <c r="JOJ1192" s="10"/>
      <c r="JOK1192" s="10"/>
      <c r="JOL1192" s="10"/>
      <c r="JOM1192" s="10"/>
      <c r="JON1192" s="10"/>
      <c r="JOO1192" s="10"/>
      <c r="JOP1192" s="10"/>
      <c r="JOQ1192" s="10"/>
      <c r="JOR1192" s="10"/>
      <c r="JOS1192" s="10"/>
      <c r="JOT1192" s="10"/>
      <c r="JOU1192" s="10"/>
      <c r="JOV1192" s="10"/>
      <c r="JOW1192" s="10"/>
      <c r="JOX1192" s="10"/>
      <c r="JOY1192" s="10"/>
      <c r="JOZ1192" s="10"/>
      <c r="JPA1192" s="10"/>
      <c r="JPB1192" s="10"/>
      <c r="JPC1192" s="10"/>
      <c r="JPD1192" s="10"/>
      <c r="JPE1192" s="10"/>
      <c r="JPF1192" s="10"/>
      <c r="JPG1192" s="10"/>
      <c r="JPH1192" s="10"/>
      <c r="JPI1192" s="10"/>
      <c r="JPJ1192" s="10"/>
      <c r="JPK1192" s="10"/>
      <c r="JPL1192" s="10"/>
      <c r="JPM1192" s="10"/>
      <c r="JPN1192" s="10"/>
      <c r="JPO1192" s="10"/>
      <c r="JPP1192" s="10"/>
      <c r="JPQ1192" s="10"/>
      <c r="JPR1192" s="10"/>
      <c r="JPS1192" s="10"/>
      <c r="JPT1192" s="10"/>
      <c r="JPU1192" s="10"/>
      <c r="JPV1192" s="10"/>
      <c r="JPW1192" s="10"/>
      <c r="JPX1192" s="10"/>
      <c r="JPY1192" s="10"/>
      <c r="JPZ1192" s="10"/>
      <c r="JQA1192" s="10"/>
      <c r="JQB1192" s="10"/>
      <c r="JQC1192" s="10"/>
      <c r="JQD1192" s="10"/>
      <c r="JQE1192" s="10"/>
      <c r="JQF1192" s="10"/>
      <c r="JQG1192" s="10"/>
      <c r="JQH1192" s="10"/>
      <c r="JQI1192" s="10"/>
      <c r="JQJ1192" s="10"/>
      <c r="JQK1192" s="10"/>
      <c r="JQL1192" s="10"/>
      <c r="JQM1192" s="10"/>
      <c r="JQN1192" s="10"/>
      <c r="JQO1192" s="10"/>
      <c r="JQP1192" s="10"/>
      <c r="JQQ1192" s="10"/>
      <c r="JQR1192" s="10"/>
      <c r="JQS1192" s="10"/>
      <c r="JQT1192" s="10"/>
      <c r="JQU1192" s="10"/>
      <c r="JQV1192" s="10"/>
      <c r="JQW1192" s="10"/>
      <c r="JQX1192" s="10"/>
      <c r="JQY1192" s="10"/>
      <c r="JQZ1192" s="10"/>
      <c r="JRA1192" s="10"/>
      <c r="JRB1192" s="10"/>
      <c r="JRC1192" s="10"/>
      <c r="JRD1192" s="10"/>
      <c r="JRE1192" s="10"/>
      <c r="JRF1192" s="10"/>
      <c r="JRG1192" s="10"/>
      <c r="JRH1192" s="10"/>
      <c r="JRI1192" s="10"/>
      <c r="JRJ1192" s="10"/>
      <c r="JRK1192" s="10"/>
      <c r="JRL1192" s="10"/>
      <c r="JRM1192" s="10"/>
      <c r="JRN1192" s="10"/>
      <c r="JRO1192" s="10"/>
      <c r="JRP1192" s="10"/>
      <c r="JRQ1192" s="10"/>
      <c r="JRR1192" s="10"/>
      <c r="JRS1192" s="10"/>
      <c r="JRT1192" s="10"/>
      <c r="JRU1192" s="10"/>
      <c r="JRV1192" s="10"/>
      <c r="JRW1192" s="10"/>
      <c r="JRX1192" s="10"/>
      <c r="JRY1192" s="10"/>
      <c r="JRZ1192" s="10"/>
      <c r="JSA1192" s="10"/>
      <c r="JSB1192" s="10"/>
      <c r="JSC1192" s="10"/>
      <c r="JSD1192" s="10"/>
      <c r="JSE1192" s="10"/>
      <c r="JSF1192" s="10"/>
      <c r="JSG1192" s="10"/>
      <c r="JSH1192" s="10"/>
      <c r="JSI1192" s="10"/>
      <c r="JSJ1192" s="10"/>
      <c r="JSK1192" s="10"/>
      <c r="JSL1192" s="10"/>
      <c r="JSM1192" s="10"/>
      <c r="JSN1192" s="10"/>
      <c r="JSO1192" s="10"/>
      <c r="JSP1192" s="10"/>
      <c r="JSQ1192" s="10"/>
      <c r="JSR1192" s="10"/>
      <c r="JSS1192" s="10"/>
      <c r="JST1192" s="10"/>
      <c r="JSU1192" s="10"/>
      <c r="JSV1192" s="10"/>
      <c r="JSW1192" s="10"/>
      <c r="JSX1192" s="10"/>
      <c r="JSY1192" s="10"/>
      <c r="JSZ1192" s="10"/>
      <c r="JTA1192" s="10"/>
      <c r="JTB1192" s="10"/>
      <c r="JTC1192" s="10"/>
      <c r="JTD1192" s="10"/>
      <c r="JTE1192" s="10"/>
      <c r="JTF1192" s="10"/>
      <c r="JTG1192" s="10"/>
      <c r="JTH1192" s="10"/>
      <c r="JTI1192" s="10"/>
      <c r="JTJ1192" s="10"/>
      <c r="JTK1192" s="10"/>
      <c r="JTL1192" s="10"/>
      <c r="JTM1192" s="10"/>
      <c r="JTN1192" s="10"/>
      <c r="JTO1192" s="10"/>
      <c r="JTP1192" s="10"/>
      <c r="JTQ1192" s="10"/>
      <c r="JTR1192" s="10"/>
      <c r="JTS1192" s="10"/>
      <c r="JTT1192" s="10"/>
      <c r="JTU1192" s="10"/>
      <c r="JTV1192" s="10"/>
      <c r="JTW1192" s="10"/>
      <c r="JTX1192" s="10"/>
      <c r="JTY1192" s="10"/>
      <c r="JTZ1192" s="10"/>
      <c r="JUA1192" s="10"/>
      <c r="JUB1192" s="10"/>
      <c r="JUC1192" s="10"/>
      <c r="JUD1192" s="10"/>
      <c r="JUE1192" s="10"/>
      <c r="JUF1192" s="10"/>
      <c r="JUG1192" s="10"/>
      <c r="JUH1192" s="10"/>
      <c r="JUI1192" s="10"/>
      <c r="JUJ1192" s="10"/>
      <c r="JUK1192" s="10"/>
      <c r="JUL1192" s="10"/>
      <c r="JUM1192" s="10"/>
      <c r="JUN1192" s="10"/>
      <c r="JUO1192" s="10"/>
      <c r="JUP1192" s="10"/>
      <c r="JUQ1192" s="10"/>
      <c r="JUR1192" s="10"/>
      <c r="JUS1192" s="10"/>
      <c r="JUT1192" s="10"/>
      <c r="JUU1192" s="10"/>
      <c r="JUV1192" s="10"/>
      <c r="JUW1192" s="10"/>
      <c r="JUX1192" s="10"/>
      <c r="JUY1192" s="10"/>
      <c r="JUZ1192" s="10"/>
      <c r="JVA1192" s="10"/>
      <c r="JVB1192" s="10"/>
      <c r="JVC1192" s="10"/>
      <c r="JVD1192" s="10"/>
      <c r="JVE1192" s="10"/>
      <c r="JVF1192" s="10"/>
      <c r="JVG1192" s="10"/>
      <c r="JVH1192" s="10"/>
      <c r="JVI1192" s="10"/>
      <c r="JVJ1192" s="10"/>
      <c r="JVK1192" s="10"/>
      <c r="JVL1192" s="10"/>
      <c r="JVM1192" s="10"/>
      <c r="JVN1192" s="10"/>
      <c r="JVO1192" s="10"/>
      <c r="JVP1192" s="10"/>
      <c r="JVQ1192" s="10"/>
      <c r="JVR1192" s="10"/>
      <c r="JVS1192" s="10"/>
      <c r="JVT1192" s="10"/>
      <c r="JVU1192" s="10"/>
      <c r="JVV1192" s="10"/>
      <c r="JVW1192" s="10"/>
      <c r="JVX1192" s="10"/>
      <c r="JVY1192" s="10"/>
      <c r="JVZ1192" s="10"/>
      <c r="JWA1192" s="10"/>
      <c r="JWB1192" s="10"/>
      <c r="JWC1192" s="10"/>
      <c r="JWD1192" s="10"/>
      <c r="JWE1192" s="10"/>
      <c r="JWF1192" s="10"/>
      <c r="JWG1192" s="10"/>
      <c r="JWH1192" s="10"/>
      <c r="JWI1192" s="10"/>
      <c r="JWJ1192" s="10"/>
      <c r="JWK1192" s="10"/>
      <c r="JWL1192" s="10"/>
      <c r="JWM1192" s="10"/>
      <c r="JWN1192" s="10"/>
      <c r="JWO1192" s="10"/>
      <c r="JWP1192" s="10"/>
      <c r="JWQ1192" s="10"/>
      <c r="JWR1192" s="10"/>
      <c r="JWS1192" s="10"/>
      <c r="JWT1192" s="10"/>
      <c r="JWU1192" s="10"/>
      <c r="JWV1192" s="10"/>
      <c r="JWW1192" s="10"/>
      <c r="JWX1192" s="10"/>
      <c r="JWY1192" s="10"/>
      <c r="JWZ1192" s="10"/>
      <c r="JXA1192" s="10"/>
      <c r="JXB1192" s="10"/>
      <c r="JXC1192" s="10"/>
      <c r="JXD1192" s="10"/>
      <c r="JXE1192" s="10"/>
      <c r="JXF1192" s="10"/>
      <c r="JXG1192" s="10"/>
      <c r="JXH1192" s="10"/>
      <c r="JXI1192" s="10"/>
      <c r="JXJ1192" s="10"/>
      <c r="JXK1192" s="10"/>
      <c r="JXL1192" s="10"/>
      <c r="JXM1192" s="10"/>
      <c r="JXN1192" s="10"/>
      <c r="JXO1192" s="10"/>
      <c r="JXP1192" s="10"/>
      <c r="JXQ1192" s="10"/>
      <c r="JXR1192" s="10"/>
      <c r="JXS1192" s="10"/>
      <c r="JXT1192" s="10"/>
      <c r="JXU1192" s="10"/>
      <c r="JXV1192" s="10"/>
      <c r="JXW1192" s="10"/>
      <c r="JXX1192" s="10"/>
      <c r="JXY1192" s="10"/>
      <c r="JXZ1192" s="10"/>
      <c r="JYA1192" s="10"/>
      <c r="JYB1192" s="10"/>
      <c r="JYC1192" s="10"/>
      <c r="JYD1192" s="10"/>
      <c r="JYE1192" s="10"/>
      <c r="JYF1192" s="10"/>
      <c r="JYG1192" s="10"/>
      <c r="JYH1192" s="10"/>
      <c r="JYI1192" s="10"/>
      <c r="JYJ1192" s="10"/>
      <c r="JYK1192" s="10"/>
      <c r="JYL1192" s="10"/>
      <c r="JYM1192" s="10"/>
      <c r="JYN1192" s="10"/>
      <c r="JYO1192" s="10"/>
      <c r="JYP1192" s="10"/>
      <c r="JYQ1192" s="10"/>
      <c r="JYR1192" s="10"/>
      <c r="JYS1192" s="10"/>
      <c r="JYT1192" s="10"/>
      <c r="JYU1192" s="10"/>
      <c r="JYV1192" s="10"/>
      <c r="JYW1192" s="10"/>
      <c r="JYX1192" s="10"/>
      <c r="JYY1192" s="10"/>
      <c r="JYZ1192" s="10"/>
      <c r="JZA1192" s="10"/>
      <c r="JZB1192" s="10"/>
      <c r="JZC1192" s="10"/>
      <c r="JZD1192" s="10"/>
      <c r="JZE1192" s="10"/>
      <c r="JZF1192" s="10"/>
      <c r="JZG1192" s="10"/>
      <c r="JZH1192" s="10"/>
      <c r="JZI1192" s="10"/>
      <c r="JZJ1192" s="10"/>
      <c r="JZK1192" s="10"/>
      <c r="JZL1192" s="10"/>
      <c r="JZM1192" s="10"/>
      <c r="JZN1192" s="10"/>
      <c r="JZO1192" s="10"/>
      <c r="JZP1192" s="10"/>
      <c r="JZQ1192" s="10"/>
      <c r="JZR1192" s="10"/>
      <c r="JZS1192" s="10"/>
      <c r="JZT1192" s="10"/>
      <c r="JZU1192" s="10"/>
      <c r="JZV1192" s="10"/>
      <c r="JZW1192" s="10"/>
      <c r="JZX1192" s="10"/>
      <c r="JZY1192" s="10"/>
      <c r="JZZ1192" s="10"/>
      <c r="KAA1192" s="10"/>
      <c r="KAB1192" s="10"/>
      <c r="KAC1192" s="10"/>
      <c r="KAD1192" s="10"/>
      <c r="KAE1192" s="10"/>
      <c r="KAF1192" s="10"/>
      <c r="KAG1192" s="10"/>
      <c r="KAH1192" s="10"/>
      <c r="KAI1192" s="10"/>
      <c r="KAJ1192" s="10"/>
      <c r="KAK1192" s="10"/>
      <c r="KAL1192" s="10"/>
      <c r="KAM1192" s="10"/>
      <c r="KAN1192" s="10"/>
      <c r="KAO1192" s="10"/>
      <c r="KAP1192" s="10"/>
      <c r="KAQ1192" s="10"/>
      <c r="KAR1192" s="10"/>
      <c r="KAS1192" s="10"/>
      <c r="KAT1192" s="10"/>
      <c r="KAU1192" s="10"/>
      <c r="KAV1192" s="10"/>
      <c r="KAW1192" s="10"/>
      <c r="KAX1192" s="10"/>
      <c r="KAY1192" s="10"/>
      <c r="KAZ1192" s="10"/>
      <c r="KBA1192" s="10"/>
      <c r="KBB1192" s="10"/>
      <c r="KBC1192" s="10"/>
      <c r="KBD1192" s="10"/>
      <c r="KBE1192" s="10"/>
      <c r="KBF1192" s="10"/>
      <c r="KBG1192" s="10"/>
      <c r="KBH1192" s="10"/>
      <c r="KBI1192" s="10"/>
      <c r="KBJ1192" s="10"/>
      <c r="KBK1192" s="10"/>
      <c r="KBL1192" s="10"/>
      <c r="KBM1192" s="10"/>
      <c r="KBN1192" s="10"/>
      <c r="KBO1192" s="10"/>
      <c r="KBP1192" s="10"/>
      <c r="KBQ1192" s="10"/>
      <c r="KBR1192" s="10"/>
      <c r="KBS1192" s="10"/>
      <c r="KBT1192" s="10"/>
      <c r="KBU1192" s="10"/>
      <c r="KBV1192" s="10"/>
      <c r="KBW1192" s="10"/>
      <c r="KBX1192" s="10"/>
      <c r="KBY1192" s="10"/>
      <c r="KBZ1192" s="10"/>
      <c r="KCA1192" s="10"/>
      <c r="KCB1192" s="10"/>
      <c r="KCC1192" s="10"/>
      <c r="KCD1192" s="10"/>
      <c r="KCE1192" s="10"/>
      <c r="KCF1192" s="10"/>
      <c r="KCG1192" s="10"/>
      <c r="KCH1192" s="10"/>
      <c r="KCI1192" s="10"/>
      <c r="KCJ1192" s="10"/>
      <c r="KCK1192" s="10"/>
      <c r="KCL1192" s="10"/>
      <c r="KCM1192" s="10"/>
      <c r="KCN1192" s="10"/>
      <c r="KCO1192" s="10"/>
      <c r="KCP1192" s="10"/>
      <c r="KCQ1192" s="10"/>
      <c r="KCR1192" s="10"/>
      <c r="KCS1192" s="10"/>
      <c r="KCT1192" s="10"/>
      <c r="KCU1192" s="10"/>
      <c r="KCV1192" s="10"/>
      <c r="KCW1192" s="10"/>
      <c r="KCX1192" s="10"/>
      <c r="KCY1192" s="10"/>
      <c r="KCZ1192" s="10"/>
      <c r="KDA1192" s="10"/>
      <c r="KDB1192" s="10"/>
      <c r="KDC1192" s="10"/>
      <c r="KDD1192" s="10"/>
      <c r="KDE1192" s="10"/>
      <c r="KDF1192" s="10"/>
      <c r="KDG1192" s="10"/>
      <c r="KDH1192" s="10"/>
      <c r="KDI1192" s="10"/>
      <c r="KDJ1192" s="10"/>
      <c r="KDK1192" s="10"/>
      <c r="KDL1192" s="10"/>
      <c r="KDM1192" s="10"/>
      <c r="KDN1192" s="10"/>
      <c r="KDO1192" s="10"/>
      <c r="KDP1192" s="10"/>
      <c r="KDQ1192" s="10"/>
      <c r="KDR1192" s="10"/>
      <c r="KDS1192" s="10"/>
      <c r="KDT1192" s="10"/>
      <c r="KDU1192" s="10"/>
      <c r="KDV1192" s="10"/>
      <c r="KDW1192" s="10"/>
      <c r="KDX1192" s="10"/>
      <c r="KDY1192" s="10"/>
      <c r="KDZ1192" s="10"/>
      <c r="KEA1192" s="10"/>
      <c r="KEB1192" s="10"/>
      <c r="KEC1192" s="10"/>
      <c r="KED1192" s="10"/>
      <c r="KEE1192" s="10"/>
      <c r="KEF1192" s="10"/>
      <c r="KEG1192" s="10"/>
      <c r="KEH1192" s="10"/>
      <c r="KEI1192" s="10"/>
      <c r="KEJ1192" s="10"/>
      <c r="KEK1192" s="10"/>
      <c r="KEL1192" s="10"/>
      <c r="KEM1192" s="10"/>
      <c r="KEN1192" s="10"/>
      <c r="KEO1192" s="10"/>
      <c r="KEP1192" s="10"/>
      <c r="KEQ1192" s="10"/>
      <c r="KER1192" s="10"/>
      <c r="KES1192" s="10"/>
      <c r="KET1192" s="10"/>
      <c r="KEU1192" s="10"/>
      <c r="KEV1192" s="10"/>
      <c r="KEW1192" s="10"/>
      <c r="KEX1192" s="10"/>
      <c r="KEY1192" s="10"/>
      <c r="KEZ1192" s="10"/>
      <c r="KFA1192" s="10"/>
      <c r="KFB1192" s="10"/>
      <c r="KFC1192" s="10"/>
      <c r="KFD1192" s="10"/>
      <c r="KFE1192" s="10"/>
      <c r="KFF1192" s="10"/>
      <c r="KFG1192" s="10"/>
      <c r="KFH1192" s="10"/>
      <c r="KFI1192" s="10"/>
      <c r="KFJ1192" s="10"/>
      <c r="KFK1192" s="10"/>
      <c r="KFL1192" s="10"/>
      <c r="KFM1192" s="10"/>
      <c r="KFN1192" s="10"/>
      <c r="KFO1192" s="10"/>
      <c r="KFP1192" s="10"/>
      <c r="KFQ1192" s="10"/>
      <c r="KFR1192" s="10"/>
      <c r="KFS1192" s="10"/>
      <c r="KFT1192" s="10"/>
      <c r="KFU1192" s="10"/>
      <c r="KFV1192" s="10"/>
      <c r="KFW1192" s="10"/>
      <c r="KFX1192" s="10"/>
      <c r="KFY1192" s="10"/>
      <c r="KFZ1192" s="10"/>
      <c r="KGA1192" s="10"/>
      <c r="KGB1192" s="10"/>
      <c r="KGC1192" s="10"/>
      <c r="KGD1192" s="10"/>
      <c r="KGE1192" s="10"/>
      <c r="KGF1192" s="10"/>
      <c r="KGG1192" s="10"/>
      <c r="KGH1192" s="10"/>
      <c r="KGI1192" s="10"/>
      <c r="KGJ1192" s="10"/>
      <c r="KGK1192" s="10"/>
      <c r="KGL1192" s="10"/>
      <c r="KGM1192" s="10"/>
      <c r="KGN1192" s="10"/>
      <c r="KGO1192" s="10"/>
      <c r="KGP1192" s="10"/>
      <c r="KGQ1192" s="10"/>
      <c r="KGR1192" s="10"/>
      <c r="KGS1192" s="10"/>
      <c r="KGT1192" s="10"/>
      <c r="KGU1192" s="10"/>
      <c r="KGV1192" s="10"/>
      <c r="KGW1192" s="10"/>
      <c r="KGX1192" s="10"/>
      <c r="KGY1192" s="10"/>
      <c r="KGZ1192" s="10"/>
      <c r="KHA1192" s="10"/>
      <c r="KHB1192" s="10"/>
      <c r="KHC1192" s="10"/>
      <c r="KHD1192" s="10"/>
      <c r="KHE1192" s="10"/>
      <c r="KHF1192" s="10"/>
      <c r="KHG1192" s="10"/>
      <c r="KHH1192" s="10"/>
      <c r="KHI1192" s="10"/>
      <c r="KHJ1192" s="10"/>
      <c r="KHK1192" s="10"/>
      <c r="KHL1192" s="10"/>
      <c r="KHM1192" s="10"/>
      <c r="KHN1192" s="10"/>
      <c r="KHO1192" s="10"/>
      <c r="KHP1192" s="10"/>
      <c r="KHQ1192" s="10"/>
      <c r="KHR1192" s="10"/>
      <c r="KHS1192" s="10"/>
      <c r="KHT1192" s="10"/>
      <c r="KHU1192" s="10"/>
      <c r="KHV1192" s="10"/>
      <c r="KHW1192" s="10"/>
      <c r="KHX1192" s="10"/>
      <c r="KHY1192" s="10"/>
      <c r="KHZ1192" s="10"/>
      <c r="KIA1192" s="10"/>
      <c r="KIB1192" s="10"/>
      <c r="KIC1192" s="10"/>
      <c r="KID1192" s="10"/>
      <c r="KIE1192" s="10"/>
      <c r="KIF1192" s="10"/>
      <c r="KIG1192" s="10"/>
      <c r="KIH1192" s="10"/>
      <c r="KII1192" s="10"/>
      <c r="KIJ1192" s="10"/>
      <c r="KIK1192" s="10"/>
      <c r="KIL1192" s="10"/>
      <c r="KIM1192" s="10"/>
      <c r="KIN1192" s="10"/>
      <c r="KIO1192" s="10"/>
      <c r="KIP1192" s="10"/>
      <c r="KIQ1192" s="10"/>
      <c r="KIR1192" s="10"/>
      <c r="KIS1192" s="10"/>
      <c r="KIT1192" s="10"/>
      <c r="KIU1192" s="10"/>
      <c r="KIV1192" s="10"/>
      <c r="KIW1192" s="10"/>
      <c r="KIX1192" s="10"/>
      <c r="KIY1192" s="10"/>
      <c r="KIZ1192" s="10"/>
      <c r="KJA1192" s="10"/>
      <c r="KJB1192" s="10"/>
      <c r="KJC1192" s="10"/>
      <c r="KJD1192" s="10"/>
      <c r="KJE1192" s="10"/>
      <c r="KJF1192" s="10"/>
      <c r="KJG1192" s="10"/>
      <c r="KJH1192" s="10"/>
      <c r="KJI1192" s="10"/>
      <c r="KJJ1192" s="10"/>
      <c r="KJK1192" s="10"/>
      <c r="KJL1192" s="10"/>
      <c r="KJM1192" s="10"/>
      <c r="KJN1192" s="10"/>
      <c r="KJO1192" s="10"/>
      <c r="KJP1192" s="10"/>
      <c r="KJQ1192" s="10"/>
      <c r="KJR1192" s="10"/>
      <c r="KJS1192" s="10"/>
      <c r="KJT1192" s="10"/>
      <c r="KJU1192" s="10"/>
      <c r="KJV1192" s="10"/>
      <c r="KJW1192" s="10"/>
      <c r="KJX1192" s="10"/>
      <c r="KJY1192" s="10"/>
      <c r="KJZ1192" s="10"/>
      <c r="KKA1192" s="10"/>
      <c r="KKB1192" s="10"/>
      <c r="KKC1192" s="10"/>
      <c r="KKD1192" s="10"/>
      <c r="KKE1192" s="10"/>
      <c r="KKF1192" s="10"/>
      <c r="KKG1192" s="10"/>
      <c r="KKH1192" s="10"/>
      <c r="KKI1192" s="10"/>
      <c r="KKJ1192" s="10"/>
      <c r="KKK1192" s="10"/>
      <c r="KKL1192" s="10"/>
      <c r="KKM1192" s="10"/>
      <c r="KKN1192" s="10"/>
      <c r="KKO1192" s="10"/>
      <c r="KKP1192" s="10"/>
      <c r="KKQ1192" s="10"/>
      <c r="KKR1192" s="10"/>
      <c r="KKS1192" s="10"/>
      <c r="KKT1192" s="10"/>
      <c r="KKU1192" s="10"/>
      <c r="KKV1192" s="10"/>
      <c r="KKW1192" s="10"/>
      <c r="KKX1192" s="10"/>
      <c r="KKY1192" s="10"/>
      <c r="KKZ1192" s="10"/>
      <c r="KLA1192" s="10"/>
      <c r="KLB1192" s="10"/>
      <c r="KLC1192" s="10"/>
      <c r="KLD1192" s="10"/>
      <c r="KLE1192" s="10"/>
      <c r="KLF1192" s="10"/>
      <c r="KLG1192" s="10"/>
      <c r="KLH1192" s="10"/>
      <c r="KLI1192" s="10"/>
      <c r="KLJ1192" s="10"/>
      <c r="KLK1192" s="10"/>
      <c r="KLL1192" s="10"/>
      <c r="KLM1192" s="10"/>
      <c r="KLN1192" s="10"/>
      <c r="KLO1192" s="10"/>
      <c r="KLP1192" s="10"/>
      <c r="KLQ1192" s="10"/>
      <c r="KLR1192" s="10"/>
      <c r="KLS1192" s="10"/>
      <c r="KLT1192" s="10"/>
      <c r="KLU1192" s="10"/>
      <c r="KLV1192" s="10"/>
      <c r="KLW1192" s="10"/>
      <c r="KLX1192" s="10"/>
      <c r="KLY1192" s="10"/>
      <c r="KLZ1192" s="10"/>
      <c r="KMA1192" s="10"/>
      <c r="KMB1192" s="10"/>
      <c r="KMC1192" s="10"/>
      <c r="KMD1192" s="10"/>
      <c r="KME1192" s="10"/>
      <c r="KMF1192" s="10"/>
      <c r="KMG1192" s="10"/>
      <c r="KMH1192" s="10"/>
      <c r="KMI1192" s="10"/>
      <c r="KMJ1192" s="10"/>
      <c r="KMK1192" s="10"/>
      <c r="KML1192" s="10"/>
      <c r="KMM1192" s="10"/>
      <c r="KMN1192" s="10"/>
      <c r="KMO1192" s="10"/>
      <c r="KMP1192" s="10"/>
      <c r="KMQ1192" s="10"/>
      <c r="KMR1192" s="10"/>
      <c r="KMS1192" s="10"/>
      <c r="KMT1192" s="10"/>
      <c r="KMU1192" s="10"/>
      <c r="KMV1192" s="10"/>
      <c r="KMW1192" s="10"/>
      <c r="KMX1192" s="10"/>
      <c r="KMY1192" s="10"/>
      <c r="KMZ1192" s="10"/>
      <c r="KNA1192" s="10"/>
      <c r="KNB1192" s="10"/>
      <c r="KNC1192" s="10"/>
      <c r="KND1192" s="10"/>
      <c r="KNE1192" s="10"/>
      <c r="KNF1192" s="10"/>
      <c r="KNG1192" s="10"/>
      <c r="KNH1192" s="10"/>
      <c r="KNI1192" s="10"/>
      <c r="KNJ1192" s="10"/>
      <c r="KNK1192" s="10"/>
      <c r="KNL1192" s="10"/>
      <c r="KNM1192" s="10"/>
      <c r="KNN1192" s="10"/>
      <c r="KNO1192" s="10"/>
      <c r="KNP1192" s="10"/>
      <c r="KNQ1192" s="10"/>
      <c r="KNR1192" s="10"/>
      <c r="KNS1192" s="10"/>
      <c r="KNT1192" s="10"/>
      <c r="KNU1192" s="10"/>
      <c r="KNV1192" s="10"/>
      <c r="KNW1192" s="10"/>
      <c r="KNX1192" s="10"/>
      <c r="KNY1192" s="10"/>
      <c r="KNZ1192" s="10"/>
      <c r="KOA1192" s="10"/>
      <c r="KOB1192" s="10"/>
      <c r="KOC1192" s="10"/>
      <c r="KOD1192" s="10"/>
      <c r="KOE1192" s="10"/>
      <c r="KOF1192" s="10"/>
      <c r="KOG1192" s="10"/>
      <c r="KOH1192" s="10"/>
      <c r="KOI1192" s="10"/>
      <c r="KOJ1192" s="10"/>
      <c r="KOK1192" s="10"/>
      <c r="KOL1192" s="10"/>
      <c r="KOM1192" s="10"/>
      <c r="KON1192" s="10"/>
      <c r="KOO1192" s="10"/>
      <c r="KOP1192" s="10"/>
      <c r="KOQ1192" s="10"/>
      <c r="KOR1192" s="10"/>
      <c r="KOS1192" s="10"/>
      <c r="KOT1192" s="10"/>
      <c r="KOU1192" s="10"/>
      <c r="KOV1192" s="10"/>
      <c r="KOW1192" s="10"/>
      <c r="KOX1192" s="10"/>
      <c r="KOY1192" s="10"/>
      <c r="KOZ1192" s="10"/>
      <c r="KPA1192" s="10"/>
      <c r="KPB1192" s="10"/>
      <c r="KPC1192" s="10"/>
      <c r="KPD1192" s="10"/>
      <c r="KPE1192" s="10"/>
      <c r="KPF1192" s="10"/>
      <c r="KPG1192" s="10"/>
      <c r="KPH1192" s="10"/>
      <c r="KPI1192" s="10"/>
      <c r="KPJ1192" s="10"/>
      <c r="KPK1192" s="10"/>
      <c r="KPL1192" s="10"/>
      <c r="KPM1192" s="10"/>
      <c r="KPN1192" s="10"/>
      <c r="KPO1192" s="10"/>
      <c r="KPP1192" s="10"/>
      <c r="KPQ1192" s="10"/>
      <c r="KPR1192" s="10"/>
      <c r="KPS1192" s="10"/>
      <c r="KPT1192" s="10"/>
      <c r="KPU1192" s="10"/>
      <c r="KPV1192" s="10"/>
      <c r="KPW1192" s="10"/>
      <c r="KPX1192" s="10"/>
      <c r="KPY1192" s="10"/>
      <c r="KPZ1192" s="10"/>
      <c r="KQA1192" s="10"/>
      <c r="KQB1192" s="10"/>
      <c r="KQC1192" s="10"/>
      <c r="KQD1192" s="10"/>
      <c r="KQE1192" s="10"/>
      <c r="KQF1192" s="10"/>
      <c r="KQG1192" s="10"/>
      <c r="KQH1192" s="10"/>
      <c r="KQI1192" s="10"/>
      <c r="KQJ1192" s="10"/>
      <c r="KQK1192" s="10"/>
      <c r="KQL1192" s="10"/>
      <c r="KQM1192" s="10"/>
      <c r="KQN1192" s="10"/>
      <c r="KQO1192" s="10"/>
      <c r="KQP1192" s="10"/>
      <c r="KQQ1192" s="10"/>
      <c r="KQR1192" s="10"/>
      <c r="KQS1192" s="10"/>
      <c r="KQT1192" s="10"/>
      <c r="KQU1192" s="10"/>
      <c r="KQV1192" s="10"/>
      <c r="KQW1192" s="10"/>
      <c r="KQX1192" s="10"/>
      <c r="KQY1192" s="10"/>
      <c r="KQZ1192" s="10"/>
      <c r="KRA1192" s="10"/>
      <c r="KRB1192" s="10"/>
      <c r="KRC1192" s="10"/>
      <c r="KRD1192" s="10"/>
      <c r="KRE1192" s="10"/>
      <c r="KRF1192" s="10"/>
      <c r="KRG1192" s="10"/>
      <c r="KRH1192" s="10"/>
      <c r="KRI1192" s="10"/>
      <c r="KRJ1192" s="10"/>
      <c r="KRK1192" s="10"/>
      <c r="KRL1192" s="10"/>
      <c r="KRM1192" s="10"/>
      <c r="KRN1192" s="10"/>
      <c r="KRO1192" s="10"/>
      <c r="KRP1192" s="10"/>
      <c r="KRQ1192" s="10"/>
      <c r="KRR1192" s="10"/>
      <c r="KRS1192" s="10"/>
      <c r="KRT1192" s="10"/>
      <c r="KRU1192" s="10"/>
      <c r="KRV1192" s="10"/>
      <c r="KRW1192" s="10"/>
      <c r="KRX1192" s="10"/>
      <c r="KRY1192" s="10"/>
      <c r="KRZ1192" s="10"/>
      <c r="KSA1192" s="10"/>
      <c r="KSB1192" s="10"/>
      <c r="KSC1192" s="10"/>
      <c r="KSD1192" s="10"/>
      <c r="KSE1192" s="10"/>
      <c r="KSF1192" s="10"/>
      <c r="KSG1192" s="10"/>
      <c r="KSH1192" s="10"/>
      <c r="KSI1192" s="10"/>
      <c r="KSJ1192" s="10"/>
      <c r="KSK1192" s="10"/>
      <c r="KSL1192" s="10"/>
      <c r="KSM1192" s="10"/>
      <c r="KSN1192" s="10"/>
      <c r="KSO1192" s="10"/>
      <c r="KSP1192" s="10"/>
      <c r="KSQ1192" s="10"/>
      <c r="KSR1192" s="10"/>
      <c r="KSS1192" s="10"/>
      <c r="KST1192" s="10"/>
      <c r="KSU1192" s="10"/>
      <c r="KSV1192" s="10"/>
      <c r="KSW1192" s="10"/>
      <c r="KSX1192" s="10"/>
      <c r="KSY1192" s="10"/>
      <c r="KSZ1192" s="10"/>
      <c r="KTA1192" s="10"/>
      <c r="KTB1192" s="10"/>
      <c r="KTC1192" s="10"/>
      <c r="KTD1192" s="10"/>
      <c r="KTE1192" s="10"/>
      <c r="KTF1192" s="10"/>
      <c r="KTG1192" s="10"/>
      <c r="KTH1192" s="10"/>
      <c r="KTI1192" s="10"/>
      <c r="KTJ1192" s="10"/>
      <c r="KTK1192" s="10"/>
      <c r="KTL1192" s="10"/>
      <c r="KTM1192" s="10"/>
      <c r="KTN1192" s="10"/>
      <c r="KTO1192" s="10"/>
      <c r="KTP1192" s="10"/>
      <c r="KTQ1192" s="10"/>
      <c r="KTR1192" s="10"/>
      <c r="KTS1192" s="10"/>
      <c r="KTT1192" s="10"/>
      <c r="KTU1192" s="10"/>
      <c r="KTV1192" s="10"/>
      <c r="KTW1192" s="10"/>
      <c r="KTX1192" s="10"/>
      <c r="KTY1192" s="10"/>
      <c r="KTZ1192" s="10"/>
      <c r="KUA1192" s="10"/>
      <c r="KUB1192" s="10"/>
      <c r="KUC1192" s="10"/>
      <c r="KUD1192" s="10"/>
      <c r="KUE1192" s="10"/>
      <c r="KUF1192" s="10"/>
      <c r="KUG1192" s="10"/>
      <c r="KUH1192" s="10"/>
      <c r="KUI1192" s="10"/>
      <c r="KUJ1192" s="10"/>
      <c r="KUK1192" s="10"/>
      <c r="KUL1192" s="10"/>
      <c r="KUM1192" s="10"/>
      <c r="KUN1192" s="10"/>
      <c r="KUO1192" s="10"/>
      <c r="KUP1192" s="10"/>
      <c r="KUQ1192" s="10"/>
      <c r="KUR1192" s="10"/>
      <c r="KUS1192" s="10"/>
      <c r="KUT1192" s="10"/>
      <c r="KUU1192" s="10"/>
      <c r="KUV1192" s="10"/>
      <c r="KUW1192" s="10"/>
      <c r="KUX1192" s="10"/>
      <c r="KUY1192" s="10"/>
      <c r="KUZ1192" s="10"/>
      <c r="KVA1192" s="10"/>
      <c r="KVB1192" s="10"/>
      <c r="KVC1192" s="10"/>
      <c r="KVD1192" s="10"/>
      <c r="KVE1192" s="10"/>
      <c r="KVF1192" s="10"/>
      <c r="KVG1192" s="10"/>
      <c r="KVH1192" s="10"/>
      <c r="KVI1192" s="10"/>
      <c r="KVJ1192" s="10"/>
      <c r="KVK1192" s="10"/>
      <c r="KVL1192" s="10"/>
      <c r="KVM1192" s="10"/>
      <c r="KVN1192" s="10"/>
      <c r="KVO1192" s="10"/>
      <c r="KVP1192" s="10"/>
      <c r="KVQ1192" s="10"/>
      <c r="KVR1192" s="10"/>
      <c r="KVS1192" s="10"/>
      <c r="KVT1192" s="10"/>
      <c r="KVU1192" s="10"/>
      <c r="KVV1192" s="10"/>
      <c r="KVW1192" s="10"/>
      <c r="KVX1192" s="10"/>
      <c r="KVY1192" s="10"/>
      <c r="KVZ1192" s="10"/>
      <c r="KWA1192" s="10"/>
      <c r="KWB1192" s="10"/>
      <c r="KWC1192" s="10"/>
      <c r="KWD1192" s="10"/>
      <c r="KWE1192" s="10"/>
      <c r="KWF1192" s="10"/>
      <c r="KWG1192" s="10"/>
      <c r="KWH1192" s="10"/>
      <c r="KWI1192" s="10"/>
      <c r="KWJ1192" s="10"/>
      <c r="KWK1192" s="10"/>
      <c r="KWL1192" s="10"/>
      <c r="KWM1192" s="10"/>
      <c r="KWN1192" s="10"/>
      <c r="KWO1192" s="10"/>
      <c r="KWP1192" s="10"/>
      <c r="KWQ1192" s="10"/>
      <c r="KWR1192" s="10"/>
      <c r="KWS1192" s="10"/>
      <c r="KWT1192" s="10"/>
      <c r="KWU1192" s="10"/>
      <c r="KWV1192" s="10"/>
      <c r="KWW1192" s="10"/>
      <c r="KWX1192" s="10"/>
      <c r="KWY1192" s="10"/>
      <c r="KWZ1192" s="10"/>
      <c r="KXA1192" s="10"/>
      <c r="KXB1192" s="10"/>
      <c r="KXC1192" s="10"/>
      <c r="KXD1192" s="10"/>
      <c r="KXE1192" s="10"/>
      <c r="KXF1192" s="10"/>
      <c r="KXG1192" s="10"/>
      <c r="KXH1192" s="10"/>
      <c r="KXI1192" s="10"/>
      <c r="KXJ1192" s="10"/>
      <c r="KXK1192" s="10"/>
      <c r="KXL1192" s="10"/>
      <c r="KXM1192" s="10"/>
      <c r="KXN1192" s="10"/>
      <c r="KXO1192" s="10"/>
      <c r="KXP1192" s="10"/>
      <c r="KXQ1192" s="10"/>
      <c r="KXR1192" s="10"/>
      <c r="KXS1192" s="10"/>
      <c r="KXT1192" s="10"/>
      <c r="KXU1192" s="10"/>
      <c r="KXV1192" s="10"/>
      <c r="KXW1192" s="10"/>
      <c r="KXX1192" s="10"/>
      <c r="KXY1192" s="10"/>
      <c r="KXZ1192" s="10"/>
      <c r="KYA1192" s="10"/>
      <c r="KYB1192" s="10"/>
      <c r="KYC1192" s="10"/>
      <c r="KYD1192" s="10"/>
      <c r="KYE1192" s="10"/>
      <c r="KYF1192" s="10"/>
      <c r="KYG1192" s="10"/>
      <c r="KYH1192" s="10"/>
      <c r="KYI1192" s="10"/>
      <c r="KYJ1192" s="10"/>
      <c r="KYK1192" s="10"/>
      <c r="KYL1192" s="10"/>
      <c r="KYM1192" s="10"/>
      <c r="KYN1192" s="10"/>
      <c r="KYO1192" s="10"/>
      <c r="KYP1192" s="10"/>
      <c r="KYQ1192" s="10"/>
      <c r="KYR1192" s="10"/>
      <c r="KYS1192" s="10"/>
      <c r="KYT1192" s="10"/>
      <c r="KYU1192" s="10"/>
      <c r="KYV1192" s="10"/>
      <c r="KYW1192" s="10"/>
      <c r="KYX1192" s="10"/>
      <c r="KYY1192" s="10"/>
      <c r="KYZ1192" s="10"/>
      <c r="KZA1192" s="10"/>
      <c r="KZB1192" s="10"/>
      <c r="KZC1192" s="10"/>
      <c r="KZD1192" s="10"/>
      <c r="KZE1192" s="10"/>
      <c r="KZF1192" s="10"/>
      <c r="KZG1192" s="10"/>
      <c r="KZH1192" s="10"/>
      <c r="KZI1192" s="10"/>
      <c r="KZJ1192" s="10"/>
      <c r="KZK1192" s="10"/>
      <c r="KZL1192" s="10"/>
      <c r="KZM1192" s="10"/>
      <c r="KZN1192" s="10"/>
      <c r="KZO1192" s="10"/>
      <c r="KZP1192" s="10"/>
      <c r="KZQ1192" s="10"/>
      <c r="KZR1192" s="10"/>
      <c r="KZS1192" s="10"/>
      <c r="KZT1192" s="10"/>
      <c r="KZU1192" s="10"/>
      <c r="KZV1192" s="10"/>
      <c r="KZW1192" s="10"/>
      <c r="KZX1192" s="10"/>
      <c r="KZY1192" s="10"/>
      <c r="KZZ1192" s="10"/>
      <c r="LAA1192" s="10"/>
      <c r="LAB1192" s="10"/>
      <c r="LAC1192" s="10"/>
      <c r="LAD1192" s="10"/>
      <c r="LAE1192" s="10"/>
      <c r="LAF1192" s="10"/>
      <c r="LAG1192" s="10"/>
      <c r="LAH1192" s="10"/>
      <c r="LAI1192" s="10"/>
      <c r="LAJ1192" s="10"/>
      <c r="LAK1192" s="10"/>
      <c r="LAL1192" s="10"/>
      <c r="LAM1192" s="10"/>
      <c r="LAN1192" s="10"/>
      <c r="LAO1192" s="10"/>
      <c r="LAP1192" s="10"/>
      <c r="LAQ1192" s="10"/>
      <c r="LAR1192" s="10"/>
      <c r="LAS1192" s="10"/>
      <c r="LAT1192" s="10"/>
      <c r="LAU1192" s="10"/>
      <c r="LAV1192" s="10"/>
      <c r="LAW1192" s="10"/>
      <c r="LAX1192" s="10"/>
      <c r="LAY1192" s="10"/>
      <c r="LAZ1192" s="10"/>
      <c r="LBA1192" s="10"/>
      <c r="LBB1192" s="10"/>
      <c r="LBC1192" s="10"/>
      <c r="LBD1192" s="10"/>
      <c r="LBE1192" s="10"/>
      <c r="LBF1192" s="10"/>
      <c r="LBG1192" s="10"/>
      <c r="LBH1192" s="10"/>
      <c r="LBI1192" s="10"/>
      <c r="LBJ1192" s="10"/>
      <c r="LBK1192" s="10"/>
      <c r="LBL1192" s="10"/>
      <c r="LBM1192" s="10"/>
      <c r="LBN1192" s="10"/>
      <c r="LBO1192" s="10"/>
      <c r="LBP1192" s="10"/>
      <c r="LBQ1192" s="10"/>
      <c r="LBR1192" s="10"/>
      <c r="LBS1192" s="10"/>
      <c r="LBT1192" s="10"/>
      <c r="LBU1192" s="10"/>
      <c r="LBV1192" s="10"/>
      <c r="LBW1192" s="10"/>
      <c r="LBX1192" s="10"/>
      <c r="LBY1192" s="10"/>
      <c r="LBZ1192" s="10"/>
      <c r="LCA1192" s="10"/>
      <c r="LCB1192" s="10"/>
      <c r="LCC1192" s="10"/>
      <c r="LCD1192" s="10"/>
      <c r="LCE1192" s="10"/>
      <c r="LCF1192" s="10"/>
      <c r="LCG1192" s="10"/>
      <c r="LCH1192" s="10"/>
      <c r="LCI1192" s="10"/>
      <c r="LCJ1192" s="10"/>
      <c r="LCK1192" s="10"/>
      <c r="LCL1192" s="10"/>
      <c r="LCM1192" s="10"/>
      <c r="LCN1192" s="10"/>
      <c r="LCO1192" s="10"/>
      <c r="LCP1192" s="10"/>
      <c r="LCQ1192" s="10"/>
      <c r="LCR1192" s="10"/>
      <c r="LCS1192" s="10"/>
      <c r="LCT1192" s="10"/>
      <c r="LCU1192" s="10"/>
      <c r="LCV1192" s="10"/>
      <c r="LCW1192" s="10"/>
      <c r="LCX1192" s="10"/>
      <c r="LCY1192" s="10"/>
      <c r="LCZ1192" s="10"/>
      <c r="LDA1192" s="10"/>
      <c r="LDB1192" s="10"/>
      <c r="LDC1192" s="10"/>
      <c r="LDD1192" s="10"/>
      <c r="LDE1192" s="10"/>
      <c r="LDF1192" s="10"/>
      <c r="LDG1192" s="10"/>
      <c r="LDH1192" s="10"/>
      <c r="LDI1192" s="10"/>
      <c r="LDJ1192" s="10"/>
      <c r="LDK1192" s="10"/>
      <c r="LDL1192" s="10"/>
      <c r="LDM1192" s="10"/>
      <c r="LDN1192" s="10"/>
      <c r="LDO1192" s="10"/>
      <c r="LDP1192" s="10"/>
      <c r="LDQ1192" s="10"/>
      <c r="LDR1192" s="10"/>
      <c r="LDS1192" s="10"/>
      <c r="LDT1192" s="10"/>
      <c r="LDU1192" s="10"/>
      <c r="LDV1192" s="10"/>
      <c r="LDW1192" s="10"/>
      <c r="LDX1192" s="10"/>
      <c r="LDY1192" s="10"/>
      <c r="LDZ1192" s="10"/>
      <c r="LEA1192" s="10"/>
      <c r="LEB1192" s="10"/>
      <c r="LEC1192" s="10"/>
      <c r="LED1192" s="10"/>
      <c r="LEE1192" s="10"/>
      <c r="LEF1192" s="10"/>
      <c r="LEG1192" s="10"/>
      <c r="LEH1192" s="10"/>
      <c r="LEI1192" s="10"/>
      <c r="LEJ1192" s="10"/>
      <c r="LEK1192" s="10"/>
      <c r="LEL1192" s="10"/>
      <c r="LEM1192" s="10"/>
      <c r="LEN1192" s="10"/>
      <c r="LEO1192" s="10"/>
      <c r="LEP1192" s="10"/>
      <c r="LEQ1192" s="10"/>
      <c r="LER1192" s="10"/>
      <c r="LES1192" s="10"/>
      <c r="LET1192" s="10"/>
      <c r="LEU1192" s="10"/>
      <c r="LEV1192" s="10"/>
      <c r="LEW1192" s="10"/>
      <c r="LEX1192" s="10"/>
      <c r="LEY1192" s="10"/>
      <c r="LEZ1192" s="10"/>
      <c r="LFA1192" s="10"/>
      <c r="LFB1192" s="10"/>
      <c r="LFC1192" s="10"/>
      <c r="LFD1192" s="10"/>
      <c r="LFE1192" s="10"/>
      <c r="LFF1192" s="10"/>
      <c r="LFG1192" s="10"/>
      <c r="LFH1192" s="10"/>
      <c r="LFI1192" s="10"/>
      <c r="LFJ1192" s="10"/>
      <c r="LFK1192" s="10"/>
      <c r="LFL1192" s="10"/>
      <c r="LFM1192" s="10"/>
      <c r="LFN1192" s="10"/>
      <c r="LFO1192" s="10"/>
      <c r="LFP1192" s="10"/>
      <c r="LFQ1192" s="10"/>
      <c r="LFR1192" s="10"/>
      <c r="LFS1192" s="10"/>
      <c r="LFT1192" s="10"/>
      <c r="LFU1192" s="10"/>
      <c r="LFV1192" s="10"/>
      <c r="LFW1192" s="10"/>
      <c r="LFX1192" s="10"/>
      <c r="LFY1192" s="10"/>
      <c r="LFZ1192" s="10"/>
      <c r="LGA1192" s="10"/>
      <c r="LGB1192" s="10"/>
      <c r="LGC1192" s="10"/>
      <c r="LGD1192" s="10"/>
      <c r="LGE1192" s="10"/>
      <c r="LGF1192" s="10"/>
      <c r="LGG1192" s="10"/>
      <c r="LGH1192" s="10"/>
      <c r="LGI1192" s="10"/>
      <c r="LGJ1192" s="10"/>
      <c r="LGK1192" s="10"/>
      <c r="LGL1192" s="10"/>
      <c r="LGM1192" s="10"/>
      <c r="LGN1192" s="10"/>
      <c r="LGO1192" s="10"/>
      <c r="LGP1192" s="10"/>
      <c r="LGQ1192" s="10"/>
      <c r="LGR1192" s="10"/>
      <c r="LGS1192" s="10"/>
      <c r="LGT1192" s="10"/>
      <c r="LGU1192" s="10"/>
      <c r="LGV1192" s="10"/>
      <c r="LGW1192" s="10"/>
      <c r="LGX1192" s="10"/>
      <c r="LGY1192" s="10"/>
      <c r="LGZ1192" s="10"/>
      <c r="LHA1192" s="10"/>
      <c r="LHB1192" s="10"/>
      <c r="LHC1192" s="10"/>
      <c r="LHD1192" s="10"/>
      <c r="LHE1192" s="10"/>
      <c r="LHF1192" s="10"/>
      <c r="LHG1192" s="10"/>
      <c r="LHH1192" s="10"/>
      <c r="LHI1192" s="10"/>
      <c r="LHJ1192" s="10"/>
      <c r="LHK1192" s="10"/>
      <c r="LHL1192" s="10"/>
      <c r="LHM1192" s="10"/>
      <c r="LHN1192" s="10"/>
      <c r="LHO1192" s="10"/>
      <c r="LHP1192" s="10"/>
      <c r="LHQ1192" s="10"/>
      <c r="LHR1192" s="10"/>
      <c r="LHS1192" s="10"/>
      <c r="LHT1192" s="10"/>
      <c r="LHU1192" s="10"/>
      <c r="LHV1192" s="10"/>
      <c r="LHW1192" s="10"/>
      <c r="LHX1192" s="10"/>
      <c r="LHY1192" s="10"/>
      <c r="LHZ1192" s="10"/>
      <c r="LIA1192" s="10"/>
      <c r="LIB1192" s="10"/>
      <c r="LIC1192" s="10"/>
      <c r="LID1192" s="10"/>
      <c r="LIE1192" s="10"/>
      <c r="LIF1192" s="10"/>
      <c r="LIG1192" s="10"/>
      <c r="LIH1192" s="10"/>
      <c r="LII1192" s="10"/>
      <c r="LIJ1192" s="10"/>
      <c r="LIK1192" s="10"/>
      <c r="LIL1192" s="10"/>
      <c r="LIM1192" s="10"/>
      <c r="LIN1192" s="10"/>
      <c r="LIO1192" s="10"/>
      <c r="LIP1192" s="10"/>
      <c r="LIQ1192" s="10"/>
      <c r="LIR1192" s="10"/>
      <c r="LIS1192" s="10"/>
      <c r="LIT1192" s="10"/>
      <c r="LIU1192" s="10"/>
      <c r="LIV1192" s="10"/>
      <c r="LIW1192" s="10"/>
      <c r="LIX1192" s="10"/>
      <c r="LIY1192" s="10"/>
      <c r="LIZ1192" s="10"/>
      <c r="LJA1192" s="10"/>
      <c r="LJB1192" s="10"/>
      <c r="LJC1192" s="10"/>
      <c r="LJD1192" s="10"/>
      <c r="LJE1192" s="10"/>
      <c r="LJF1192" s="10"/>
      <c r="LJG1192" s="10"/>
      <c r="LJH1192" s="10"/>
      <c r="LJI1192" s="10"/>
      <c r="LJJ1192" s="10"/>
      <c r="LJK1192" s="10"/>
      <c r="LJL1192" s="10"/>
      <c r="LJM1192" s="10"/>
      <c r="LJN1192" s="10"/>
      <c r="LJO1192" s="10"/>
      <c r="LJP1192" s="10"/>
      <c r="LJQ1192" s="10"/>
      <c r="LJR1192" s="10"/>
      <c r="LJS1192" s="10"/>
      <c r="LJT1192" s="10"/>
      <c r="LJU1192" s="10"/>
      <c r="LJV1192" s="10"/>
      <c r="LJW1192" s="10"/>
      <c r="LJX1192" s="10"/>
      <c r="LJY1192" s="10"/>
      <c r="LJZ1192" s="10"/>
      <c r="LKA1192" s="10"/>
      <c r="LKB1192" s="10"/>
      <c r="LKC1192" s="10"/>
      <c r="LKD1192" s="10"/>
      <c r="LKE1192" s="10"/>
      <c r="LKF1192" s="10"/>
      <c r="LKG1192" s="10"/>
      <c r="LKH1192" s="10"/>
      <c r="LKI1192" s="10"/>
      <c r="LKJ1192" s="10"/>
      <c r="LKK1192" s="10"/>
      <c r="LKL1192" s="10"/>
      <c r="LKM1192" s="10"/>
      <c r="LKN1192" s="10"/>
      <c r="LKO1192" s="10"/>
      <c r="LKP1192" s="10"/>
      <c r="LKQ1192" s="10"/>
      <c r="LKR1192" s="10"/>
      <c r="LKS1192" s="10"/>
      <c r="LKT1192" s="10"/>
      <c r="LKU1192" s="10"/>
      <c r="LKV1192" s="10"/>
      <c r="LKW1192" s="10"/>
      <c r="LKX1192" s="10"/>
      <c r="LKY1192" s="10"/>
      <c r="LKZ1192" s="10"/>
      <c r="LLA1192" s="10"/>
      <c r="LLB1192" s="10"/>
      <c r="LLC1192" s="10"/>
      <c r="LLD1192" s="10"/>
      <c r="LLE1192" s="10"/>
      <c r="LLF1192" s="10"/>
      <c r="LLG1192" s="10"/>
      <c r="LLH1192" s="10"/>
      <c r="LLI1192" s="10"/>
      <c r="LLJ1192" s="10"/>
      <c r="LLK1192" s="10"/>
      <c r="LLL1192" s="10"/>
      <c r="LLM1192" s="10"/>
      <c r="LLN1192" s="10"/>
      <c r="LLO1192" s="10"/>
      <c r="LLP1192" s="10"/>
      <c r="LLQ1192" s="10"/>
      <c r="LLR1192" s="10"/>
      <c r="LLS1192" s="10"/>
      <c r="LLT1192" s="10"/>
      <c r="LLU1192" s="10"/>
      <c r="LLV1192" s="10"/>
      <c r="LLW1192" s="10"/>
      <c r="LLX1192" s="10"/>
      <c r="LLY1192" s="10"/>
      <c r="LLZ1192" s="10"/>
      <c r="LMA1192" s="10"/>
      <c r="LMB1192" s="10"/>
      <c r="LMC1192" s="10"/>
      <c r="LMD1192" s="10"/>
      <c r="LME1192" s="10"/>
      <c r="LMF1192" s="10"/>
      <c r="LMG1192" s="10"/>
      <c r="LMH1192" s="10"/>
      <c r="LMI1192" s="10"/>
      <c r="LMJ1192" s="10"/>
      <c r="LMK1192" s="10"/>
      <c r="LML1192" s="10"/>
      <c r="LMM1192" s="10"/>
      <c r="LMN1192" s="10"/>
      <c r="LMO1192" s="10"/>
      <c r="LMP1192" s="10"/>
      <c r="LMQ1192" s="10"/>
      <c r="LMR1192" s="10"/>
      <c r="LMS1192" s="10"/>
      <c r="LMT1192" s="10"/>
      <c r="LMU1192" s="10"/>
      <c r="LMV1192" s="10"/>
      <c r="LMW1192" s="10"/>
      <c r="LMX1192" s="10"/>
      <c r="LMY1192" s="10"/>
      <c r="LMZ1192" s="10"/>
      <c r="LNA1192" s="10"/>
      <c r="LNB1192" s="10"/>
      <c r="LNC1192" s="10"/>
      <c r="LND1192" s="10"/>
      <c r="LNE1192" s="10"/>
      <c r="LNF1192" s="10"/>
      <c r="LNG1192" s="10"/>
      <c r="LNH1192" s="10"/>
      <c r="LNI1192" s="10"/>
      <c r="LNJ1192" s="10"/>
      <c r="LNK1192" s="10"/>
      <c r="LNL1192" s="10"/>
      <c r="LNM1192" s="10"/>
      <c r="LNN1192" s="10"/>
      <c r="LNO1192" s="10"/>
      <c r="LNP1192" s="10"/>
      <c r="LNQ1192" s="10"/>
      <c r="LNR1192" s="10"/>
      <c r="LNS1192" s="10"/>
      <c r="LNT1192" s="10"/>
      <c r="LNU1192" s="10"/>
      <c r="LNV1192" s="10"/>
      <c r="LNW1192" s="10"/>
      <c r="LNX1192" s="10"/>
      <c r="LNY1192" s="10"/>
      <c r="LNZ1192" s="10"/>
      <c r="LOA1192" s="10"/>
      <c r="LOB1192" s="10"/>
      <c r="LOC1192" s="10"/>
      <c r="LOD1192" s="10"/>
      <c r="LOE1192" s="10"/>
      <c r="LOF1192" s="10"/>
      <c r="LOG1192" s="10"/>
      <c r="LOH1192" s="10"/>
      <c r="LOI1192" s="10"/>
      <c r="LOJ1192" s="10"/>
      <c r="LOK1192" s="10"/>
      <c r="LOL1192" s="10"/>
      <c r="LOM1192" s="10"/>
      <c r="LON1192" s="10"/>
      <c r="LOO1192" s="10"/>
      <c r="LOP1192" s="10"/>
      <c r="LOQ1192" s="10"/>
      <c r="LOR1192" s="10"/>
      <c r="LOS1192" s="10"/>
      <c r="LOT1192" s="10"/>
      <c r="LOU1192" s="10"/>
      <c r="LOV1192" s="10"/>
      <c r="LOW1192" s="10"/>
      <c r="LOX1192" s="10"/>
      <c r="LOY1192" s="10"/>
      <c r="LOZ1192" s="10"/>
      <c r="LPA1192" s="10"/>
      <c r="LPB1192" s="10"/>
      <c r="LPC1192" s="10"/>
      <c r="LPD1192" s="10"/>
      <c r="LPE1192" s="10"/>
      <c r="LPF1192" s="10"/>
      <c r="LPG1192" s="10"/>
      <c r="LPH1192" s="10"/>
      <c r="LPI1192" s="10"/>
      <c r="LPJ1192" s="10"/>
      <c r="LPK1192" s="10"/>
      <c r="LPL1192" s="10"/>
      <c r="LPM1192" s="10"/>
      <c r="LPN1192" s="10"/>
      <c r="LPO1192" s="10"/>
      <c r="LPP1192" s="10"/>
      <c r="LPQ1192" s="10"/>
      <c r="LPR1192" s="10"/>
      <c r="LPS1192" s="10"/>
      <c r="LPT1192" s="10"/>
      <c r="LPU1192" s="10"/>
      <c r="LPV1192" s="10"/>
      <c r="LPW1192" s="10"/>
      <c r="LPX1192" s="10"/>
      <c r="LPY1192" s="10"/>
      <c r="LPZ1192" s="10"/>
      <c r="LQA1192" s="10"/>
      <c r="LQB1192" s="10"/>
      <c r="LQC1192" s="10"/>
      <c r="LQD1192" s="10"/>
      <c r="LQE1192" s="10"/>
      <c r="LQF1192" s="10"/>
      <c r="LQG1192" s="10"/>
      <c r="LQH1192" s="10"/>
      <c r="LQI1192" s="10"/>
      <c r="LQJ1192" s="10"/>
      <c r="LQK1192" s="10"/>
      <c r="LQL1192" s="10"/>
      <c r="LQM1192" s="10"/>
      <c r="LQN1192" s="10"/>
      <c r="LQO1192" s="10"/>
      <c r="LQP1192" s="10"/>
      <c r="LQQ1192" s="10"/>
      <c r="LQR1192" s="10"/>
      <c r="LQS1192" s="10"/>
      <c r="LQT1192" s="10"/>
      <c r="LQU1192" s="10"/>
      <c r="LQV1192" s="10"/>
      <c r="LQW1192" s="10"/>
      <c r="LQX1192" s="10"/>
      <c r="LQY1192" s="10"/>
      <c r="LQZ1192" s="10"/>
      <c r="LRA1192" s="10"/>
      <c r="LRB1192" s="10"/>
      <c r="LRC1192" s="10"/>
      <c r="LRD1192" s="10"/>
      <c r="LRE1192" s="10"/>
      <c r="LRF1192" s="10"/>
      <c r="LRG1192" s="10"/>
      <c r="LRH1192" s="10"/>
      <c r="LRI1192" s="10"/>
      <c r="LRJ1192" s="10"/>
      <c r="LRK1192" s="10"/>
      <c r="LRL1192" s="10"/>
      <c r="LRM1192" s="10"/>
      <c r="LRN1192" s="10"/>
      <c r="LRO1192" s="10"/>
      <c r="LRP1192" s="10"/>
      <c r="LRQ1192" s="10"/>
      <c r="LRR1192" s="10"/>
      <c r="LRS1192" s="10"/>
      <c r="LRT1192" s="10"/>
      <c r="LRU1192" s="10"/>
      <c r="LRV1192" s="10"/>
      <c r="LRW1192" s="10"/>
      <c r="LRX1192" s="10"/>
      <c r="LRY1192" s="10"/>
      <c r="LRZ1192" s="10"/>
      <c r="LSA1192" s="10"/>
      <c r="LSB1192" s="10"/>
      <c r="LSC1192" s="10"/>
      <c r="LSD1192" s="10"/>
      <c r="LSE1192" s="10"/>
      <c r="LSF1192" s="10"/>
      <c r="LSG1192" s="10"/>
      <c r="LSH1192" s="10"/>
      <c r="LSI1192" s="10"/>
      <c r="LSJ1192" s="10"/>
      <c r="LSK1192" s="10"/>
      <c r="LSL1192" s="10"/>
      <c r="LSM1192" s="10"/>
      <c r="LSN1192" s="10"/>
      <c r="LSO1192" s="10"/>
      <c r="LSP1192" s="10"/>
      <c r="LSQ1192" s="10"/>
      <c r="LSR1192" s="10"/>
      <c r="LSS1192" s="10"/>
      <c r="LST1192" s="10"/>
      <c r="LSU1192" s="10"/>
      <c r="LSV1192" s="10"/>
      <c r="LSW1192" s="10"/>
      <c r="LSX1192" s="10"/>
      <c r="LSY1192" s="10"/>
      <c r="LSZ1192" s="10"/>
      <c r="LTA1192" s="10"/>
      <c r="LTB1192" s="10"/>
      <c r="LTC1192" s="10"/>
      <c r="LTD1192" s="10"/>
      <c r="LTE1192" s="10"/>
      <c r="LTF1192" s="10"/>
      <c r="LTG1192" s="10"/>
      <c r="LTH1192" s="10"/>
      <c r="LTI1192" s="10"/>
      <c r="LTJ1192" s="10"/>
      <c r="LTK1192" s="10"/>
      <c r="LTL1192" s="10"/>
      <c r="LTM1192" s="10"/>
      <c r="LTN1192" s="10"/>
      <c r="LTO1192" s="10"/>
      <c r="LTP1192" s="10"/>
      <c r="LTQ1192" s="10"/>
      <c r="LTR1192" s="10"/>
      <c r="LTS1192" s="10"/>
      <c r="LTT1192" s="10"/>
      <c r="LTU1192" s="10"/>
      <c r="LTV1192" s="10"/>
      <c r="LTW1192" s="10"/>
      <c r="LTX1192" s="10"/>
      <c r="LTY1192" s="10"/>
      <c r="LTZ1192" s="10"/>
      <c r="LUA1192" s="10"/>
      <c r="LUB1192" s="10"/>
      <c r="LUC1192" s="10"/>
      <c r="LUD1192" s="10"/>
      <c r="LUE1192" s="10"/>
      <c r="LUF1192" s="10"/>
      <c r="LUG1192" s="10"/>
      <c r="LUH1192" s="10"/>
      <c r="LUI1192" s="10"/>
      <c r="LUJ1192" s="10"/>
      <c r="LUK1192" s="10"/>
      <c r="LUL1192" s="10"/>
      <c r="LUM1192" s="10"/>
      <c r="LUN1192" s="10"/>
      <c r="LUO1192" s="10"/>
      <c r="LUP1192" s="10"/>
      <c r="LUQ1192" s="10"/>
      <c r="LUR1192" s="10"/>
      <c r="LUS1192" s="10"/>
      <c r="LUT1192" s="10"/>
      <c r="LUU1192" s="10"/>
      <c r="LUV1192" s="10"/>
      <c r="LUW1192" s="10"/>
      <c r="LUX1192" s="10"/>
      <c r="LUY1192" s="10"/>
      <c r="LUZ1192" s="10"/>
      <c r="LVA1192" s="10"/>
      <c r="LVB1192" s="10"/>
      <c r="LVC1192" s="10"/>
      <c r="LVD1192" s="10"/>
      <c r="LVE1192" s="10"/>
      <c r="LVF1192" s="10"/>
      <c r="LVG1192" s="10"/>
      <c r="LVH1192" s="10"/>
      <c r="LVI1192" s="10"/>
      <c r="LVJ1192" s="10"/>
      <c r="LVK1192" s="10"/>
      <c r="LVL1192" s="10"/>
      <c r="LVM1192" s="10"/>
      <c r="LVN1192" s="10"/>
      <c r="LVO1192" s="10"/>
      <c r="LVP1192" s="10"/>
      <c r="LVQ1192" s="10"/>
      <c r="LVR1192" s="10"/>
      <c r="LVS1192" s="10"/>
      <c r="LVT1192" s="10"/>
      <c r="LVU1192" s="10"/>
      <c r="LVV1192" s="10"/>
      <c r="LVW1192" s="10"/>
      <c r="LVX1192" s="10"/>
      <c r="LVY1192" s="10"/>
      <c r="LVZ1192" s="10"/>
      <c r="LWA1192" s="10"/>
      <c r="LWB1192" s="10"/>
      <c r="LWC1192" s="10"/>
      <c r="LWD1192" s="10"/>
      <c r="LWE1192" s="10"/>
      <c r="LWF1192" s="10"/>
      <c r="LWG1192" s="10"/>
      <c r="LWH1192" s="10"/>
      <c r="LWI1192" s="10"/>
      <c r="LWJ1192" s="10"/>
      <c r="LWK1192" s="10"/>
      <c r="LWL1192" s="10"/>
      <c r="LWM1192" s="10"/>
      <c r="LWN1192" s="10"/>
      <c r="LWO1192" s="10"/>
      <c r="LWP1192" s="10"/>
      <c r="LWQ1192" s="10"/>
      <c r="LWR1192" s="10"/>
      <c r="LWS1192" s="10"/>
      <c r="LWT1192" s="10"/>
      <c r="LWU1192" s="10"/>
      <c r="LWV1192" s="10"/>
      <c r="LWW1192" s="10"/>
      <c r="LWX1192" s="10"/>
      <c r="LWY1192" s="10"/>
      <c r="LWZ1192" s="10"/>
      <c r="LXA1192" s="10"/>
      <c r="LXB1192" s="10"/>
      <c r="LXC1192" s="10"/>
      <c r="LXD1192" s="10"/>
      <c r="LXE1192" s="10"/>
      <c r="LXF1192" s="10"/>
      <c r="LXG1192" s="10"/>
      <c r="LXH1192" s="10"/>
      <c r="LXI1192" s="10"/>
      <c r="LXJ1192" s="10"/>
      <c r="LXK1192" s="10"/>
      <c r="LXL1192" s="10"/>
      <c r="LXM1192" s="10"/>
      <c r="LXN1192" s="10"/>
      <c r="LXO1192" s="10"/>
      <c r="LXP1192" s="10"/>
      <c r="LXQ1192" s="10"/>
      <c r="LXR1192" s="10"/>
      <c r="LXS1192" s="10"/>
      <c r="LXT1192" s="10"/>
      <c r="LXU1192" s="10"/>
      <c r="LXV1192" s="10"/>
      <c r="LXW1192" s="10"/>
      <c r="LXX1192" s="10"/>
      <c r="LXY1192" s="10"/>
      <c r="LXZ1192" s="10"/>
      <c r="LYA1192" s="10"/>
      <c r="LYB1192" s="10"/>
      <c r="LYC1192" s="10"/>
      <c r="LYD1192" s="10"/>
      <c r="LYE1192" s="10"/>
      <c r="LYF1192" s="10"/>
      <c r="LYG1192" s="10"/>
      <c r="LYH1192" s="10"/>
      <c r="LYI1192" s="10"/>
      <c r="LYJ1192" s="10"/>
      <c r="LYK1192" s="10"/>
      <c r="LYL1192" s="10"/>
      <c r="LYM1192" s="10"/>
      <c r="LYN1192" s="10"/>
      <c r="LYO1192" s="10"/>
      <c r="LYP1192" s="10"/>
      <c r="LYQ1192" s="10"/>
      <c r="LYR1192" s="10"/>
      <c r="LYS1192" s="10"/>
      <c r="LYT1192" s="10"/>
      <c r="LYU1192" s="10"/>
      <c r="LYV1192" s="10"/>
      <c r="LYW1192" s="10"/>
      <c r="LYX1192" s="10"/>
      <c r="LYY1192" s="10"/>
      <c r="LYZ1192" s="10"/>
      <c r="LZA1192" s="10"/>
      <c r="LZB1192" s="10"/>
      <c r="LZC1192" s="10"/>
      <c r="LZD1192" s="10"/>
      <c r="LZE1192" s="10"/>
      <c r="LZF1192" s="10"/>
      <c r="LZG1192" s="10"/>
      <c r="LZH1192" s="10"/>
      <c r="LZI1192" s="10"/>
      <c r="LZJ1192" s="10"/>
      <c r="LZK1192" s="10"/>
      <c r="LZL1192" s="10"/>
      <c r="LZM1192" s="10"/>
      <c r="LZN1192" s="10"/>
      <c r="LZO1192" s="10"/>
      <c r="LZP1192" s="10"/>
      <c r="LZQ1192" s="10"/>
      <c r="LZR1192" s="10"/>
      <c r="LZS1192" s="10"/>
      <c r="LZT1192" s="10"/>
      <c r="LZU1192" s="10"/>
      <c r="LZV1192" s="10"/>
      <c r="LZW1192" s="10"/>
      <c r="LZX1192" s="10"/>
      <c r="LZY1192" s="10"/>
      <c r="LZZ1192" s="10"/>
      <c r="MAA1192" s="10"/>
      <c r="MAB1192" s="10"/>
      <c r="MAC1192" s="10"/>
      <c r="MAD1192" s="10"/>
      <c r="MAE1192" s="10"/>
      <c r="MAF1192" s="10"/>
      <c r="MAG1192" s="10"/>
      <c r="MAH1192" s="10"/>
      <c r="MAI1192" s="10"/>
      <c r="MAJ1192" s="10"/>
      <c r="MAK1192" s="10"/>
      <c r="MAL1192" s="10"/>
      <c r="MAM1192" s="10"/>
      <c r="MAN1192" s="10"/>
      <c r="MAO1192" s="10"/>
      <c r="MAP1192" s="10"/>
      <c r="MAQ1192" s="10"/>
      <c r="MAR1192" s="10"/>
      <c r="MAS1192" s="10"/>
      <c r="MAT1192" s="10"/>
      <c r="MAU1192" s="10"/>
      <c r="MAV1192" s="10"/>
      <c r="MAW1192" s="10"/>
      <c r="MAX1192" s="10"/>
      <c r="MAY1192" s="10"/>
      <c r="MAZ1192" s="10"/>
      <c r="MBA1192" s="10"/>
      <c r="MBB1192" s="10"/>
      <c r="MBC1192" s="10"/>
      <c r="MBD1192" s="10"/>
      <c r="MBE1192" s="10"/>
      <c r="MBF1192" s="10"/>
      <c r="MBG1192" s="10"/>
      <c r="MBH1192" s="10"/>
      <c r="MBI1192" s="10"/>
      <c r="MBJ1192" s="10"/>
      <c r="MBK1192" s="10"/>
      <c r="MBL1192" s="10"/>
      <c r="MBM1192" s="10"/>
      <c r="MBN1192" s="10"/>
      <c r="MBO1192" s="10"/>
      <c r="MBP1192" s="10"/>
      <c r="MBQ1192" s="10"/>
      <c r="MBR1192" s="10"/>
      <c r="MBS1192" s="10"/>
      <c r="MBT1192" s="10"/>
      <c r="MBU1192" s="10"/>
      <c r="MBV1192" s="10"/>
      <c r="MBW1192" s="10"/>
      <c r="MBX1192" s="10"/>
      <c r="MBY1192" s="10"/>
      <c r="MBZ1192" s="10"/>
      <c r="MCA1192" s="10"/>
      <c r="MCB1192" s="10"/>
      <c r="MCC1192" s="10"/>
      <c r="MCD1192" s="10"/>
      <c r="MCE1192" s="10"/>
      <c r="MCF1192" s="10"/>
      <c r="MCG1192" s="10"/>
      <c r="MCH1192" s="10"/>
      <c r="MCI1192" s="10"/>
      <c r="MCJ1192" s="10"/>
      <c r="MCK1192" s="10"/>
      <c r="MCL1192" s="10"/>
      <c r="MCM1192" s="10"/>
      <c r="MCN1192" s="10"/>
      <c r="MCO1192" s="10"/>
      <c r="MCP1192" s="10"/>
      <c r="MCQ1192" s="10"/>
      <c r="MCR1192" s="10"/>
      <c r="MCS1192" s="10"/>
      <c r="MCT1192" s="10"/>
      <c r="MCU1192" s="10"/>
      <c r="MCV1192" s="10"/>
      <c r="MCW1192" s="10"/>
      <c r="MCX1192" s="10"/>
      <c r="MCY1192" s="10"/>
      <c r="MCZ1192" s="10"/>
      <c r="MDA1192" s="10"/>
      <c r="MDB1192" s="10"/>
      <c r="MDC1192" s="10"/>
      <c r="MDD1192" s="10"/>
      <c r="MDE1192" s="10"/>
      <c r="MDF1192" s="10"/>
      <c r="MDG1192" s="10"/>
      <c r="MDH1192" s="10"/>
      <c r="MDI1192" s="10"/>
      <c r="MDJ1192" s="10"/>
      <c r="MDK1192" s="10"/>
      <c r="MDL1192" s="10"/>
      <c r="MDM1192" s="10"/>
      <c r="MDN1192" s="10"/>
      <c r="MDO1192" s="10"/>
      <c r="MDP1192" s="10"/>
      <c r="MDQ1192" s="10"/>
      <c r="MDR1192" s="10"/>
      <c r="MDS1192" s="10"/>
      <c r="MDT1192" s="10"/>
      <c r="MDU1192" s="10"/>
      <c r="MDV1192" s="10"/>
      <c r="MDW1192" s="10"/>
      <c r="MDX1192" s="10"/>
      <c r="MDY1192" s="10"/>
      <c r="MDZ1192" s="10"/>
      <c r="MEA1192" s="10"/>
      <c r="MEB1192" s="10"/>
      <c r="MEC1192" s="10"/>
      <c r="MED1192" s="10"/>
      <c r="MEE1192" s="10"/>
      <c r="MEF1192" s="10"/>
      <c r="MEG1192" s="10"/>
      <c r="MEH1192" s="10"/>
      <c r="MEI1192" s="10"/>
      <c r="MEJ1192" s="10"/>
      <c r="MEK1192" s="10"/>
      <c r="MEL1192" s="10"/>
      <c r="MEM1192" s="10"/>
      <c r="MEN1192" s="10"/>
      <c r="MEO1192" s="10"/>
      <c r="MEP1192" s="10"/>
      <c r="MEQ1192" s="10"/>
      <c r="MER1192" s="10"/>
      <c r="MES1192" s="10"/>
      <c r="MET1192" s="10"/>
      <c r="MEU1192" s="10"/>
      <c r="MEV1192" s="10"/>
      <c r="MEW1192" s="10"/>
      <c r="MEX1192" s="10"/>
      <c r="MEY1192" s="10"/>
      <c r="MEZ1192" s="10"/>
      <c r="MFA1192" s="10"/>
      <c r="MFB1192" s="10"/>
      <c r="MFC1192" s="10"/>
      <c r="MFD1192" s="10"/>
      <c r="MFE1192" s="10"/>
      <c r="MFF1192" s="10"/>
      <c r="MFG1192" s="10"/>
      <c r="MFH1192" s="10"/>
      <c r="MFI1192" s="10"/>
      <c r="MFJ1192" s="10"/>
      <c r="MFK1192" s="10"/>
      <c r="MFL1192" s="10"/>
      <c r="MFM1192" s="10"/>
      <c r="MFN1192" s="10"/>
      <c r="MFO1192" s="10"/>
      <c r="MFP1192" s="10"/>
      <c r="MFQ1192" s="10"/>
      <c r="MFR1192" s="10"/>
      <c r="MFS1192" s="10"/>
      <c r="MFT1192" s="10"/>
      <c r="MFU1192" s="10"/>
      <c r="MFV1192" s="10"/>
      <c r="MFW1192" s="10"/>
      <c r="MFX1192" s="10"/>
      <c r="MFY1192" s="10"/>
      <c r="MFZ1192" s="10"/>
      <c r="MGA1192" s="10"/>
      <c r="MGB1192" s="10"/>
      <c r="MGC1192" s="10"/>
      <c r="MGD1192" s="10"/>
      <c r="MGE1192" s="10"/>
      <c r="MGF1192" s="10"/>
      <c r="MGG1192" s="10"/>
      <c r="MGH1192" s="10"/>
      <c r="MGI1192" s="10"/>
      <c r="MGJ1192" s="10"/>
      <c r="MGK1192" s="10"/>
      <c r="MGL1192" s="10"/>
      <c r="MGM1192" s="10"/>
      <c r="MGN1192" s="10"/>
      <c r="MGO1192" s="10"/>
      <c r="MGP1192" s="10"/>
      <c r="MGQ1192" s="10"/>
      <c r="MGR1192" s="10"/>
      <c r="MGS1192" s="10"/>
      <c r="MGT1192" s="10"/>
      <c r="MGU1192" s="10"/>
      <c r="MGV1192" s="10"/>
      <c r="MGW1192" s="10"/>
      <c r="MGX1192" s="10"/>
      <c r="MGY1192" s="10"/>
      <c r="MGZ1192" s="10"/>
      <c r="MHA1192" s="10"/>
      <c r="MHB1192" s="10"/>
      <c r="MHC1192" s="10"/>
      <c r="MHD1192" s="10"/>
      <c r="MHE1192" s="10"/>
      <c r="MHF1192" s="10"/>
      <c r="MHG1192" s="10"/>
      <c r="MHH1192" s="10"/>
      <c r="MHI1192" s="10"/>
      <c r="MHJ1192" s="10"/>
      <c r="MHK1192" s="10"/>
      <c r="MHL1192" s="10"/>
      <c r="MHM1192" s="10"/>
      <c r="MHN1192" s="10"/>
      <c r="MHO1192" s="10"/>
      <c r="MHP1192" s="10"/>
      <c r="MHQ1192" s="10"/>
      <c r="MHR1192" s="10"/>
      <c r="MHS1192" s="10"/>
      <c r="MHT1192" s="10"/>
      <c r="MHU1192" s="10"/>
      <c r="MHV1192" s="10"/>
      <c r="MHW1192" s="10"/>
      <c r="MHX1192" s="10"/>
      <c r="MHY1192" s="10"/>
      <c r="MHZ1192" s="10"/>
      <c r="MIA1192" s="10"/>
      <c r="MIB1192" s="10"/>
      <c r="MIC1192" s="10"/>
      <c r="MID1192" s="10"/>
      <c r="MIE1192" s="10"/>
      <c r="MIF1192" s="10"/>
      <c r="MIG1192" s="10"/>
      <c r="MIH1192" s="10"/>
      <c r="MII1192" s="10"/>
      <c r="MIJ1192" s="10"/>
      <c r="MIK1192" s="10"/>
      <c r="MIL1192" s="10"/>
      <c r="MIM1192" s="10"/>
      <c r="MIN1192" s="10"/>
      <c r="MIO1192" s="10"/>
      <c r="MIP1192" s="10"/>
      <c r="MIQ1192" s="10"/>
      <c r="MIR1192" s="10"/>
      <c r="MIS1192" s="10"/>
      <c r="MIT1192" s="10"/>
      <c r="MIU1192" s="10"/>
      <c r="MIV1192" s="10"/>
      <c r="MIW1192" s="10"/>
      <c r="MIX1192" s="10"/>
      <c r="MIY1192" s="10"/>
      <c r="MIZ1192" s="10"/>
      <c r="MJA1192" s="10"/>
      <c r="MJB1192" s="10"/>
      <c r="MJC1192" s="10"/>
      <c r="MJD1192" s="10"/>
      <c r="MJE1192" s="10"/>
      <c r="MJF1192" s="10"/>
      <c r="MJG1192" s="10"/>
      <c r="MJH1192" s="10"/>
      <c r="MJI1192" s="10"/>
      <c r="MJJ1192" s="10"/>
      <c r="MJK1192" s="10"/>
      <c r="MJL1192" s="10"/>
      <c r="MJM1192" s="10"/>
      <c r="MJN1192" s="10"/>
      <c r="MJO1192" s="10"/>
      <c r="MJP1192" s="10"/>
      <c r="MJQ1192" s="10"/>
      <c r="MJR1192" s="10"/>
      <c r="MJS1192" s="10"/>
      <c r="MJT1192" s="10"/>
      <c r="MJU1192" s="10"/>
      <c r="MJV1192" s="10"/>
      <c r="MJW1192" s="10"/>
      <c r="MJX1192" s="10"/>
      <c r="MJY1192" s="10"/>
      <c r="MJZ1192" s="10"/>
      <c r="MKA1192" s="10"/>
      <c r="MKB1192" s="10"/>
      <c r="MKC1192" s="10"/>
      <c r="MKD1192" s="10"/>
      <c r="MKE1192" s="10"/>
      <c r="MKF1192" s="10"/>
      <c r="MKG1192" s="10"/>
      <c r="MKH1192" s="10"/>
      <c r="MKI1192" s="10"/>
      <c r="MKJ1192" s="10"/>
      <c r="MKK1192" s="10"/>
      <c r="MKL1192" s="10"/>
      <c r="MKM1192" s="10"/>
      <c r="MKN1192" s="10"/>
      <c r="MKO1192" s="10"/>
      <c r="MKP1192" s="10"/>
      <c r="MKQ1192" s="10"/>
      <c r="MKR1192" s="10"/>
      <c r="MKS1192" s="10"/>
      <c r="MKT1192" s="10"/>
      <c r="MKU1192" s="10"/>
      <c r="MKV1192" s="10"/>
      <c r="MKW1192" s="10"/>
      <c r="MKX1192" s="10"/>
      <c r="MKY1192" s="10"/>
      <c r="MKZ1192" s="10"/>
      <c r="MLA1192" s="10"/>
      <c r="MLB1192" s="10"/>
      <c r="MLC1192" s="10"/>
      <c r="MLD1192" s="10"/>
      <c r="MLE1192" s="10"/>
      <c r="MLF1192" s="10"/>
      <c r="MLG1192" s="10"/>
      <c r="MLH1192" s="10"/>
      <c r="MLI1192" s="10"/>
      <c r="MLJ1192" s="10"/>
      <c r="MLK1192" s="10"/>
      <c r="MLL1192" s="10"/>
      <c r="MLM1192" s="10"/>
      <c r="MLN1192" s="10"/>
      <c r="MLO1192" s="10"/>
      <c r="MLP1192" s="10"/>
      <c r="MLQ1192" s="10"/>
      <c r="MLR1192" s="10"/>
      <c r="MLS1192" s="10"/>
      <c r="MLT1192" s="10"/>
      <c r="MLU1192" s="10"/>
      <c r="MLV1192" s="10"/>
      <c r="MLW1192" s="10"/>
      <c r="MLX1192" s="10"/>
      <c r="MLY1192" s="10"/>
      <c r="MLZ1192" s="10"/>
      <c r="MMA1192" s="10"/>
      <c r="MMB1192" s="10"/>
      <c r="MMC1192" s="10"/>
      <c r="MMD1192" s="10"/>
      <c r="MME1192" s="10"/>
      <c r="MMF1192" s="10"/>
      <c r="MMG1192" s="10"/>
      <c r="MMH1192" s="10"/>
      <c r="MMI1192" s="10"/>
      <c r="MMJ1192" s="10"/>
      <c r="MMK1192" s="10"/>
      <c r="MML1192" s="10"/>
      <c r="MMM1192" s="10"/>
      <c r="MMN1192" s="10"/>
      <c r="MMO1192" s="10"/>
      <c r="MMP1192" s="10"/>
      <c r="MMQ1192" s="10"/>
      <c r="MMR1192" s="10"/>
      <c r="MMS1192" s="10"/>
      <c r="MMT1192" s="10"/>
      <c r="MMU1192" s="10"/>
      <c r="MMV1192" s="10"/>
      <c r="MMW1192" s="10"/>
      <c r="MMX1192" s="10"/>
      <c r="MMY1192" s="10"/>
      <c r="MMZ1192" s="10"/>
      <c r="MNA1192" s="10"/>
      <c r="MNB1192" s="10"/>
      <c r="MNC1192" s="10"/>
      <c r="MND1192" s="10"/>
      <c r="MNE1192" s="10"/>
      <c r="MNF1192" s="10"/>
      <c r="MNG1192" s="10"/>
      <c r="MNH1192" s="10"/>
      <c r="MNI1192" s="10"/>
      <c r="MNJ1192" s="10"/>
      <c r="MNK1192" s="10"/>
      <c r="MNL1192" s="10"/>
      <c r="MNM1192" s="10"/>
      <c r="MNN1192" s="10"/>
      <c r="MNO1192" s="10"/>
      <c r="MNP1192" s="10"/>
      <c r="MNQ1192" s="10"/>
      <c r="MNR1192" s="10"/>
      <c r="MNS1192" s="10"/>
      <c r="MNT1192" s="10"/>
      <c r="MNU1192" s="10"/>
      <c r="MNV1192" s="10"/>
      <c r="MNW1192" s="10"/>
      <c r="MNX1192" s="10"/>
      <c r="MNY1192" s="10"/>
      <c r="MNZ1192" s="10"/>
      <c r="MOA1192" s="10"/>
      <c r="MOB1192" s="10"/>
      <c r="MOC1192" s="10"/>
      <c r="MOD1192" s="10"/>
      <c r="MOE1192" s="10"/>
      <c r="MOF1192" s="10"/>
      <c r="MOG1192" s="10"/>
      <c r="MOH1192" s="10"/>
      <c r="MOI1192" s="10"/>
      <c r="MOJ1192" s="10"/>
      <c r="MOK1192" s="10"/>
      <c r="MOL1192" s="10"/>
      <c r="MOM1192" s="10"/>
      <c r="MON1192" s="10"/>
      <c r="MOO1192" s="10"/>
      <c r="MOP1192" s="10"/>
      <c r="MOQ1192" s="10"/>
      <c r="MOR1192" s="10"/>
      <c r="MOS1192" s="10"/>
      <c r="MOT1192" s="10"/>
      <c r="MOU1192" s="10"/>
      <c r="MOV1192" s="10"/>
      <c r="MOW1192" s="10"/>
      <c r="MOX1192" s="10"/>
      <c r="MOY1192" s="10"/>
      <c r="MOZ1192" s="10"/>
      <c r="MPA1192" s="10"/>
      <c r="MPB1192" s="10"/>
      <c r="MPC1192" s="10"/>
      <c r="MPD1192" s="10"/>
      <c r="MPE1192" s="10"/>
      <c r="MPF1192" s="10"/>
      <c r="MPG1192" s="10"/>
      <c r="MPH1192" s="10"/>
      <c r="MPI1192" s="10"/>
      <c r="MPJ1192" s="10"/>
      <c r="MPK1192" s="10"/>
      <c r="MPL1192" s="10"/>
      <c r="MPM1192" s="10"/>
      <c r="MPN1192" s="10"/>
      <c r="MPO1192" s="10"/>
      <c r="MPP1192" s="10"/>
      <c r="MPQ1192" s="10"/>
      <c r="MPR1192" s="10"/>
      <c r="MPS1192" s="10"/>
      <c r="MPT1192" s="10"/>
      <c r="MPU1192" s="10"/>
      <c r="MPV1192" s="10"/>
      <c r="MPW1192" s="10"/>
      <c r="MPX1192" s="10"/>
      <c r="MPY1192" s="10"/>
      <c r="MPZ1192" s="10"/>
      <c r="MQA1192" s="10"/>
      <c r="MQB1192" s="10"/>
      <c r="MQC1192" s="10"/>
      <c r="MQD1192" s="10"/>
      <c r="MQE1192" s="10"/>
      <c r="MQF1192" s="10"/>
      <c r="MQG1192" s="10"/>
      <c r="MQH1192" s="10"/>
      <c r="MQI1192" s="10"/>
      <c r="MQJ1192" s="10"/>
      <c r="MQK1192" s="10"/>
      <c r="MQL1192" s="10"/>
      <c r="MQM1192" s="10"/>
      <c r="MQN1192" s="10"/>
      <c r="MQO1192" s="10"/>
      <c r="MQP1192" s="10"/>
      <c r="MQQ1192" s="10"/>
      <c r="MQR1192" s="10"/>
      <c r="MQS1192" s="10"/>
      <c r="MQT1192" s="10"/>
      <c r="MQU1192" s="10"/>
      <c r="MQV1192" s="10"/>
      <c r="MQW1192" s="10"/>
      <c r="MQX1192" s="10"/>
      <c r="MQY1192" s="10"/>
      <c r="MQZ1192" s="10"/>
      <c r="MRA1192" s="10"/>
      <c r="MRB1192" s="10"/>
      <c r="MRC1192" s="10"/>
      <c r="MRD1192" s="10"/>
      <c r="MRE1192" s="10"/>
      <c r="MRF1192" s="10"/>
      <c r="MRG1192" s="10"/>
      <c r="MRH1192" s="10"/>
      <c r="MRI1192" s="10"/>
      <c r="MRJ1192" s="10"/>
      <c r="MRK1192" s="10"/>
      <c r="MRL1192" s="10"/>
      <c r="MRM1192" s="10"/>
      <c r="MRN1192" s="10"/>
      <c r="MRO1192" s="10"/>
      <c r="MRP1192" s="10"/>
      <c r="MRQ1192" s="10"/>
      <c r="MRR1192" s="10"/>
      <c r="MRS1192" s="10"/>
      <c r="MRT1192" s="10"/>
      <c r="MRU1192" s="10"/>
      <c r="MRV1192" s="10"/>
      <c r="MRW1192" s="10"/>
      <c r="MRX1192" s="10"/>
      <c r="MRY1192" s="10"/>
      <c r="MRZ1192" s="10"/>
      <c r="MSA1192" s="10"/>
      <c r="MSB1192" s="10"/>
      <c r="MSC1192" s="10"/>
      <c r="MSD1192" s="10"/>
      <c r="MSE1192" s="10"/>
      <c r="MSF1192" s="10"/>
      <c r="MSG1192" s="10"/>
      <c r="MSH1192" s="10"/>
      <c r="MSI1192" s="10"/>
      <c r="MSJ1192" s="10"/>
      <c r="MSK1192" s="10"/>
      <c r="MSL1192" s="10"/>
      <c r="MSM1192" s="10"/>
      <c r="MSN1192" s="10"/>
      <c r="MSO1192" s="10"/>
      <c r="MSP1192" s="10"/>
      <c r="MSQ1192" s="10"/>
      <c r="MSR1192" s="10"/>
      <c r="MSS1192" s="10"/>
      <c r="MST1192" s="10"/>
      <c r="MSU1192" s="10"/>
      <c r="MSV1192" s="10"/>
      <c r="MSW1192" s="10"/>
      <c r="MSX1192" s="10"/>
      <c r="MSY1192" s="10"/>
      <c r="MSZ1192" s="10"/>
      <c r="MTA1192" s="10"/>
      <c r="MTB1192" s="10"/>
      <c r="MTC1192" s="10"/>
      <c r="MTD1192" s="10"/>
      <c r="MTE1192" s="10"/>
      <c r="MTF1192" s="10"/>
      <c r="MTG1192" s="10"/>
      <c r="MTH1192" s="10"/>
      <c r="MTI1192" s="10"/>
      <c r="MTJ1192" s="10"/>
      <c r="MTK1192" s="10"/>
      <c r="MTL1192" s="10"/>
      <c r="MTM1192" s="10"/>
      <c r="MTN1192" s="10"/>
      <c r="MTO1192" s="10"/>
      <c r="MTP1192" s="10"/>
      <c r="MTQ1192" s="10"/>
      <c r="MTR1192" s="10"/>
      <c r="MTS1192" s="10"/>
      <c r="MTT1192" s="10"/>
      <c r="MTU1192" s="10"/>
      <c r="MTV1192" s="10"/>
      <c r="MTW1192" s="10"/>
      <c r="MTX1192" s="10"/>
      <c r="MTY1192" s="10"/>
      <c r="MTZ1192" s="10"/>
      <c r="MUA1192" s="10"/>
      <c r="MUB1192" s="10"/>
      <c r="MUC1192" s="10"/>
      <c r="MUD1192" s="10"/>
      <c r="MUE1192" s="10"/>
      <c r="MUF1192" s="10"/>
      <c r="MUG1192" s="10"/>
      <c r="MUH1192" s="10"/>
      <c r="MUI1192" s="10"/>
      <c r="MUJ1192" s="10"/>
      <c r="MUK1192" s="10"/>
      <c r="MUL1192" s="10"/>
      <c r="MUM1192" s="10"/>
      <c r="MUN1192" s="10"/>
      <c r="MUO1192" s="10"/>
      <c r="MUP1192" s="10"/>
      <c r="MUQ1192" s="10"/>
      <c r="MUR1192" s="10"/>
      <c r="MUS1192" s="10"/>
      <c r="MUT1192" s="10"/>
      <c r="MUU1192" s="10"/>
      <c r="MUV1192" s="10"/>
      <c r="MUW1192" s="10"/>
      <c r="MUX1192" s="10"/>
      <c r="MUY1192" s="10"/>
      <c r="MUZ1192" s="10"/>
      <c r="MVA1192" s="10"/>
      <c r="MVB1192" s="10"/>
      <c r="MVC1192" s="10"/>
      <c r="MVD1192" s="10"/>
      <c r="MVE1192" s="10"/>
      <c r="MVF1192" s="10"/>
      <c r="MVG1192" s="10"/>
      <c r="MVH1192" s="10"/>
      <c r="MVI1192" s="10"/>
      <c r="MVJ1192" s="10"/>
      <c r="MVK1192" s="10"/>
      <c r="MVL1192" s="10"/>
      <c r="MVM1192" s="10"/>
      <c r="MVN1192" s="10"/>
      <c r="MVO1192" s="10"/>
      <c r="MVP1192" s="10"/>
      <c r="MVQ1192" s="10"/>
      <c r="MVR1192" s="10"/>
      <c r="MVS1192" s="10"/>
      <c r="MVT1192" s="10"/>
      <c r="MVU1192" s="10"/>
      <c r="MVV1192" s="10"/>
      <c r="MVW1192" s="10"/>
      <c r="MVX1192" s="10"/>
      <c r="MVY1192" s="10"/>
      <c r="MVZ1192" s="10"/>
      <c r="MWA1192" s="10"/>
      <c r="MWB1192" s="10"/>
      <c r="MWC1192" s="10"/>
      <c r="MWD1192" s="10"/>
      <c r="MWE1192" s="10"/>
      <c r="MWF1192" s="10"/>
      <c r="MWG1192" s="10"/>
      <c r="MWH1192" s="10"/>
      <c r="MWI1192" s="10"/>
      <c r="MWJ1192" s="10"/>
      <c r="MWK1192" s="10"/>
      <c r="MWL1192" s="10"/>
      <c r="MWM1192" s="10"/>
      <c r="MWN1192" s="10"/>
      <c r="MWO1192" s="10"/>
      <c r="MWP1192" s="10"/>
      <c r="MWQ1192" s="10"/>
      <c r="MWR1192" s="10"/>
      <c r="MWS1192" s="10"/>
      <c r="MWT1192" s="10"/>
      <c r="MWU1192" s="10"/>
      <c r="MWV1192" s="10"/>
      <c r="MWW1192" s="10"/>
      <c r="MWX1192" s="10"/>
      <c r="MWY1192" s="10"/>
      <c r="MWZ1192" s="10"/>
      <c r="MXA1192" s="10"/>
      <c r="MXB1192" s="10"/>
      <c r="MXC1192" s="10"/>
      <c r="MXD1192" s="10"/>
      <c r="MXE1192" s="10"/>
      <c r="MXF1192" s="10"/>
      <c r="MXG1192" s="10"/>
      <c r="MXH1192" s="10"/>
      <c r="MXI1192" s="10"/>
      <c r="MXJ1192" s="10"/>
      <c r="MXK1192" s="10"/>
      <c r="MXL1192" s="10"/>
      <c r="MXM1192" s="10"/>
      <c r="MXN1192" s="10"/>
      <c r="MXO1192" s="10"/>
      <c r="MXP1192" s="10"/>
      <c r="MXQ1192" s="10"/>
      <c r="MXR1192" s="10"/>
      <c r="MXS1192" s="10"/>
      <c r="MXT1192" s="10"/>
      <c r="MXU1192" s="10"/>
      <c r="MXV1192" s="10"/>
      <c r="MXW1192" s="10"/>
      <c r="MXX1192" s="10"/>
      <c r="MXY1192" s="10"/>
      <c r="MXZ1192" s="10"/>
      <c r="MYA1192" s="10"/>
      <c r="MYB1192" s="10"/>
      <c r="MYC1192" s="10"/>
      <c r="MYD1192" s="10"/>
      <c r="MYE1192" s="10"/>
      <c r="MYF1192" s="10"/>
      <c r="MYG1192" s="10"/>
      <c r="MYH1192" s="10"/>
      <c r="MYI1192" s="10"/>
      <c r="MYJ1192" s="10"/>
      <c r="MYK1192" s="10"/>
      <c r="MYL1192" s="10"/>
      <c r="MYM1192" s="10"/>
      <c r="MYN1192" s="10"/>
      <c r="MYO1192" s="10"/>
      <c r="MYP1192" s="10"/>
      <c r="MYQ1192" s="10"/>
      <c r="MYR1192" s="10"/>
      <c r="MYS1192" s="10"/>
      <c r="MYT1192" s="10"/>
      <c r="MYU1192" s="10"/>
      <c r="MYV1192" s="10"/>
      <c r="MYW1192" s="10"/>
      <c r="MYX1192" s="10"/>
      <c r="MYY1192" s="10"/>
      <c r="MYZ1192" s="10"/>
      <c r="MZA1192" s="10"/>
      <c r="MZB1192" s="10"/>
      <c r="MZC1192" s="10"/>
      <c r="MZD1192" s="10"/>
      <c r="MZE1192" s="10"/>
      <c r="MZF1192" s="10"/>
      <c r="MZG1192" s="10"/>
      <c r="MZH1192" s="10"/>
      <c r="MZI1192" s="10"/>
      <c r="MZJ1192" s="10"/>
      <c r="MZK1192" s="10"/>
      <c r="MZL1192" s="10"/>
      <c r="MZM1192" s="10"/>
      <c r="MZN1192" s="10"/>
      <c r="MZO1192" s="10"/>
      <c r="MZP1192" s="10"/>
      <c r="MZQ1192" s="10"/>
      <c r="MZR1192" s="10"/>
      <c r="MZS1192" s="10"/>
      <c r="MZT1192" s="10"/>
      <c r="MZU1192" s="10"/>
      <c r="MZV1192" s="10"/>
      <c r="MZW1192" s="10"/>
      <c r="MZX1192" s="10"/>
      <c r="MZY1192" s="10"/>
      <c r="MZZ1192" s="10"/>
      <c r="NAA1192" s="10"/>
      <c r="NAB1192" s="10"/>
      <c r="NAC1192" s="10"/>
      <c r="NAD1192" s="10"/>
      <c r="NAE1192" s="10"/>
      <c r="NAF1192" s="10"/>
      <c r="NAG1192" s="10"/>
      <c r="NAH1192" s="10"/>
      <c r="NAI1192" s="10"/>
      <c r="NAJ1192" s="10"/>
      <c r="NAK1192" s="10"/>
      <c r="NAL1192" s="10"/>
      <c r="NAM1192" s="10"/>
      <c r="NAN1192" s="10"/>
      <c r="NAO1192" s="10"/>
      <c r="NAP1192" s="10"/>
      <c r="NAQ1192" s="10"/>
      <c r="NAR1192" s="10"/>
      <c r="NAS1192" s="10"/>
      <c r="NAT1192" s="10"/>
      <c r="NAU1192" s="10"/>
      <c r="NAV1192" s="10"/>
      <c r="NAW1192" s="10"/>
      <c r="NAX1192" s="10"/>
      <c r="NAY1192" s="10"/>
      <c r="NAZ1192" s="10"/>
      <c r="NBA1192" s="10"/>
      <c r="NBB1192" s="10"/>
      <c r="NBC1192" s="10"/>
      <c r="NBD1192" s="10"/>
      <c r="NBE1192" s="10"/>
      <c r="NBF1192" s="10"/>
      <c r="NBG1192" s="10"/>
      <c r="NBH1192" s="10"/>
      <c r="NBI1192" s="10"/>
      <c r="NBJ1192" s="10"/>
      <c r="NBK1192" s="10"/>
      <c r="NBL1192" s="10"/>
      <c r="NBM1192" s="10"/>
      <c r="NBN1192" s="10"/>
      <c r="NBO1192" s="10"/>
      <c r="NBP1192" s="10"/>
      <c r="NBQ1192" s="10"/>
      <c r="NBR1192" s="10"/>
      <c r="NBS1192" s="10"/>
      <c r="NBT1192" s="10"/>
      <c r="NBU1192" s="10"/>
      <c r="NBV1192" s="10"/>
      <c r="NBW1192" s="10"/>
      <c r="NBX1192" s="10"/>
      <c r="NBY1192" s="10"/>
      <c r="NBZ1192" s="10"/>
      <c r="NCA1192" s="10"/>
      <c r="NCB1192" s="10"/>
      <c r="NCC1192" s="10"/>
      <c r="NCD1192" s="10"/>
      <c r="NCE1192" s="10"/>
      <c r="NCF1192" s="10"/>
      <c r="NCG1192" s="10"/>
      <c r="NCH1192" s="10"/>
      <c r="NCI1192" s="10"/>
      <c r="NCJ1192" s="10"/>
      <c r="NCK1192" s="10"/>
      <c r="NCL1192" s="10"/>
      <c r="NCM1192" s="10"/>
      <c r="NCN1192" s="10"/>
      <c r="NCO1192" s="10"/>
      <c r="NCP1192" s="10"/>
      <c r="NCQ1192" s="10"/>
      <c r="NCR1192" s="10"/>
      <c r="NCS1192" s="10"/>
      <c r="NCT1192" s="10"/>
      <c r="NCU1192" s="10"/>
      <c r="NCV1192" s="10"/>
      <c r="NCW1192" s="10"/>
      <c r="NCX1192" s="10"/>
      <c r="NCY1192" s="10"/>
      <c r="NCZ1192" s="10"/>
      <c r="NDA1192" s="10"/>
      <c r="NDB1192" s="10"/>
      <c r="NDC1192" s="10"/>
      <c r="NDD1192" s="10"/>
      <c r="NDE1192" s="10"/>
      <c r="NDF1192" s="10"/>
      <c r="NDG1192" s="10"/>
      <c r="NDH1192" s="10"/>
      <c r="NDI1192" s="10"/>
      <c r="NDJ1192" s="10"/>
      <c r="NDK1192" s="10"/>
      <c r="NDL1192" s="10"/>
      <c r="NDM1192" s="10"/>
      <c r="NDN1192" s="10"/>
      <c r="NDO1192" s="10"/>
      <c r="NDP1192" s="10"/>
      <c r="NDQ1192" s="10"/>
      <c r="NDR1192" s="10"/>
      <c r="NDS1192" s="10"/>
      <c r="NDT1192" s="10"/>
      <c r="NDU1192" s="10"/>
      <c r="NDV1192" s="10"/>
      <c r="NDW1192" s="10"/>
      <c r="NDX1192" s="10"/>
      <c r="NDY1192" s="10"/>
      <c r="NDZ1192" s="10"/>
      <c r="NEA1192" s="10"/>
      <c r="NEB1192" s="10"/>
      <c r="NEC1192" s="10"/>
      <c r="NED1192" s="10"/>
      <c r="NEE1192" s="10"/>
      <c r="NEF1192" s="10"/>
      <c r="NEG1192" s="10"/>
      <c r="NEH1192" s="10"/>
      <c r="NEI1192" s="10"/>
      <c r="NEJ1192" s="10"/>
      <c r="NEK1192" s="10"/>
      <c r="NEL1192" s="10"/>
      <c r="NEM1192" s="10"/>
      <c r="NEN1192" s="10"/>
      <c r="NEO1192" s="10"/>
      <c r="NEP1192" s="10"/>
      <c r="NEQ1192" s="10"/>
      <c r="NER1192" s="10"/>
      <c r="NES1192" s="10"/>
      <c r="NET1192" s="10"/>
      <c r="NEU1192" s="10"/>
      <c r="NEV1192" s="10"/>
      <c r="NEW1192" s="10"/>
      <c r="NEX1192" s="10"/>
      <c r="NEY1192" s="10"/>
      <c r="NEZ1192" s="10"/>
      <c r="NFA1192" s="10"/>
      <c r="NFB1192" s="10"/>
      <c r="NFC1192" s="10"/>
      <c r="NFD1192" s="10"/>
      <c r="NFE1192" s="10"/>
      <c r="NFF1192" s="10"/>
      <c r="NFG1192" s="10"/>
      <c r="NFH1192" s="10"/>
      <c r="NFI1192" s="10"/>
      <c r="NFJ1192" s="10"/>
      <c r="NFK1192" s="10"/>
      <c r="NFL1192" s="10"/>
      <c r="NFM1192" s="10"/>
      <c r="NFN1192" s="10"/>
      <c r="NFO1192" s="10"/>
      <c r="NFP1192" s="10"/>
      <c r="NFQ1192" s="10"/>
      <c r="NFR1192" s="10"/>
      <c r="NFS1192" s="10"/>
      <c r="NFT1192" s="10"/>
      <c r="NFU1192" s="10"/>
      <c r="NFV1192" s="10"/>
      <c r="NFW1192" s="10"/>
      <c r="NFX1192" s="10"/>
      <c r="NFY1192" s="10"/>
      <c r="NFZ1192" s="10"/>
      <c r="NGA1192" s="10"/>
      <c r="NGB1192" s="10"/>
      <c r="NGC1192" s="10"/>
      <c r="NGD1192" s="10"/>
      <c r="NGE1192" s="10"/>
      <c r="NGF1192" s="10"/>
      <c r="NGG1192" s="10"/>
      <c r="NGH1192" s="10"/>
      <c r="NGI1192" s="10"/>
      <c r="NGJ1192" s="10"/>
      <c r="NGK1192" s="10"/>
      <c r="NGL1192" s="10"/>
      <c r="NGM1192" s="10"/>
      <c r="NGN1192" s="10"/>
      <c r="NGO1192" s="10"/>
      <c r="NGP1192" s="10"/>
      <c r="NGQ1192" s="10"/>
      <c r="NGR1192" s="10"/>
      <c r="NGS1192" s="10"/>
      <c r="NGT1192" s="10"/>
      <c r="NGU1192" s="10"/>
      <c r="NGV1192" s="10"/>
      <c r="NGW1192" s="10"/>
      <c r="NGX1192" s="10"/>
      <c r="NGY1192" s="10"/>
      <c r="NGZ1192" s="10"/>
      <c r="NHA1192" s="10"/>
      <c r="NHB1192" s="10"/>
      <c r="NHC1192" s="10"/>
      <c r="NHD1192" s="10"/>
      <c r="NHE1192" s="10"/>
      <c r="NHF1192" s="10"/>
      <c r="NHG1192" s="10"/>
      <c r="NHH1192" s="10"/>
      <c r="NHI1192" s="10"/>
      <c r="NHJ1192" s="10"/>
      <c r="NHK1192" s="10"/>
      <c r="NHL1192" s="10"/>
      <c r="NHM1192" s="10"/>
      <c r="NHN1192" s="10"/>
      <c r="NHO1192" s="10"/>
      <c r="NHP1192" s="10"/>
      <c r="NHQ1192" s="10"/>
      <c r="NHR1192" s="10"/>
      <c r="NHS1192" s="10"/>
      <c r="NHT1192" s="10"/>
      <c r="NHU1192" s="10"/>
      <c r="NHV1192" s="10"/>
      <c r="NHW1192" s="10"/>
      <c r="NHX1192" s="10"/>
      <c r="NHY1192" s="10"/>
      <c r="NHZ1192" s="10"/>
      <c r="NIA1192" s="10"/>
      <c r="NIB1192" s="10"/>
      <c r="NIC1192" s="10"/>
      <c r="NID1192" s="10"/>
      <c r="NIE1192" s="10"/>
      <c r="NIF1192" s="10"/>
      <c r="NIG1192" s="10"/>
      <c r="NIH1192" s="10"/>
      <c r="NII1192" s="10"/>
      <c r="NIJ1192" s="10"/>
      <c r="NIK1192" s="10"/>
      <c r="NIL1192" s="10"/>
      <c r="NIM1192" s="10"/>
      <c r="NIN1192" s="10"/>
      <c r="NIO1192" s="10"/>
      <c r="NIP1192" s="10"/>
      <c r="NIQ1192" s="10"/>
      <c r="NIR1192" s="10"/>
      <c r="NIS1192" s="10"/>
      <c r="NIT1192" s="10"/>
      <c r="NIU1192" s="10"/>
      <c r="NIV1192" s="10"/>
      <c r="NIW1192" s="10"/>
      <c r="NIX1192" s="10"/>
      <c r="NIY1192" s="10"/>
      <c r="NIZ1192" s="10"/>
      <c r="NJA1192" s="10"/>
      <c r="NJB1192" s="10"/>
      <c r="NJC1192" s="10"/>
      <c r="NJD1192" s="10"/>
      <c r="NJE1192" s="10"/>
      <c r="NJF1192" s="10"/>
      <c r="NJG1192" s="10"/>
      <c r="NJH1192" s="10"/>
      <c r="NJI1192" s="10"/>
      <c r="NJJ1192" s="10"/>
      <c r="NJK1192" s="10"/>
      <c r="NJL1192" s="10"/>
      <c r="NJM1192" s="10"/>
      <c r="NJN1192" s="10"/>
      <c r="NJO1192" s="10"/>
      <c r="NJP1192" s="10"/>
      <c r="NJQ1192" s="10"/>
      <c r="NJR1192" s="10"/>
      <c r="NJS1192" s="10"/>
      <c r="NJT1192" s="10"/>
      <c r="NJU1192" s="10"/>
      <c r="NJV1192" s="10"/>
      <c r="NJW1192" s="10"/>
      <c r="NJX1192" s="10"/>
      <c r="NJY1192" s="10"/>
      <c r="NJZ1192" s="10"/>
      <c r="NKA1192" s="10"/>
      <c r="NKB1192" s="10"/>
      <c r="NKC1192" s="10"/>
      <c r="NKD1192" s="10"/>
      <c r="NKE1192" s="10"/>
      <c r="NKF1192" s="10"/>
      <c r="NKG1192" s="10"/>
      <c r="NKH1192" s="10"/>
      <c r="NKI1192" s="10"/>
      <c r="NKJ1192" s="10"/>
      <c r="NKK1192" s="10"/>
      <c r="NKL1192" s="10"/>
      <c r="NKM1192" s="10"/>
      <c r="NKN1192" s="10"/>
      <c r="NKO1192" s="10"/>
      <c r="NKP1192" s="10"/>
      <c r="NKQ1192" s="10"/>
      <c r="NKR1192" s="10"/>
      <c r="NKS1192" s="10"/>
      <c r="NKT1192" s="10"/>
      <c r="NKU1192" s="10"/>
      <c r="NKV1192" s="10"/>
      <c r="NKW1192" s="10"/>
      <c r="NKX1192" s="10"/>
      <c r="NKY1192" s="10"/>
      <c r="NKZ1192" s="10"/>
      <c r="NLA1192" s="10"/>
      <c r="NLB1192" s="10"/>
      <c r="NLC1192" s="10"/>
      <c r="NLD1192" s="10"/>
      <c r="NLE1192" s="10"/>
      <c r="NLF1192" s="10"/>
      <c r="NLG1192" s="10"/>
      <c r="NLH1192" s="10"/>
      <c r="NLI1192" s="10"/>
      <c r="NLJ1192" s="10"/>
      <c r="NLK1192" s="10"/>
      <c r="NLL1192" s="10"/>
      <c r="NLM1192" s="10"/>
      <c r="NLN1192" s="10"/>
      <c r="NLO1192" s="10"/>
      <c r="NLP1192" s="10"/>
      <c r="NLQ1192" s="10"/>
      <c r="NLR1192" s="10"/>
      <c r="NLS1192" s="10"/>
      <c r="NLT1192" s="10"/>
      <c r="NLU1192" s="10"/>
      <c r="NLV1192" s="10"/>
      <c r="NLW1192" s="10"/>
      <c r="NLX1192" s="10"/>
      <c r="NLY1192" s="10"/>
      <c r="NLZ1192" s="10"/>
      <c r="NMA1192" s="10"/>
      <c r="NMB1192" s="10"/>
      <c r="NMC1192" s="10"/>
      <c r="NMD1192" s="10"/>
      <c r="NME1192" s="10"/>
      <c r="NMF1192" s="10"/>
      <c r="NMG1192" s="10"/>
      <c r="NMH1192" s="10"/>
      <c r="NMI1192" s="10"/>
      <c r="NMJ1192" s="10"/>
      <c r="NMK1192" s="10"/>
      <c r="NML1192" s="10"/>
      <c r="NMM1192" s="10"/>
      <c r="NMN1192" s="10"/>
      <c r="NMO1192" s="10"/>
      <c r="NMP1192" s="10"/>
      <c r="NMQ1192" s="10"/>
      <c r="NMR1192" s="10"/>
      <c r="NMS1192" s="10"/>
      <c r="NMT1192" s="10"/>
      <c r="NMU1192" s="10"/>
      <c r="NMV1192" s="10"/>
      <c r="NMW1192" s="10"/>
      <c r="NMX1192" s="10"/>
      <c r="NMY1192" s="10"/>
      <c r="NMZ1192" s="10"/>
      <c r="NNA1192" s="10"/>
      <c r="NNB1192" s="10"/>
      <c r="NNC1192" s="10"/>
      <c r="NND1192" s="10"/>
      <c r="NNE1192" s="10"/>
      <c r="NNF1192" s="10"/>
      <c r="NNG1192" s="10"/>
      <c r="NNH1192" s="10"/>
      <c r="NNI1192" s="10"/>
      <c r="NNJ1192" s="10"/>
      <c r="NNK1192" s="10"/>
      <c r="NNL1192" s="10"/>
      <c r="NNM1192" s="10"/>
      <c r="NNN1192" s="10"/>
      <c r="NNO1192" s="10"/>
      <c r="NNP1192" s="10"/>
      <c r="NNQ1192" s="10"/>
      <c r="NNR1192" s="10"/>
      <c r="NNS1192" s="10"/>
      <c r="NNT1192" s="10"/>
      <c r="NNU1192" s="10"/>
      <c r="NNV1192" s="10"/>
      <c r="NNW1192" s="10"/>
      <c r="NNX1192" s="10"/>
      <c r="NNY1192" s="10"/>
      <c r="NNZ1192" s="10"/>
      <c r="NOA1192" s="10"/>
      <c r="NOB1192" s="10"/>
      <c r="NOC1192" s="10"/>
      <c r="NOD1192" s="10"/>
      <c r="NOE1192" s="10"/>
      <c r="NOF1192" s="10"/>
      <c r="NOG1192" s="10"/>
      <c r="NOH1192" s="10"/>
      <c r="NOI1192" s="10"/>
      <c r="NOJ1192" s="10"/>
      <c r="NOK1192" s="10"/>
      <c r="NOL1192" s="10"/>
      <c r="NOM1192" s="10"/>
      <c r="NON1192" s="10"/>
      <c r="NOO1192" s="10"/>
      <c r="NOP1192" s="10"/>
      <c r="NOQ1192" s="10"/>
      <c r="NOR1192" s="10"/>
      <c r="NOS1192" s="10"/>
      <c r="NOT1192" s="10"/>
      <c r="NOU1192" s="10"/>
      <c r="NOV1192" s="10"/>
      <c r="NOW1192" s="10"/>
      <c r="NOX1192" s="10"/>
      <c r="NOY1192" s="10"/>
      <c r="NOZ1192" s="10"/>
      <c r="NPA1192" s="10"/>
      <c r="NPB1192" s="10"/>
      <c r="NPC1192" s="10"/>
      <c r="NPD1192" s="10"/>
      <c r="NPE1192" s="10"/>
      <c r="NPF1192" s="10"/>
      <c r="NPG1192" s="10"/>
      <c r="NPH1192" s="10"/>
      <c r="NPI1192" s="10"/>
      <c r="NPJ1192" s="10"/>
      <c r="NPK1192" s="10"/>
      <c r="NPL1192" s="10"/>
      <c r="NPM1192" s="10"/>
      <c r="NPN1192" s="10"/>
      <c r="NPO1192" s="10"/>
      <c r="NPP1192" s="10"/>
      <c r="NPQ1192" s="10"/>
      <c r="NPR1192" s="10"/>
      <c r="NPS1192" s="10"/>
      <c r="NPT1192" s="10"/>
      <c r="NPU1192" s="10"/>
      <c r="NPV1192" s="10"/>
      <c r="NPW1192" s="10"/>
      <c r="NPX1192" s="10"/>
      <c r="NPY1192" s="10"/>
      <c r="NPZ1192" s="10"/>
      <c r="NQA1192" s="10"/>
      <c r="NQB1192" s="10"/>
      <c r="NQC1192" s="10"/>
      <c r="NQD1192" s="10"/>
      <c r="NQE1192" s="10"/>
      <c r="NQF1192" s="10"/>
      <c r="NQG1192" s="10"/>
      <c r="NQH1192" s="10"/>
      <c r="NQI1192" s="10"/>
      <c r="NQJ1192" s="10"/>
      <c r="NQK1192" s="10"/>
      <c r="NQL1192" s="10"/>
      <c r="NQM1192" s="10"/>
      <c r="NQN1192" s="10"/>
      <c r="NQO1192" s="10"/>
      <c r="NQP1192" s="10"/>
      <c r="NQQ1192" s="10"/>
      <c r="NQR1192" s="10"/>
      <c r="NQS1192" s="10"/>
      <c r="NQT1192" s="10"/>
      <c r="NQU1192" s="10"/>
      <c r="NQV1192" s="10"/>
      <c r="NQW1192" s="10"/>
      <c r="NQX1192" s="10"/>
      <c r="NQY1192" s="10"/>
      <c r="NQZ1192" s="10"/>
      <c r="NRA1192" s="10"/>
      <c r="NRB1192" s="10"/>
      <c r="NRC1192" s="10"/>
      <c r="NRD1192" s="10"/>
      <c r="NRE1192" s="10"/>
      <c r="NRF1192" s="10"/>
      <c r="NRG1192" s="10"/>
      <c r="NRH1192" s="10"/>
      <c r="NRI1192" s="10"/>
      <c r="NRJ1192" s="10"/>
      <c r="NRK1192" s="10"/>
      <c r="NRL1192" s="10"/>
      <c r="NRM1192" s="10"/>
      <c r="NRN1192" s="10"/>
      <c r="NRO1192" s="10"/>
      <c r="NRP1192" s="10"/>
      <c r="NRQ1192" s="10"/>
      <c r="NRR1192" s="10"/>
      <c r="NRS1192" s="10"/>
      <c r="NRT1192" s="10"/>
      <c r="NRU1192" s="10"/>
      <c r="NRV1192" s="10"/>
      <c r="NRW1192" s="10"/>
      <c r="NRX1192" s="10"/>
      <c r="NRY1192" s="10"/>
      <c r="NRZ1192" s="10"/>
      <c r="NSA1192" s="10"/>
      <c r="NSB1192" s="10"/>
      <c r="NSC1192" s="10"/>
      <c r="NSD1192" s="10"/>
      <c r="NSE1192" s="10"/>
      <c r="NSF1192" s="10"/>
      <c r="NSG1192" s="10"/>
      <c r="NSH1192" s="10"/>
      <c r="NSI1192" s="10"/>
      <c r="NSJ1192" s="10"/>
      <c r="NSK1192" s="10"/>
      <c r="NSL1192" s="10"/>
      <c r="NSM1192" s="10"/>
      <c r="NSN1192" s="10"/>
      <c r="NSO1192" s="10"/>
      <c r="NSP1192" s="10"/>
      <c r="NSQ1192" s="10"/>
      <c r="NSR1192" s="10"/>
      <c r="NSS1192" s="10"/>
      <c r="NST1192" s="10"/>
      <c r="NSU1192" s="10"/>
      <c r="NSV1192" s="10"/>
      <c r="NSW1192" s="10"/>
      <c r="NSX1192" s="10"/>
      <c r="NSY1192" s="10"/>
      <c r="NSZ1192" s="10"/>
      <c r="NTA1192" s="10"/>
      <c r="NTB1192" s="10"/>
      <c r="NTC1192" s="10"/>
      <c r="NTD1192" s="10"/>
      <c r="NTE1192" s="10"/>
      <c r="NTF1192" s="10"/>
      <c r="NTG1192" s="10"/>
      <c r="NTH1192" s="10"/>
      <c r="NTI1192" s="10"/>
      <c r="NTJ1192" s="10"/>
      <c r="NTK1192" s="10"/>
      <c r="NTL1192" s="10"/>
      <c r="NTM1192" s="10"/>
      <c r="NTN1192" s="10"/>
      <c r="NTO1192" s="10"/>
      <c r="NTP1192" s="10"/>
      <c r="NTQ1192" s="10"/>
      <c r="NTR1192" s="10"/>
      <c r="NTS1192" s="10"/>
      <c r="NTT1192" s="10"/>
      <c r="NTU1192" s="10"/>
      <c r="NTV1192" s="10"/>
      <c r="NTW1192" s="10"/>
      <c r="NTX1192" s="10"/>
      <c r="NTY1192" s="10"/>
      <c r="NTZ1192" s="10"/>
      <c r="NUA1192" s="10"/>
      <c r="NUB1192" s="10"/>
      <c r="NUC1192" s="10"/>
      <c r="NUD1192" s="10"/>
      <c r="NUE1192" s="10"/>
      <c r="NUF1192" s="10"/>
      <c r="NUG1192" s="10"/>
      <c r="NUH1192" s="10"/>
      <c r="NUI1192" s="10"/>
      <c r="NUJ1192" s="10"/>
      <c r="NUK1192" s="10"/>
      <c r="NUL1192" s="10"/>
      <c r="NUM1192" s="10"/>
      <c r="NUN1192" s="10"/>
      <c r="NUO1192" s="10"/>
      <c r="NUP1192" s="10"/>
      <c r="NUQ1192" s="10"/>
      <c r="NUR1192" s="10"/>
      <c r="NUS1192" s="10"/>
      <c r="NUT1192" s="10"/>
      <c r="NUU1192" s="10"/>
      <c r="NUV1192" s="10"/>
      <c r="NUW1192" s="10"/>
      <c r="NUX1192" s="10"/>
      <c r="NUY1192" s="10"/>
      <c r="NUZ1192" s="10"/>
      <c r="NVA1192" s="10"/>
      <c r="NVB1192" s="10"/>
      <c r="NVC1192" s="10"/>
      <c r="NVD1192" s="10"/>
      <c r="NVE1192" s="10"/>
      <c r="NVF1192" s="10"/>
      <c r="NVG1192" s="10"/>
      <c r="NVH1192" s="10"/>
      <c r="NVI1192" s="10"/>
      <c r="NVJ1192" s="10"/>
      <c r="NVK1192" s="10"/>
      <c r="NVL1192" s="10"/>
      <c r="NVM1192" s="10"/>
      <c r="NVN1192" s="10"/>
      <c r="NVO1192" s="10"/>
      <c r="NVP1192" s="10"/>
      <c r="NVQ1192" s="10"/>
      <c r="NVR1192" s="10"/>
      <c r="NVS1192" s="10"/>
      <c r="NVT1192" s="10"/>
      <c r="NVU1192" s="10"/>
      <c r="NVV1192" s="10"/>
      <c r="NVW1192" s="10"/>
      <c r="NVX1192" s="10"/>
      <c r="NVY1192" s="10"/>
      <c r="NVZ1192" s="10"/>
      <c r="NWA1192" s="10"/>
      <c r="NWB1192" s="10"/>
      <c r="NWC1192" s="10"/>
      <c r="NWD1192" s="10"/>
      <c r="NWE1192" s="10"/>
      <c r="NWF1192" s="10"/>
      <c r="NWG1192" s="10"/>
      <c r="NWH1192" s="10"/>
      <c r="NWI1192" s="10"/>
      <c r="NWJ1192" s="10"/>
      <c r="NWK1192" s="10"/>
      <c r="NWL1192" s="10"/>
      <c r="NWM1192" s="10"/>
      <c r="NWN1192" s="10"/>
      <c r="NWO1192" s="10"/>
      <c r="NWP1192" s="10"/>
      <c r="NWQ1192" s="10"/>
      <c r="NWR1192" s="10"/>
      <c r="NWS1192" s="10"/>
      <c r="NWT1192" s="10"/>
      <c r="NWU1192" s="10"/>
      <c r="NWV1192" s="10"/>
      <c r="NWW1192" s="10"/>
      <c r="NWX1192" s="10"/>
      <c r="NWY1192" s="10"/>
      <c r="NWZ1192" s="10"/>
      <c r="NXA1192" s="10"/>
      <c r="NXB1192" s="10"/>
      <c r="NXC1192" s="10"/>
      <c r="NXD1192" s="10"/>
      <c r="NXE1192" s="10"/>
      <c r="NXF1192" s="10"/>
      <c r="NXG1192" s="10"/>
      <c r="NXH1192" s="10"/>
      <c r="NXI1192" s="10"/>
      <c r="NXJ1192" s="10"/>
      <c r="NXK1192" s="10"/>
      <c r="NXL1192" s="10"/>
      <c r="NXM1192" s="10"/>
      <c r="NXN1192" s="10"/>
      <c r="NXO1192" s="10"/>
      <c r="NXP1192" s="10"/>
      <c r="NXQ1192" s="10"/>
      <c r="NXR1192" s="10"/>
      <c r="NXS1192" s="10"/>
      <c r="NXT1192" s="10"/>
      <c r="NXU1192" s="10"/>
      <c r="NXV1192" s="10"/>
      <c r="NXW1192" s="10"/>
      <c r="NXX1192" s="10"/>
      <c r="NXY1192" s="10"/>
      <c r="NXZ1192" s="10"/>
      <c r="NYA1192" s="10"/>
      <c r="NYB1192" s="10"/>
      <c r="NYC1192" s="10"/>
      <c r="NYD1192" s="10"/>
      <c r="NYE1192" s="10"/>
      <c r="NYF1192" s="10"/>
      <c r="NYG1192" s="10"/>
      <c r="NYH1192" s="10"/>
      <c r="NYI1192" s="10"/>
      <c r="NYJ1192" s="10"/>
      <c r="NYK1192" s="10"/>
      <c r="NYL1192" s="10"/>
      <c r="NYM1192" s="10"/>
      <c r="NYN1192" s="10"/>
      <c r="NYO1192" s="10"/>
      <c r="NYP1192" s="10"/>
      <c r="NYQ1192" s="10"/>
      <c r="NYR1192" s="10"/>
      <c r="NYS1192" s="10"/>
      <c r="NYT1192" s="10"/>
      <c r="NYU1192" s="10"/>
      <c r="NYV1192" s="10"/>
      <c r="NYW1192" s="10"/>
      <c r="NYX1192" s="10"/>
      <c r="NYY1192" s="10"/>
      <c r="NYZ1192" s="10"/>
      <c r="NZA1192" s="10"/>
      <c r="NZB1192" s="10"/>
      <c r="NZC1192" s="10"/>
      <c r="NZD1192" s="10"/>
      <c r="NZE1192" s="10"/>
      <c r="NZF1192" s="10"/>
      <c r="NZG1192" s="10"/>
      <c r="NZH1192" s="10"/>
      <c r="NZI1192" s="10"/>
      <c r="NZJ1192" s="10"/>
      <c r="NZK1192" s="10"/>
      <c r="NZL1192" s="10"/>
      <c r="NZM1192" s="10"/>
      <c r="NZN1192" s="10"/>
      <c r="NZO1192" s="10"/>
      <c r="NZP1192" s="10"/>
      <c r="NZQ1192" s="10"/>
      <c r="NZR1192" s="10"/>
      <c r="NZS1192" s="10"/>
      <c r="NZT1192" s="10"/>
      <c r="NZU1192" s="10"/>
      <c r="NZV1192" s="10"/>
      <c r="NZW1192" s="10"/>
      <c r="NZX1192" s="10"/>
      <c r="NZY1192" s="10"/>
      <c r="NZZ1192" s="10"/>
      <c r="OAA1192" s="10"/>
      <c r="OAB1192" s="10"/>
      <c r="OAC1192" s="10"/>
      <c r="OAD1192" s="10"/>
      <c r="OAE1192" s="10"/>
      <c r="OAF1192" s="10"/>
      <c r="OAG1192" s="10"/>
      <c r="OAH1192" s="10"/>
      <c r="OAI1192" s="10"/>
      <c r="OAJ1192" s="10"/>
      <c r="OAK1192" s="10"/>
      <c r="OAL1192" s="10"/>
      <c r="OAM1192" s="10"/>
      <c r="OAN1192" s="10"/>
      <c r="OAO1192" s="10"/>
      <c r="OAP1192" s="10"/>
      <c r="OAQ1192" s="10"/>
      <c r="OAR1192" s="10"/>
      <c r="OAS1192" s="10"/>
      <c r="OAT1192" s="10"/>
      <c r="OAU1192" s="10"/>
      <c r="OAV1192" s="10"/>
      <c r="OAW1192" s="10"/>
      <c r="OAX1192" s="10"/>
      <c r="OAY1192" s="10"/>
      <c r="OAZ1192" s="10"/>
      <c r="OBA1192" s="10"/>
      <c r="OBB1192" s="10"/>
      <c r="OBC1192" s="10"/>
      <c r="OBD1192" s="10"/>
      <c r="OBE1192" s="10"/>
      <c r="OBF1192" s="10"/>
      <c r="OBG1192" s="10"/>
      <c r="OBH1192" s="10"/>
      <c r="OBI1192" s="10"/>
      <c r="OBJ1192" s="10"/>
      <c r="OBK1192" s="10"/>
      <c r="OBL1192" s="10"/>
      <c r="OBM1192" s="10"/>
      <c r="OBN1192" s="10"/>
      <c r="OBO1192" s="10"/>
      <c r="OBP1192" s="10"/>
      <c r="OBQ1192" s="10"/>
      <c r="OBR1192" s="10"/>
      <c r="OBS1192" s="10"/>
      <c r="OBT1192" s="10"/>
      <c r="OBU1192" s="10"/>
      <c r="OBV1192" s="10"/>
      <c r="OBW1192" s="10"/>
      <c r="OBX1192" s="10"/>
      <c r="OBY1192" s="10"/>
      <c r="OBZ1192" s="10"/>
      <c r="OCA1192" s="10"/>
      <c r="OCB1192" s="10"/>
      <c r="OCC1192" s="10"/>
      <c r="OCD1192" s="10"/>
      <c r="OCE1192" s="10"/>
      <c r="OCF1192" s="10"/>
      <c r="OCG1192" s="10"/>
      <c r="OCH1192" s="10"/>
      <c r="OCI1192" s="10"/>
      <c r="OCJ1192" s="10"/>
      <c r="OCK1192" s="10"/>
      <c r="OCL1192" s="10"/>
      <c r="OCM1192" s="10"/>
      <c r="OCN1192" s="10"/>
      <c r="OCO1192" s="10"/>
      <c r="OCP1192" s="10"/>
      <c r="OCQ1192" s="10"/>
      <c r="OCR1192" s="10"/>
      <c r="OCS1192" s="10"/>
      <c r="OCT1192" s="10"/>
      <c r="OCU1192" s="10"/>
      <c r="OCV1192" s="10"/>
      <c r="OCW1192" s="10"/>
      <c r="OCX1192" s="10"/>
      <c r="OCY1192" s="10"/>
      <c r="OCZ1192" s="10"/>
      <c r="ODA1192" s="10"/>
      <c r="ODB1192" s="10"/>
      <c r="ODC1192" s="10"/>
      <c r="ODD1192" s="10"/>
      <c r="ODE1192" s="10"/>
      <c r="ODF1192" s="10"/>
      <c r="ODG1192" s="10"/>
      <c r="ODH1192" s="10"/>
      <c r="ODI1192" s="10"/>
      <c r="ODJ1192" s="10"/>
      <c r="ODK1192" s="10"/>
      <c r="ODL1192" s="10"/>
      <c r="ODM1192" s="10"/>
      <c r="ODN1192" s="10"/>
      <c r="ODO1192" s="10"/>
      <c r="ODP1192" s="10"/>
      <c r="ODQ1192" s="10"/>
      <c r="ODR1192" s="10"/>
      <c r="ODS1192" s="10"/>
      <c r="ODT1192" s="10"/>
      <c r="ODU1192" s="10"/>
      <c r="ODV1192" s="10"/>
      <c r="ODW1192" s="10"/>
      <c r="ODX1192" s="10"/>
      <c r="ODY1192" s="10"/>
      <c r="ODZ1192" s="10"/>
      <c r="OEA1192" s="10"/>
      <c r="OEB1192" s="10"/>
      <c r="OEC1192" s="10"/>
      <c r="OED1192" s="10"/>
      <c r="OEE1192" s="10"/>
      <c r="OEF1192" s="10"/>
      <c r="OEG1192" s="10"/>
      <c r="OEH1192" s="10"/>
      <c r="OEI1192" s="10"/>
      <c r="OEJ1192" s="10"/>
      <c r="OEK1192" s="10"/>
      <c r="OEL1192" s="10"/>
      <c r="OEM1192" s="10"/>
      <c r="OEN1192" s="10"/>
      <c r="OEO1192" s="10"/>
      <c r="OEP1192" s="10"/>
      <c r="OEQ1192" s="10"/>
      <c r="OER1192" s="10"/>
      <c r="OES1192" s="10"/>
      <c r="OET1192" s="10"/>
      <c r="OEU1192" s="10"/>
      <c r="OEV1192" s="10"/>
      <c r="OEW1192" s="10"/>
      <c r="OEX1192" s="10"/>
      <c r="OEY1192" s="10"/>
      <c r="OEZ1192" s="10"/>
      <c r="OFA1192" s="10"/>
      <c r="OFB1192" s="10"/>
      <c r="OFC1192" s="10"/>
      <c r="OFD1192" s="10"/>
      <c r="OFE1192" s="10"/>
      <c r="OFF1192" s="10"/>
      <c r="OFG1192" s="10"/>
      <c r="OFH1192" s="10"/>
      <c r="OFI1192" s="10"/>
      <c r="OFJ1192" s="10"/>
      <c r="OFK1192" s="10"/>
      <c r="OFL1192" s="10"/>
      <c r="OFM1192" s="10"/>
      <c r="OFN1192" s="10"/>
      <c r="OFO1192" s="10"/>
      <c r="OFP1192" s="10"/>
      <c r="OFQ1192" s="10"/>
      <c r="OFR1192" s="10"/>
      <c r="OFS1192" s="10"/>
      <c r="OFT1192" s="10"/>
      <c r="OFU1192" s="10"/>
      <c r="OFV1192" s="10"/>
      <c r="OFW1192" s="10"/>
      <c r="OFX1192" s="10"/>
      <c r="OFY1192" s="10"/>
      <c r="OFZ1192" s="10"/>
      <c r="OGA1192" s="10"/>
      <c r="OGB1192" s="10"/>
      <c r="OGC1192" s="10"/>
      <c r="OGD1192" s="10"/>
      <c r="OGE1192" s="10"/>
      <c r="OGF1192" s="10"/>
      <c r="OGG1192" s="10"/>
      <c r="OGH1192" s="10"/>
      <c r="OGI1192" s="10"/>
      <c r="OGJ1192" s="10"/>
      <c r="OGK1192" s="10"/>
      <c r="OGL1192" s="10"/>
      <c r="OGM1192" s="10"/>
      <c r="OGN1192" s="10"/>
      <c r="OGO1192" s="10"/>
      <c r="OGP1192" s="10"/>
      <c r="OGQ1192" s="10"/>
      <c r="OGR1192" s="10"/>
      <c r="OGS1192" s="10"/>
      <c r="OGT1192" s="10"/>
      <c r="OGU1192" s="10"/>
      <c r="OGV1192" s="10"/>
      <c r="OGW1192" s="10"/>
      <c r="OGX1192" s="10"/>
      <c r="OGY1192" s="10"/>
      <c r="OGZ1192" s="10"/>
      <c r="OHA1192" s="10"/>
      <c r="OHB1192" s="10"/>
      <c r="OHC1192" s="10"/>
      <c r="OHD1192" s="10"/>
      <c r="OHE1192" s="10"/>
      <c r="OHF1192" s="10"/>
      <c r="OHG1192" s="10"/>
      <c r="OHH1192" s="10"/>
      <c r="OHI1192" s="10"/>
      <c r="OHJ1192" s="10"/>
      <c r="OHK1192" s="10"/>
      <c r="OHL1192" s="10"/>
      <c r="OHM1192" s="10"/>
      <c r="OHN1192" s="10"/>
      <c r="OHO1192" s="10"/>
      <c r="OHP1192" s="10"/>
      <c r="OHQ1192" s="10"/>
      <c r="OHR1192" s="10"/>
      <c r="OHS1192" s="10"/>
      <c r="OHT1192" s="10"/>
      <c r="OHU1192" s="10"/>
      <c r="OHV1192" s="10"/>
      <c r="OHW1192" s="10"/>
      <c r="OHX1192" s="10"/>
      <c r="OHY1192" s="10"/>
      <c r="OHZ1192" s="10"/>
      <c r="OIA1192" s="10"/>
      <c r="OIB1192" s="10"/>
      <c r="OIC1192" s="10"/>
      <c r="OID1192" s="10"/>
      <c r="OIE1192" s="10"/>
      <c r="OIF1192" s="10"/>
      <c r="OIG1192" s="10"/>
      <c r="OIH1192" s="10"/>
      <c r="OII1192" s="10"/>
      <c r="OIJ1192" s="10"/>
      <c r="OIK1192" s="10"/>
      <c r="OIL1192" s="10"/>
      <c r="OIM1192" s="10"/>
      <c r="OIN1192" s="10"/>
      <c r="OIO1192" s="10"/>
      <c r="OIP1192" s="10"/>
      <c r="OIQ1192" s="10"/>
      <c r="OIR1192" s="10"/>
      <c r="OIS1192" s="10"/>
      <c r="OIT1192" s="10"/>
      <c r="OIU1192" s="10"/>
      <c r="OIV1192" s="10"/>
      <c r="OIW1192" s="10"/>
      <c r="OIX1192" s="10"/>
      <c r="OIY1192" s="10"/>
      <c r="OIZ1192" s="10"/>
      <c r="OJA1192" s="10"/>
      <c r="OJB1192" s="10"/>
      <c r="OJC1192" s="10"/>
      <c r="OJD1192" s="10"/>
      <c r="OJE1192" s="10"/>
      <c r="OJF1192" s="10"/>
      <c r="OJG1192" s="10"/>
      <c r="OJH1192" s="10"/>
      <c r="OJI1192" s="10"/>
      <c r="OJJ1192" s="10"/>
      <c r="OJK1192" s="10"/>
      <c r="OJL1192" s="10"/>
      <c r="OJM1192" s="10"/>
      <c r="OJN1192" s="10"/>
      <c r="OJO1192" s="10"/>
      <c r="OJP1192" s="10"/>
      <c r="OJQ1192" s="10"/>
      <c r="OJR1192" s="10"/>
      <c r="OJS1192" s="10"/>
      <c r="OJT1192" s="10"/>
      <c r="OJU1192" s="10"/>
      <c r="OJV1192" s="10"/>
      <c r="OJW1192" s="10"/>
      <c r="OJX1192" s="10"/>
      <c r="OJY1192" s="10"/>
      <c r="OJZ1192" s="10"/>
      <c r="OKA1192" s="10"/>
      <c r="OKB1192" s="10"/>
      <c r="OKC1192" s="10"/>
      <c r="OKD1192" s="10"/>
      <c r="OKE1192" s="10"/>
      <c r="OKF1192" s="10"/>
      <c r="OKG1192" s="10"/>
      <c r="OKH1192" s="10"/>
      <c r="OKI1192" s="10"/>
      <c r="OKJ1192" s="10"/>
      <c r="OKK1192" s="10"/>
      <c r="OKL1192" s="10"/>
      <c r="OKM1192" s="10"/>
      <c r="OKN1192" s="10"/>
      <c r="OKO1192" s="10"/>
      <c r="OKP1192" s="10"/>
      <c r="OKQ1192" s="10"/>
      <c r="OKR1192" s="10"/>
      <c r="OKS1192" s="10"/>
      <c r="OKT1192" s="10"/>
      <c r="OKU1192" s="10"/>
      <c r="OKV1192" s="10"/>
      <c r="OKW1192" s="10"/>
      <c r="OKX1192" s="10"/>
      <c r="OKY1192" s="10"/>
      <c r="OKZ1192" s="10"/>
      <c r="OLA1192" s="10"/>
      <c r="OLB1192" s="10"/>
      <c r="OLC1192" s="10"/>
      <c r="OLD1192" s="10"/>
      <c r="OLE1192" s="10"/>
      <c r="OLF1192" s="10"/>
      <c r="OLG1192" s="10"/>
      <c r="OLH1192" s="10"/>
      <c r="OLI1192" s="10"/>
      <c r="OLJ1192" s="10"/>
      <c r="OLK1192" s="10"/>
      <c r="OLL1192" s="10"/>
      <c r="OLM1192" s="10"/>
      <c r="OLN1192" s="10"/>
      <c r="OLO1192" s="10"/>
      <c r="OLP1192" s="10"/>
      <c r="OLQ1192" s="10"/>
      <c r="OLR1192" s="10"/>
      <c r="OLS1192" s="10"/>
      <c r="OLT1192" s="10"/>
      <c r="OLU1192" s="10"/>
      <c r="OLV1192" s="10"/>
      <c r="OLW1192" s="10"/>
      <c r="OLX1192" s="10"/>
      <c r="OLY1192" s="10"/>
      <c r="OLZ1192" s="10"/>
      <c r="OMA1192" s="10"/>
      <c r="OMB1192" s="10"/>
      <c r="OMC1192" s="10"/>
      <c r="OMD1192" s="10"/>
      <c r="OME1192" s="10"/>
      <c r="OMF1192" s="10"/>
      <c r="OMG1192" s="10"/>
      <c r="OMH1192" s="10"/>
      <c r="OMI1192" s="10"/>
      <c r="OMJ1192" s="10"/>
      <c r="OMK1192" s="10"/>
      <c r="OML1192" s="10"/>
      <c r="OMM1192" s="10"/>
      <c r="OMN1192" s="10"/>
      <c r="OMO1192" s="10"/>
      <c r="OMP1192" s="10"/>
      <c r="OMQ1192" s="10"/>
      <c r="OMR1192" s="10"/>
      <c r="OMS1192" s="10"/>
      <c r="OMT1192" s="10"/>
      <c r="OMU1192" s="10"/>
      <c r="OMV1192" s="10"/>
      <c r="OMW1192" s="10"/>
      <c r="OMX1192" s="10"/>
      <c r="OMY1192" s="10"/>
      <c r="OMZ1192" s="10"/>
      <c r="ONA1192" s="10"/>
      <c r="ONB1192" s="10"/>
      <c r="ONC1192" s="10"/>
      <c r="OND1192" s="10"/>
      <c r="ONE1192" s="10"/>
      <c r="ONF1192" s="10"/>
      <c r="ONG1192" s="10"/>
      <c r="ONH1192" s="10"/>
      <c r="ONI1192" s="10"/>
      <c r="ONJ1192" s="10"/>
      <c r="ONK1192" s="10"/>
      <c r="ONL1192" s="10"/>
      <c r="ONM1192" s="10"/>
      <c r="ONN1192" s="10"/>
      <c r="ONO1192" s="10"/>
      <c r="ONP1192" s="10"/>
      <c r="ONQ1192" s="10"/>
      <c r="ONR1192" s="10"/>
      <c r="ONS1192" s="10"/>
      <c r="ONT1192" s="10"/>
      <c r="ONU1192" s="10"/>
      <c r="ONV1192" s="10"/>
      <c r="ONW1192" s="10"/>
      <c r="ONX1192" s="10"/>
      <c r="ONY1192" s="10"/>
      <c r="ONZ1192" s="10"/>
      <c r="OOA1192" s="10"/>
      <c r="OOB1192" s="10"/>
      <c r="OOC1192" s="10"/>
      <c r="OOD1192" s="10"/>
      <c r="OOE1192" s="10"/>
      <c r="OOF1192" s="10"/>
      <c r="OOG1192" s="10"/>
      <c r="OOH1192" s="10"/>
      <c r="OOI1192" s="10"/>
      <c r="OOJ1192" s="10"/>
      <c r="OOK1192" s="10"/>
      <c r="OOL1192" s="10"/>
      <c r="OOM1192" s="10"/>
      <c r="OON1192" s="10"/>
      <c r="OOO1192" s="10"/>
      <c r="OOP1192" s="10"/>
      <c r="OOQ1192" s="10"/>
      <c r="OOR1192" s="10"/>
      <c r="OOS1192" s="10"/>
      <c r="OOT1192" s="10"/>
      <c r="OOU1192" s="10"/>
      <c r="OOV1192" s="10"/>
      <c r="OOW1192" s="10"/>
      <c r="OOX1192" s="10"/>
      <c r="OOY1192" s="10"/>
      <c r="OOZ1192" s="10"/>
      <c r="OPA1192" s="10"/>
      <c r="OPB1192" s="10"/>
      <c r="OPC1192" s="10"/>
      <c r="OPD1192" s="10"/>
      <c r="OPE1192" s="10"/>
      <c r="OPF1192" s="10"/>
      <c r="OPG1192" s="10"/>
      <c r="OPH1192" s="10"/>
      <c r="OPI1192" s="10"/>
      <c r="OPJ1192" s="10"/>
      <c r="OPK1192" s="10"/>
      <c r="OPL1192" s="10"/>
      <c r="OPM1192" s="10"/>
      <c r="OPN1192" s="10"/>
      <c r="OPO1192" s="10"/>
      <c r="OPP1192" s="10"/>
      <c r="OPQ1192" s="10"/>
      <c r="OPR1192" s="10"/>
      <c r="OPS1192" s="10"/>
      <c r="OPT1192" s="10"/>
      <c r="OPU1192" s="10"/>
      <c r="OPV1192" s="10"/>
      <c r="OPW1192" s="10"/>
      <c r="OPX1192" s="10"/>
      <c r="OPY1192" s="10"/>
      <c r="OPZ1192" s="10"/>
      <c r="OQA1192" s="10"/>
      <c r="OQB1192" s="10"/>
      <c r="OQC1192" s="10"/>
      <c r="OQD1192" s="10"/>
      <c r="OQE1192" s="10"/>
      <c r="OQF1192" s="10"/>
      <c r="OQG1192" s="10"/>
      <c r="OQH1192" s="10"/>
      <c r="OQI1192" s="10"/>
      <c r="OQJ1192" s="10"/>
      <c r="OQK1192" s="10"/>
      <c r="OQL1192" s="10"/>
      <c r="OQM1192" s="10"/>
      <c r="OQN1192" s="10"/>
      <c r="OQO1192" s="10"/>
      <c r="OQP1192" s="10"/>
      <c r="OQQ1192" s="10"/>
      <c r="OQR1192" s="10"/>
      <c r="OQS1192" s="10"/>
      <c r="OQT1192" s="10"/>
      <c r="OQU1192" s="10"/>
      <c r="OQV1192" s="10"/>
      <c r="OQW1192" s="10"/>
      <c r="OQX1192" s="10"/>
      <c r="OQY1192" s="10"/>
      <c r="OQZ1192" s="10"/>
      <c r="ORA1192" s="10"/>
      <c r="ORB1192" s="10"/>
      <c r="ORC1192" s="10"/>
      <c r="ORD1192" s="10"/>
      <c r="ORE1192" s="10"/>
      <c r="ORF1192" s="10"/>
      <c r="ORG1192" s="10"/>
      <c r="ORH1192" s="10"/>
      <c r="ORI1192" s="10"/>
      <c r="ORJ1192" s="10"/>
      <c r="ORK1192" s="10"/>
      <c r="ORL1192" s="10"/>
      <c r="ORM1192" s="10"/>
      <c r="ORN1192" s="10"/>
      <c r="ORO1192" s="10"/>
      <c r="ORP1192" s="10"/>
      <c r="ORQ1192" s="10"/>
      <c r="ORR1192" s="10"/>
      <c r="ORS1192" s="10"/>
      <c r="ORT1192" s="10"/>
      <c r="ORU1192" s="10"/>
      <c r="ORV1192" s="10"/>
      <c r="ORW1192" s="10"/>
      <c r="ORX1192" s="10"/>
      <c r="ORY1192" s="10"/>
      <c r="ORZ1192" s="10"/>
      <c r="OSA1192" s="10"/>
      <c r="OSB1192" s="10"/>
      <c r="OSC1192" s="10"/>
      <c r="OSD1192" s="10"/>
      <c r="OSE1192" s="10"/>
      <c r="OSF1192" s="10"/>
      <c r="OSG1192" s="10"/>
      <c r="OSH1192" s="10"/>
      <c r="OSI1192" s="10"/>
      <c r="OSJ1192" s="10"/>
      <c r="OSK1192" s="10"/>
      <c r="OSL1192" s="10"/>
      <c r="OSM1192" s="10"/>
      <c r="OSN1192" s="10"/>
      <c r="OSO1192" s="10"/>
      <c r="OSP1192" s="10"/>
      <c r="OSQ1192" s="10"/>
      <c r="OSR1192" s="10"/>
      <c r="OSS1192" s="10"/>
      <c r="OST1192" s="10"/>
      <c r="OSU1192" s="10"/>
      <c r="OSV1192" s="10"/>
      <c r="OSW1192" s="10"/>
      <c r="OSX1192" s="10"/>
      <c r="OSY1192" s="10"/>
      <c r="OSZ1192" s="10"/>
      <c r="OTA1192" s="10"/>
      <c r="OTB1192" s="10"/>
      <c r="OTC1192" s="10"/>
      <c r="OTD1192" s="10"/>
      <c r="OTE1192" s="10"/>
      <c r="OTF1192" s="10"/>
      <c r="OTG1192" s="10"/>
      <c r="OTH1192" s="10"/>
      <c r="OTI1192" s="10"/>
      <c r="OTJ1192" s="10"/>
      <c r="OTK1192" s="10"/>
      <c r="OTL1192" s="10"/>
      <c r="OTM1192" s="10"/>
      <c r="OTN1192" s="10"/>
      <c r="OTO1192" s="10"/>
      <c r="OTP1192" s="10"/>
      <c r="OTQ1192" s="10"/>
      <c r="OTR1192" s="10"/>
      <c r="OTS1192" s="10"/>
      <c r="OTT1192" s="10"/>
      <c r="OTU1192" s="10"/>
      <c r="OTV1192" s="10"/>
      <c r="OTW1192" s="10"/>
      <c r="OTX1192" s="10"/>
      <c r="OTY1192" s="10"/>
      <c r="OTZ1192" s="10"/>
      <c r="OUA1192" s="10"/>
      <c r="OUB1192" s="10"/>
      <c r="OUC1192" s="10"/>
      <c r="OUD1192" s="10"/>
      <c r="OUE1192" s="10"/>
      <c r="OUF1192" s="10"/>
      <c r="OUG1192" s="10"/>
      <c r="OUH1192" s="10"/>
      <c r="OUI1192" s="10"/>
      <c r="OUJ1192" s="10"/>
      <c r="OUK1192" s="10"/>
      <c r="OUL1192" s="10"/>
      <c r="OUM1192" s="10"/>
      <c r="OUN1192" s="10"/>
      <c r="OUO1192" s="10"/>
      <c r="OUP1192" s="10"/>
      <c r="OUQ1192" s="10"/>
      <c r="OUR1192" s="10"/>
      <c r="OUS1192" s="10"/>
      <c r="OUT1192" s="10"/>
      <c r="OUU1192" s="10"/>
      <c r="OUV1192" s="10"/>
      <c r="OUW1192" s="10"/>
      <c r="OUX1192" s="10"/>
      <c r="OUY1192" s="10"/>
      <c r="OUZ1192" s="10"/>
      <c r="OVA1192" s="10"/>
      <c r="OVB1192" s="10"/>
      <c r="OVC1192" s="10"/>
      <c r="OVD1192" s="10"/>
      <c r="OVE1192" s="10"/>
      <c r="OVF1192" s="10"/>
      <c r="OVG1192" s="10"/>
      <c r="OVH1192" s="10"/>
      <c r="OVI1192" s="10"/>
      <c r="OVJ1192" s="10"/>
      <c r="OVK1192" s="10"/>
      <c r="OVL1192" s="10"/>
      <c r="OVM1192" s="10"/>
      <c r="OVN1192" s="10"/>
      <c r="OVO1192" s="10"/>
      <c r="OVP1192" s="10"/>
      <c r="OVQ1192" s="10"/>
      <c r="OVR1192" s="10"/>
      <c r="OVS1192" s="10"/>
      <c r="OVT1192" s="10"/>
      <c r="OVU1192" s="10"/>
      <c r="OVV1192" s="10"/>
      <c r="OVW1192" s="10"/>
      <c r="OVX1192" s="10"/>
      <c r="OVY1192" s="10"/>
      <c r="OVZ1192" s="10"/>
      <c r="OWA1192" s="10"/>
      <c r="OWB1192" s="10"/>
      <c r="OWC1192" s="10"/>
      <c r="OWD1192" s="10"/>
      <c r="OWE1192" s="10"/>
      <c r="OWF1192" s="10"/>
      <c r="OWG1192" s="10"/>
      <c r="OWH1192" s="10"/>
      <c r="OWI1192" s="10"/>
      <c r="OWJ1192" s="10"/>
      <c r="OWK1192" s="10"/>
      <c r="OWL1192" s="10"/>
      <c r="OWM1192" s="10"/>
      <c r="OWN1192" s="10"/>
      <c r="OWO1192" s="10"/>
      <c r="OWP1192" s="10"/>
      <c r="OWQ1192" s="10"/>
      <c r="OWR1192" s="10"/>
      <c r="OWS1192" s="10"/>
      <c r="OWT1192" s="10"/>
      <c r="OWU1192" s="10"/>
      <c r="OWV1192" s="10"/>
      <c r="OWW1192" s="10"/>
      <c r="OWX1192" s="10"/>
      <c r="OWY1192" s="10"/>
      <c r="OWZ1192" s="10"/>
      <c r="OXA1192" s="10"/>
      <c r="OXB1192" s="10"/>
      <c r="OXC1192" s="10"/>
      <c r="OXD1192" s="10"/>
      <c r="OXE1192" s="10"/>
      <c r="OXF1192" s="10"/>
      <c r="OXG1192" s="10"/>
      <c r="OXH1192" s="10"/>
      <c r="OXI1192" s="10"/>
      <c r="OXJ1192" s="10"/>
      <c r="OXK1192" s="10"/>
      <c r="OXL1192" s="10"/>
      <c r="OXM1192" s="10"/>
      <c r="OXN1192" s="10"/>
      <c r="OXO1192" s="10"/>
      <c r="OXP1192" s="10"/>
      <c r="OXQ1192" s="10"/>
      <c r="OXR1192" s="10"/>
      <c r="OXS1192" s="10"/>
      <c r="OXT1192" s="10"/>
      <c r="OXU1192" s="10"/>
      <c r="OXV1192" s="10"/>
      <c r="OXW1192" s="10"/>
      <c r="OXX1192" s="10"/>
      <c r="OXY1192" s="10"/>
      <c r="OXZ1192" s="10"/>
      <c r="OYA1192" s="10"/>
      <c r="OYB1192" s="10"/>
      <c r="OYC1192" s="10"/>
      <c r="OYD1192" s="10"/>
      <c r="OYE1192" s="10"/>
      <c r="OYF1192" s="10"/>
      <c r="OYG1192" s="10"/>
      <c r="OYH1192" s="10"/>
      <c r="OYI1192" s="10"/>
      <c r="OYJ1192" s="10"/>
      <c r="OYK1192" s="10"/>
      <c r="OYL1192" s="10"/>
      <c r="OYM1192" s="10"/>
      <c r="OYN1192" s="10"/>
      <c r="OYO1192" s="10"/>
      <c r="OYP1192" s="10"/>
      <c r="OYQ1192" s="10"/>
      <c r="OYR1192" s="10"/>
      <c r="OYS1192" s="10"/>
      <c r="OYT1192" s="10"/>
      <c r="OYU1192" s="10"/>
      <c r="OYV1192" s="10"/>
      <c r="OYW1192" s="10"/>
      <c r="OYX1192" s="10"/>
      <c r="OYY1192" s="10"/>
      <c r="OYZ1192" s="10"/>
      <c r="OZA1192" s="10"/>
      <c r="OZB1192" s="10"/>
      <c r="OZC1192" s="10"/>
      <c r="OZD1192" s="10"/>
      <c r="OZE1192" s="10"/>
      <c r="OZF1192" s="10"/>
      <c r="OZG1192" s="10"/>
      <c r="OZH1192" s="10"/>
      <c r="OZI1192" s="10"/>
      <c r="OZJ1192" s="10"/>
      <c r="OZK1192" s="10"/>
      <c r="OZL1192" s="10"/>
      <c r="OZM1192" s="10"/>
      <c r="OZN1192" s="10"/>
      <c r="OZO1192" s="10"/>
      <c r="OZP1192" s="10"/>
      <c r="OZQ1192" s="10"/>
      <c r="OZR1192" s="10"/>
      <c r="OZS1192" s="10"/>
      <c r="OZT1192" s="10"/>
      <c r="OZU1192" s="10"/>
      <c r="OZV1192" s="10"/>
      <c r="OZW1192" s="10"/>
      <c r="OZX1192" s="10"/>
      <c r="OZY1192" s="10"/>
      <c r="OZZ1192" s="10"/>
      <c r="PAA1192" s="10"/>
      <c r="PAB1192" s="10"/>
      <c r="PAC1192" s="10"/>
      <c r="PAD1192" s="10"/>
      <c r="PAE1192" s="10"/>
      <c r="PAF1192" s="10"/>
      <c r="PAG1192" s="10"/>
      <c r="PAH1192" s="10"/>
      <c r="PAI1192" s="10"/>
      <c r="PAJ1192" s="10"/>
      <c r="PAK1192" s="10"/>
      <c r="PAL1192" s="10"/>
      <c r="PAM1192" s="10"/>
      <c r="PAN1192" s="10"/>
      <c r="PAO1192" s="10"/>
      <c r="PAP1192" s="10"/>
      <c r="PAQ1192" s="10"/>
      <c r="PAR1192" s="10"/>
      <c r="PAS1192" s="10"/>
      <c r="PAT1192" s="10"/>
      <c r="PAU1192" s="10"/>
      <c r="PAV1192" s="10"/>
      <c r="PAW1192" s="10"/>
      <c r="PAX1192" s="10"/>
      <c r="PAY1192" s="10"/>
      <c r="PAZ1192" s="10"/>
      <c r="PBA1192" s="10"/>
      <c r="PBB1192" s="10"/>
      <c r="PBC1192" s="10"/>
      <c r="PBD1192" s="10"/>
      <c r="PBE1192" s="10"/>
      <c r="PBF1192" s="10"/>
      <c r="PBG1192" s="10"/>
      <c r="PBH1192" s="10"/>
      <c r="PBI1192" s="10"/>
      <c r="PBJ1192" s="10"/>
      <c r="PBK1192" s="10"/>
      <c r="PBL1192" s="10"/>
      <c r="PBM1192" s="10"/>
      <c r="PBN1192" s="10"/>
      <c r="PBO1192" s="10"/>
      <c r="PBP1192" s="10"/>
      <c r="PBQ1192" s="10"/>
      <c r="PBR1192" s="10"/>
      <c r="PBS1192" s="10"/>
      <c r="PBT1192" s="10"/>
      <c r="PBU1192" s="10"/>
      <c r="PBV1192" s="10"/>
      <c r="PBW1192" s="10"/>
      <c r="PBX1192" s="10"/>
      <c r="PBY1192" s="10"/>
      <c r="PBZ1192" s="10"/>
      <c r="PCA1192" s="10"/>
      <c r="PCB1192" s="10"/>
      <c r="PCC1192" s="10"/>
      <c r="PCD1192" s="10"/>
      <c r="PCE1192" s="10"/>
      <c r="PCF1192" s="10"/>
      <c r="PCG1192" s="10"/>
      <c r="PCH1192" s="10"/>
      <c r="PCI1192" s="10"/>
      <c r="PCJ1192" s="10"/>
      <c r="PCK1192" s="10"/>
      <c r="PCL1192" s="10"/>
      <c r="PCM1192" s="10"/>
      <c r="PCN1192" s="10"/>
      <c r="PCO1192" s="10"/>
      <c r="PCP1192" s="10"/>
      <c r="PCQ1192" s="10"/>
      <c r="PCR1192" s="10"/>
      <c r="PCS1192" s="10"/>
      <c r="PCT1192" s="10"/>
      <c r="PCU1192" s="10"/>
      <c r="PCV1192" s="10"/>
      <c r="PCW1192" s="10"/>
      <c r="PCX1192" s="10"/>
      <c r="PCY1192" s="10"/>
      <c r="PCZ1192" s="10"/>
      <c r="PDA1192" s="10"/>
      <c r="PDB1192" s="10"/>
      <c r="PDC1192" s="10"/>
      <c r="PDD1192" s="10"/>
      <c r="PDE1192" s="10"/>
      <c r="PDF1192" s="10"/>
      <c r="PDG1192" s="10"/>
      <c r="PDH1192" s="10"/>
      <c r="PDI1192" s="10"/>
      <c r="PDJ1192" s="10"/>
      <c r="PDK1192" s="10"/>
      <c r="PDL1192" s="10"/>
      <c r="PDM1192" s="10"/>
      <c r="PDN1192" s="10"/>
      <c r="PDO1192" s="10"/>
      <c r="PDP1192" s="10"/>
      <c r="PDQ1192" s="10"/>
      <c r="PDR1192" s="10"/>
      <c r="PDS1192" s="10"/>
      <c r="PDT1192" s="10"/>
      <c r="PDU1192" s="10"/>
      <c r="PDV1192" s="10"/>
      <c r="PDW1192" s="10"/>
      <c r="PDX1192" s="10"/>
      <c r="PDY1192" s="10"/>
      <c r="PDZ1192" s="10"/>
      <c r="PEA1192" s="10"/>
      <c r="PEB1192" s="10"/>
      <c r="PEC1192" s="10"/>
      <c r="PED1192" s="10"/>
      <c r="PEE1192" s="10"/>
      <c r="PEF1192" s="10"/>
      <c r="PEG1192" s="10"/>
      <c r="PEH1192" s="10"/>
      <c r="PEI1192" s="10"/>
      <c r="PEJ1192" s="10"/>
      <c r="PEK1192" s="10"/>
      <c r="PEL1192" s="10"/>
      <c r="PEM1192" s="10"/>
      <c r="PEN1192" s="10"/>
      <c r="PEO1192" s="10"/>
      <c r="PEP1192" s="10"/>
      <c r="PEQ1192" s="10"/>
      <c r="PER1192" s="10"/>
      <c r="PES1192" s="10"/>
      <c r="PET1192" s="10"/>
      <c r="PEU1192" s="10"/>
      <c r="PEV1192" s="10"/>
      <c r="PEW1192" s="10"/>
      <c r="PEX1192" s="10"/>
      <c r="PEY1192" s="10"/>
      <c r="PEZ1192" s="10"/>
      <c r="PFA1192" s="10"/>
      <c r="PFB1192" s="10"/>
      <c r="PFC1192" s="10"/>
      <c r="PFD1192" s="10"/>
      <c r="PFE1192" s="10"/>
      <c r="PFF1192" s="10"/>
      <c r="PFG1192" s="10"/>
      <c r="PFH1192" s="10"/>
      <c r="PFI1192" s="10"/>
      <c r="PFJ1192" s="10"/>
      <c r="PFK1192" s="10"/>
      <c r="PFL1192" s="10"/>
      <c r="PFM1192" s="10"/>
      <c r="PFN1192" s="10"/>
      <c r="PFO1192" s="10"/>
      <c r="PFP1192" s="10"/>
      <c r="PFQ1192" s="10"/>
      <c r="PFR1192" s="10"/>
      <c r="PFS1192" s="10"/>
      <c r="PFT1192" s="10"/>
      <c r="PFU1192" s="10"/>
      <c r="PFV1192" s="10"/>
      <c r="PFW1192" s="10"/>
      <c r="PFX1192" s="10"/>
      <c r="PFY1192" s="10"/>
      <c r="PFZ1192" s="10"/>
      <c r="PGA1192" s="10"/>
      <c r="PGB1192" s="10"/>
      <c r="PGC1192" s="10"/>
      <c r="PGD1192" s="10"/>
      <c r="PGE1192" s="10"/>
      <c r="PGF1192" s="10"/>
      <c r="PGG1192" s="10"/>
      <c r="PGH1192" s="10"/>
      <c r="PGI1192" s="10"/>
      <c r="PGJ1192" s="10"/>
      <c r="PGK1192" s="10"/>
      <c r="PGL1192" s="10"/>
      <c r="PGM1192" s="10"/>
      <c r="PGN1192" s="10"/>
      <c r="PGO1192" s="10"/>
      <c r="PGP1192" s="10"/>
      <c r="PGQ1192" s="10"/>
      <c r="PGR1192" s="10"/>
      <c r="PGS1192" s="10"/>
      <c r="PGT1192" s="10"/>
      <c r="PGU1192" s="10"/>
      <c r="PGV1192" s="10"/>
      <c r="PGW1192" s="10"/>
      <c r="PGX1192" s="10"/>
      <c r="PGY1192" s="10"/>
      <c r="PGZ1192" s="10"/>
      <c r="PHA1192" s="10"/>
      <c r="PHB1192" s="10"/>
      <c r="PHC1192" s="10"/>
      <c r="PHD1192" s="10"/>
      <c r="PHE1192" s="10"/>
      <c r="PHF1192" s="10"/>
      <c r="PHG1192" s="10"/>
      <c r="PHH1192" s="10"/>
      <c r="PHI1192" s="10"/>
      <c r="PHJ1192" s="10"/>
      <c r="PHK1192" s="10"/>
      <c r="PHL1192" s="10"/>
      <c r="PHM1192" s="10"/>
      <c r="PHN1192" s="10"/>
      <c r="PHO1192" s="10"/>
      <c r="PHP1192" s="10"/>
      <c r="PHQ1192" s="10"/>
      <c r="PHR1192" s="10"/>
      <c r="PHS1192" s="10"/>
      <c r="PHT1192" s="10"/>
      <c r="PHU1192" s="10"/>
      <c r="PHV1192" s="10"/>
      <c r="PHW1192" s="10"/>
      <c r="PHX1192" s="10"/>
      <c r="PHY1192" s="10"/>
      <c r="PHZ1192" s="10"/>
      <c r="PIA1192" s="10"/>
      <c r="PIB1192" s="10"/>
      <c r="PIC1192" s="10"/>
      <c r="PID1192" s="10"/>
      <c r="PIE1192" s="10"/>
      <c r="PIF1192" s="10"/>
      <c r="PIG1192" s="10"/>
      <c r="PIH1192" s="10"/>
      <c r="PII1192" s="10"/>
      <c r="PIJ1192" s="10"/>
      <c r="PIK1192" s="10"/>
      <c r="PIL1192" s="10"/>
      <c r="PIM1192" s="10"/>
      <c r="PIN1192" s="10"/>
      <c r="PIO1192" s="10"/>
      <c r="PIP1192" s="10"/>
      <c r="PIQ1192" s="10"/>
      <c r="PIR1192" s="10"/>
      <c r="PIS1192" s="10"/>
      <c r="PIT1192" s="10"/>
      <c r="PIU1192" s="10"/>
      <c r="PIV1192" s="10"/>
      <c r="PIW1192" s="10"/>
      <c r="PIX1192" s="10"/>
      <c r="PIY1192" s="10"/>
      <c r="PIZ1192" s="10"/>
      <c r="PJA1192" s="10"/>
      <c r="PJB1192" s="10"/>
      <c r="PJC1192" s="10"/>
      <c r="PJD1192" s="10"/>
      <c r="PJE1192" s="10"/>
      <c r="PJF1192" s="10"/>
      <c r="PJG1192" s="10"/>
      <c r="PJH1192" s="10"/>
      <c r="PJI1192" s="10"/>
      <c r="PJJ1192" s="10"/>
      <c r="PJK1192" s="10"/>
      <c r="PJL1192" s="10"/>
      <c r="PJM1192" s="10"/>
      <c r="PJN1192" s="10"/>
      <c r="PJO1192" s="10"/>
      <c r="PJP1192" s="10"/>
      <c r="PJQ1192" s="10"/>
      <c r="PJR1192" s="10"/>
      <c r="PJS1192" s="10"/>
      <c r="PJT1192" s="10"/>
      <c r="PJU1192" s="10"/>
      <c r="PJV1192" s="10"/>
      <c r="PJW1192" s="10"/>
      <c r="PJX1192" s="10"/>
      <c r="PJY1192" s="10"/>
      <c r="PJZ1192" s="10"/>
      <c r="PKA1192" s="10"/>
      <c r="PKB1192" s="10"/>
      <c r="PKC1192" s="10"/>
      <c r="PKD1192" s="10"/>
      <c r="PKE1192" s="10"/>
      <c r="PKF1192" s="10"/>
      <c r="PKG1192" s="10"/>
      <c r="PKH1192" s="10"/>
      <c r="PKI1192" s="10"/>
      <c r="PKJ1192" s="10"/>
      <c r="PKK1192" s="10"/>
      <c r="PKL1192" s="10"/>
      <c r="PKM1192" s="10"/>
      <c r="PKN1192" s="10"/>
      <c r="PKO1192" s="10"/>
      <c r="PKP1192" s="10"/>
      <c r="PKQ1192" s="10"/>
      <c r="PKR1192" s="10"/>
      <c r="PKS1192" s="10"/>
      <c r="PKT1192" s="10"/>
      <c r="PKU1192" s="10"/>
      <c r="PKV1192" s="10"/>
      <c r="PKW1192" s="10"/>
      <c r="PKX1192" s="10"/>
      <c r="PKY1192" s="10"/>
      <c r="PKZ1192" s="10"/>
      <c r="PLA1192" s="10"/>
      <c r="PLB1192" s="10"/>
      <c r="PLC1192" s="10"/>
      <c r="PLD1192" s="10"/>
      <c r="PLE1192" s="10"/>
      <c r="PLF1192" s="10"/>
      <c r="PLG1192" s="10"/>
      <c r="PLH1192" s="10"/>
      <c r="PLI1192" s="10"/>
      <c r="PLJ1192" s="10"/>
      <c r="PLK1192" s="10"/>
      <c r="PLL1192" s="10"/>
      <c r="PLM1192" s="10"/>
      <c r="PLN1192" s="10"/>
      <c r="PLO1192" s="10"/>
      <c r="PLP1192" s="10"/>
      <c r="PLQ1192" s="10"/>
      <c r="PLR1192" s="10"/>
      <c r="PLS1192" s="10"/>
      <c r="PLT1192" s="10"/>
      <c r="PLU1192" s="10"/>
      <c r="PLV1192" s="10"/>
      <c r="PLW1192" s="10"/>
      <c r="PLX1192" s="10"/>
      <c r="PLY1192" s="10"/>
      <c r="PLZ1192" s="10"/>
      <c r="PMA1192" s="10"/>
      <c r="PMB1192" s="10"/>
      <c r="PMC1192" s="10"/>
      <c r="PMD1192" s="10"/>
      <c r="PME1192" s="10"/>
      <c r="PMF1192" s="10"/>
      <c r="PMG1192" s="10"/>
      <c r="PMH1192" s="10"/>
      <c r="PMI1192" s="10"/>
      <c r="PMJ1192" s="10"/>
      <c r="PMK1192" s="10"/>
      <c r="PML1192" s="10"/>
      <c r="PMM1192" s="10"/>
      <c r="PMN1192" s="10"/>
      <c r="PMO1192" s="10"/>
      <c r="PMP1192" s="10"/>
      <c r="PMQ1192" s="10"/>
      <c r="PMR1192" s="10"/>
      <c r="PMS1192" s="10"/>
      <c r="PMT1192" s="10"/>
      <c r="PMU1192" s="10"/>
      <c r="PMV1192" s="10"/>
      <c r="PMW1192" s="10"/>
      <c r="PMX1192" s="10"/>
      <c r="PMY1192" s="10"/>
      <c r="PMZ1192" s="10"/>
      <c r="PNA1192" s="10"/>
      <c r="PNB1192" s="10"/>
      <c r="PNC1192" s="10"/>
      <c r="PND1192" s="10"/>
      <c r="PNE1192" s="10"/>
      <c r="PNF1192" s="10"/>
      <c r="PNG1192" s="10"/>
      <c r="PNH1192" s="10"/>
      <c r="PNI1192" s="10"/>
      <c r="PNJ1192" s="10"/>
      <c r="PNK1192" s="10"/>
      <c r="PNL1192" s="10"/>
      <c r="PNM1192" s="10"/>
      <c r="PNN1192" s="10"/>
      <c r="PNO1192" s="10"/>
      <c r="PNP1192" s="10"/>
      <c r="PNQ1192" s="10"/>
      <c r="PNR1192" s="10"/>
      <c r="PNS1192" s="10"/>
      <c r="PNT1192" s="10"/>
      <c r="PNU1192" s="10"/>
      <c r="PNV1192" s="10"/>
      <c r="PNW1192" s="10"/>
      <c r="PNX1192" s="10"/>
      <c r="PNY1192" s="10"/>
      <c r="PNZ1192" s="10"/>
      <c r="POA1192" s="10"/>
      <c r="POB1192" s="10"/>
      <c r="POC1192" s="10"/>
      <c r="POD1192" s="10"/>
      <c r="POE1192" s="10"/>
      <c r="POF1192" s="10"/>
      <c r="POG1192" s="10"/>
      <c r="POH1192" s="10"/>
      <c r="POI1192" s="10"/>
      <c r="POJ1192" s="10"/>
      <c r="POK1192" s="10"/>
      <c r="POL1192" s="10"/>
      <c r="POM1192" s="10"/>
      <c r="PON1192" s="10"/>
      <c r="POO1192" s="10"/>
      <c r="POP1192" s="10"/>
      <c r="POQ1192" s="10"/>
      <c r="POR1192" s="10"/>
      <c r="POS1192" s="10"/>
      <c r="POT1192" s="10"/>
      <c r="POU1192" s="10"/>
      <c r="POV1192" s="10"/>
      <c r="POW1192" s="10"/>
      <c r="POX1192" s="10"/>
      <c r="POY1192" s="10"/>
      <c r="POZ1192" s="10"/>
      <c r="PPA1192" s="10"/>
      <c r="PPB1192" s="10"/>
      <c r="PPC1192" s="10"/>
      <c r="PPD1192" s="10"/>
      <c r="PPE1192" s="10"/>
      <c r="PPF1192" s="10"/>
      <c r="PPG1192" s="10"/>
      <c r="PPH1192" s="10"/>
      <c r="PPI1192" s="10"/>
      <c r="PPJ1192" s="10"/>
      <c r="PPK1192" s="10"/>
      <c r="PPL1192" s="10"/>
      <c r="PPM1192" s="10"/>
      <c r="PPN1192" s="10"/>
      <c r="PPO1192" s="10"/>
      <c r="PPP1192" s="10"/>
      <c r="PPQ1192" s="10"/>
      <c r="PPR1192" s="10"/>
      <c r="PPS1192" s="10"/>
      <c r="PPT1192" s="10"/>
      <c r="PPU1192" s="10"/>
      <c r="PPV1192" s="10"/>
      <c r="PPW1192" s="10"/>
      <c r="PPX1192" s="10"/>
      <c r="PPY1192" s="10"/>
      <c r="PPZ1192" s="10"/>
      <c r="PQA1192" s="10"/>
      <c r="PQB1192" s="10"/>
      <c r="PQC1192" s="10"/>
      <c r="PQD1192" s="10"/>
      <c r="PQE1192" s="10"/>
      <c r="PQF1192" s="10"/>
      <c r="PQG1192" s="10"/>
      <c r="PQH1192" s="10"/>
      <c r="PQI1192" s="10"/>
      <c r="PQJ1192" s="10"/>
      <c r="PQK1192" s="10"/>
      <c r="PQL1192" s="10"/>
      <c r="PQM1192" s="10"/>
      <c r="PQN1192" s="10"/>
      <c r="PQO1192" s="10"/>
      <c r="PQP1192" s="10"/>
      <c r="PQQ1192" s="10"/>
      <c r="PQR1192" s="10"/>
      <c r="PQS1192" s="10"/>
      <c r="PQT1192" s="10"/>
      <c r="PQU1192" s="10"/>
      <c r="PQV1192" s="10"/>
      <c r="PQW1192" s="10"/>
      <c r="PQX1192" s="10"/>
      <c r="PQY1192" s="10"/>
      <c r="PQZ1192" s="10"/>
      <c r="PRA1192" s="10"/>
      <c r="PRB1192" s="10"/>
      <c r="PRC1192" s="10"/>
      <c r="PRD1192" s="10"/>
      <c r="PRE1192" s="10"/>
      <c r="PRF1192" s="10"/>
      <c r="PRG1192" s="10"/>
      <c r="PRH1192" s="10"/>
      <c r="PRI1192" s="10"/>
      <c r="PRJ1192" s="10"/>
      <c r="PRK1192" s="10"/>
      <c r="PRL1192" s="10"/>
      <c r="PRM1192" s="10"/>
      <c r="PRN1192" s="10"/>
      <c r="PRO1192" s="10"/>
      <c r="PRP1192" s="10"/>
      <c r="PRQ1192" s="10"/>
      <c r="PRR1192" s="10"/>
      <c r="PRS1192" s="10"/>
      <c r="PRT1192" s="10"/>
      <c r="PRU1192" s="10"/>
      <c r="PRV1192" s="10"/>
      <c r="PRW1192" s="10"/>
      <c r="PRX1192" s="10"/>
      <c r="PRY1192" s="10"/>
      <c r="PRZ1192" s="10"/>
      <c r="PSA1192" s="10"/>
      <c r="PSB1192" s="10"/>
      <c r="PSC1192" s="10"/>
      <c r="PSD1192" s="10"/>
      <c r="PSE1192" s="10"/>
      <c r="PSF1192" s="10"/>
      <c r="PSG1192" s="10"/>
      <c r="PSH1192" s="10"/>
      <c r="PSI1192" s="10"/>
      <c r="PSJ1192" s="10"/>
      <c r="PSK1192" s="10"/>
      <c r="PSL1192" s="10"/>
      <c r="PSM1192" s="10"/>
      <c r="PSN1192" s="10"/>
      <c r="PSO1192" s="10"/>
      <c r="PSP1192" s="10"/>
      <c r="PSQ1192" s="10"/>
      <c r="PSR1192" s="10"/>
      <c r="PSS1192" s="10"/>
      <c r="PST1192" s="10"/>
      <c r="PSU1192" s="10"/>
      <c r="PSV1192" s="10"/>
      <c r="PSW1192" s="10"/>
      <c r="PSX1192" s="10"/>
      <c r="PSY1192" s="10"/>
      <c r="PSZ1192" s="10"/>
      <c r="PTA1192" s="10"/>
      <c r="PTB1192" s="10"/>
      <c r="PTC1192" s="10"/>
      <c r="PTD1192" s="10"/>
      <c r="PTE1192" s="10"/>
      <c r="PTF1192" s="10"/>
      <c r="PTG1192" s="10"/>
      <c r="PTH1192" s="10"/>
      <c r="PTI1192" s="10"/>
      <c r="PTJ1192" s="10"/>
      <c r="PTK1192" s="10"/>
      <c r="PTL1192" s="10"/>
      <c r="PTM1192" s="10"/>
      <c r="PTN1192" s="10"/>
      <c r="PTO1192" s="10"/>
      <c r="PTP1192" s="10"/>
      <c r="PTQ1192" s="10"/>
      <c r="PTR1192" s="10"/>
      <c r="PTS1192" s="10"/>
      <c r="PTT1192" s="10"/>
      <c r="PTU1192" s="10"/>
      <c r="PTV1192" s="10"/>
      <c r="PTW1192" s="10"/>
      <c r="PTX1192" s="10"/>
      <c r="PTY1192" s="10"/>
      <c r="PTZ1192" s="10"/>
      <c r="PUA1192" s="10"/>
      <c r="PUB1192" s="10"/>
      <c r="PUC1192" s="10"/>
      <c r="PUD1192" s="10"/>
      <c r="PUE1192" s="10"/>
      <c r="PUF1192" s="10"/>
      <c r="PUG1192" s="10"/>
      <c r="PUH1192" s="10"/>
      <c r="PUI1192" s="10"/>
      <c r="PUJ1192" s="10"/>
      <c r="PUK1192" s="10"/>
      <c r="PUL1192" s="10"/>
      <c r="PUM1192" s="10"/>
      <c r="PUN1192" s="10"/>
      <c r="PUO1192" s="10"/>
      <c r="PUP1192" s="10"/>
      <c r="PUQ1192" s="10"/>
      <c r="PUR1192" s="10"/>
      <c r="PUS1192" s="10"/>
      <c r="PUT1192" s="10"/>
      <c r="PUU1192" s="10"/>
      <c r="PUV1192" s="10"/>
      <c r="PUW1192" s="10"/>
      <c r="PUX1192" s="10"/>
      <c r="PUY1192" s="10"/>
      <c r="PUZ1192" s="10"/>
      <c r="PVA1192" s="10"/>
      <c r="PVB1192" s="10"/>
      <c r="PVC1192" s="10"/>
      <c r="PVD1192" s="10"/>
      <c r="PVE1192" s="10"/>
      <c r="PVF1192" s="10"/>
      <c r="PVG1192" s="10"/>
      <c r="PVH1192" s="10"/>
      <c r="PVI1192" s="10"/>
      <c r="PVJ1192" s="10"/>
      <c r="PVK1192" s="10"/>
      <c r="PVL1192" s="10"/>
      <c r="PVM1192" s="10"/>
      <c r="PVN1192" s="10"/>
      <c r="PVO1192" s="10"/>
      <c r="PVP1192" s="10"/>
      <c r="PVQ1192" s="10"/>
      <c r="PVR1192" s="10"/>
      <c r="PVS1192" s="10"/>
      <c r="PVT1192" s="10"/>
      <c r="PVU1192" s="10"/>
      <c r="PVV1192" s="10"/>
      <c r="PVW1192" s="10"/>
      <c r="PVX1192" s="10"/>
      <c r="PVY1192" s="10"/>
      <c r="PVZ1192" s="10"/>
      <c r="PWA1192" s="10"/>
      <c r="PWB1192" s="10"/>
      <c r="PWC1192" s="10"/>
      <c r="PWD1192" s="10"/>
      <c r="PWE1192" s="10"/>
      <c r="PWF1192" s="10"/>
      <c r="PWG1192" s="10"/>
      <c r="PWH1192" s="10"/>
      <c r="PWI1192" s="10"/>
      <c r="PWJ1192" s="10"/>
      <c r="PWK1192" s="10"/>
      <c r="PWL1192" s="10"/>
      <c r="PWM1192" s="10"/>
      <c r="PWN1192" s="10"/>
      <c r="PWO1192" s="10"/>
      <c r="PWP1192" s="10"/>
      <c r="PWQ1192" s="10"/>
      <c r="PWR1192" s="10"/>
      <c r="PWS1192" s="10"/>
      <c r="PWT1192" s="10"/>
      <c r="PWU1192" s="10"/>
      <c r="PWV1192" s="10"/>
      <c r="PWW1192" s="10"/>
      <c r="PWX1192" s="10"/>
      <c r="PWY1192" s="10"/>
      <c r="PWZ1192" s="10"/>
      <c r="PXA1192" s="10"/>
      <c r="PXB1192" s="10"/>
      <c r="PXC1192" s="10"/>
      <c r="PXD1192" s="10"/>
      <c r="PXE1192" s="10"/>
      <c r="PXF1192" s="10"/>
      <c r="PXG1192" s="10"/>
      <c r="PXH1192" s="10"/>
      <c r="PXI1192" s="10"/>
      <c r="PXJ1192" s="10"/>
      <c r="PXK1192" s="10"/>
      <c r="PXL1192" s="10"/>
      <c r="PXM1192" s="10"/>
      <c r="PXN1192" s="10"/>
      <c r="PXO1192" s="10"/>
      <c r="PXP1192" s="10"/>
      <c r="PXQ1192" s="10"/>
      <c r="PXR1192" s="10"/>
      <c r="PXS1192" s="10"/>
      <c r="PXT1192" s="10"/>
      <c r="PXU1192" s="10"/>
      <c r="PXV1192" s="10"/>
      <c r="PXW1192" s="10"/>
      <c r="PXX1192" s="10"/>
      <c r="PXY1192" s="10"/>
      <c r="PXZ1192" s="10"/>
      <c r="PYA1192" s="10"/>
      <c r="PYB1192" s="10"/>
      <c r="PYC1192" s="10"/>
      <c r="PYD1192" s="10"/>
      <c r="PYE1192" s="10"/>
      <c r="PYF1192" s="10"/>
      <c r="PYG1192" s="10"/>
      <c r="PYH1192" s="10"/>
      <c r="PYI1192" s="10"/>
      <c r="PYJ1192" s="10"/>
      <c r="PYK1192" s="10"/>
      <c r="PYL1192" s="10"/>
      <c r="PYM1192" s="10"/>
      <c r="PYN1192" s="10"/>
      <c r="PYO1192" s="10"/>
      <c r="PYP1192" s="10"/>
      <c r="PYQ1192" s="10"/>
      <c r="PYR1192" s="10"/>
      <c r="PYS1192" s="10"/>
      <c r="PYT1192" s="10"/>
      <c r="PYU1192" s="10"/>
      <c r="PYV1192" s="10"/>
      <c r="PYW1192" s="10"/>
      <c r="PYX1192" s="10"/>
      <c r="PYY1192" s="10"/>
      <c r="PYZ1192" s="10"/>
      <c r="PZA1192" s="10"/>
      <c r="PZB1192" s="10"/>
      <c r="PZC1192" s="10"/>
      <c r="PZD1192" s="10"/>
      <c r="PZE1192" s="10"/>
      <c r="PZF1192" s="10"/>
      <c r="PZG1192" s="10"/>
      <c r="PZH1192" s="10"/>
      <c r="PZI1192" s="10"/>
      <c r="PZJ1192" s="10"/>
      <c r="PZK1192" s="10"/>
      <c r="PZL1192" s="10"/>
      <c r="PZM1192" s="10"/>
      <c r="PZN1192" s="10"/>
      <c r="PZO1192" s="10"/>
      <c r="PZP1192" s="10"/>
      <c r="PZQ1192" s="10"/>
      <c r="PZR1192" s="10"/>
      <c r="PZS1192" s="10"/>
      <c r="PZT1192" s="10"/>
      <c r="PZU1192" s="10"/>
      <c r="PZV1192" s="10"/>
      <c r="PZW1192" s="10"/>
      <c r="PZX1192" s="10"/>
      <c r="PZY1192" s="10"/>
      <c r="PZZ1192" s="10"/>
      <c r="QAA1192" s="10"/>
      <c r="QAB1192" s="10"/>
      <c r="QAC1192" s="10"/>
      <c r="QAD1192" s="10"/>
      <c r="QAE1192" s="10"/>
      <c r="QAF1192" s="10"/>
      <c r="QAG1192" s="10"/>
      <c r="QAH1192" s="10"/>
      <c r="QAI1192" s="10"/>
      <c r="QAJ1192" s="10"/>
      <c r="QAK1192" s="10"/>
      <c r="QAL1192" s="10"/>
      <c r="QAM1192" s="10"/>
      <c r="QAN1192" s="10"/>
      <c r="QAO1192" s="10"/>
      <c r="QAP1192" s="10"/>
      <c r="QAQ1192" s="10"/>
      <c r="QAR1192" s="10"/>
      <c r="QAS1192" s="10"/>
      <c r="QAT1192" s="10"/>
      <c r="QAU1192" s="10"/>
      <c r="QAV1192" s="10"/>
      <c r="QAW1192" s="10"/>
      <c r="QAX1192" s="10"/>
      <c r="QAY1192" s="10"/>
      <c r="QAZ1192" s="10"/>
      <c r="QBA1192" s="10"/>
      <c r="QBB1192" s="10"/>
      <c r="QBC1192" s="10"/>
      <c r="QBD1192" s="10"/>
      <c r="QBE1192" s="10"/>
      <c r="QBF1192" s="10"/>
      <c r="QBG1192" s="10"/>
      <c r="QBH1192" s="10"/>
      <c r="QBI1192" s="10"/>
      <c r="QBJ1192" s="10"/>
      <c r="QBK1192" s="10"/>
      <c r="QBL1192" s="10"/>
      <c r="QBM1192" s="10"/>
      <c r="QBN1192" s="10"/>
      <c r="QBO1192" s="10"/>
      <c r="QBP1192" s="10"/>
      <c r="QBQ1192" s="10"/>
      <c r="QBR1192" s="10"/>
      <c r="QBS1192" s="10"/>
      <c r="QBT1192" s="10"/>
      <c r="QBU1192" s="10"/>
      <c r="QBV1192" s="10"/>
      <c r="QBW1192" s="10"/>
      <c r="QBX1192" s="10"/>
      <c r="QBY1192" s="10"/>
      <c r="QBZ1192" s="10"/>
      <c r="QCA1192" s="10"/>
      <c r="QCB1192" s="10"/>
      <c r="QCC1192" s="10"/>
      <c r="QCD1192" s="10"/>
      <c r="QCE1192" s="10"/>
      <c r="QCF1192" s="10"/>
      <c r="QCG1192" s="10"/>
      <c r="QCH1192" s="10"/>
      <c r="QCI1192" s="10"/>
      <c r="QCJ1192" s="10"/>
      <c r="QCK1192" s="10"/>
      <c r="QCL1192" s="10"/>
      <c r="QCM1192" s="10"/>
      <c r="QCN1192" s="10"/>
      <c r="QCO1192" s="10"/>
      <c r="QCP1192" s="10"/>
      <c r="QCQ1192" s="10"/>
      <c r="QCR1192" s="10"/>
      <c r="QCS1192" s="10"/>
      <c r="QCT1192" s="10"/>
      <c r="QCU1192" s="10"/>
      <c r="QCV1192" s="10"/>
      <c r="QCW1192" s="10"/>
      <c r="QCX1192" s="10"/>
      <c r="QCY1192" s="10"/>
      <c r="QCZ1192" s="10"/>
      <c r="QDA1192" s="10"/>
      <c r="QDB1192" s="10"/>
      <c r="QDC1192" s="10"/>
      <c r="QDD1192" s="10"/>
      <c r="QDE1192" s="10"/>
      <c r="QDF1192" s="10"/>
      <c r="QDG1192" s="10"/>
      <c r="QDH1192" s="10"/>
      <c r="QDI1192" s="10"/>
      <c r="QDJ1192" s="10"/>
      <c r="QDK1192" s="10"/>
      <c r="QDL1192" s="10"/>
      <c r="QDM1192" s="10"/>
      <c r="QDN1192" s="10"/>
      <c r="QDO1192" s="10"/>
      <c r="QDP1192" s="10"/>
      <c r="QDQ1192" s="10"/>
      <c r="QDR1192" s="10"/>
      <c r="QDS1192" s="10"/>
      <c r="QDT1192" s="10"/>
      <c r="QDU1192" s="10"/>
      <c r="QDV1192" s="10"/>
      <c r="QDW1192" s="10"/>
      <c r="QDX1192" s="10"/>
      <c r="QDY1192" s="10"/>
      <c r="QDZ1192" s="10"/>
      <c r="QEA1192" s="10"/>
      <c r="QEB1192" s="10"/>
      <c r="QEC1192" s="10"/>
      <c r="QED1192" s="10"/>
      <c r="QEE1192" s="10"/>
      <c r="QEF1192" s="10"/>
      <c r="QEG1192" s="10"/>
      <c r="QEH1192" s="10"/>
      <c r="QEI1192" s="10"/>
      <c r="QEJ1192" s="10"/>
      <c r="QEK1192" s="10"/>
      <c r="QEL1192" s="10"/>
      <c r="QEM1192" s="10"/>
      <c r="QEN1192" s="10"/>
      <c r="QEO1192" s="10"/>
      <c r="QEP1192" s="10"/>
      <c r="QEQ1192" s="10"/>
      <c r="QER1192" s="10"/>
      <c r="QES1192" s="10"/>
      <c r="QET1192" s="10"/>
      <c r="QEU1192" s="10"/>
      <c r="QEV1192" s="10"/>
      <c r="QEW1192" s="10"/>
      <c r="QEX1192" s="10"/>
      <c r="QEY1192" s="10"/>
      <c r="QEZ1192" s="10"/>
      <c r="QFA1192" s="10"/>
      <c r="QFB1192" s="10"/>
      <c r="QFC1192" s="10"/>
      <c r="QFD1192" s="10"/>
      <c r="QFE1192" s="10"/>
      <c r="QFF1192" s="10"/>
      <c r="QFG1192" s="10"/>
      <c r="QFH1192" s="10"/>
      <c r="QFI1192" s="10"/>
      <c r="QFJ1192" s="10"/>
      <c r="QFK1192" s="10"/>
      <c r="QFL1192" s="10"/>
      <c r="QFM1192" s="10"/>
      <c r="QFN1192" s="10"/>
      <c r="QFO1192" s="10"/>
      <c r="QFP1192" s="10"/>
      <c r="QFQ1192" s="10"/>
      <c r="QFR1192" s="10"/>
      <c r="QFS1192" s="10"/>
      <c r="QFT1192" s="10"/>
      <c r="QFU1192" s="10"/>
      <c r="QFV1192" s="10"/>
      <c r="QFW1192" s="10"/>
      <c r="QFX1192" s="10"/>
      <c r="QFY1192" s="10"/>
      <c r="QFZ1192" s="10"/>
      <c r="QGA1192" s="10"/>
      <c r="QGB1192" s="10"/>
      <c r="QGC1192" s="10"/>
      <c r="QGD1192" s="10"/>
      <c r="QGE1192" s="10"/>
      <c r="QGF1192" s="10"/>
      <c r="QGG1192" s="10"/>
      <c r="QGH1192" s="10"/>
      <c r="QGI1192" s="10"/>
      <c r="QGJ1192" s="10"/>
      <c r="QGK1192" s="10"/>
      <c r="QGL1192" s="10"/>
      <c r="QGM1192" s="10"/>
      <c r="QGN1192" s="10"/>
      <c r="QGO1192" s="10"/>
      <c r="QGP1192" s="10"/>
      <c r="QGQ1192" s="10"/>
      <c r="QGR1192" s="10"/>
      <c r="QGS1192" s="10"/>
      <c r="QGT1192" s="10"/>
      <c r="QGU1192" s="10"/>
      <c r="QGV1192" s="10"/>
      <c r="QGW1192" s="10"/>
      <c r="QGX1192" s="10"/>
      <c r="QGY1192" s="10"/>
      <c r="QGZ1192" s="10"/>
      <c r="QHA1192" s="10"/>
      <c r="QHB1192" s="10"/>
      <c r="QHC1192" s="10"/>
      <c r="QHD1192" s="10"/>
      <c r="QHE1192" s="10"/>
      <c r="QHF1192" s="10"/>
      <c r="QHG1192" s="10"/>
      <c r="QHH1192" s="10"/>
      <c r="QHI1192" s="10"/>
      <c r="QHJ1192" s="10"/>
      <c r="QHK1192" s="10"/>
      <c r="QHL1192" s="10"/>
      <c r="QHM1192" s="10"/>
      <c r="QHN1192" s="10"/>
      <c r="QHO1192" s="10"/>
      <c r="QHP1192" s="10"/>
      <c r="QHQ1192" s="10"/>
      <c r="QHR1192" s="10"/>
      <c r="QHS1192" s="10"/>
      <c r="QHT1192" s="10"/>
      <c r="QHU1192" s="10"/>
      <c r="QHV1192" s="10"/>
      <c r="QHW1192" s="10"/>
      <c r="QHX1192" s="10"/>
      <c r="QHY1192" s="10"/>
      <c r="QHZ1192" s="10"/>
      <c r="QIA1192" s="10"/>
      <c r="QIB1192" s="10"/>
      <c r="QIC1192" s="10"/>
      <c r="QID1192" s="10"/>
      <c r="QIE1192" s="10"/>
      <c r="QIF1192" s="10"/>
      <c r="QIG1192" s="10"/>
      <c r="QIH1192" s="10"/>
      <c r="QII1192" s="10"/>
      <c r="QIJ1192" s="10"/>
      <c r="QIK1192" s="10"/>
      <c r="QIL1192" s="10"/>
      <c r="QIM1192" s="10"/>
      <c r="QIN1192" s="10"/>
      <c r="QIO1192" s="10"/>
      <c r="QIP1192" s="10"/>
      <c r="QIQ1192" s="10"/>
      <c r="QIR1192" s="10"/>
      <c r="QIS1192" s="10"/>
      <c r="QIT1192" s="10"/>
      <c r="QIU1192" s="10"/>
      <c r="QIV1192" s="10"/>
      <c r="QIW1192" s="10"/>
      <c r="QIX1192" s="10"/>
      <c r="QIY1192" s="10"/>
      <c r="QIZ1192" s="10"/>
      <c r="QJA1192" s="10"/>
      <c r="QJB1192" s="10"/>
      <c r="QJC1192" s="10"/>
      <c r="QJD1192" s="10"/>
      <c r="QJE1192" s="10"/>
      <c r="QJF1192" s="10"/>
      <c r="QJG1192" s="10"/>
      <c r="QJH1192" s="10"/>
      <c r="QJI1192" s="10"/>
      <c r="QJJ1192" s="10"/>
      <c r="QJK1192" s="10"/>
      <c r="QJL1192" s="10"/>
      <c r="QJM1192" s="10"/>
      <c r="QJN1192" s="10"/>
      <c r="QJO1192" s="10"/>
      <c r="QJP1192" s="10"/>
      <c r="QJQ1192" s="10"/>
      <c r="QJR1192" s="10"/>
      <c r="QJS1192" s="10"/>
      <c r="QJT1192" s="10"/>
      <c r="QJU1192" s="10"/>
      <c r="QJV1192" s="10"/>
      <c r="QJW1192" s="10"/>
      <c r="QJX1192" s="10"/>
      <c r="QJY1192" s="10"/>
      <c r="QJZ1192" s="10"/>
      <c r="QKA1192" s="10"/>
      <c r="QKB1192" s="10"/>
      <c r="QKC1192" s="10"/>
      <c r="QKD1192" s="10"/>
      <c r="QKE1192" s="10"/>
      <c r="QKF1192" s="10"/>
      <c r="QKG1192" s="10"/>
      <c r="QKH1192" s="10"/>
      <c r="QKI1192" s="10"/>
      <c r="QKJ1192" s="10"/>
      <c r="QKK1192" s="10"/>
      <c r="QKL1192" s="10"/>
      <c r="QKM1192" s="10"/>
      <c r="QKN1192" s="10"/>
      <c r="QKO1192" s="10"/>
      <c r="QKP1192" s="10"/>
      <c r="QKQ1192" s="10"/>
      <c r="QKR1192" s="10"/>
      <c r="QKS1192" s="10"/>
      <c r="QKT1192" s="10"/>
      <c r="QKU1192" s="10"/>
      <c r="QKV1192" s="10"/>
      <c r="QKW1192" s="10"/>
      <c r="QKX1192" s="10"/>
      <c r="QKY1192" s="10"/>
      <c r="QKZ1192" s="10"/>
      <c r="QLA1192" s="10"/>
      <c r="QLB1192" s="10"/>
      <c r="QLC1192" s="10"/>
      <c r="QLD1192" s="10"/>
      <c r="QLE1192" s="10"/>
      <c r="QLF1192" s="10"/>
      <c r="QLG1192" s="10"/>
      <c r="QLH1192" s="10"/>
      <c r="QLI1192" s="10"/>
      <c r="QLJ1192" s="10"/>
      <c r="QLK1192" s="10"/>
      <c r="QLL1192" s="10"/>
      <c r="QLM1192" s="10"/>
      <c r="QLN1192" s="10"/>
      <c r="QLO1192" s="10"/>
      <c r="QLP1192" s="10"/>
      <c r="QLQ1192" s="10"/>
      <c r="QLR1192" s="10"/>
      <c r="QLS1192" s="10"/>
      <c r="QLT1192" s="10"/>
      <c r="QLU1192" s="10"/>
      <c r="QLV1192" s="10"/>
      <c r="QLW1192" s="10"/>
      <c r="QLX1192" s="10"/>
      <c r="QLY1192" s="10"/>
      <c r="QLZ1192" s="10"/>
      <c r="QMA1192" s="10"/>
      <c r="QMB1192" s="10"/>
      <c r="QMC1192" s="10"/>
      <c r="QMD1192" s="10"/>
      <c r="QME1192" s="10"/>
      <c r="QMF1192" s="10"/>
      <c r="QMG1192" s="10"/>
      <c r="QMH1192" s="10"/>
      <c r="QMI1192" s="10"/>
      <c r="QMJ1192" s="10"/>
      <c r="QMK1192" s="10"/>
      <c r="QML1192" s="10"/>
      <c r="QMM1192" s="10"/>
      <c r="QMN1192" s="10"/>
      <c r="QMO1192" s="10"/>
      <c r="QMP1192" s="10"/>
      <c r="QMQ1192" s="10"/>
      <c r="QMR1192" s="10"/>
      <c r="QMS1192" s="10"/>
      <c r="QMT1192" s="10"/>
      <c r="QMU1192" s="10"/>
      <c r="QMV1192" s="10"/>
      <c r="QMW1192" s="10"/>
      <c r="QMX1192" s="10"/>
      <c r="QMY1192" s="10"/>
      <c r="QMZ1192" s="10"/>
      <c r="QNA1192" s="10"/>
      <c r="QNB1192" s="10"/>
      <c r="QNC1192" s="10"/>
      <c r="QND1192" s="10"/>
      <c r="QNE1192" s="10"/>
      <c r="QNF1192" s="10"/>
      <c r="QNG1192" s="10"/>
      <c r="QNH1192" s="10"/>
      <c r="QNI1192" s="10"/>
      <c r="QNJ1192" s="10"/>
      <c r="QNK1192" s="10"/>
      <c r="QNL1192" s="10"/>
      <c r="QNM1192" s="10"/>
      <c r="QNN1192" s="10"/>
      <c r="QNO1192" s="10"/>
      <c r="QNP1192" s="10"/>
      <c r="QNQ1192" s="10"/>
      <c r="QNR1192" s="10"/>
      <c r="QNS1192" s="10"/>
      <c r="QNT1192" s="10"/>
      <c r="QNU1192" s="10"/>
      <c r="QNV1192" s="10"/>
      <c r="QNW1192" s="10"/>
      <c r="QNX1192" s="10"/>
      <c r="QNY1192" s="10"/>
      <c r="QNZ1192" s="10"/>
      <c r="QOA1192" s="10"/>
      <c r="QOB1192" s="10"/>
      <c r="QOC1192" s="10"/>
      <c r="QOD1192" s="10"/>
      <c r="QOE1192" s="10"/>
      <c r="QOF1192" s="10"/>
      <c r="QOG1192" s="10"/>
      <c r="QOH1192" s="10"/>
      <c r="QOI1192" s="10"/>
      <c r="QOJ1192" s="10"/>
      <c r="QOK1192" s="10"/>
      <c r="QOL1192" s="10"/>
      <c r="QOM1192" s="10"/>
      <c r="QON1192" s="10"/>
      <c r="QOO1192" s="10"/>
      <c r="QOP1192" s="10"/>
      <c r="QOQ1192" s="10"/>
      <c r="QOR1192" s="10"/>
      <c r="QOS1192" s="10"/>
      <c r="QOT1192" s="10"/>
      <c r="QOU1192" s="10"/>
      <c r="QOV1192" s="10"/>
      <c r="QOW1192" s="10"/>
      <c r="QOX1192" s="10"/>
      <c r="QOY1192" s="10"/>
      <c r="QOZ1192" s="10"/>
      <c r="QPA1192" s="10"/>
      <c r="QPB1192" s="10"/>
      <c r="QPC1192" s="10"/>
      <c r="QPD1192" s="10"/>
      <c r="QPE1192" s="10"/>
      <c r="QPF1192" s="10"/>
      <c r="QPG1192" s="10"/>
      <c r="QPH1192" s="10"/>
      <c r="QPI1192" s="10"/>
      <c r="QPJ1192" s="10"/>
      <c r="QPK1192" s="10"/>
      <c r="QPL1192" s="10"/>
      <c r="QPM1192" s="10"/>
      <c r="QPN1192" s="10"/>
      <c r="QPO1192" s="10"/>
      <c r="QPP1192" s="10"/>
      <c r="QPQ1192" s="10"/>
      <c r="QPR1192" s="10"/>
      <c r="QPS1192" s="10"/>
      <c r="QPT1192" s="10"/>
      <c r="QPU1192" s="10"/>
      <c r="QPV1192" s="10"/>
      <c r="QPW1192" s="10"/>
      <c r="QPX1192" s="10"/>
      <c r="QPY1192" s="10"/>
      <c r="QPZ1192" s="10"/>
      <c r="QQA1192" s="10"/>
      <c r="QQB1192" s="10"/>
      <c r="QQC1192" s="10"/>
      <c r="QQD1192" s="10"/>
      <c r="QQE1192" s="10"/>
      <c r="QQF1192" s="10"/>
      <c r="QQG1192" s="10"/>
      <c r="QQH1192" s="10"/>
      <c r="QQI1192" s="10"/>
      <c r="QQJ1192" s="10"/>
      <c r="QQK1192" s="10"/>
      <c r="QQL1192" s="10"/>
      <c r="QQM1192" s="10"/>
      <c r="QQN1192" s="10"/>
      <c r="QQO1192" s="10"/>
      <c r="QQP1192" s="10"/>
      <c r="QQQ1192" s="10"/>
      <c r="QQR1192" s="10"/>
      <c r="QQS1192" s="10"/>
      <c r="QQT1192" s="10"/>
      <c r="QQU1192" s="10"/>
      <c r="QQV1192" s="10"/>
      <c r="QQW1192" s="10"/>
      <c r="QQX1192" s="10"/>
      <c r="QQY1192" s="10"/>
      <c r="QQZ1192" s="10"/>
      <c r="QRA1192" s="10"/>
      <c r="QRB1192" s="10"/>
      <c r="QRC1192" s="10"/>
      <c r="QRD1192" s="10"/>
      <c r="QRE1192" s="10"/>
      <c r="QRF1192" s="10"/>
      <c r="QRG1192" s="10"/>
      <c r="QRH1192" s="10"/>
      <c r="QRI1192" s="10"/>
      <c r="QRJ1192" s="10"/>
      <c r="QRK1192" s="10"/>
      <c r="QRL1192" s="10"/>
      <c r="QRM1192" s="10"/>
      <c r="QRN1192" s="10"/>
      <c r="QRO1192" s="10"/>
      <c r="QRP1192" s="10"/>
      <c r="QRQ1192" s="10"/>
      <c r="QRR1192" s="10"/>
      <c r="QRS1192" s="10"/>
      <c r="QRT1192" s="10"/>
      <c r="QRU1192" s="10"/>
      <c r="QRV1192" s="10"/>
      <c r="QRW1192" s="10"/>
      <c r="QRX1192" s="10"/>
      <c r="QRY1192" s="10"/>
      <c r="QRZ1192" s="10"/>
      <c r="QSA1192" s="10"/>
      <c r="QSB1192" s="10"/>
      <c r="QSC1192" s="10"/>
      <c r="QSD1192" s="10"/>
      <c r="QSE1192" s="10"/>
      <c r="QSF1192" s="10"/>
      <c r="QSG1192" s="10"/>
      <c r="QSH1192" s="10"/>
      <c r="QSI1192" s="10"/>
      <c r="QSJ1192" s="10"/>
      <c r="QSK1192" s="10"/>
      <c r="QSL1192" s="10"/>
      <c r="QSM1192" s="10"/>
      <c r="QSN1192" s="10"/>
      <c r="QSO1192" s="10"/>
      <c r="QSP1192" s="10"/>
      <c r="QSQ1192" s="10"/>
      <c r="QSR1192" s="10"/>
      <c r="QSS1192" s="10"/>
      <c r="QST1192" s="10"/>
      <c r="QSU1192" s="10"/>
      <c r="QSV1192" s="10"/>
      <c r="QSW1192" s="10"/>
      <c r="QSX1192" s="10"/>
      <c r="QSY1192" s="10"/>
      <c r="QSZ1192" s="10"/>
      <c r="QTA1192" s="10"/>
      <c r="QTB1192" s="10"/>
      <c r="QTC1192" s="10"/>
      <c r="QTD1192" s="10"/>
      <c r="QTE1192" s="10"/>
      <c r="QTF1192" s="10"/>
      <c r="QTG1192" s="10"/>
      <c r="QTH1192" s="10"/>
      <c r="QTI1192" s="10"/>
      <c r="QTJ1192" s="10"/>
      <c r="QTK1192" s="10"/>
      <c r="QTL1192" s="10"/>
      <c r="QTM1192" s="10"/>
      <c r="QTN1192" s="10"/>
      <c r="QTO1192" s="10"/>
      <c r="QTP1192" s="10"/>
      <c r="QTQ1192" s="10"/>
      <c r="QTR1192" s="10"/>
      <c r="QTS1192" s="10"/>
      <c r="QTT1192" s="10"/>
      <c r="QTU1192" s="10"/>
      <c r="QTV1192" s="10"/>
      <c r="QTW1192" s="10"/>
      <c r="QTX1192" s="10"/>
      <c r="QTY1192" s="10"/>
      <c r="QTZ1192" s="10"/>
      <c r="QUA1192" s="10"/>
      <c r="QUB1192" s="10"/>
      <c r="QUC1192" s="10"/>
      <c r="QUD1192" s="10"/>
      <c r="QUE1192" s="10"/>
      <c r="QUF1192" s="10"/>
      <c r="QUG1192" s="10"/>
      <c r="QUH1192" s="10"/>
      <c r="QUI1192" s="10"/>
      <c r="QUJ1192" s="10"/>
      <c r="QUK1192" s="10"/>
      <c r="QUL1192" s="10"/>
      <c r="QUM1192" s="10"/>
      <c r="QUN1192" s="10"/>
      <c r="QUO1192" s="10"/>
      <c r="QUP1192" s="10"/>
      <c r="QUQ1192" s="10"/>
      <c r="QUR1192" s="10"/>
      <c r="QUS1192" s="10"/>
      <c r="QUT1192" s="10"/>
      <c r="QUU1192" s="10"/>
      <c r="QUV1192" s="10"/>
      <c r="QUW1192" s="10"/>
      <c r="QUX1192" s="10"/>
      <c r="QUY1192" s="10"/>
      <c r="QUZ1192" s="10"/>
      <c r="QVA1192" s="10"/>
      <c r="QVB1192" s="10"/>
      <c r="QVC1192" s="10"/>
      <c r="QVD1192" s="10"/>
      <c r="QVE1192" s="10"/>
      <c r="QVF1192" s="10"/>
      <c r="QVG1192" s="10"/>
      <c r="QVH1192" s="10"/>
      <c r="QVI1192" s="10"/>
      <c r="QVJ1192" s="10"/>
      <c r="QVK1192" s="10"/>
      <c r="QVL1192" s="10"/>
      <c r="QVM1192" s="10"/>
      <c r="QVN1192" s="10"/>
      <c r="QVO1192" s="10"/>
      <c r="QVP1192" s="10"/>
      <c r="QVQ1192" s="10"/>
      <c r="QVR1192" s="10"/>
      <c r="QVS1192" s="10"/>
      <c r="QVT1192" s="10"/>
      <c r="QVU1192" s="10"/>
      <c r="QVV1192" s="10"/>
      <c r="QVW1192" s="10"/>
      <c r="QVX1192" s="10"/>
      <c r="QVY1192" s="10"/>
      <c r="QVZ1192" s="10"/>
      <c r="QWA1192" s="10"/>
      <c r="QWB1192" s="10"/>
      <c r="QWC1192" s="10"/>
      <c r="QWD1192" s="10"/>
      <c r="QWE1192" s="10"/>
      <c r="QWF1192" s="10"/>
      <c r="QWG1192" s="10"/>
      <c r="QWH1192" s="10"/>
      <c r="QWI1192" s="10"/>
      <c r="QWJ1192" s="10"/>
      <c r="QWK1192" s="10"/>
      <c r="QWL1192" s="10"/>
      <c r="QWM1192" s="10"/>
      <c r="QWN1192" s="10"/>
      <c r="QWO1192" s="10"/>
      <c r="QWP1192" s="10"/>
      <c r="QWQ1192" s="10"/>
      <c r="QWR1192" s="10"/>
      <c r="QWS1192" s="10"/>
      <c r="QWT1192" s="10"/>
      <c r="QWU1192" s="10"/>
      <c r="QWV1192" s="10"/>
      <c r="QWW1192" s="10"/>
      <c r="QWX1192" s="10"/>
      <c r="QWY1192" s="10"/>
      <c r="QWZ1192" s="10"/>
      <c r="QXA1192" s="10"/>
      <c r="QXB1192" s="10"/>
      <c r="QXC1192" s="10"/>
      <c r="QXD1192" s="10"/>
      <c r="QXE1192" s="10"/>
      <c r="QXF1192" s="10"/>
      <c r="QXG1192" s="10"/>
      <c r="QXH1192" s="10"/>
      <c r="QXI1192" s="10"/>
      <c r="QXJ1192" s="10"/>
      <c r="QXK1192" s="10"/>
      <c r="QXL1192" s="10"/>
      <c r="QXM1192" s="10"/>
      <c r="QXN1192" s="10"/>
      <c r="QXO1192" s="10"/>
      <c r="QXP1192" s="10"/>
      <c r="QXQ1192" s="10"/>
      <c r="QXR1192" s="10"/>
      <c r="QXS1192" s="10"/>
      <c r="QXT1192" s="10"/>
      <c r="QXU1192" s="10"/>
      <c r="QXV1192" s="10"/>
      <c r="QXW1192" s="10"/>
      <c r="QXX1192" s="10"/>
      <c r="QXY1192" s="10"/>
      <c r="QXZ1192" s="10"/>
      <c r="QYA1192" s="10"/>
      <c r="QYB1192" s="10"/>
      <c r="QYC1192" s="10"/>
      <c r="QYD1192" s="10"/>
      <c r="QYE1192" s="10"/>
      <c r="QYF1192" s="10"/>
      <c r="QYG1192" s="10"/>
      <c r="QYH1192" s="10"/>
      <c r="QYI1192" s="10"/>
      <c r="QYJ1192" s="10"/>
      <c r="QYK1192" s="10"/>
      <c r="QYL1192" s="10"/>
      <c r="QYM1192" s="10"/>
      <c r="QYN1192" s="10"/>
      <c r="QYO1192" s="10"/>
      <c r="QYP1192" s="10"/>
      <c r="QYQ1192" s="10"/>
      <c r="QYR1192" s="10"/>
      <c r="QYS1192" s="10"/>
      <c r="QYT1192" s="10"/>
      <c r="QYU1192" s="10"/>
      <c r="QYV1192" s="10"/>
      <c r="QYW1192" s="10"/>
      <c r="QYX1192" s="10"/>
      <c r="QYY1192" s="10"/>
      <c r="QYZ1192" s="10"/>
      <c r="QZA1192" s="10"/>
      <c r="QZB1192" s="10"/>
      <c r="QZC1192" s="10"/>
      <c r="QZD1192" s="10"/>
      <c r="QZE1192" s="10"/>
      <c r="QZF1192" s="10"/>
      <c r="QZG1192" s="10"/>
      <c r="QZH1192" s="10"/>
      <c r="QZI1192" s="10"/>
      <c r="QZJ1192" s="10"/>
      <c r="QZK1192" s="10"/>
      <c r="QZL1192" s="10"/>
      <c r="QZM1192" s="10"/>
      <c r="QZN1192" s="10"/>
      <c r="QZO1192" s="10"/>
      <c r="QZP1192" s="10"/>
      <c r="QZQ1192" s="10"/>
      <c r="QZR1192" s="10"/>
      <c r="QZS1192" s="10"/>
      <c r="QZT1192" s="10"/>
      <c r="QZU1192" s="10"/>
      <c r="QZV1192" s="10"/>
      <c r="QZW1192" s="10"/>
      <c r="QZX1192" s="10"/>
      <c r="QZY1192" s="10"/>
      <c r="QZZ1192" s="10"/>
      <c r="RAA1192" s="10"/>
      <c r="RAB1192" s="10"/>
      <c r="RAC1192" s="10"/>
      <c r="RAD1192" s="10"/>
      <c r="RAE1192" s="10"/>
      <c r="RAF1192" s="10"/>
      <c r="RAG1192" s="10"/>
      <c r="RAH1192" s="10"/>
      <c r="RAI1192" s="10"/>
      <c r="RAJ1192" s="10"/>
      <c r="RAK1192" s="10"/>
      <c r="RAL1192" s="10"/>
      <c r="RAM1192" s="10"/>
      <c r="RAN1192" s="10"/>
      <c r="RAO1192" s="10"/>
      <c r="RAP1192" s="10"/>
      <c r="RAQ1192" s="10"/>
      <c r="RAR1192" s="10"/>
      <c r="RAS1192" s="10"/>
      <c r="RAT1192" s="10"/>
      <c r="RAU1192" s="10"/>
      <c r="RAV1192" s="10"/>
      <c r="RAW1192" s="10"/>
      <c r="RAX1192" s="10"/>
      <c r="RAY1192" s="10"/>
      <c r="RAZ1192" s="10"/>
      <c r="RBA1192" s="10"/>
      <c r="RBB1192" s="10"/>
      <c r="RBC1192" s="10"/>
      <c r="RBD1192" s="10"/>
      <c r="RBE1192" s="10"/>
      <c r="RBF1192" s="10"/>
      <c r="RBG1192" s="10"/>
      <c r="RBH1192" s="10"/>
      <c r="RBI1192" s="10"/>
      <c r="RBJ1192" s="10"/>
      <c r="RBK1192" s="10"/>
      <c r="RBL1192" s="10"/>
      <c r="RBM1192" s="10"/>
      <c r="RBN1192" s="10"/>
      <c r="RBO1192" s="10"/>
      <c r="RBP1192" s="10"/>
      <c r="RBQ1192" s="10"/>
      <c r="RBR1192" s="10"/>
      <c r="RBS1192" s="10"/>
      <c r="RBT1192" s="10"/>
      <c r="RBU1192" s="10"/>
      <c r="RBV1192" s="10"/>
      <c r="RBW1192" s="10"/>
      <c r="RBX1192" s="10"/>
      <c r="RBY1192" s="10"/>
      <c r="RBZ1192" s="10"/>
      <c r="RCA1192" s="10"/>
      <c r="RCB1192" s="10"/>
      <c r="RCC1192" s="10"/>
      <c r="RCD1192" s="10"/>
      <c r="RCE1192" s="10"/>
      <c r="RCF1192" s="10"/>
      <c r="RCG1192" s="10"/>
      <c r="RCH1192" s="10"/>
      <c r="RCI1192" s="10"/>
      <c r="RCJ1192" s="10"/>
      <c r="RCK1192" s="10"/>
      <c r="RCL1192" s="10"/>
      <c r="RCM1192" s="10"/>
      <c r="RCN1192" s="10"/>
      <c r="RCO1192" s="10"/>
      <c r="RCP1192" s="10"/>
      <c r="RCQ1192" s="10"/>
      <c r="RCR1192" s="10"/>
      <c r="RCS1192" s="10"/>
      <c r="RCT1192" s="10"/>
      <c r="RCU1192" s="10"/>
      <c r="RCV1192" s="10"/>
      <c r="RCW1192" s="10"/>
      <c r="RCX1192" s="10"/>
      <c r="RCY1192" s="10"/>
      <c r="RCZ1192" s="10"/>
      <c r="RDA1192" s="10"/>
      <c r="RDB1192" s="10"/>
      <c r="RDC1192" s="10"/>
      <c r="RDD1192" s="10"/>
      <c r="RDE1192" s="10"/>
      <c r="RDF1192" s="10"/>
      <c r="RDG1192" s="10"/>
      <c r="RDH1192" s="10"/>
      <c r="RDI1192" s="10"/>
      <c r="RDJ1192" s="10"/>
      <c r="RDK1192" s="10"/>
      <c r="RDL1192" s="10"/>
      <c r="RDM1192" s="10"/>
      <c r="RDN1192" s="10"/>
      <c r="RDO1192" s="10"/>
      <c r="RDP1192" s="10"/>
      <c r="RDQ1192" s="10"/>
      <c r="RDR1192" s="10"/>
      <c r="RDS1192" s="10"/>
      <c r="RDT1192" s="10"/>
      <c r="RDU1192" s="10"/>
      <c r="RDV1192" s="10"/>
      <c r="RDW1192" s="10"/>
      <c r="RDX1192" s="10"/>
      <c r="RDY1192" s="10"/>
      <c r="RDZ1192" s="10"/>
      <c r="REA1192" s="10"/>
      <c r="REB1192" s="10"/>
      <c r="REC1192" s="10"/>
      <c r="RED1192" s="10"/>
      <c r="REE1192" s="10"/>
      <c r="REF1192" s="10"/>
      <c r="REG1192" s="10"/>
      <c r="REH1192" s="10"/>
      <c r="REI1192" s="10"/>
      <c r="REJ1192" s="10"/>
      <c r="REK1192" s="10"/>
      <c r="REL1192" s="10"/>
      <c r="REM1192" s="10"/>
      <c r="REN1192" s="10"/>
      <c r="REO1192" s="10"/>
      <c r="REP1192" s="10"/>
      <c r="REQ1192" s="10"/>
      <c r="RER1192" s="10"/>
      <c r="RES1192" s="10"/>
      <c r="RET1192" s="10"/>
      <c r="REU1192" s="10"/>
      <c r="REV1192" s="10"/>
      <c r="REW1192" s="10"/>
      <c r="REX1192" s="10"/>
      <c r="REY1192" s="10"/>
      <c r="REZ1192" s="10"/>
      <c r="RFA1192" s="10"/>
      <c r="RFB1192" s="10"/>
      <c r="RFC1192" s="10"/>
      <c r="RFD1192" s="10"/>
      <c r="RFE1192" s="10"/>
      <c r="RFF1192" s="10"/>
      <c r="RFG1192" s="10"/>
      <c r="RFH1192" s="10"/>
      <c r="RFI1192" s="10"/>
      <c r="RFJ1192" s="10"/>
      <c r="RFK1192" s="10"/>
      <c r="RFL1192" s="10"/>
      <c r="RFM1192" s="10"/>
      <c r="RFN1192" s="10"/>
      <c r="RFO1192" s="10"/>
      <c r="RFP1192" s="10"/>
      <c r="RFQ1192" s="10"/>
      <c r="RFR1192" s="10"/>
      <c r="RFS1192" s="10"/>
      <c r="RFT1192" s="10"/>
      <c r="RFU1192" s="10"/>
      <c r="RFV1192" s="10"/>
      <c r="RFW1192" s="10"/>
      <c r="RFX1192" s="10"/>
      <c r="RFY1192" s="10"/>
      <c r="RFZ1192" s="10"/>
      <c r="RGA1192" s="10"/>
      <c r="RGB1192" s="10"/>
      <c r="RGC1192" s="10"/>
      <c r="RGD1192" s="10"/>
      <c r="RGE1192" s="10"/>
      <c r="RGF1192" s="10"/>
      <c r="RGG1192" s="10"/>
      <c r="RGH1192" s="10"/>
      <c r="RGI1192" s="10"/>
      <c r="RGJ1192" s="10"/>
      <c r="RGK1192" s="10"/>
      <c r="RGL1192" s="10"/>
      <c r="RGM1192" s="10"/>
      <c r="RGN1192" s="10"/>
      <c r="RGO1192" s="10"/>
      <c r="RGP1192" s="10"/>
      <c r="RGQ1192" s="10"/>
      <c r="RGR1192" s="10"/>
      <c r="RGS1192" s="10"/>
      <c r="RGT1192" s="10"/>
      <c r="RGU1192" s="10"/>
      <c r="RGV1192" s="10"/>
      <c r="RGW1192" s="10"/>
      <c r="RGX1192" s="10"/>
      <c r="RGY1192" s="10"/>
      <c r="RGZ1192" s="10"/>
      <c r="RHA1192" s="10"/>
      <c r="RHB1192" s="10"/>
      <c r="RHC1192" s="10"/>
      <c r="RHD1192" s="10"/>
      <c r="RHE1192" s="10"/>
      <c r="RHF1192" s="10"/>
      <c r="RHG1192" s="10"/>
      <c r="RHH1192" s="10"/>
      <c r="RHI1192" s="10"/>
      <c r="RHJ1192" s="10"/>
      <c r="RHK1192" s="10"/>
      <c r="RHL1192" s="10"/>
      <c r="RHM1192" s="10"/>
      <c r="RHN1192" s="10"/>
      <c r="RHO1192" s="10"/>
      <c r="RHP1192" s="10"/>
      <c r="RHQ1192" s="10"/>
      <c r="RHR1192" s="10"/>
      <c r="RHS1192" s="10"/>
      <c r="RHT1192" s="10"/>
      <c r="RHU1192" s="10"/>
      <c r="RHV1192" s="10"/>
      <c r="RHW1192" s="10"/>
      <c r="RHX1192" s="10"/>
      <c r="RHY1192" s="10"/>
      <c r="RHZ1192" s="10"/>
      <c r="RIA1192" s="10"/>
      <c r="RIB1192" s="10"/>
      <c r="RIC1192" s="10"/>
      <c r="RID1192" s="10"/>
      <c r="RIE1192" s="10"/>
      <c r="RIF1192" s="10"/>
      <c r="RIG1192" s="10"/>
      <c r="RIH1192" s="10"/>
      <c r="RII1192" s="10"/>
      <c r="RIJ1192" s="10"/>
      <c r="RIK1192" s="10"/>
      <c r="RIL1192" s="10"/>
      <c r="RIM1192" s="10"/>
      <c r="RIN1192" s="10"/>
      <c r="RIO1192" s="10"/>
      <c r="RIP1192" s="10"/>
      <c r="RIQ1192" s="10"/>
      <c r="RIR1192" s="10"/>
      <c r="RIS1192" s="10"/>
      <c r="RIT1192" s="10"/>
      <c r="RIU1192" s="10"/>
      <c r="RIV1192" s="10"/>
      <c r="RIW1192" s="10"/>
      <c r="RIX1192" s="10"/>
      <c r="RIY1192" s="10"/>
      <c r="RIZ1192" s="10"/>
      <c r="RJA1192" s="10"/>
      <c r="RJB1192" s="10"/>
      <c r="RJC1192" s="10"/>
      <c r="RJD1192" s="10"/>
      <c r="RJE1192" s="10"/>
      <c r="RJF1192" s="10"/>
      <c r="RJG1192" s="10"/>
      <c r="RJH1192" s="10"/>
      <c r="RJI1192" s="10"/>
      <c r="RJJ1192" s="10"/>
      <c r="RJK1192" s="10"/>
      <c r="RJL1192" s="10"/>
      <c r="RJM1192" s="10"/>
      <c r="RJN1192" s="10"/>
      <c r="RJO1192" s="10"/>
      <c r="RJP1192" s="10"/>
      <c r="RJQ1192" s="10"/>
      <c r="RJR1192" s="10"/>
      <c r="RJS1192" s="10"/>
      <c r="RJT1192" s="10"/>
      <c r="RJU1192" s="10"/>
      <c r="RJV1192" s="10"/>
      <c r="RJW1192" s="10"/>
      <c r="RJX1192" s="10"/>
      <c r="RJY1192" s="10"/>
      <c r="RJZ1192" s="10"/>
      <c r="RKA1192" s="10"/>
      <c r="RKB1192" s="10"/>
      <c r="RKC1192" s="10"/>
      <c r="RKD1192" s="10"/>
      <c r="RKE1192" s="10"/>
      <c r="RKF1192" s="10"/>
      <c r="RKG1192" s="10"/>
      <c r="RKH1192" s="10"/>
      <c r="RKI1192" s="10"/>
      <c r="RKJ1192" s="10"/>
      <c r="RKK1192" s="10"/>
      <c r="RKL1192" s="10"/>
      <c r="RKM1192" s="10"/>
      <c r="RKN1192" s="10"/>
      <c r="RKO1192" s="10"/>
      <c r="RKP1192" s="10"/>
      <c r="RKQ1192" s="10"/>
      <c r="RKR1192" s="10"/>
      <c r="RKS1192" s="10"/>
      <c r="RKT1192" s="10"/>
      <c r="RKU1192" s="10"/>
      <c r="RKV1192" s="10"/>
      <c r="RKW1192" s="10"/>
      <c r="RKX1192" s="10"/>
      <c r="RKY1192" s="10"/>
      <c r="RKZ1192" s="10"/>
      <c r="RLA1192" s="10"/>
      <c r="RLB1192" s="10"/>
      <c r="RLC1192" s="10"/>
      <c r="RLD1192" s="10"/>
      <c r="RLE1192" s="10"/>
      <c r="RLF1192" s="10"/>
      <c r="RLG1192" s="10"/>
      <c r="RLH1192" s="10"/>
      <c r="RLI1192" s="10"/>
      <c r="RLJ1192" s="10"/>
      <c r="RLK1192" s="10"/>
      <c r="RLL1192" s="10"/>
      <c r="RLM1192" s="10"/>
      <c r="RLN1192" s="10"/>
      <c r="RLO1192" s="10"/>
      <c r="RLP1192" s="10"/>
      <c r="RLQ1192" s="10"/>
      <c r="RLR1192" s="10"/>
      <c r="RLS1192" s="10"/>
      <c r="RLT1192" s="10"/>
      <c r="RLU1192" s="10"/>
      <c r="RLV1192" s="10"/>
      <c r="RLW1192" s="10"/>
      <c r="RLX1192" s="10"/>
      <c r="RLY1192" s="10"/>
      <c r="RLZ1192" s="10"/>
      <c r="RMA1192" s="10"/>
      <c r="RMB1192" s="10"/>
      <c r="RMC1192" s="10"/>
      <c r="RMD1192" s="10"/>
      <c r="RME1192" s="10"/>
      <c r="RMF1192" s="10"/>
      <c r="RMG1192" s="10"/>
      <c r="RMH1192" s="10"/>
      <c r="RMI1192" s="10"/>
      <c r="RMJ1192" s="10"/>
      <c r="RMK1192" s="10"/>
      <c r="RML1192" s="10"/>
      <c r="RMM1192" s="10"/>
      <c r="RMN1192" s="10"/>
      <c r="RMO1192" s="10"/>
      <c r="RMP1192" s="10"/>
      <c r="RMQ1192" s="10"/>
      <c r="RMR1192" s="10"/>
      <c r="RMS1192" s="10"/>
      <c r="RMT1192" s="10"/>
      <c r="RMU1192" s="10"/>
      <c r="RMV1192" s="10"/>
      <c r="RMW1192" s="10"/>
      <c r="RMX1192" s="10"/>
      <c r="RMY1192" s="10"/>
      <c r="RMZ1192" s="10"/>
      <c r="RNA1192" s="10"/>
      <c r="RNB1192" s="10"/>
      <c r="RNC1192" s="10"/>
      <c r="RND1192" s="10"/>
      <c r="RNE1192" s="10"/>
      <c r="RNF1192" s="10"/>
      <c r="RNG1192" s="10"/>
      <c r="RNH1192" s="10"/>
      <c r="RNI1192" s="10"/>
      <c r="RNJ1192" s="10"/>
      <c r="RNK1192" s="10"/>
      <c r="RNL1192" s="10"/>
      <c r="RNM1192" s="10"/>
      <c r="RNN1192" s="10"/>
      <c r="RNO1192" s="10"/>
      <c r="RNP1192" s="10"/>
      <c r="RNQ1192" s="10"/>
      <c r="RNR1192" s="10"/>
      <c r="RNS1192" s="10"/>
      <c r="RNT1192" s="10"/>
      <c r="RNU1192" s="10"/>
      <c r="RNV1192" s="10"/>
      <c r="RNW1192" s="10"/>
      <c r="RNX1192" s="10"/>
      <c r="RNY1192" s="10"/>
      <c r="RNZ1192" s="10"/>
      <c r="ROA1192" s="10"/>
      <c r="ROB1192" s="10"/>
      <c r="ROC1192" s="10"/>
      <c r="ROD1192" s="10"/>
      <c r="ROE1192" s="10"/>
      <c r="ROF1192" s="10"/>
      <c r="ROG1192" s="10"/>
      <c r="ROH1192" s="10"/>
      <c r="ROI1192" s="10"/>
      <c r="ROJ1192" s="10"/>
      <c r="ROK1192" s="10"/>
      <c r="ROL1192" s="10"/>
      <c r="ROM1192" s="10"/>
      <c r="RON1192" s="10"/>
      <c r="ROO1192" s="10"/>
      <c r="ROP1192" s="10"/>
      <c r="ROQ1192" s="10"/>
      <c r="ROR1192" s="10"/>
      <c r="ROS1192" s="10"/>
      <c r="ROT1192" s="10"/>
      <c r="ROU1192" s="10"/>
      <c r="ROV1192" s="10"/>
      <c r="ROW1192" s="10"/>
      <c r="ROX1192" s="10"/>
      <c r="ROY1192" s="10"/>
      <c r="ROZ1192" s="10"/>
      <c r="RPA1192" s="10"/>
      <c r="RPB1192" s="10"/>
      <c r="RPC1192" s="10"/>
      <c r="RPD1192" s="10"/>
      <c r="RPE1192" s="10"/>
      <c r="RPF1192" s="10"/>
      <c r="RPG1192" s="10"/>
      <c r="RPH1192" s="10"/>
      <c r="RPI1192" s="10"/>
      <c r="RPJ1192" s="10"/>
      <c r="RPK1192" s="10"/>
      <c r="RPL1192" s="10"/>
      <c r="RPM1192" s="10"/>
      <c r="RPN1192" s="10"/>
      <c r="RPO1192" s="10"/>
      <c r="RPP1192" s="10"/>
      <c r="RPQ1192" s="10"/>
      <c r="RPR1192" s="10"/>
      <c r="RPS1192" s="10"/>
      <c r="RPT1192" s="10"/>
      <c r="RPU1192" s="10"/>
      <c r="RPV1192" s="10"/>
      <c r="RPW1192" s="10"/>
      <c r="RPX1192" s="10"/>
      <c r="RPY1192" s="10"/>
      <c r="RPZ1192" s="10"/>
      <c r="RQA1192" s="10"/>
      <c r="RQB1192" s="10"/>
      <c r="RQC1192" s="10"/>
      <c r="RQD1192" s="10"/>
      <c r="RQE1192" s="10"/>
      <c r="RQF1192" s="10"/>
      <c r="RQG1192" s="10"/>
      <c r="RQH1192" s="10"/>
      <c r="RQI1192" s="10"/>
      <c r="RQJ1192" s="10"/>
      <c r="RQK1192" s="10"/>
      <c r="RQL1192" s="10"/>
      <c r="RQM1192" s="10"/>
      <c r="RQN1192" s="10"/>
      <c r="RQO1192" s="10"/>
      <c r="RQP1192" s="10"/>
      <c r="RQQ1192" s="10"/>
      <c r="RQR1192" s="10"/>
      <c r="RQS1192" s="10"/>
      <c r="RQT1192" s="10"/>
      <c r="RQU1192" s="10"/>
      <c r="RQV1192" s="10"/>
      <c r="RQW1192" s="10"/>
      <c r="RQX1192" s="10"/>
      <c r="RQY1192" s="10"/>
      <c r="RQZ1192" s="10"/>
      <c r="RRA1192" s="10"/>
      <c r="RRB1192" s="10"/>
      <c r="RRC1192" s="10"/>
      <c r="RRD1192" s="10"/>
      <c r="RRE1192" s="10"/>
      <c r="RRF1192" s="10"/>
      <c r="RRG1192" s="10"/>
      <c r="RRH1192" s="10"/>
      <c r="RRI1192" s="10"/>
      <c r="RRJ1192" s="10"/>
      <c r="RRK1192" s="10"/>
      <c r="RRL1192" s="10"/>
      <c r="RRM1192" s="10"/>
      <c r="RRN1192" s="10"/>
      <c r="RRO1192" s="10"/>
      <c r="RRP1192" s="10"/>
      <c r="RRQ1192" s="10"/>
      <c r="RRR1192" s="10"/>
      <c r="RRS1192" s="10"/>
      <c r="RRT1192" s="10"/>
      <c r="RRU1192" s="10"/>
      <c r="RRV1192" s="10"/>
      <c r="RRW1192" s="10"/>
      <c r="RRX1192" s="10"/>
      <c r="RRY1192" s="10"/>
      <c r="RRZ1192" s="10"/>
      <c r="RSA1192" s="10"/>
      <c r="RSB1192" s="10"/>
      <c r="RSC1192" s="10"/>
      <c r="RSD1192" s="10"/>
      <c r="RSE1192" s="10"/>
      <c r="RSF1192" s="10"/>
      <c r="RSG1192" s="10"/>
      <c r="RSH1192" s="10"/>
      <c r="RSI1192" s="10"/>
      <c r="RSJ1192" s="10"/>
      <c r="RSK1192" s="10"/>
      <c r="RSL1192" s="10"/>
      <c r="RSM1192" s="10"/>
      <c r="RSN1192" s="10"/>
      <c r="RSO1192" s="10"/>
      <c r="RSP1192" s="10"/>
      <c r="RSQ1192" s="10"/>
      <c r="RSR1192" s="10"/>
      <c r="RSS1192" s="10"/>
      <c r="RST1192" s="10"/>
      <c r="RSU1192" s="10"/>
      <c r="RSV1192" s="10"/>
      <c r="RSW1192" s="10"/>
      <c r="RSX1192" s="10"/>
      <c r="RSY1192" s="10"/>
      <c r="RSZ1192" s="10"/>
      <c r="RTA1192" s="10"/>
      <c r="RTB1192" s="10"/>
      <c r="RTC1192" s="10"/>
      <c r="RTD1192" s="10"/>
      <c r="RTE1192" s="10"/>
      <c r="RTF1192" s="10"/>
      <c r="RTG1192" s="10"/>
      <c r="RTH1192" s="10"/>
      <c r="RTI1192" s="10"/>
      <c r="RTJ1192" s="10"/>
      <c r="RTK1192" s="10"/>
      <c r="RTL1192" s="10"/>
      <c r="RTM1192" s="10"/>
      <c r="RTN1192" s="10"/>
      <c r="RTO1192" s="10"/>
      <c r="RTP1192" s="10"/>
      <c r="RTQ1192" s="10"/>
      <c r="RTR1192" s="10"/>
      <c r="RTS1192" s="10"/>
      <c r="RTT1192" s="10"/>
      <c r="RTU1192" s="10"/>
      <c r="RTV1192" s="10"/>
      <c r="RTW1192" s="10"/>
      <c r="RTX1192" s="10"/>
      <c r="RTY1192" s="10"/>
      <c r="RTZ1192" s="10"/>
      <c r="RUA1192" s="10"/>
      <c r="RUB1192" s="10"/>
      <c r="RUC1192" s="10"/>
      <c r="RUD1192" s="10"/>
      <c r="RUE1192" s="10"/>
      <c r="RUF1192" s="10"/>
      <c r="RUG1192" s="10"/>
      <c r="RUH1192" s="10"/>
      <c r="RUI1192" s="10"/>
      <c r="RUJ1192" s="10"/>
      <c r="RUK1192" s="10"/>
      <c r="RUL1192" s="10"/>
      <c r="RUM1192" s="10"/>
      <c r="RUN1192" s="10"/>
      <c r="RUO1192" s="10"/>
      <c r="RUP1192" s="10"/>
      <c r="RUQ1192" s="10"/>
      <c r="RUR1192" s="10"/>
      <c r="RUS1192" s="10"/>
      <c r="RUT1192" s="10"/>
      <c r="RUU1192" s="10"/>
      <c r="RUV1192" s="10"/>
      <c r="RUW1192" s="10"/>
      <c r="RUX1192" s="10"/>
      <c r="RUY1192" s="10"/>
      <c r="RUZ1192" s="10"/>
      <c r="RVA1192" s="10"/>
      <c r="RVB1192" s="10"/>
      <c r="RVC1192" s="10"/>
      <c r="RVD1192" s="10"/>
      <c r="RVE1192" s="10"/>
      <c r="RVF1192" s="10"/>
      <c r="RVG1192" s="10"/>
      <c r="RVH1192" s="10"/>
      <c r="RVI1192" s="10"/>
      <c r="RVJ1192" s="10"/>
      <c r="RVK1192" s="10"/>
      <c r="RVL1192" s="10"/>
      <c r="RVM1192" s="10"/>
      <c r="RVN1192" s="10"/>
      <c r="RVO1192" s="10"/>
      <c r="RVP1192" s="10"/>
      <c r="RVQ1192" s="10"/>
      <c r="RVR1192" s="10"/>
      <c r="RVS1192" s="10"/>
      <c r="RVT1192" s="10"/>
      <c r="RVU1192" s="10"/>
      <c r="RVV1192" s="10"/>
      <c r="RVW1192" s="10"/>
      <c r="RVX1192" s="10"/>
      <c r="RVY1192" s="10"/>
      <c r="RVZ1192" s="10"/>
      <c r="RWA1192" s="10"/>
      <c r="RWB1192" s="10"/>
      <c r="RWC1192" s="10"/>
      <c r="RWD1192" s="10"/>
      <c r="RWE1192" s="10"/>
      <c r="RWF1192" s="10"/>
      <c r="RWG1192" s="10"/>
      <c r="RWH1192" s="10"/>
      <c r="RWI1192" s="10"/>
      <c r="RWJ1192" s="10"/>
      <c r="RWK1192" s="10"/>
      <c r="RWL1192" s="10"/>
      <c r="RWM1192" s="10"/>
      <c r="RWN1192" s="10"/>
      <c r="RWO1192" s="10"/>
      <c r="RWP1192" s="10"/>
      <c r="RWQ1192" s="10"/>
      <c r="RWR1192" s="10"/>
      <c r="RWS1192" s="10"/>
      <c r="RWT1192" s="10"/>
      <c r="RWU1192" s="10"/>
      <c r="RWV1192" s="10"/>
      <c r="RWW1192" s="10"/>
      <c r="RWX1192" s="10"/>
      <c r="RWY1192" s="10"/>
      <c r="RWZ1192" s="10"/>
      <c r="RXA1192" s="10"/>
      <c r="RXB1192" s="10"/>
      <c r="RXC1192" s="10"/>
      <c r="RXD1192" s="10"/>
      <c r="RXE1192" s="10"/>
      <c r="RXF1192" s="10"/>
      <c r="RXG1192" s="10"/>
      <c r="RXH1192" s="10"/>
      <c r="RXI1192" s="10"/>
      <c r="RXJ1192" s="10"/>
      <c r="RXK1192" s="10"/>
      <c r="RXL1192" s="10"/>
      <c r="RXM1192" s="10"/>
      <c r="RXN1192" s="10"/>
      <c r="RXO1192" s="10"/>
      <c r="RXP1192" s="10"/>
      <c r="RXQ1192" s="10"/>
      <c r="RXR1192" s="10"/>
      <c r="RXS1192" s="10"/>
      <c r="RXT1192" s="10"/>
      <c r="RXU1192" s="10"/>
      <c r="RXV1192" s="10"/>
      <c r="RXW1192" s="10"/>
      <c r="RXX1192" s="10"/>
      <c r="RXY1192" s="10"/>
      <c r="RXZ1192" s="10"/>
      <c r="RYA1192" s="10"/>
      <c r="RYB1192" s="10"/>
      <c r="RYC1192" s="10"/>
      <c r="RYD1192" s="10"/>
      <c r="RYE1192" s="10"/>
      <c r="RYF1192" s="10"/>
      <c r="RYG1192" s="10"/>
      <c r="RYH1192" s="10"/>
      <c r="RYI1192" s="10"/>
      <c r="RYJ1192" s="10"/>
      <c r="RYK1192" s="10"/>
      <c r="RYL1192" s="10"/>
      <c r="RYM1192" s="10"/>
      <c r="RYN1192" s="10"/>
      <c r="RYO1192" s="10"/>
      <c r="RYP1192" s="10"/>
      <c r="RYQ1192" s="10"/>
      <c r="RYR1192" s="10"/>
      <c r="RYS1192" s="10"/>
      <c r="RYT1192" s="10"/>
      <c r="RYU1192" s="10"/>
      <c r="RYV1192" s="10"/>
      <c r="RYW1192" s="10"/>
      <c r="RYX1192" s="10"/>
      <c r="RYY1192" s="10"/>
      <c r="RYZ1192" s="10"/>
      <c r="RZA1192" s="10"/>
      <c r="RZB1192" s="10"/>
      <c r="RZC1192" s="10"/>
      <c r="RZD1192" s="10"/>
      <c r="RZE1192" s="10"/>
      <c r="RZF1192" s="10"/>
      <c r="RZG1192" s="10"/>
      <c r="RZH1192" s="10"/>
      <c r="RZI1192" s="10"/>
      <c r="RZJ1192" s="10"/>
      <c r="RZK1192" s="10"/>
      <c r="RZL1192" s="10"/>
      <c r="RZM1192" s="10"/>
      <c r="RZN1192" s="10"/>
      <c r="RZO1192" s="10"/>
      <c r="RZP1192" s="10"/>
      <c r="RZQ1192" s="10"/>
      <c r="RZR1192" s="10"/>
      <c r="RZS1192" s="10"/>
      <c r="RZT1192" s="10"/>
      <c r="RZU1192" s="10"/>
      <c r="RZV1192" s="10"/>
      <c r="RZW1192" s="10"/>
      <c r="RZX1192" s="10"/>
      <c r="RZY1192" s="10"/>
      <c r="RZZ1192" s="10"/>
      <c r="SAA1192" s="10"/>
      <c r="SAB1192" s="10"/>
      <c r="SAC1192" s="10"/>
      <c r="SAD1192" s="10"/>
      <c r="SAE1192" s="10"/>
      <c r="SAF1192" s="10"/>
      <c r="SAG1192" s="10"/>
      <c r="SAH1192" s="10"/>
      <c r="SAI1192" s="10"/>
      <c r="SAJ1192" s="10"/>
      <c r="SAK1192" s="10"/>
      <c r="SAL1192" s="10"/>
      <c r="SAM1192" s="10"/>
      <c r="SAN1192" s="10"/>
      <c r="SAO1192" s="10"/>
      <c r="SAP1192" s="10"/>
      <c r="SAQ1192" s="10"/>
      <c r="SAR1192" s="10"/>
      <c r="SAS1192" s="10"/>
      <c r="SAT1192" s="10"/>
      <c r="SAU1192" s="10"/>
      <c r="SAV1192" s="10"/>
      <c r="SAW1192" s="10"/>
      <c r="SAX1192" s="10"/>
      <c r="SAY1192" s="10"/>
      <c r="SAZ1192" s="10"/>
      <c r="SBA1192" s="10"/>
      <c r="SBB1192" s="10"/>
      <c r="SBC1192" s="10"/>
      <c r="SBD1192" s="10"/>
      <c r="SBE1192" s="10"/>
      <c r="SBF1192" s="10"/>
      <c r="SBG1192" s="10"/>
      <c r="SBH1192" s="10"/>
      <c r="SBI1192" s="10"/>
      <c r="SBJ1192" s="10"/>
      <c r="SBK1192" s="10"/>
      <c r="SBL1192" s="10"/>
      <c r="SBM1192" s="10"/>
      <c r="SBN1192" s="10"/>
      <c r="SBO1192" s="10"/>
      <c r="SBP1192" s="10"/>
      <c r="SBQ1192" s="10"/>
      <c r="SBR1192" s="10"/>
      <c r="SBS1192" s="10"/>
      <c r="SBT1192" s="10"/>
      <c r="SBU1192" s="10"/>
      <c r="SBV1192" s="10"/>
      <c r="SBW1192" s="10"/>
      <c r="SBX1192" s="10"/>
      <c r="SBY1192" s="10"/>
      <c r="SBZ1192" s="10"/>
      <c r="SCA1192" s="10"/>
      <c r="SCB1192" s="10"/>
      <c r="SCC1192" s="10"/>
      <c r="SCD1192" s="10"/>
      <c r="SCE1192" s="10"/>
      <c r="SCF1192" s="10"/>
      <c r="SCG1192" s="10"/>
      <c r="SCH1192" s="10"/>
      <c r="SCI1192" s="10"/>
      <c r="SCJ1192" s="10"/>
      <c r="SCK1192" s="10"/>
      <c r="SCL1192" s="10"/>
      <c r="SCM1192" s="10"/>
      <c r="SCN1192" s="10"/>
      <c r="SCO1192" s="10"/>
      <c r="SCP1192" s="10"/>
      <c r="SCQ1192" s="10"/>
      <c r="SCR1192" s="10"/>
      <c r="SCS1192" s="10"/>
      <c r="SCT1192" s="10"/>
      <c r="SCU1192" s="10"/>
      <c r="SCV1192" s="10"/>
      <c r="SCW1192" s="10"/>
      <c r="SCX1192" s="10"/>
      <c r="SCY1192" s="10"/>
      <c r="SCZ1192" s="10"/>
      <c r="SDA1192" s="10"/>
      <c r="SDB1192" s="10"/>
      <c r="SDC1192" s="10"/>
      <c r="SDD1192" s="10"/>
      <c r="SDE1192" s="10"/>
      <c r="SDF1192" s="10"/>
      <c r="SDG1192" s="10"/>
      <c r="SDH1192" s="10"/>
      <c r="SDI1192" s="10"/>
      <c r="SDJ1192" s="10"/>
      <c r="SDK1192" s="10"/>
      <c r="SDL1192" s="10"/>
      <c r="SDM1192" s="10"/>
      <c r="SDN1192" s="10"/>
      <c r="SDO1192" s="10"/>
      <c r="SDP1192" s="10"/>
      <c r="SDQ1192" s="10"/>
      <c r="SDR1192" s="10"/>
      <c r="SDS1192" s="10"/>
      <c r="SDT1192" s="10"/>
      <c r="SDU1192" s="10"/>
      <c r="SDV1192" s="10"/>
      <c r="SDW1192" s="10"/>
      <c r="SDX1192" s="10"/>
      <c r="SDY1192" s="10"/>
      <c r="SDZ1192" s="10"/>
      <c r="SEA1192" s="10"/>
      <c r="SEB1192" s="10"/>
      <c r="SEC1192" s="10"/>
      <c r="SED1192" s="10"/>
      <c r="SEE1192" s="10"/>
      <c r="SEF1192" s="10"/>
      <c r="SEG1192" s="10"/>
      <c r="SEH1192" s="10"/>
      <c r="SEI1192" s="10"/>
      <c r="SEJ1192" s="10"/>
      <c r="SEK1192" s="10"/>
      <c r="SEL1192" s="10"/>
      <c r="SEM1192" s="10"/>
      <c r="SEN1192" s="10"/>
      <c r="SEO1192" s="10"/>
      <c r="SEP1192" s="10"/>
      <c r="SEQ1192" s="10"/>
      <c r="SER1192" s="10"/>
      <c r="SES1192" s="10"/>
      <c r="SET1192" s="10"/>
      <c r="SEU1192" s="10"/>
      <c r="SEV1192" s="10"/>
      <c r="SEW1192" s="10"/>
      <c r="SEX1192" s="10"/>
      <c r="SEY1192" s="10"/>
      <c r="SEZ1192" s="10"/>
      <c r="SFA1192" s="10"/>
      <c r="SFB1192" s="10"/>
      <c r="SFC1192" s="10"/>
      <c r="SFD1192" s="10"/>
      <c r="SFE1192" s="10"/>
      <c r="SFF1192" s="10"/>
      <c r="SFG1192" s="10"/>
      <c r="SFH1192" s="10"/>
      <c r="SFI1192" s="10"/>
      <c r="SFJ1192" s="10"/>
      <c r="SFK1192" s="10"/>
      <c r="SFL1192" s="10"/>
      <c r="SFM1192" s="10"/>
      <c r="SFN1192" s="10"/>
      <c r="SFO1192" s="10"/>
      <c r="SFP1192" s="10"/>
      <c r="SFQ1192" s="10"/>
      <c r="SFR1192" s="10"/>
      <c r="SFS1192" s="10"/>
      <c r="SFT1192" s="10"/>
      <c r="SFU1192" s="10"/>
      <c r="SFV1192" s="10"/>
      <c r="SFW1192" s="10"/>
      <c r="SFX1192" s="10"/>
      <c r="SFY1192" s="10"/>
      <c r="SFZ1192" s="10"/>
      <c r="SGA1192" s="10"/>
      <c r="SGB1192" s="10"/>
      <c r="SGC1192" s="10"/>
      <c r="SGD1192" s="10"/>
      <c r="SGE1192" s="10"/>
      <c r="SGF1192" s="10"/>
      <c r="SGG1192" s="10"/>
      <c r="SGH1192" s="10"/>
      <c r="SGI1192" s="10"/>
      <c r="SGJ1192" s="10"/>
      <c r="SGK1192" s="10"/>
      <c r="SGL1192" s="10"/>
      <c r="SGM1192" s="10"/>
      <c r="SGN1192" s="10"/>
      <c r="SGO1192" s="10"/>
      <c r="SGP1192" s="10"/>
      <c r="SGQ1192" s="10"/>
      <c r="SGR1192" s="10"/>
      <c r="SGS1192" s="10"/>
      <c r="SGT1192" s="10"/>
      <c r="SGU1192" s="10"/>
      <c r="SGV1192" s="10"/>
      <c r="SGW1192" s="10"/>
      <c r="SGX1192" s="10"/>
      <c r="SGY1192" s="10"/>
      <c r="SGZ1192" s="10"/>
      <c r="SHA1192" s="10"/>
      <c r="SHB1192" s="10"/>
      <c r="SHC1192" s="10"/>
      <c r="SHD1192" s="10"/>
      <c r="SHE1192" s="10"/>
      <c r="SHF1192" s="10"/>
      <c r="SHG1192" s="10"/>
      <c r="SHH1192" s="10"/>
      <c r="SHI1192" s="10"/>
      <c r="SHJ1192" s="10"/>
      <c r="SHK1192" s="10"/>
      <c r="SHL1192" s="10"/>
      <c r="SHM1192" s="10"/>
      <c r="SHN1192" s="10"/>
      <c r="SHO1192" s="10"/>
      <c r="SHP1192" s="10"/>
      <c r="SHQ1192" s="10"/>
      <c r="SHR1192" s="10"/>
      <c r="SHS1192" s="10"/>
      <c r="SHT1192" s="10"/>
      <c r="SHU1192" s="10"/>
      <c r="SHV1192" s="10"/>
      <c r="SHW1192" s="10"/>
      <c r="SHX1192" s="10"/>
      <c r="SHY1192" s="10"/>
      <c r="SHZ1192" s="10"/>
      <c r="SIA1192" s="10"/>
      <c r="SIB1192" s="10"/>
      <c r="SIC1192" s="10"/>
      <c r="SID1192" s="10"/>
      <c r="SIE1192" s="10"/>
      <c r="SIF1192" s="10"/>
      <c r="SIG1192" s="10"/>
      <c r="SIH1192" s="10"/>
      <c r="SII1192" s="10"/>
      <c r="SIJ1192" s="10"/>
      <c r="SIK1192" s="10"/>
      <c r="SIL1192" s="10"/>
      <c r="SIM1192" s="10"/>
      <c r="SIN1192" s="10"/>
      <c r="SIO1192" s="10"/>
      <c r="SIP1192" s="10"/>
      <c r="SIQ1192" s="10"/>
      <c r="SIR1192" s="10"/>
      <c r="SIS1192" s="10"/>
      <c r="SIT1192" s="10"/>
      <c r="SIU1192" s="10"/>
      <c r="SIV1192" s="10"/>
      <c r="SIW1192" s="10"/>
      <c r="SIX1192" s="10"/>
      <c r="SIY1192" s="10"/>
      <c r="SIZ1192" s="10"/>
      <c r="SJA1192" s="10"/>
      <c r="SJB1192" s="10"/>
      <c r="SJC1192" s="10"/>
      <c r="SJD1192" s="10"/>
      <c r="SJE1192" s="10"/>
      <c r="SJF1192" s="10"/>
      <c r="SJG1192" s="10"/>
      <c r="SJH1192" s="10"/>
      <c r="SJI1192" s="10"/>
      <c r="SJJ1192" s="10"/>
      <c r="SJK1192" s="10"/>
      <c r="SJL1192" s="10"/>
      <c r="SJM1192" s="10"/>
      <c r="SJN1192" s="10"/>
      <c r="SJO1192" s="10"/>
      <c r="SJP1192" s="10"/>
      <c r="SJQ1192" s="10"/>
      <c r="SJR1192" s="10"/>
      <c r="SJS1192" s="10"/>
      <c r="SJT1192" s="10"/>
      <c r="SJU1192" s="10"/>
      <c r="SJV1192" s="10"/>
      <c r="SJW1192" s="10"/>
      <c r="SJX1192" s="10"/>
      <c r="SJY1192" s="10"/>
      <c r="SJZ1192" s="10"/>
      <c r="SKA1192" s="10"/>
      <c r="SKB1192" s="10"/>
      <c r="SKC1192" s="10"/>
      <c r="SKD1192" s="10"/>
      <c r="SKE1192" s="10"/>
      <c r="SKF1192" s="10"/>
      <c r="SKG1192" s="10"/>
      <c r="SKH1192" s="10"/>
      <c r="SKI1192" s="10"/>
      <c r="SKJ1192" s="10"/>
      <c r="SKK1192" s="10"/>
      <c r="SKL1192" s="10"/>
      <c r="SKM1192" s="10"/>
      <c r="SKN1192" s="10"/>
      <c r="SKO1192" s="10"/>
      <c r="SKP1192" s="10"/>
      <c r="SKQ1192" s="10"/>
      <c r="SKR1192" s="10"/>
      <c r="SKS1192" s="10"/>
      <c r="SKT1192" s="10"/>
      <c r="SKU1192" s="10"/>
      <c r="SKV1192" s="10"/>
      <c r="SKW1192" s="10"/>
      <c r="SKX1192" s="10"/>
      <c r="SKY1192" s="10"/>
      <c r="SKZ1192" s="10"/>
      <c r="SLA1192" s="10"/>
      <c r="SLB1192" s="10"/>
      <c r="SLC1192" s="10"/>
      <c r="SLD1192" s="10"/>
      <c r="SLE1192" s="10"/>
      <c r="SLF1192" s="10"/>
      <c r="SLG1192" s="10"/>
      <c r="SLH1192" s="10"/>
      <c r="SLI1192" s="10"/>
      <c r="SLJ1192" s="10"/>
      <c r="SLK1192" s="10"/>
      <c r="SLL1192" s="10"/>
      <c r="SLM1192" s="10"/>
      <c r="SLN1192" s="10"/>
      <c r="SLO1192" s="10"/>
      <c r="SLP1192" s="10"/>
      <c r="SLQ1192" s="10"/>
      <c r="SLR1192" s="10"/>
      <c r="SLS1192" s="10"/>
      <c r="SLT1192" s="10"/>
      <c r="SLU1192" s="10"/>
      <c r="SLV1192" s="10"/>
      <c r="SLW1192" s="10"/>
      <c r="SLX1192" s="10"/>
      <c r="SLY1192" s="10"/>
      <c r="SLZ1192" s="10"/>
      <c r="SMA1192" s="10"/>
      <c r="SMB1192" s="10"/>
      <c r="SMC1192" s="10"/>
      <c r="SMD1192" s="10"/>
      <c r="SME1192" s="10"/>
      <c r="SMF1192" s="10"/>
      <c r="SMG1192" s="10"/>
      <c r="SMH1192" s="10"/>
      <c r="SMI1192" s="10"/>
      <c r="SMJ1192" s="10"/>
      <c r="SMK1192" s="10"/>
      <c r="SML1192" s="10"/>
      <c r="SMM1192" s="10"/>
      <c r="SMN1192" s="10"/>
      <c r="SMO1192" s="10"/>
      <c r="SMP1192" s="10"/>
      <c r="SMQ1192" s="10"/>
      <c r="SMR1192" s="10"/>
      <c r="SMS1192" s="10"/>
      <c r="SMT1192" s="10"/>
      <c r="SMU1192" s="10"/>
      <c r="SMV1192" s="10"/>
      <c r="SMW1192" s="10"/>
      <c r="SMX1192" s="10"/>
      <c r="SMY1192" s="10"/>
      <c r="SMZ1192" s="10"/>
      <c r="SNA1192" s="10"/>
      <c r="SNB1192" s="10"/>
      <c r="SNC1192" s="10"/>
      <c r="SND1192" s="10"/>
      <c r="SNE1192" s="10"/>
      <c r="SNF1192" s="10"/>
      <c r="SNG1192" s="10"/>
      <c r="SNH1192" s="10"/>
      <c r="SNI1192" s="10"/>
      <c r="SNJ1192" s="10"/>
      <c r="SNK1192" s="10"/>
      <c r="SNL1192" s="10"/>
      <c r="SNM1192" s="10"/>
      <c r="SNN1192" s="10"/>
      <c r="SNO1192" s="10"/>
      <c r="SNP1192" s="10"/>
      <c r="SNQ1192" s="10"/>
      <c r="SNR1192" s="10"/>
      <c r="SNS1192" s="10"/>
      <c r="SNT1192" s="10"/>
      <c r="SNU1192" s="10"/>
      <c r="SNV1192" s="10"/>
      <c r="SNW1192" s="10"/>
      <c r="SNX1192" s="10"/>
      <c r="SNY1192" s="10"/>
      <c r="SNZ1192" s="10"/>
      <c r="SOA1192" s="10"/>
      <c r="SOB1192" s="10"/>
      <c r="SOC1192" s="10"/>
      <c r="SOD1192" s="10"/>
      <c r="SOE1192" s="10"/>
      <c r="SOF1192" s="10"/>
      <c r="SOG1192" s="10"/>
      <c r="SOH1192" s="10"/>
      <c r="SOI1192" s="10"/>
      <c r="SOJ1192" s="10"/>
      <c r="SOK1192" s="10"/>
      <c r="SOL1192" s="10"/>
      <c r="SOM1192" s="10"/>
      <c r="SON1192" s="10"/>
      <c r="SOO1192" s="10"/>
      <c r="SOP1192" s="10"/>
      <c r="SOQ1192" s="10"/>
      <c r="SOR1192" s="10"/>
      <c r="SOS1192" s="10"/>
      <c r="SOT1192" s="10"/>
      <c r="SOU1192" s="10"/>
      <c r="SOV1192" s="10"/>
      <c r="SOW1192" s="10"/>
      <c r="SOX1192" s="10"/>
      <c r="SOY1192" s="10"/>
      <c r="SOZ1192" s="10"/>
      <c r="SPA1192" s="10"/>
      <c r="SPB1192" s="10"/>
      <c r="SPC1192" s="10"/>
      <c r="SPD1192" s="10"/>
      <c r="SPE1192" s="10"/>
      <c r="SPF1192" s="10"/>
      <c r="SPG1192" s="10"/>
      <c r="SPH1192" s="10"/>
      <c r="SPI1192" s="10"/>
      <c r="SPJ1192" s="10"/>
      <c r="SPK1192" s="10"/>
      <c r="SPL1192" s="10"/>
      <c r="SPM1192" s="10"/>
      <c r="SPN1192" s="10"/>
      <c r="SPO1192" s="10"/>
      <c r="SPP1192" s="10"/>
      <c r="SPQ1192" s="10"/>
      <c r="SPR1192" s="10"/>
      <c r="SPS1192" s="10"/>
      <c r="SPT1192" s="10"/>
      <c r="SPU1192" s="10"/>
      <c r="SPV1192" s="10"/>
      <c r="SPW1192" s="10"/>
      <c r="SPX1192" s="10"/>
      <c r="SPY1192" s="10"/>
      <c r="SPZ1192" s="10"/>
      <c r="SQA1192" s="10"/>
      <c r="SQB1192" s="10"/>
      <c r="SQC1192" s="10"/>
      <c r="SQD1192" s="10"/>
      <c r="SQE1192" s="10"/>
      <c r="SQF1192" s="10"/>
      <c r="SQG1192" s="10"/>
      <c r="SQH1192" s="10"/>
      <c r="SQI1192" s="10"/>
      <c r="SQJ1192" s="10"/>
      <c r="SQK1192" s="10"/>
      <c r="SQL1192" s="10"/>
      <c r="SQM1192" s="10"/>
      <c r="SQN1192" s="10"/>
      <c r="SQO1192" s="10"/>
      <c r="SQP1192" s="10"/>
      <c r="SQQ1192" s="10"/>
      <c r="SQR1192" s="10"/>
      <c r="SQS1192" s="10"/>
      <c r="SQT1192" s="10"/>
      <c r="SQU1192" s="10"/>
      <c r="SQV1192" s="10"/>
      <c r="SQW1192" s="10"/>
      <c r="SQX1192" s="10"/>
      <c r="SQY1192" s="10"/>
      <c r="SQZ1192" s="10"/>
      <c r="SRA1192" s="10"/>
      <c r="SRB1192" s="10"/>
      <c r="SRC1192" s="10"/>
      <c r="SRD1192" s="10"/>
      <c r="SRE1192" s="10"/>
      <c r="SRF1192" s="10"/>
      <c r="SRG1192" s="10"/>
      <c r="SRH1192" s="10"/>
      <c r="SRI1192" s="10"/>
      <c r="SRJ1192" s="10"/>
      <c r="SRK1192" s="10"/>
      <c r="SRL1192" s="10"/>
      <c r="SRM1192" s="10"/>
      <c r="SRN1192" s="10"/>
      <c r="SRO1192" s="10"/>
      <c r="SRP1192" s="10"/>
      <c r="SRQ1192" s="10"/>
      <c r="SRR1192" s="10"/>
      <c r="SRS1192" s="10"/>
      <c r="SRT1192" s="10"/>
      <c r="SRU1192" s="10"/>
      <c r="SRV1192" s="10"/>
      <c r="SRW1192" s="10"/>
      <c r="SRX1192" s="10"/>
      <c r="SRY1192" s="10"/>
      <c r="SRZ1192" s="10"/>
      <c r="SSA1192" s="10"/>
      <c r="SSB1192" s="10"/>
      <c r="SSC1192" s="10"/>
      <c r="SSD1192" s="10"/>
      <c r="SSE1192" s="10"/>
      <c r="SSF1192" s="10"/>
      <c r="SSG1192" s="10"/>
      <c r="SSH1192" s="10"/>
      <c r="SSI1192" s="10"/>
      <c r="SSJ1192" s="10"/>
      <c r="SSK1192" s="10"/>
      <c r="SSL1192" s="10"/>
      <c r="SSM1192" s="10"/>
      <c r="SSN1192" s="10"/>
      <c r="SSO1192" s="10"/>
      <c r="SSP1192" s="10"/>
      <c r="SSQ1192" s="10"/>
      <c r="SSR1192" s="10"/>
      <c r="SSS1192" s="10"/>
      <c r="SST1192" s="10"/>
      <c r="SSU1192" s="10"/>
      <c r="SSV1192" s="10"/>
      <c r="SSW1192" s="10"/>
      <c r="SSX1192" s="10"/>
      <c r="SSY1192" s="10"/>
      <c r="SSZ1192" s="10"/>
      <c r="STA1192" s="10"/>
      <c r="STB1192" s="10"/>
      <c r="STC1192" s="10"/>
      <c r="STD1192" s="10"/>
      <c r="STE1192" s="10"/>
      <c r="STF1192" s="10"/>
      <c r="STG1192" s="10"/>
      <c r="STH1192" s="10"/>
      <c r="STI1192" s="10"/>
      <c r="STJ1192" s="10"/>
      <c r="STK1192" s="10"/>
      <c r="STL1192" s="10"/>
      <c r="STM1192" s="10"/>
      <c r="STN1192" s="10"/>
      <c r="STO1192" s="10"/>
      <c r="STP1192" s="10"/>
      <c r="STQ1192" s="10"/>
      <c r="STR1192" s="10"/>
      <c r="STS1192" s="10"/>
      <c r="STT1192" s="10"/>
      <c r="STU1192" s="10"/>
      <c r="STV1192" s="10"/>
      <c r="STW1192" s="10"/>
      <c r="STX1192" s="10"/>
      <c r="STY1192" s="10"/>
      <c r="STZ1192" s="10"/>
      <c r="SUA1192" s="10"/>
      <c r="SUB1192" s="10"/>
      <c r="SUC1192" s="10"/>
      <c r="SUD1192" s="10"/>
      <c r="SUE1192" s="10"/>
      <c r="SUF1192" s="10"/>
      <c r="SUG1192" s="10"/>
      <c r="SUH1192" s="10"/>
      <c r="SUI1192" s="10"/>
      <c r="SUJ1192" s="10"/>
      <c r="SUK1192" s="10"/>
      <c r="SUL1192" s="10"/>
      <c r="SUM1192" s="10"/>
      <c r="SUN1192" s="10"/>
      <c r="SUO1192" s="10"/>
      <c r="SUP1192" s="10"/>
      <c r="SUQ1192" s="10"/>
      <c r="SUR1192" s="10"/>
      <c r="SUS1192" s="10"/>
      <c r="SUT1192" s="10"/>
      <c r="SUU1192" s="10"/>
      <c r="SUV1192" s="10"/>
      <c r="SUW1192" s="10"/>
      <c r="SUX1192" s="10"/>
      <c r="SUY1192" s="10"/>
      <c r="SUZ1192" s="10"/>
      <c r="SVA1192" s="10"/>
      <c r="SVB1192" s="10"/>
      <c r="SVC1192" s="10"/>
      <c r="SVD1192" s="10"/>
      <c r="SVE1192" s="10"/>
      <c r="SVF1192" s="10"/>
      <c r="SVG1192" s="10"/>
      <c r="SVH1192" s="10"/>
      <c r="SVI1192" s="10"/>
      <c r="SVJ1192" s="10"/>
      <c r="SVK1192" s="10"/>
      <c r="SVL1192" s="10"/>
      <c r="SVM1192" s="10"/>
      <c r="SVN1192" s="10"/>
      <c r="SVO1192" s="10"/>
      <c r="SVP1192" s="10"/>
      <c r="SVQ1192" s="10"/>
      <c r="SVR1192" s="10"/>
      <c r="SVS1192" s="10"/>
      <c r="SVT1192" s="10"/>
      <c r="SVU1192" s="10"/>
      <c r="SVV1192" s="10"/>
      <c r="SVW1192" s="10"/>
      <c r="SVX1192" s="10"/>
      <c r="SVY1192" s="10"/>
      <c r="SVZ1192" s="10"/>
      <c r="SWA1192" s="10"/>
      <c r="SWB1192" s="10"/>
      <c r="SWC1192" s="10"/>
      <c r="SWD1192" s="10"/>
      <c r="SWE1192" s="10"/>
      <c r="SWF1192" s="10"/>
      <c r="SWG1192" s="10"/>
      <c r="SWH1192" s="10"/>
      <c r="SWI1192" s="10"/>
      <c r="SWJ1192" s="10"/>
      <c r="SWK1192" s="10"/>
      <c r="SWL1192" s="10"/>
      <c r="SWM1192" s="10"/>
      <c r="SWN1192" s="10"/>
      <c r="SWO1192" s="10"/>
      <c r="SWP1192" s="10"/>
      <c r="SWQ1192" s="10"/>
      <c r="SWR1192" s="10"/>
      <c r="SWS1192" s="10"/>
      <c r="SWT1192" s="10"/>
      <c r="SWU1192" s="10"/>
      <c r="SWV1192" s="10"/>
      <c r="SWW1192" s="10"/>
      <c r="SWX1192" s="10"/>
      <c r="SWY1192" s="10"/>
      <c r="SWZ1192" s="10"/>
      <c r="SXA1192" s="10"/>
      <c r="SXB1192" s="10"/>
      <c r="SXC1192" s="10"/>
      <c r="SXD1192" s="10"/>
      <c r="SXE1192" s="10"/>
      <c r="SXF1192" s="10"/>
      <c r="SXG1192" s="10"/>
      <c r="SXH1192" s="10"/>
      <c r="SXI1192" s="10"/>
      <c r="SXJ1192" s="10"/>
      <c r="SXK1192" s="10"/>
      <c r="SXL1192" s="10"/>
      <c r="SXM1192" s="10"/>
      <c r="SXN1192" s="10"/>
      <c r="SXO1192" s="10"/>
      <c r="SXP1192" s="10"/>
      <c r="SXQ1192" s="10"/>
      <c r="SXR1192" s="10"/>
      <c r="SXS1192" s="10"/>
      <c r="SXT1192" s="10"/>
      <c r="SXU1192" s="10"/>
      <c r="SXV1192" s="10"/>
      <c r="SXW1192" s="10"/>
      <c r="SXX1192" s="10"/>
      <c r="SXY1192" s="10"/>
      <c r="SXZ1192" s="10"/>
      <c r="SYA1192" s="10"/>
      <c r="SYB1192" s="10"/>
      <c r="SYC1192" s="10"/>
      <c r="SYD1192" s="10"/>
      <c r="SYE1192" s="10"/>
      <c r="SYF1192" s="10"/>
      <c r="SYG1192" s="10"/>
      <c r="SYH1192" s="10"/>
      <c r="SYI1192" s="10"/>
      <c r="SYJ1192" s="10"/>
      <c r="SYK1192" s="10"/>
      <c r="SYL1192" s="10"/>
      <c r="SYM1192" s="10"/>
      <c r="SYN1192" s="10"/>
      <c r="SYO1192" s="10"/>
      <c r="SYP1192" s="10"/>
      <c r="SYQ1192" s="10"/>
      <c r="SYR1192" s="10"/>
      <c r="SYS1192" s="10"/>
      <c r="SYT1192" s="10"/>
      <c r="SYU1192" s="10"/>
      <c r="SYV1192" s="10"/>
      <c r="SYW1192" s="10"/>
      <c r="SYX1192" s="10"/>
      <c r="SYY1192" s="10"/>
      <c r="SYZ1192" s="10"/>
      <c r="SZA1192" s="10"/>
      <c r="SZB1192" s="10"/>
      <c r="SZC1192" s="10"/>
      <c r="SZD1192" s="10"/>
      <c r="SZE1192" s="10"/>
      <c r="SZF1192" s="10"/>
      <c r="SZG1192" s="10"/>
      <c r="SZH1192" s="10"/>
      <c r="SZI1192" s="10"/>
      <c r="SZJ1192" s="10"/>
      <c r="SZK1192" s="10"/>
      <c r="SZL1192" s="10"/>
      <c r="SZM1192" s="10"/>
      <c r="SZN1192" s="10"/>
      <c r="SZO1192" s="10"/>
      <c r="SZP1192" s="10"/>
      <c r="SZQ1192" s="10"/>
      <c r="SZR1192" s="10"/>
      <c r="SZS1192" s="10"/>
      <c r="SZT1192" s="10"/>
      <c r="SZU1192" s="10"/>
      <c r="SZV1192" s="10"/>
      <c r="SZW1192" s="10"/>
      <c r="SZX1192" s="10"/>
      <c r="SZY1192" s="10"/>
      <c r="SZZ1192" s="10"/>
      <c r="TAA1192" s="10"/>
      <c r="TAB1192" s="10"/>
      <c r="TAC1192" s="10"/>
      <c r="TAD1192" s="10"/>
      <c r="TAE1192" s="10"/>
      <c r="TAF1192" s="10"/>
      <c r="TAG1192" s="10"/>
      <c r="TAH1192" s="10"/>
      <c r="TAI1192" s="10"/>
      <c r="TAJ1192" s="10"/>
      <c r="TAK1192" s="10"/>
      <c r="TAL1192" s="10"/>
      <c r="TAM1192" s="10"/>
      <c r="TAN1192" s="10"/>
      <c r="TAO1192" s="10"/>
      <c r="TAP1192" s="10"/>
      <c r="TAQ1192" s="10"/>
      <c r="TAR1192" s="10"/>
      <c r="TAS1192" s="10"/>
      <c r="TAT1192" s="10"/>
      <c r="TAU1192" s="10"/>
      <c r="TAV1192" s="10"/>
      <c r="TAW1192" s="10"/>
      <c r="TAX1192" s="10"/>
      <c r="TAY1192" s="10"/>
      <c r="TAZ1192" s="10"/>
      <c r="TBA1192" s="10"/>
      <c r="TBB1192" s="10"/>
      <c r="TBC1192" s="10"/>
      <c r="TBD1192" s="10"/>
      <c r="TBE1192" s="10"/>
      <c r="TBF1192" s="10"/>
      <c r="TBG1192" s="10"/>
      <c r="TBH1192" s="10"/>
      <c r="TBI1192" s="10"/>
      <c r="TBJ1192" s="10"/>
      <c r="TBK1192" s="10"/>
      <c r="TBL1192" s="10"/>
      <c r="TBM1192" s="10"/>
      <c r="TBN1192" s="10"/>
      <c r="TBO1192" s="10"/>
      <c r="TBP1192" s="10"/>
      <c r="TBQ1192" s="10"/>
      <c r="TBR1192" s="10"/>
      <c r="TBS1192" s="10"/>
      <c r="TBT1192" s="10"/>
      <c r="TBU1192" s="10"/>
      <c r="TBV1192" s="10"/>
      <c r="TBW1192" s="10"/>
      <c r="TBX1192" s="10"/>
      <c r="TBY1192" s="10"/>
      <c r="TBZ1192" s="10"/>
      <c r="TCA1192" s="10"/>
      <c r="TCB1192" s="10"/>
      <c r="TCC1192" s="10"/>
      <c r="TCD1192" s="10"/>
      <c r="TCE1192" s="10"/>
      <c r="TCF1192" s="10"/>
      <c r="TCG1192" s="10"/>
      <c r="TCH1192" s="10"/>
      <c r="TCI1192" s="10"/>
      <c r="TCJ1192" s="10"/>
      <c r="TCK1192" s="10"/>
      <c r="TCL1192" s="10"/>
      <c r="TCM1192" s="10"/>
      <c r="TCN1192" s="10"/>
      <c r="TCO1192" s="10"/>
      <c r="TCP1192" s="10"/>
      <c r="TCQ1192" s="10"/>
      <c r="TCR1192" s="10"/>
      <c r="TCS1192" s="10"/>
      <c r="TCT1192" s="10"/>
      <c r="TCU1192" s="10"/>
      <c r="TCV1192" s="10"/>
      <c r="TCW1192" s="10"/>
      <c r="TCX1192" s="10"/>
      <c r="TCY1192" s="10"/>
      <c r="TCZ1192" s="10"/>
      <c r="TDA1192" s="10"/>
      <c r="TDB1192" s="10"/>
      <c r="TDC1192" s="10"/>
      <c r="TDD1192" s="10"/>
      <c r="TDE1192" s="10"/>
      <c r="TDF1192" s="10"/>
      <c r="TDG1192" s="10"/>
      <c r="TDH1192" s="10"/>
      <c r="TDI1192" s="10"/>
      <c r="TDJ1192" s="10"/>
      <c r="TDK1192" s="10"/>
      <c r="TDL1192" s="10"/>
      <c r="TDM1192" s="10"/>
      <c r="TDN1192" s="10"/>
      <c r="TDO1192" s="10"/>
      <c r="TDP1192" s="10"/>
      <c r="TDQ1192" s="10"/>
      <c r="TDR1192" s="10"/>
      <c r="TDS1192" s="10"/>
      <c r="TDT1192" s="10"/>
      <c r="TDU1192" s="10"/>
      <c r="TDV1192" s="10"/>
      <c r="TDW1192" s="10"/>
      <c r="TDX1192" s="10"/>
      <c r="TDY1192" s="10"/>
      <c r="TDZ1192" s="10"/>
      <c r="TEA1192" s="10"/>
      <c r="TEB1192" s="10"/>
      <c r="TEC1192" s="10"/>
      <c r="TED1192" s="10"/>
      <c r="TEE1192" s="10"/>
      <c r="TEF1192" s="10"/>
      <c r="TEG1192" s="10"/>
      <c r="TEH1192" s="10"/>
      <c r="TEI1192" s="10"/>
      <c r="TEJ1192" s="10"/>
      <c r="TEK1192" s="10"/>
      <c r="TEL1192" s="10"/>
      <c r="TEM1192" s="10"/>
      <c r="TEN1192" s="10"/>
      <c r="TEO1192" s="10"/>
      <c r="TEP1192" s="10"/>
      <c r="TEQ1192" s="10"/>
      <c r="TER1192" s="10"/>
      <c r="TES1192" s="10"/>
      <c r="TET1192" s="10"/>
      <c r="TEU1192" s="10"/>
      <c r="TEV1192" s="10"/>
      <c r="TEW1192" s="10"/>
      <c r="TEX1192" s="10"/>
      <c r="TEY1192" s="10"/>
      <c r="TEZ1192" s="10"/>
      <c r="TFA1192" s="10"/>
      <c r="TFB1192" s="10"/>
      <c r="TFC1192" s="10"/>
      <c r="TFD1192" s="10"/>
      <c r="TFE1192" s="10"/>
      <c r="TFF1192" s="10"/>
      <c r="TFG1192" s="10"/>
      <c r="TFH1192" s="10"/>
      <c r="TFI1192" s="10"/>
      <c r="TFJ1192" s="10"/>
      <c r="TFK1192" s="10"/>
      <c r="TFL1192" s="10"/>
      <c r="TFM1192" s="10"/>
      <c r="TFN1192" s="10"/>
      <c r="TFO1192" s="10"/>
      <c r="TFP1192" s="10"/>
      <c r="TFQ1192" s="10"/>
      <c r="TFR1192" s="10"/>
      <c r="TFS1192" s="10"/>
      <c r="TFT1192" s="10"/>
      <c r="TFU1192" s="10"/>
      <c r="TFV1192" s="10"/>
      <c r="TFW1192" s="10"/>
      <c r="TFX1192" s="10"/>
      <c r="TFY1192" s="10"/>
      <c r="TFZ1192" s="10"/>
      <c r="TGA1192" s="10"/>
      <c r="TGB1192" s="10"/>
      <c r="TGC1192" s="10"/>
      <c r="TGD1192" s="10"/>
      <c r="TGE1192" s="10"/>
      <c r="TGF1192" s="10"/>
      <c r="TGG1192" s="10"/>
      <c r="TGH1192" s="10"/>
      <c r="TGI1192" s="10"/>
      <c r="TGJ1192" s="10"/>
      <c r="TGK1192" s="10"/>
      <c r="TGL1192" s="10"/>
      <c r="TGM1192" s="10"/>
      <c r="TGN1192" s="10"/>
      <c r="TGO1192" s="10"/>
      <c r="TGP1192" s="10"/>
      <c r="TGQ1192" s="10"/>
      <c r="TGR1192" s="10"/>
      <c r="TGS1192" s="10"/>
      <c r="TGT1192" s="10"/>
      <c r="TGU1192" s="10"/>
      <c r="TGV1192" s="10"/>
      <c r="TGW1192" s="10"/>
      <c r="TGX1192" s="10"/>
      <c r="TGY1192" s="10"/>
      <c r="TGZ1192" s="10"/>
      <c r="THA1192" s="10"/>
      <c r="THB1192" s="10"/>
      <c r="THC1192" s="10"/>
      <c r="THD1192" s="10"/>
      <c r="THE1192" s="10"/>
      <c r="THF1192" s="10"/>
      <c r="THG1192" s="10"/>
      <c r="THH1192" s="10"/>
      <c r="THI1192" s="10"/>
      <c r="THJ1192" s="10"/>
      <c r="THK1192" s="10"/>
      <c r="THL1192" s="10"/>
      <c r="THM1192" s="10"/>
      <c r="THN1192" s="10"/>
      <c r="THO1192" s="10"/>
      <c r="THP1192" s="10"/>
      <c r="THQ1192" s="10"/>
      <c r="THR1192" s="10"/>
      <c r="THS1192" s="10"/>
      <c r="THT1192" s="10"/>
      <c r="THU1192" s="10"/>
      <c r="THV1192" s="10"/>
      <c r="THW1192" s="10"/>
      <c r="THX1192" s="10"/>
      <c r="THY1192" s="10"/>
      <c r="THZ1192" s="10"/>
      <c r="TIA1192" s="10"/>
      <c r="TIB1192" s="10"/>
      <c r="TIC1192" s="10"/>
      <c r="TID1192" s="10"/>
      <c r="TIE1192" s="10"/>
      <c r="TIF1192" s="10"/>
      <c r="TIG1192" s="10"/>
      <c r="TIH1192" s="10"/>
      <c r="TII1192" s="10"/>
      <c r="TIJ1192" s="10"/>
      <c r="TIK1192" s="10"/>
      <c r="TIL1192" s="10"/>
      <c r="TIM1192" s="10"/>
      <c r="TIN1192" s="10"/>
      <c r="TIO1192" s="10"/>
      <c r="TIP1192" s="10"/>
      <c r="TIQ1192" s="10"/>
      <c r="TIR1192" s="10"/>
      <c r="TIS1192" s="10"/>
      <c r="TIT1192" s="10"/>
      <c r="TIU1192" s="10"/>
      <c r="TIV1192" s="10"/>
      <c r="TIW1192" s="10"/>
      <c r="TIX1192" s="10"/>
      <c r="TIY1192" s="10"/>
      <c r="TIZ1192" s="10"/>
      <c r="TJA1192" s="10"/>
      <c r="TJB1192" s="10"/>
      <c r="TJC1192" s="10"/>
      <c r="TJD1192" s="10"/>
      <c r="TJE1192" s="10"/>
      <c r="TJF1192" s="10"/>
      <c r="TJG1192" s="10"/>
      <c r="TJH1192" s="10"/>
      <c r="TJI1192" s="10"/>
      <c r="TJJ1192" s="10"/>
      <c r="TJK1192" s="10"/>
      <c r="TJL1192" s="10"/>
      <c r="TJM1192" s="10"/>
      <c r="TJN1192" s="10"/>
      <c r="TJO1192" s="10"/>
      <c r="TJP1192" s="10"/>
      <c r="TJQ1192" s="10"/>
      <c r="TJR1192" s="10"/>
      <c r="TJS1192" s="10"/>
      <c r="TJT1192" s="10"/>
      <c r="TJU1192" s="10"/>
      <c r="TJV1192" s="10"/>
      <c r="TJW1192" s="10"/>
      <c r="TJX1192" s="10"/>
      <c r="TJY1192" s="10"/>
      <c r="TJZ1192" s="10"/>
      <c r="TKA1192" s="10"/>
      <c r="TKB1192" s="10"/>
      <c r="TKC1192" s="10"/>
      <c r="TKD1192" s="10"/>
      <c r="TKE1192" s="10"/>
      <c r="TKF1192" s="10"/>
      <c r="TKG1192" s="10"/>
      <c r="TKH1192" s="10"/>
      <c r="TKI1192" s="10"/>
      <c r="TKJ1192" s="10"/>
      <c r="TKK1192" s="10"/>
      <c r="TKL1192" s="10"/>
      <c r="TKM1192" s="10"/>
      <c r="TKN1192" s="10"/>
      <c r="TKO1192" s="10"/>
      <c r="TKP1192" s="10"/>
      <c r="TKQ1192" s="10"/>
      <c r="TKR1192" s="10"/>
      <c r="TKS1192" s="10"/>
      <c r="TKT1192" s="10"/>
      <c r="TKU1192" s="10"/>
      <c r="TKV1192" s="10"/>
      <c r="TKW1192" s="10"/>
      <c r="TKX1192" s="10"/>
      <c r="TKY1192" s="10"/>
      <c r="TKZ1192" s="10"/>
      <c r="TLA1192" s="10"/>
      <c r="TLB1192" s="10"/>
      <c r="TLC1192" s="10"/>
      <c r="TLD1192" s="10"/>
      <c r="TLE1192" s="10"/>
      <c r="TLF1192" s="10"/>
      <c r="TLG1192" s="10"/>
      <c r="TLH1192" s="10"/>
      <c r="TLI1192" s="10"/>
      <c r="TLJ1192" s="10"/>
      <c r="TLK1192" s="10"/>
      <c r="TLL1192" s="10"/>
      <c r="TLM1192" s="10"/>
      <c r="TLN1192" s="10"/>
      <c r="TLO1192" s="10"/>
      <c r="TLP1192" s="10"/>
      <c r="TLQ1192" s="10"/>
      <c r="TLR1192" s="10"/>
      <c r="TLS1192" s="10"/>
      <c r="TLT1192" s="10"/>
      <c r="TLU1192" s="10"/>
      <c r="TLV1192" s="10"/>
      <c r="TLW1192" s="10"/>
      <c r="TLX1192" s="10"/>
      <c r="TLY1192" s="10"/>
      <c r="TLZ1192" s="10"/>
      <c r="TMA1192" s="10"/>
      <c r="TMB1192" s="10"/>
      <c r="TMC1192" s="10"/>
      <c r="TMD1192" s="10"/>
      <c r="TME1192" s="10"/>
      <c r="TMF1192" s="10"/>
      <c r="TMG1192" s="10"/>
      <c r="TMH1192" s="10"/>
      <c r="TMI1192" s="10"/>
      <c r="TMJ1192" s="10"/>
      <c r="TMK1192" s="10"/>
      <c r="TML1192" s="10"/>
      <c r="TMM1192" s="10"/>
      <c r="TMN1192" s="10"/>
      <c r="TMO1192" s="10"/>
      <c r="TMP1192" s="10"/>
      <c r="TMQ1192" s="10"/>
      <c r="TMR1192" s="10"/>
      <c r="TMS1192" s="10"/>
      <c r="TMT1192" s="10"/>
      <c r="TMU1192" s="10"/>
      <c r="TMV1192" s="10"/>
      <c r="TMW1192" s="10"/>
      <c r="TMX1192" s="10"/>
      <c r="TMY1192" s="10"/>
      <c r="TMZ1192" s="10"/>
      <c r="TNA1192" s="10"/>
      <c r="TNB1192" s="10"/>
      <c r="TNC1192" s="10"/>
      <c r="TND1192" s="10"/>
      <c r="TNE1192" s="10"/>
      <c r="TNF1192" s="10"/>
      <c r="TNG1192" s="10"/>
      <c r="TNH1192" s="10"/>
      <c r="TNI1192" s="10"/>
      <c r="TNJ1192" s="10"/>
      <c r="TNK1192" s="10"/>
      <c r="TNL1192" s="10"/>
      <c r="TNM1192" s="10"/>
      <c r="TNN1192" s="10"/>
      <c r="TNO1192" s="10"/>
      <c r="TNP1192" s="10"/>
      <c r="TNQ1192" s="10"/>
      <c r="TNR1192" s="10"/>
      <c r="TNS1192" s="10"/>
      <c r="TNT1192" s="10"/>
      <c r="TNU1192" s="10"/>
      <c r="TNV1192" s="10"/>
      <c r="TNW1192" s="10"/>
      <c r="TNX1192" s="10"/>
      <c r="TNY1192" s="10"/>
      <c r="TNZ1192" s="10"/>
      <c r="TOA1192" s="10"/>
      <c r="TOB1192" s="10"/>
      <c r="TOC1192" s="10"/>
      <c r="TOD1192" s="10"/>
      <c r="TOE1192" s="10"/>
      <c r="TOF1192" s="10"/>
      <c r="TOG1192" s="10"/>
      <c r="TOH1192" s="10"/>
      <c r="TOI1192" s="10"/>
      <c r="TOJ1192" s="10"/>
      <c r="TOK1192" s="10"/>
      <c r="TOL1192" s="10"/>
      <c r="TOM1192" s="10"/>
      <c r="TON1192" s="10"/>
      <c r="TOO1192" s="10"/>
      <c r="TOP1192" s="10"/>
      <c r="TOQ1192" s="10"/>
      <c r="TOR1192" s="10"/>
      <c r="TOS1192" s="10"/>
      <c r="TOT1192" s="10"/>
      <c r="TOU1192" s="10"/>
      <c r="TOV1192" s="10"/>
      <c r="TOW1192" s="10"/>
      <c r="TOX1192" s="10"/>
      <c r="TOY1192" s="10"/>
      <c r="TOZ1192" s="10"/>
      <c r="TPA1192" s="10"/>
      <c r="TPB1192" s="10"/>
      <c r="TPC1192" s="10"/>
      <c r="TPD1192" s="10"/>
      <c r="TPE1192" s="10"/>
      <c r="TPF1192" s="10"/>
      <c r="TPG1192" s="10"/>
      <c r="TPH1192" s="10"/>
      <c r="TPI1192" s="10"/>
      <c r="TPJ1192" s="10"/>
      <c r="TPK1192" s="10"/>
      <c r="TPL1192" s="10"/>
      <c r="TPM1192" s="10"/>
      <c r="TPN1192" s="10"/>
      <c r="TPO1192" s="10"/>
      <c r="TPP1192" s="10"/>
      <c r="TPQ1192" s="10"/>
      <c r="TPR1192" s="10"/>
      <c r="TPS1192" s="10"/>
      <c r="TPT1192" s="10"/>
      <c r="TPU1192" s="10"/>
      <c r="TPV1192" s="10"/>
      <c r="TPW1192" s="10"/>
      <c r="TPX1192" s="10"/>
      <c r="TPY1192" s="10"/>
      <c r="TPZ1192" s="10"/>
      <c r="TQA1192" s="10"/>
      <c r="TQB1192" s="10"/>
      <c r="TQC1192" s="10"/>
      <c r="TQD1192" s="10"/>
      <c r="TQE1192" s="10"/>
      <c r="TQF1192" s="10"/>
      <c r="TQG1192" s="10"/>
      <c r="TQH1192" s="10"/>
      <c r="TQI1192" s="10"/>
      <c r="TQJ1192" s="10"/>
      <c r="TQK1192" s="10"/>
      <c r="TQL1192" s="10"/>
      <c r="TQM1192" s="10"/>
      <c r="TQN1192" s="10"/>
      <c r="TQO1192" s="10"/>
      <c r="TQP1192" s="10"/>
      <c r="TQQ1192" s="10"/>
      <c r="TQR1192" s="10"/>
      <c r="TQS1192" s="10"/>
      <c r="TQT1192" s="10"/>
      <c r="TQU1192" s="10"/>
      <c r="TQV1192" s="10"/>
      <c r="TQW1192" s="10"/>
      <c r="TQX1192" s="10"/>
      <c r="TQY1192" s="10"/>
      <c r="TQZ1192" s="10"/>
      <c r="TRA1192" s="10"/>
      <c r="TRB1192" s="10"/>
      <c r="TRC1192" s="10"/>
      <c r="TRD1192" s="10"/>
      <c r="TRE1192" s="10"/>
      <c r="TRF1192" s="10"/>
      <c r="TRG1192" s="10"/>
      <c r="TRH1192" s="10"/>
      <c r="TRI1192" s="10"/>
      <c r="TRJ1192" s="10"/>
      <c r="TRK1192" s="10"/>
      <c r="TRL1192" s="10"/>
      <c r="TRM1192" s="10"/>
      <c r="TRN1192" s="10"/>
      <c r="TRO1192" s="10"/>
      <c r="TRP1192" s="10"/>
      <c r="TRQ1192" s="10"/>
      <c r="TRR1192" s="10"/>
      <c r="TRS1192" s="10"/>
      <c r="TRT1192" s="10"/>
      <c r="TRU1192" s="10"/>
      <c r="TRV1192" s="10"/>
      <c r="TRW1192" s="10"/>
      <c r="TRX1192" s="10"/>
      <c r="TRY1192" s="10"/>
      <c r="TRZ1192" s="10"/>
      <c r="TSA1192" s="10"/>
      <c r="TSB1192" s="10"/>
      <c r="TSC1192" s="10"/>
      <c r="TSD1192" s="10"/>
      <c r="TSE1192" s="10"/>
      <c r="TSF1192" s="10"/>
      <c r="TSG1192" s="10"/>
      <c r="TSH1192" s="10"/>
      <c r="TSI1192" s="10"/>
      <c r="TSJ1192" s="10"/>
      <c r="TSK1192" s="10"/>
      <c r="TSL1192" s="10"/>
      <c r="TSM1192" s="10"/>
      <c r="TSN1192" s="10"/>
      <c r="TSO1192" s="10"/>
      <c r="TSP1192" s="10"/>
      <c r="TSQ1192" s="10"/>
      <c r="TSR1192" s="10"/>
      <c r="TSS1192" s="10"/>
      <c r="TST1192" s="10"/>
      <c r="TSU1192" s="10"/>
      <c r="TSV1192" s="10"/>
      <c r="TSW1192" s="10"/>
      <c r="TSX1192" s="10"/>
      <c r="TSY1192" s="10"/>
      <c r="TSZ1192" s="10"/>
      <c r="TTA1192" s="10"/>
      <c r="TTB1192" s="10"/>
      <c r="TTC1192" s="10"/>
      <c r="TTD1192" s="10"/>
      <c r="TTE1192" s="10"/>
      <c r="TTF1192" s="10"/>
      <c r="TTG1192" s="10"/>
      <c r="TTH1192" s="10"/>
      <c r="TTI1192" s="10"/>
      <c r="TTJ1192" s="10"/>
      <c r="TTK1192" s="10"/>
      <c r="TTL1192" s="10"/>
      <c r="TTM1192" s="10"/>
      <c r="TTN1192" s="10"/>
      <c r="TTO1192" s="10"/>
      <c r="TTP1192" s="10"/>
      <c r="TTQ1192" s="10"/>
      <c r="TTR1192" s="10"/>
      <c r="TTS1192" s="10"/>
      <c r="TTT1192" s="10"/>
      <c r="TTU1192" s="10"/>
      <c r="TTV1192" s="10"/>
      <c r="TTW1192" s="10"/>
      <c r="TTX1192" s="10"/>
      <c r="TTY1192" s="10"/>
      <c r="TTZ1192" s="10"/>
      <c r="TUA1192" s="10"/>
      <c r="TUB1192" s="10"/>
      <c r="TUC1192" s="10"/>
      <c r="TUD1192" s="10"/>
      <c r="TUE1192" s="10"/>
      <c r="TUF1192" s="10"/>
      <c r="TUG1192" s="10"/>
      <c r="TUH1192" s="10"/>
      <c r="TUI1192" s="10"/>
      <c r="TUJ1192" s="10"/>
      <c r="TUK1192" s="10"/>
      <c r="TUL1192" s="10"/>
      <c r="TUM1192" s="10"/>
      <c r="TUN1192" s="10"/>
      <c r="TUO1192" s="10"/>
      <c r="TUP1192" s="10"/>
      <c r="TUQ1192" s="10"/>
      <c r="TUR1192" s="10"/>
      <c r="TUS1192" s="10"/>
      <c r="TUT1192" s="10"/>
      <c r="TUU1192" s="10"/>
      <c r="TUV1192" s="10"/>
      <c r="TUW1192" s="10"/>
      <c r="TUX1192" s="10"/>
      <c r="TUY1192" s="10"/>
      <c r="TUZ1192" s="10"/>
      <c r="TVA1192" s="10"/>
      <c r="TVB1192" s="10"/>
      <c r="TVC1192" s="10"/>
      <c r="TVD1192" s="10"/>
      <c r="TVE1192" s="10"/>
      <c r="TVF1192" s="10"/>
      <c r="TVG1192" s="10"/>
      <c r="TVH1192" s="10"/>
      <c r="TVI1192" s="10"/>
      <c r="TVJ1192" s="10"/>
      <c r="TVK1192" s="10"/>
      <c r="TVL1192" s="10"/>
      <c r="TVM1192" s="10"/>
      <c r="TVN1192" s="10"/>
      <c r="TVO1192" s="10"/>
      <c r="TVP1192" s="10"/>
      <c r="TVQ1192" s="10"/>
      <c r="TVR1192" s="10"/>
      <c r="TVS1192" s="10"/>
      <c r="TVT1192" s="10"/>
      <c r="TVU1192" s="10"/>
      <c r="TVV1192" s="10"/>
      <c r="TVW1192" s="10"/>
      <c r="TVX1192" s="10"/>
      <c r="TVY1192" s="10"/>
      <c r="TVZ1192" s="10"/>
      <c r="TWA1192" s="10"/>
      <c r="TWB1192" s="10"/>
      <c r="TWC1192" s="10"/>
      <c r="TWD1192" s="10"/>
      <c r="TWE1192" s="10"/>
      <c r="TWF1192" s="10"/>
      <c r="TWG1192" s="10"/>
      <c r="TWH1192" s="10"/>
      <c r="TWI1192" s="10"/>
      <c r="TWJ1192" s="10"/>
      <c r="TWK1192" s="10"/>
      <c r="TWL1192" s="10"/>
      <c r="TWM1192" s="10"/>
      <c r="TWN1192" s="10"/>
      <c r="TWO1192" s="10"/>
      <c r="TWP1192" s="10"/>
      <c r="TWQ1192" s="10"/>
      <c r="TWR1192" s="10"/>
      <c r="TWS1192" s="10"/>
      <c r="TWT1192" s="10"/>
      <c r="TWU1192" s="10"/>
      <c r="TWV1192" s="10"/>
      <c r="TWW1192" s="10"/>
      <c r="TWX1192" s="10"/>
      <c r="TWY1192" s="10"/>
      <c r="TWZ1192" s="10"/>
      <c r="TXA1192" s="10"/>
      <c r="TXB1192" s="10"/>
      <c r="TXC1192" s="10"/>
      <c r="TXD1192" s="10"/>
      <c r="TXE1192" s="10"/>
      <c r="TXF1192" s="10"/>
      <c r="TXG1192" s="10"/>
      <c r="TXH1192" s="10"/>
      <c r="TXI1192" s="10"/>
      <c r="TXJ1192" s="10"/>
      <c r="TXK1192" s="10"/>
      <c r="TXL1192" s="10"/>
      <c r="TXM1192" s="10"/>
      <c r="TXN1192" s="10"/>
      <c r="TXO1192" s="10"/>
      <c r="TXP1192" s="10"/>
      <c r="TXQ1192" s="10"/>
      <c r="TXR1192" s="10"/>
      <c r="TXS1192" s="10"/>
      <c r="TXT1192" s="10"/>
      <c r="TXU1192" s="10"/>
      <c r="TXV1192" s="10"/>
      <c r="TXW1192" s="10"/>
      <c r="TXX1192" s="10"/>
      <c r="TXY1192" s="10"/>
      <c r="TXZ1192" s="10"/>
      <c r="TYA1192" s="10"/>
      <c r="TYB1192" s="10"/>
      <c r="TYC1192" s="10"/>
      <c r="TYD1192" s="10"/>
      <c r="TYE1192" s="10"/>
      <c r="TYF1192" s="10"/>
      <c r="TYG1192" s="10"/>
      <c r="TYH1192" s="10"/>
      <c r="TYI1192" s="10"/>
      <c r="TYJ1192" s="10"/>
      <c r="TYK1192" s="10"/>
      <c r="TYL1192" s="10"/>
      <c r="TYM1192" s="10"/>
      <c r="TYN1192" s="10"/>
      <c r="TYO1192" s="10"/>
      <c r="TYP1192" s="10"/>
      <c r="TYQ1192" s="10"/>
      <c r="TYR1192" s="10"/>
      <c r="TYS1192" s="10"/>
      <c r="TYT1192" s="10"/>
      <c r="TYU1192" s="10"/>
      <c r="TYV1192" s="10"/>
      <c r="TYW1192" s="10"/>
      <c r="TYX1192" s="10"/>
      <c r="TYY1192" s="10"/>
      <c r="TYZ1192" s="10"/>
      <c r="TZA1192" s="10"/>
      <c r="TZB1192" s="10"/>
      <c r="TZC1192" s="10"/>
      <c r="TZD1192" s="10"/>
      <c r="TZE1192" s="10"/>
      <c r="TZF1192" s="10"/>
      <c r="TZG1192" s="10"/>
      <c r="TZH1192" s="10"/>
      <c r="TZI1192" s="10"/>
      <c r="TZJ1192" s="10"/>
      <c r="TZK1192" s="10"/>
      <c r="TZL1192" s="10"/>
      <c r="TZM1192" s="10"/>
      <c r="TZN1192" s="10"/>
      <c r="TZO1192" s="10"/>
      <c r="TZP1192" s="10"/>
      <c r="TZQ1192" s="10"/>
      <c r="TZR1192" s="10"/>
      <c r="TZS1192" s="10"/>
      <c r="TZT1192" s="10"/>
      <c r="TZU1192" s="10"/>
      <c r="TZV1192" s="10"/>
      <c r="TZW1192" s="10"/>
      <c r="TZX1192" s="10"/>
      <c r="TZY1192" s="10"/>
      <c r="TZZ1192" s="10"/>
      <c r="UAA1192" s="10"/>
      <c r="UAB1192" s="10"/>
      <c r="UAC1192" s="10"/>
      <c r="UAD1192" s="10"/>
      <c r="UAE1192" s="10"/>
      <c r="UAF1192" s="10"/>
      <c r="UAG1192" s="10"/>
      <c r="UAH1192" s="10"/>
      <c r="UAI1192" s="10"/>
      <c r="UAJ1192" s="10"/>
      <c r="UAK1192" s="10"/>
      <c r="UAL1192" s="10"/>
      <c r="UAM1192" s="10"/>
      <c r="UAN1192" s="10"/>
      <c r="UAO1192" s="10"/>
      <c r="UAP1192" s="10"/>
      <c r="UAQ1192" s="10"/>
      <c r="UAR1192" s="10"/>
      <c r="UAS1192" s="10"/>
      <c r="UAT1192" s="10"/>
      <c r="UAU1192" s="10"/>
      <c r="UAV1192" s="10"/>
      <c r="UAW1192" s="10"/>
      <c r="UAX1192" s="10"/>
      <c r="UAY1192" s="10"/>
      <c r="UAZ1192" s="10"/>
      <c r="UBA1192" s="10"/>
      <c r="UBB1192" s="10"/>
      <c r="UBC1192" s="10"/>
      <c r="UBD1192" s="10"/>
      <c r="UBE1192" s="10"/>
      <c r="UBF1192" s="10"/>
      <c r="UBG1192" s="10"/>
      <c r="UBH1192" s="10"/>
      <c r="UBI1192" s="10"/>
      <c r="UBJ1192" s="10"/>
      <c r="UBK1192" s="10"/>
      <c r="UBL1192" s="10"/>
      <c r="UBM1192" s="10"/>
      <c r="UBN1192" s="10"/>
      <c r="UBO1192" s="10"/>
      <c r="UBP1192" s="10"/>
      <c r="UBQ1192" s="10"/>
      <c r="UBR1192" s="10"/>
      <c r="UBS1192" s="10"/>
      <c r="UBT1192" s="10"/>
      <c r="UBU1192" s="10"/>
      <c r="UBV1192" s="10"/>
      <c r="UBW1192" s="10"/>
      <c r="UBX1192" s="10"/>
      <c r="UBY1192" s="10"/>
      <c r="UBZ1192" s="10"/>
      <c r="UCA1192" s="10"/>
      <c r="UCB1192" s="10"/>
      <c r="UCC1192" s="10"/>
      <c r="UCD1192" s="10"/>
      <c r="UCE1192" s="10"/>
      <c r="UCF1192" s="10"/>
      <c r="UCG1192" s="10"/>
      <c r="UCH1192" s="10"/>
      <c r="UCI1192" s="10"/>
      <c r="UCJ1192" s="10"/>
      <c r="UCK1192" s="10"/>
      <c r="UCL1192" s="10"/>
      <c r="UCM1192" s="10"/>
      <c r="UCN1192" s="10"/>
      <c r="UCO1192" s="10"/>
      <c r="UCP1192" s="10"/>
      <c r="UCQ1192" s="10"/>
      <c r="UCR1192" s="10"/>
      <c r="UCS1192" s="10"/>
      <c r="UCT1192" s="10"/>
      <c r="UCU1192" s="10"/>
      <c r="UCV1192" s="10"/>
      <c r="UCW1192" s="10"/>
      <c r="UCX1192" s="10"/>
      <c r="UCY1192" s="10"/>
      <c r="UCZ1192" s="10"/>
      <c r="UDA1192" s="10"/>
      <c r="UDB1192" s="10"/>
      <c r="UDC1192" s="10"/>
      <c r="UDD1192" s="10"/>
      <c r="UDE1192" s="10"/>
      <c r="UDF1192" s="10"/>
      <c r="UDG1192" s="10"/>
      <c r="UDH1192" s="10"/>
      <c r="UDI1192" s="10"/>
      <c r="UDJ1192" s="10"/>
      <c r="UDK1192" s="10"/>
      <c r="UDL1192" s="10"/>
      <c r="UDM1192" s="10"/>
      <c r="UDN1192" s="10"/>
      <c r="UDO1192" s="10"/>
      <c r="UDP1192" s="10"/>
      <c r="UDQ1192" s="10"/>
      <c r="UDR1192" s="10"/>
      <c r="UDS1192" s="10"/>
      <c r="UDT1192" s="10"/>
      <c r="UDU1192" s="10"/>
      <c r="UDV1192" s="10"/>
      <c r="UDW1192" s="10"/>
      <c r="UDX1192" s="10"/>
      <c r="UDY1192" s="10"/>
      <c r="UDZ1192" s="10"/>
      <c r="UEA1192" s="10"/>
      <c r="UEB1192" s="10"/>
      <c r="UEC1192" s="10"/>
      <c r="UED1192" s="10"/>
      <c r="UEE1192" s="10"/>
      <c r="UEF1192" s="10"/>
      <c r="UEG1192" s="10"/>
      <c r="UEH1192" s="10"/>
      <c r="UEI1192" s="10"/>
      <c r="UEJ1192" s="10"/>
      <c r="UEK1192" s="10"/>
      <c r="UEL1192" s="10"/>
      <c r="UEM1192" s="10"/>
      <c r="UEN1192" s="10"/>
      <c r="UEO1192" s="10"/>
      <c r="UEP1192" s="10"/>
      <c r="UEQ1192" s="10"/>
      <c r="UER1192" s="10"/>
      <c r="UES1192" s="10"/>
      <c r="UET1192" s="10"/>
      <c r="UEU1192" s="10"/>
      <c r="UEV1192" s="10"/>
      <c r="UEW1192" s="10"/>
      <c r="UEX1192" s="10"/>
      <c r="UEY1192" s="10"/>
      <c r="UEZ1192" s="10"/>
      <c r="UFA1192" s="10"/>
      <c r="UFB1192" s="10"/>
      <c r="UFC1192" s="10"/>
      <c r="UFD1192" s="10"/>
      <c r="UFE1192" s="10"/>
      <c r="UFF1192" s="10"/>
      <c r="UFG1192" s="10"/>
      <c r="UFH1192" s="10"/>
      <c r="UFI1192" s="10"/>
      <c r="UFJ1192" s="10"/>
      <c r="UFK1192" s="10"/>
      <c r="UFL1192" s="10"/>
      <c r="UFM1192" s="10"/>
      <c r="UFN1192" s="10"/>
      <c r="UFO1192" s="10"/>
      <c r="UFP1192" s="10"/>
      <c r="UFQ1192" s="10"/>
      <c r="UFR1192" s="10"/>
      <c r="UFS1192" s="10"/>
      <c r="UFT1192" s="10"/>
      <c r="UFU1192" s="10"/>
      <c r="UFV1192" s="10"/>
      <c r="UFW1192" s="10"/>
      <c r="UFX1192" s="10"/>
      <c r="UFY1192" s="10"/>
      <c r="UFZ1192" s="10"/>
      <c r="UGA1192" s="10"/>
      <c r="UGB1192" s="10"/>
      <c r="UGC1192" s="10"/>
      <c r="UGD1192" s="10"/>
      <c r="UGE1192" s="10"/>
      <c r="UGF1192" s="10"/>
      <c r="UGG1192" s="10"/>
      <c r="UGH1192" s="10"/>
      <c r="UGI1192" s="10"/>
      <c r="UGJ1192" s="10"/>
      <c r="UGK1192" s="10"/>
      <c r="UGL1192" s="10"/>
      <c r="UGM1192" s="10"/>
      <c r="UGN1192" s="10"/>
      <c r="UGO1192" s="10"/>
      <c r="UGP1192" s="10"/>
      <c r="UGQ1192" s="10"/>
      <c r="UGR1192" s="10"/>
      <c r="UGS1192" s="10"/>
      <c r="UGT1192" s="10"/>
      <c r="UGU1192" s="10"/>
      <c r="UGV1192" s="10"/>
      <c r="UGW1192" s="10"/>
      <c r="UGX1192" s="10"/>
      <c r="UGY1192" s="10"/>
      <c r="UGZ1192" s="10"/>
      <c r="UHA1192" s="10"/>
      <c r="UHB1192" s="10"/>
      <c r="UHC1192" s="10"/>
      <c r="UHD1192" s="10"/>
      <c r="UHE1192" s="10"/>
      <c r="UHF1192" s="10"/>
      <c r="UHG1192" s="10"/>
      <c r="UHH1192" s="10"/>
      <c r="UHI1192" s="10"/>
      <c r="UHJ1192" s="10"/>
      <c r="UHK1192" s="10"/>
      <c r="UHL1192" s="10"/>
      <c r="UHM1192" s="10"/>
      <c r="UHN1192" s="10"/>
      <c r="UHO1192" s="10"/>
      <c r="UHP1192" s="10"/>
      <c r="UHQ1192" s="10"/>
      <c r="UHR1192" s="10"/>
      <c r="UHS1192" s="10"/>
      <c r="UHT1192" s="10"/>
      <c r="UHU1192" s="10"/>
      <c r="UHV1192" s="10"/>
      <c r="UHW1192" s="10"/>
      <c r="UHX1192" s="10"/>
      <c r="UHY1192" s="10"/>
      <c r="UHZ1192" s="10"/>
      <c r="UIA1192" s="10"/>
      <c r="UIB1192" s="10"/>
      <c r="UIC1192" s="10"/>
      <c r="UID1192" s="10"/>
      <c r="UIE1192" s="10"/>
      <c r="UIF1192" s="10"/>
      <c r="UIG1192" s="10"/>
      <c r="UIH1192" s="10"/>
      <c r="UII1192" s="10"/>
      <c r="UIJ1192" s="10"/>
      <c r="UIK1192" s="10"/>
      <c r="UIL1192" s="10"/>
      <c r="UIM1192" s="10"/>
      <c r="UIN1192" s="10"/>
      <c r="UIO1192" s="10"/>
      <c r="UIP1192" s="10"/>
      <c r="UIQ1192" s="10"/>
      <c r="UIR1192" s="10"/>
      <c r="UIS1192" s="10"/>
      <c r="UIT1192" s="10"/>
      <c r="UIU1192" s="10"/>
      <c r="UIV1192" s="10"/>
      <c r="UIW1192" s="10"/>
      <c r="UIX1192" s="10"/>
      <c r="UIY1192" s="10"/>
      <c r="UIZ1192" s="10"/>
      <c r="UJA1192" s="10"/>
      <c r="UJB1192" s="10"/>
      <c r="UJC1192" s="10"/>
      <c r="UJD1192" s="10"/>
      <c r="UJE1192" s="10"/>
      <c r="UJF1192" s="10"/>
      <c r="UJG1192" s="10"/>
      <c r="UJH1192" s="10"/>
      <c r="UJI1192" s="10"/>
      <c r="UJJ1192" s="10"/>
      <c r="UJK1192" s="10"/>
      <c r="UJL1192" s="10"/>
      <c r="UJM1192" s="10"/>
      <c r="UJN1192" s="10"/>
      <c r="UJO1192" s="10"/>
      <c r="UJP1192" s="10"/>
      <c r="UJQ1192" s="10"/>
      <c r="UJR1192" s="10"/>
      <c r="UJS1192" s="10"/>
      <c r="UJT1192" s="10"/>
      <c r="UJU1192" s="10"/>
      <c r="UJV1192" s="10"/>
      <c r="UJW1192" s="10"/>
      <c r="UJX1192" s="10"/>
      <c r="UJY1192" s="10"/>
      <c r="UJZ1192" s="10"/>
      <c r="UKA1192" s="10"/>
      <c r="UKB1192" s="10"/>
      <c r="UKC1192" s="10"/>
      <c r="UKD1192" s="10"/>
      <c r="UKE1192" s="10"/>
      <c r="UKF1192" s="10"/>
      <c r="UKG1192" s="10"/>
      <c r="UKH1192" s="10"/>
      <c r="UKI1192" s="10"/>
      <c r="UKJ1192" s="10"/>
      <c r="UKK1192" s="10"/>
      <c r="UKL1192" s="10"/>
      <c r="UKM1192" s="10"/>
      <c r="UKN1192" s="10"/>
      <c r="UKO1192" s="10"/>
      <c r="UKP1192" s="10"/>
      <c r="UKQ1192" s="10"/>
      <c r="UKR1192" s="10"/>
      <c r="UKS1192" s="10"/>
      <c r="UKT1192" s="10"/>
      <c r="UKU1192" s="10"/>
      <c r="UKV1192" s="10"/>
      <c r="UKW1192" s="10"/>
      <c r="UKX1192" s="10"/>
      <c r="UKY1192" s="10"/>
      <c r="UKZ1192" s="10"/>
      <c r="ULA1192" s="10"/>
      <c r="ULB1192" s="10"/>
      <c r="ULC1192" s="10"/>
      <c r="ULD1192" s="10"/>
      <c r="ULE1192" s="10"/>
      <c r="ULF1192" s="10"/>
      <c r="ULG1192" s="10"/>
      <c r="ULH1192" s="10"/>
      <c r="ULI1192" s="10"/>
      <c r="ULJ1192" s="10"/>
      <c r="ULK1192" s="10"/>
      <c r="ULL1192" s="10"/>
      <c r="ULM1192" s="10"/>
      <c r="ULN1192" s="10"/>
      <c r="ULO1192" s="10"/>
      <c r="ULP1192" s="10"/>
      <c r="ULQ1192" s="10"/>
      <c r="ULR1192" s="10"/>
      <c r="ULS1192" s="10"/>
      <c r="ULT1192" s="10"/>
      <c r="ULU1192" s="10"/>
      <c r="ULV1192" s="10"/>
      <c r="ULW1192" s="10"/>
      <c r="ULX1192" s="10"/>
      <c r="ULY1192" s="10"/>
      <c r="ULZ1192" s="10"/>
      <c r="UMA1192" s="10"/>
      <c r="UMB1192" s="10"/>
      <c r="UMC1192" s="10"/>
      <c r="UMD1192" s="10"/>
      <c r="UME1192" s="10"/>
      <c r="UMF1192" s="10"/>
      <c r="UMG1192" s="10"/>
      <c r="UMH1192" s="10"/>
      <c r="UMI1192" s="10"/>
      <c r="UMJ1192" s="10"/>
      <c r="UMK1192" s="10"/>
      <c r="UML1192" s="10"/>
      <c r="UMM1192" s="10"/>
      <c r="UMN1192" s="10"/>
      <c r="UMO1192" s="10"/>
      <c r="UMP1192" s="10"/>
      <c r="UMQ1192" s="10"/>
      <c r="UMR1192" s="10"/>
      <c r="UMS1192" s="10"/>
      <c r="UMT1192" s="10"/>
      <c r="UMU1192" s="10"/>
      <c r="UMV1192" s="10"/>
      <c r="UMW1192" s="10"/>
      <c r="UMX1192" s="10"/>
      <c r="UMY1192" s="10"/>
      <c r="UMZ1192" s="10"/>
      <c r="UNA1192" s="10"/>
      <c r="UNB1192" s="10"/>
      <c r="UNC1192" s="10"/>
      <c r="UND1192" s="10"/>
      <c r="UNE1192" s="10"/>
      <c r="UNF1192" s="10"/>
      <c r="UNG1192" s="10"/>
      <c r="UNH1192" s="10"/>
      <c r="UNI1192" s="10"/>
      <c r="UNJ1192" s="10"/>
      <c r="UNK1192" s="10"/>
      <c r="UNL1192" s="10"/>
      <c r="UNM1192" s="10"/>
      <c r="UNN1192" s="10"/>
      <c r="UNO1192" s="10"/>
      <c r="UNP1192" s="10"/>
      <c r="UNQ1192" s="10"/>
      <c r="UNR1192" s="10"/>
      <c r="UNS1192" s="10"/>
      <c r="UNT1192" s="10"/>
      <c r="UNU1192" s="10"/>
      <c r="UNV1192" s="10"/>
      <c r="UNW1192" s="10"/>
      <c r="UNX1192" s="10"/>
      <c r="UNY1192" s="10"/>
      <c r="UNZ1192" s="10"/>
      <c r="UOA1192" s="10"/>
      <c r="UOB1192" s="10"/>
      <c r="UOC1192" s="10"/>
      <c r="UOD1192" s="10"/>
      <c r="UOE1192" s="10"/>
      <c r="UOF1192" s="10"/>
      <c r="UOG1192" s="10"/>
      <c r="UOH1192" s="10"/>
      <c r="UOI1192" s="10"/>
      <c r="UOJ1192" s="10"/>
      <c r="UOK1192" s="10"/>
      <c r="UOL1192" s="10"/>
      <c r="UOM1192" s="10"/>
      <c r="UON1192" s="10"/>
      <c r="UOO1192" s="10"/>
      <c r="UOP1192" s="10"/>
      <c r="UOQ1192" s="10"/>
      <c r="UOR1192" s="10"/>
      <c r="UOS1192" s="10"/>
      <c r="UOT1192" s="10"/>
      <c r="UOU1192" s="10"/>
      <c r="UOV1192" s="10"/>
      <c r="UOW1192" s="10"/>
      <c r="UOX1192" s="10"/>
      <c r="UOY1192" s="10"/>
      <c r="UOZ1192" s="10"/>
      <c r="UPA1192" s="10"/>
      <c r="UPB1192" s="10"/>
      <c r="UPC1192" s="10"/>
      <c r="UPD1192" s="10"/>
      <c r="UPE1192" s="10"/>
      <c r="UPF1192" s="10"/>
      <c r="UPG1192" s="10"/>
      <c r="UPH1192" s="10"/>
      <c r="UPI1192" s="10"/>
      <c r="UPJ1192" s="10"/>
      <c r="UPK1192" s="10"/>
      <c r="UPL1192" s="10"/>
      <c r="UPM1192" s="10"/>
      <c r="UPN1192" s="10"/>
      <c r="UPO1192" s="10"/>
      <c r="UPP1192" s="10"/>
      <c r="UPQ1192" s="10"/>
      <c r="UPR1192" s="10"/>
      <c r="UPS1192" s="10"/>
      <c r="UPT1192" s="10"/>
      <c r="UPU1192" s="10"/>
      <c r="UPV1192" s="10"/>
      <c r="UPW1192" s="10"/>
      <c r="UPX1192" s="10"/>
      <c r="UPY1192" s="10"/>
      <c r="UPZ1192" s="10"/>
      <c r="UQA1192" s="10"/>
      <c r="UQB1192" s="10"/>
      <c r="UQC1192" s="10"/>
      <c r="UQD1192" s="10"/>
      <c r="UQE1192" s="10"/>
      <c r="UQF1192" s="10"/>
      <c r="UQG1192" s="10"/>
      <c r="UQH1192" s="10"/>
      <c r="UQI1192" s="10"/>
      <c r="UQJ1192" s="10"/>
      <c r="UQK1192" s="10"/>
      <c r="UQL1192" s="10"/>
      <c r="UQM1192" s="10"/>
      <c r="UQN1192" s="10"/>
      <c r="UQO1192" s="10"/>
      <c r="UQP1192" s="10"/>
      <c r="UQQ1192" s="10"/>
      <c r="UQR1192" s="10"/>
      <c r="UQS1192" s="10"/>
      <c r="UQT1192" s="10"/>
      <c r="UQU1192" s="10"/>
      <c r="UQV1192" s="10"/>
      <c r="UQW1192" s="10"/>
      <c r="UQX1192" s="10"/>
      <c r="UQY1192" s="10"/>
      <c r="UQZ1192" s="10"/>
      <c r="URA1192" s="10"/>
      <c r="URB1192" s="10"/>
      <c r="URC1192" s="10"/>
      <c r="URD1192" s="10"/>
      <c r="URE1192" s="10"/>
      <c r="URF1192" s="10"/>
      <c r="URG1192" s="10"/>
      <c r="URH1192" s="10"/>
      <c r="URI1192" s="10"/>
      <c r="URJ1192" s="10"/>
      <c r="URK1192" s="10"/>
      <c r="URL1192" s="10"/>
      <c r="URM1192" s="10"/>
      <c r="URN1192" s="10"/>
      <c r="URO1192" s="10"/>
      <c r="URP1192" s="10"/>
      <c r="URQ1192" s="10"/>
      <c r="URR1192" s="10"/>
      <c r="URS1192" s="10"/>
      <c r="URT1192" s="10"/>
      <c r="URU1192" s="10"/>
      <c r="URV1192" s="10"/>
      <c r="URW1192" s="10"/>
      <c r="URX1192" s="10"/>
      <c r="URY1192" s="10"/>
      <c r="URZ1192" s="10"/>
      <c r="USA1192" s="10"/>
      <c r="USB1192" s="10"/>
      <c r="USC1192" s="10"/>
      <c r="USD1192" s="10"/>
      <c r="USE1192" s="10"/>
      <c r="USF1192" s="10"/>
      <c r="USG1192" s="10"/>
      <c r="USH1192" s="10"/>
      <c r="USI1192" s="10"/>
      <c r="USJ1192" s="10"/>
      <c r="USK1192" s="10"/>
      <c r="USL1192" s="10"/>
      <c r="USM1192" s="10"/>
      <c r="USN1192" s="10"/>
      <c r="USO1192" s="10"/>
      <c r="USP1192" s="10"/>
      <c r="USQ1192" s="10"/>
      <c r="USR1192" s="10"/>
      <c r="USS1192" s="10"/>
      <c r="UST1192" s="10"/>
      <c r="USU1192" s="10"/>
      <c r="USV1192" s="10"/>
      <c r="USW1192" s="10"/>
      <c r="USX1192" s="10"/>
      <c r="USY1192" s="10"/>
      <c r="USZ1192" s="10"/>
      <c r="UTA1192" s="10"/>
      <c r="UTB1192" s="10"/>
      <c r="UTC1192" s="10"/>
      <c r="UTD1192" s="10"/>
      <c r="UTE1192" s="10"/>
      <c r="UTF1192" s="10"/>
      <c r="UTG1192" s="10"/>
      <c r="UTH1192" s="10"/>
      <c r="UTI1192" s="10"/>
      <c r="UTJ1192" s="10"/>
      <c r="UTK1192" s="10"/>
      <c r="UTL1192" s="10"/>
      <c r="UTM1192" s="10"/>
      <c r="UTN1192" s="10"/>
      <c r="UTO1192" s="10"/>
      <c r="UTP1192" s="10"/>
      <c r="UTQ1192" s="10"/>
      <c r="UTR1192" s="10"/>
      <c r="UTS1192" s="10"/>
      <c r="UTT1192" s="10"/>
      <c r="UTU1192" s="10"/>
      <c r="UTV1192" s="10"/>
      <c r="UTW1192" s="10"/>
      <c r="UTX1192" s="10"/>
      <c r="UTY1192" s="10"/>
      <c r="UTZ1192" s="10"/>
      <c r="UUA1192" s="10"/>
      <c r="UUB1192" s="10"/>
      <c r="UUC1192" s="10"/>
      <c r="UUD1192" s="10"/>
      <c r="UUE1192" s="10"/>
      <c r="UUF1192" s="10"/>
      <c r="UUG1192" s="10"/>
      <c r="UUH1192" s="10"/>
      <c r="UUI1192" s="10"/>
      <c r="UUJ1192" s="10"/>
      <c r="UUK1192" s="10"/>
      <c r="UUL1192" s="10"/>
      <c r="UUM1192" s="10"/>
      <c r="UUN1192" s="10"/>
      <c r="UUO1192" s="10"/>
      <c r="UUP1192" s="10"/>
      <c r="UUQ1192" s="10"/>
      <c r="UUR1192" s="10"/>
      <c r="UUS1192" s="10"/>
      <c r="UUT1192" s="10"/>
      <c r="UUU1192" s="10"/>
      <c r="UUV1192" s="10"/>
      <c r="UUW1192" s="10"/>
      <c r="UUX1192" s="10"/>
      <c r="UUY1192" s="10"/>
      <c r="UUZ1192" s="10"/>
      <c r="UVA1192" s="10"/>
      <c r="UVB1192" s="10"/>
      <c r="UVC1192" s="10"/>
      <c r="UVD1192" s="10"/>
      <c r="UVE1192" s="10"/>
      <c r="UVF1192" s="10"/>
      <c r="UVG1192" s="10"/>
      <c r="UVH1192" s="10"/>
      <c r="UVI1192" s="10"/>
      <c r="UVJ1192" s="10"/>
      <c r="UVK1192" s="10"/>
      <c r="UVL1192" s="10"/>
      <c r="UVM1192" s="10"/>
      <c r="UVN1192" s="10"/>
      <c r="UVO1192" s="10"/>
      <c r="UVP1192" s="10"/>
      <c r="UVQ1192" s="10"/>
      <c r="UVR1192" s="10"/>
      <c r="UVS1192" s="10"/>
      <c r="UVT1192" s="10"/>
      <c r="UVU1192" s="10"/>
      <c r="UVV1192" s="10"/>
      <c r="UVW1192" s="10"/>
      <c r="UVX1192" s="10"/>
      <c r="UVY1192" s="10"/>
      <c r="UVZ1192" s="10"/>
      <c r="UWA1192" s="10"/>
      <c r="UWB1192" s="10"/>
      <c r="UWC1192" s="10"/>
      <c r="UWD1192" s="10"/>
      <c r="UWE1192" s="10"/>
      <c r="UWF1192" s="10"/>
      <c r="UWG1192" s="10"/>
      <c r="UWH1192" s="10"/>
      <c r="UWI1192" s="10"/>
      <c r="UWJ1192" s="10"/>
      <c r="UWK1192" s="10"/>
      <c r="UWL1192" s="10"/>
      <c r="UWM1192" s="10"/>
      <c r="UWN1192" s="10"/>
      <c r="UWO1192" s="10"/>
      <c r="UWP1192" s="10"/>
      <c r="UWQ1192" s="10"/>
      <c r="UWR1192" s="10"/>
      <c r="UWS1192" s="10"/>
      <c r="UWT1192" s="10"/>
      <c r="UWU1192" s="10"/>
      <c r="UWV1192" s="10"/>
      <c r="UWW1192" s="10"/>
      <c r="UWX1192" s="10"/>
      <c r="UWY1192" s="10"/>
      <c r="UWZ1192" s="10"/>
      <c r="UXA1192" s="10"/>
      <c r="UXB1192" s="10"/>
      <c r="UXC1192" s="10"/>
      <c r="UXD1192" s="10"/>
      <c r="UXE1192" s="10"/>
      <c r="UXF1192" s="10"/>
      <c r="UXG1192" s="10"/>
      <c r="UXH1192" s="10"/>
      <c r="UXI1192" s="10"/>
      <c r="UXJ1192" s="10"/>
      <c r="UXK1192" s="10"/>
      <c r="UXL1192" s="10"/>
      <c r="UXM1192" s="10"/>
      <c r="UXN1192" s="10"/>
      <c r="UXO1192" s="10"/>
      <c r="UXP1192" s="10"/>
      <c r="UXQ1192" s="10"/>
      <c r="UXR1192" s="10"/>
      <c r="UXS1192" s="10"/>
      <c r="UXT1192" s="10"/>
      <c r="UXU1192" s="10"/>
      <c r="UXV1192" s="10"/>
      <c r="UXW1192" s="10"/>
      <c r="UXX1192" s="10"/>
      <c r="UXY1192" s="10"/>
      <c r="UXZ1192" s="10"/>
      <c r="UYA1192" s="10"/>
      <c r="UYB1192" s="10"/>
      <c r="UYC1192" s="10"/>
      <c r="UYD1192" s="10"/>
      <c r="UYE1192" s="10"/>
      <c r="UYF1192" s="10"/>
      <c r="UYG1192" s="10"/>
      <c r="UYH1192" s="10"/>
      <c r="UYI1192" s="10"/>
      <c r="UYJ1192" s="10"/>
      <c r="UYK1192" s="10"/>
      <c r="UYL1192" s="10"/>
      <c r="UYM1192" s="10"/>
      <c r="UYN1192" s="10"/>
      <c r="UYO1192" s="10"/>
      <c r="UYP1192" s="10"/>
      <c r="UYQ1192" s="10"/>
      <c r="UYR1192" s="10"/>
      <c r="UYS1192" s="10"/>
      <c r="UYT1192" s="10"/>
      <c r="UYU1192" s="10"/>
      <c r="UYV1192" s="10"/>
      <c r="UYW1192" s="10"/>
      <c r="UYX1192" s="10"/>
      <c r="UYY1192" s="10"/>
      <c r="UYZ1192" s="10"/>
      <c r="UZA1192" s="10"/>
      <c r="UZB1192" s="10"/>
      <c r="UZC1192" s="10"/>
      <c r="UZD1192" s="10"/>
      <c r="UZE1192" s="10"/>
      <c r="UZF1192" s="10"/>
      <c r="UZG1192" s="10"/>
      <c r="UZH1192" s="10"/>
      <c r="UZI1192" s="10"/>
      <c r="UZJ1192" s="10"/>
      <c r="UZK1192" s="10"/>
      <c r="UZL1192" s="10"/>
      <c r="UZM1192" s="10"/>
      <c r="UZN1192" s="10"/>
      <c r="UZO1192" s="10"/>
      <c r="UZP1192" s="10"/>
      <c r="UZQ1192" s="10"/>
      <c r="UZR1192" s="10"/>
      <c r="UZS1192" s="10"/>
      <c r="UZT1192" s="10"/>
      <c r="UZU1192" s="10"/>
      <c r="UZV1192" s="10"/>
      <c r="UZW1192" s="10"/>
      <c r="UZX1192" s="10"/>
      <c r="UZY1192" s="10"/>
      <c r="UZZ1192" s="10"/>
      <c r="VAA1192" s="10"/>
      <c r="VAB1192" s="10"/>
      <c r="VAC1192" s="10"/>
      <c r="VAD1192" s="10"/>
      <c r="VAE1192" s="10"/>
      <c r="VAF1192" s="10"/>
      <c r="VAG1192" s="10"/>
      <c r="VAH1192" s="10"/>
      <c r="VAI1192" s="10"/>
      <c r="VAJ1192" s="10"/>
      <c r="VAK1192" s="10"/>
      <c r="VAL1192" s="10"/>
      <c r="VAM1192" s="10"/>
      <c r="VAN1192" s="10"/>
      <c r="VAO1192" s="10"/>
      <c r="VAP1192" s="10"/>
      <c r="VAQ1192" s="10"/>
      <c r="VAR1192" s="10"/>
      <c r="VAS1192" s="10"/>
      <c r="VAT1192" s="10"/>
      <c r="VAU1192" s="10"/>
      <c r="VAV1192" s="10"/>
      <c r="VAW1192" s="10"/>
      <c r="VAX1192" s="10"/>
      <c r="VAY1192" s="10"/>
      <c r="VAZ1192" s="10"/>
      <c r="VBA1192" s="10"/>
      <c r="VBB1192" s="10"/>
      <c r="VBC1192" s="10"/>
      <c r="VBD1192" s="10"/>
      <c r="VBE1192" s="10"/>
      <c r="VBF1192" s="10"/>
      <c r="VBG1192" s="10"/>
      <c r="VBH1192" s="10"/>
      <c r="VBI1192" s="10"/>
      <c r="VBJ1192" s="10"/>
      <c r="VBK1192" s="10"/>
      <c r="VBL1192" s="10"/>
      <c r="VBM1192" s="10"/>
      <c r="VBN1192" s="10"/>
      <c r="VBO1192" s="10"/>
      <c r="VBP1192" s="10"/>
      <c r="VBQ1192" s="10"/>
      <c r="VBR1192" s="10"/>
      <c r="VBS1192" s="10"/>
      <c r="VBT1192" s="10"/>
      <c r="VBU1192" s="10"/>
      <c r="VBV1192" s="10"/>
      <c r="VBW1192" s="10"/>
      <c r="VBX1192" s="10"/>
      <c r="VBY1192" s="10"/>
      <c r="VBZ1192" s="10"/>
      <c r="VCA1192" s="10"/>
      <c r="VCB1192" s="10"/>
      <c r="VCC1192" s="10"/>
      <c r="VCD1192" s="10"/>
      <c r="VCE1192" s="10"/>
      <c r="VCF1192" s="10"/>
      <c r="VCG1192" s="10"/>
      <c r="VCH1192" s="10"/>
      <c r="VCI1192" s="10"/>
      <c r="VCJ1192" s="10"/>
      <c r="VCK1192" s="10"/>
      <c r="VCL1192" s="10"/>
      <c r="VCM1192" s="10"/>
      <c r="VCN1192" s="10"/>
      <c r="VCO1192" s="10"/>
      <c r="VCP1192" s="10"/>
      <c r="VCQ1192" s="10"/>
      <c r="VCR1192" s="10"/>
      <c r="VCS1192" s="10"/>
      <c r="VCT1192" s="10"/>
      <c r="VCU1192" s="10"/>
      <c r="VCV1192" s="10"/>
      <c r="VCW1192" s="10"/>
      <c r="VCX1192" s="10"/>
      <c r="VCY1192" s="10"/>
      <c r="VCZ1192" s="10"/>
      <c r="VDA1192" s="10"/>
      <c r="VDB1192" s="10"/>
      <c r="VDC1192" s="10"/>
      <c r="VDD1192" s="10"/>
      <c r="VDE1192" s="10"/>
      <c r="VDF1192" s="10"/>
      <c r="VDG1192" s="10"/>
      <c r="VDH1192" s="10"/>
      <c r="VDI1192" s="10"/>
      <c r="VDJ1192" s="10"/>
      <c r="VDK1192" s="10"/>
      <c r="VDL1192" s="10"/>
      <c r="VDM1192" s="10"/>
      <c r="VDN1192" s="10"/>
      <c r="VDO1192" s="10"/>
      <c r="VDP1192" s="10"/>
      <c r="VDQ1192" s="10"/>
      <c r="VDR1192" s="10"/>
      <c r="VDS1192" s="10"/>
      <c r="VDT1192" s="10"/>
      <c r="VDU1192" s="10"/>
      <c r="VDV1192" s="10"/>
      <c r="VDW1192" s="10"/>
      <c r="VDX1192" s="10"/>
      <c r="VDY1192" s="10"/>
      <c r="VDZ1192" s="10"/>
      <c r="VEA1192" s="10"/>
      <c r="VEB1192" s="10"/>
      <c r="VEC1192" s="10"/>
      <c r="VED1192" s="10"/>
      <c r="VEE1192" s="10"/>
      <c r="VEF1192" s="10"/>
      <c r="VEG1192" s="10"/>
      <c r="VEH1192" s="10"/>
      <c r="VEI1192" s="10"/>
      <c r="VEJ1192" s="10"/>
      <c r="VEK1192" s="10"/>
      <c r="VEL1192" s="10"/>
      <c r="VEM1192" s="10"/>
      <c r="VEN1192" s="10"/>
      <c r="VEO1192" s="10"/>
      <c r="VEP1192" s="10"/>
      <c r="VEQ1192" s="10"/>
      <c r="VER1192" s="10"/>
      <c r="VES1192" s="10"/>
      <c r="VET1192" s="10"/>
      <c r="VEU1192" s="10"/>
      <c r="VEV1192" s="10"/>
      <c r="VEW1192" s="10"/>
      <c r="VEX1192" s="10"/>
      <c r="VEY1192" s="10"/>
      <c r="VEZ1192" s="10"/>
      <c r="VFA1192" s="10"/>
      <c r="VFB1192" s="10"/>
      <c r="VFC1192" s="10"/>
      <c r="VFD1192" s="10"/>
      <c r="VFE1192" s="10"/>
      <c r="VFF1192" s="10"/>
      <c r="VFG1192" s="10"/>
      <c r="VFH1192" s="10"/>
      <c r="VFI1192" s="10"/>
      <c r="VFJ1192" s="10"/>
      <c r="VFK1192" s="10"/>
      <c r="VFL1192" s="10"/>
      <c r="VFM1192" s="10"/>
      <c r="VFN1192" s="10"/>
      <c r="VFO1192" s="10"/>
      <c r="VFP1192" s="10"/>
      <c r="VFQ1192" s="10"/>
      <c r="VFR1192" s="10"/>
      <c r="VFS1192" s="10"/>
      <c r="VFT1192" s="10"/>
      <c r="VFU1192" s="10"/>
      <c r="VFV1192" s="10"/>
      <c r="VFW1192" s="10"/>
      <c r="VFX1192" s="10"/>
      <c r="VFY1192" s="10"/>
      <c r="VFZ1192" s="10"/>
      <c r="VGA1192" s="10"/>
      <c r="VGB1192" s="10"/>
      <c r="VGC1192" s="10"/>
      <c r="VGD1192" s="10"/>
      <c r="VGE1192" s="10"/>
      <c r="VGF1192" s="10"/>
      <c r="VGG1192" s="10"/>
      <c r="VGH1192" s="10"/>
      <c r="VGI1192" s="10"/>
      <c r="VGJ1192" s="10"/>
      <c r="VGK1192" s="10"/>
      <c r="VGL1192" s="10"/>
      <c r="VGM1192" s="10"/>
      <c r="VGN1192" s="10"/>
      <c r="VGO1192" s="10"/>
      <c r="VGP1192" s="10"/>
      <c r="VGQ1192" s="10"/>
      <c r="VGR1192" s="10"/>
      <c r="VGS1192" s="10"/>
      <c r="VGT1192" s="10"/>
      <c r="VGU1192" s="10"/>
      <c r="VGV1192" s="10"/>
      <c r="VGW1192" s="10"/>
      <c r="VGX1192" s="10"/>
      <c r="VGY1192" s="10"/>
      <c r="VGZ1192" s="10"/>
      <c r="VHA1192" s="10"/>
      <c r="VHB1192" s="10"/>
      <c r="VHC1192" s="10"/>
      <c r="VHD1192" s="10"/>
      <c r="VHE1192" s="10"/>
      <c r="VHF1192" s="10"/>
      <c r="VHG1192" s="10"/>
      <c r="VHH1192" s="10"/>
      <c r="VHI1192" s="10"/>
      <c r="VHJ1192" s="10"/>
      <c r="VHK1192" s="10"/>
      <c r="VHL1192" s="10"/>
      <c r="VHM1192" s="10"/>
      <c r="VHN1192" s="10"/>
      <c r="VHO1192" s="10"/>
      <c r="VHP1192" s="10"/>
      <c r="VHQ1192" s="10"/>
      <c r="VHR1192" s="10"/>
      <c r="VHS1192" s="10"/>
      <c r="VHT1192" s="10"/>
      <c r="VHU1192" s="10"/>
      <c r="VHV1192" s="10"/>
      <c r="VHW1192" s="10"/>
      <c r="VHX1192" s="10"/>
      <c r="VHY1192" s="10"/>
      <c r="VHZ1192" s="10"/>
      <c r="VIA1192" s="10"/>
      <c r="VIB1192" s="10"/>
      <c r="VIC1192" s="10"/>
      <c r="VID1192" s="10"/>
      <c r="VIE1192" s="10"/>
      <c r="VIF1192" s="10"/>
      <c r="VIG1192" s="10"/>
      <c r="VIH1192" s="10"/>
      <c r="VII1192" s="10"/>
      <c r="VIJ1192" s="10"/>
      <c r="VIK1192" s="10"/>
      <c r="VIL1192" s="10"/>
      <c r="VIM1192" s="10"/>
      <c r="VIN1192" s="10"/>
      <c r="VIO1192" s="10"/>
      <c r="VIP1192" s="10"/>
      <c r="VIQ1192" s="10"/>
      <c r="VIR1192" s="10"/>
      <c r="VIS1192" s="10"/>
      <c r="VIT1192" s="10"/>
      <c r="VIU1192" s="10"/>
      <c r="VIV1192" s="10"/>
      <c r="VIW1192" s="10"/>
      <c r="VIX1192" s="10"/>
      <c r="VIY1192" s="10"/>
      <c r="VIZ1192" s="10"/>
      <c r="VJA1192" s="10"/>
      <c r="VJB1192" s="10"/>
      <c r="VJC1192" s="10"/>
      <c r="VJD1192" s="10"/>
      <c r="VJE1192" s="10"/>
      <c r="VJF1192" s="10"/>
      <c r="VJG1192" s="10"/>
      <c r="VJH1192" s="10"/>
      <c r="VJI1192" s="10"/>
      <c r="VJJ1192" s="10"/>
      <c r="VJK1192" s="10"/>
      <c r="VJL1192" s="10"/>
      <c r="VJM1192" s="10"/>
      <c r="VJN1192" s="10"/>
      <c r="VJO1192" s="10"/>
      <c r="VJP1192" s="10"/>
      <c r="VJQ1192" s="10"/>
      <c r="VJR1192" s="10"/>
      <c r="VJS1192" s="10"/>
      <c r="VJT1192" s="10"/>
      <c r="VJU1192" s="10"/>
      <c r="VJV1192" s="10"/>
      <c r="VJW1192" s="10"/>
      <c r="VJX1192" s="10"/>
      <c r="VJY1192" s="10"/>
      <c r="VJZ1192" s="10"/>
      <c r="VKA1192" s="10"/>
      <c r="VKB1192" s="10"/>
      <c r="VKC1192" s="10"/>
      <c r="VKD1192" s="10"/>
      <c r="VKE1192" s="10"/>
      <c r="VKF1192" s="10"/>
      <c r="VKG1192" s="10"/>
      <c r="VKH1192" s="10"/>
      <c r="VKI1192" s="10"/>
      <c r="VKJ1192" s="10"/>
      <c r="VKK1192" s="10"/>
      <c r="VKL1192" s="10"/>
      <c r="VKM1192" s="10"/>
      <c r="VKN1192" s="10"/>
      <c r="VKO1192" s="10"/>
      <c r="VKP1192" s="10"/>
      <c r="VKQ1192" s="10"/>
      <c r="VKR1192" s="10"/>
      <c r="VKS1192" s="10"/>
      <c r="VKT1192" s="10"/>
      <c r="VKU1192" s="10"/>
      <c r="VKV1192" s="10"/>
      <c r="VKW1192" s="10"/>
      <c r="VKX1192" s="10"/>
      <c r="VKY1192" s="10"/>
      <c r="VKZ1192" s="10"/>
      <c r="VLA1192" s="10"/>
      <c r="VLB1192" s="10"/>
      <c r="VLC1192" s="10"/>
      <c r="VLD1192" s="10"/>
      <c r="VLE1192" s="10"/>
      <c r="VLF1192" s="10"/>
      <c r="VLG1192" s="10"/>
      <c r="VLH1192" s="10"/>
      <c r="VLI1192" s="10"/>
      <c r="VLJ1192" s="10"/>
      <c r="VLK1192" s="10"/>
      <c r="VLL1192" s="10"/>
      <c r="VLM1192" s="10"/>
      <c r="VLN1192" s="10"/>
      <c r="VLO1192" s="10"/>
      <c r="VLP1192" s="10"/>
      <c r="VLQ1192" s="10"/>
      <c r="VLR1192" s="10"/>
      <c r="VLS1192" s="10"/>
      <c r="VLT1192" s="10"/>
      <c r="VLU1192" s="10"/>
      <c r="VLV1192" s="10"/>
      <c r="VLW1192" s="10"/>
      <c r="VLX1192" s="10"/>
      <c r="VLY1192" s="10"/>
      <c r="VLZ1192" s="10"/>
      <c r="VMA1192" s="10"/>
      <c r="VMB1192" s="10"/>
      <c r="VMC1192" s="10"/>
      <c r="VMD1192" s="10"/>
      <c r="VME1192" s="10"/>
      <c r="VMF1192" s="10"/>
      <c r="VMG1192" s="10"/>
      <c r="VMH1192" s="10"/>
      <c r="VMI1192" s="10"/>
      <c r="VMJ1192" s="10"/>
      <c r="VMK1192" s="10"/>
      <c r="VML1192" s="10"/>
      <c r="VMM1192" s="10"/>
      <c r="VMN1192" s="10"/>
      <c r="VMO1192" s="10"/>
      <c r="VMP1192" s="10"/>
      <c r="VMQ1192" s="10"/>
      <c r="VMR1192" s="10"/>
      <c r="VMS1192" s="10"/>
      <c r="VMT1192" s="10"/>
      <c r="VMU1192" s="10"/>
      <c r="VMV1192" s="10"/>
      <c r="VMW1192" s="10"/>
      <c r="VMX1192" s="10"/>
      <c r="VMY1192" s="10"/>
      <c r="VMZ1192" s="10"/>
      <c r="VNA1192" s="10"/>
      <c r="VNB1192" s="10"/>
      <c r="VNC1192" s="10"/>
      <c r="VND1192" s="10"/>
      <c r="VNE1192" s="10"/>
      <c r="VNF1192" s="10"/>
      <c r="VNG1192" s="10"/>
      <c r="VNH1192" s="10"/>
      <c r="VNI1192" s="10"/>
      <c r="VNJ1192" s="10"/>
      <c r="VNK1192" s="10"/>
      <c r="VNL1192" s="10"/>
      <c r="VNM1192" s="10"/>
      <c r="VNN1192" s="10"/>
      <c r="VNO1192" s="10"/>
      <c r="VNP1192" s="10"/>
      <c r="VNQ1192" s="10"/>
      <c r="VNR1192" s="10"/>
      <c r="VNS1192" s="10"/>
      <c r="VNT1192" s="10"/>
      <c r="VNU1192" s="10"/>
      <c r="VNV1192" s="10"/>
      <c r="VNW1192" s="10"/>
      <c r="VNX1192" s="10"/>
      <c r="VNY1192" s="10"/>
      <c r="VNZ1192" s="10"/>
      <c r="VOA1192" s="10"/>
      <c r="VOB1192" s="10"/>
      <c r="VOC1192" s="10"/>
      <c r="VOD1192" s="10"/>
      <c r="VOE1192" s="10"/>
      <c r="VOF1192" s="10"/>
      <c r="VOG1192" s="10"/>
      <c r="VOH1192" s="10"/>
      <c r="VOI1192" s="10"/>
      <c r="VOJ1192" s="10"/>
      <c r="VOK1192" s="10"/>
      <c r="VOL1192" s="10"/>
      <c r="VOM1192" s="10"/>
      <c r="VON1192" s="10"/>
      <c r="VOO1192" s="10"/>
      <c r="VOP1192" s="10"/>
      <c r="VOQ1192" s="10"/>
      <c r="VOR1192" s="10"/>
      <c r="VOS1192" s="10"/>
      <c r="VOT1192" s="10"/>
      <c r="VOU1192" s="10"/>
      <c r="VOV1192" s="10"/>
      <c r="VOW1192" s="10"/>
      <c r="VOX1192" s="10"/>
      <c r="VOY1192" s="10"/>
      <c r="VOZ1192" s="10"/>
      <c r="VPA1192" s="10"/>
      <c r="VPB1192" s="10"/>
      <c r="VPC1192" s="10"/>
      <c r="VPD1192" s="10"/>
      <c r="VPE1192" s="10"/>
      <c r="VPF1192" s="10"/>
      <c r="VPG1192" s="10"/>
      <c r="VPH1192" s="10"/>
      <c r="VPI1192" s="10"/>
      <c r="VPJ1192" s="10"/>
      <c r="VPK1192" s="10"/>
      <c r="VPL1192" s="10"/>
      <c r="VPM1192" s="10"/>
      <c r="VPN1192" s="10"/>
      <c r="VPO1192" s="10"/>
      <c r="VPP1192" s="10"/>
      <c r="VPQ1192" s="10"/>
      <c r="VPR1192" s="10"/>
      <c r="VPS1192" s="10"/>
      <c r="VPT1192" s="10"/>
      <c r="VPU1192" s="10"/>
      <c r="VPV1192" s="10"/>
      <c r="VPW1192" s="10"/>
      <c r="VPX1192" s="10"/>
      <c r="VPY1192" s="10"/>
      <c r="VPZ1192" s="10"/>
      <c r="VQA1192" s="10"/>
      <c r="VQB1192" s="10"/>
      <c r="VQC1192" s="10"/>
      <c r="VQD1192" s="10"/>
      <c r="VQE1192" s="10"/>
      <c r="VQF1192" s="10"/>
      <c r="VQG1192" s="10"/>
      <c r="VQH1192" s="10"/>
      <c r="VQI1192" s="10"/>
      <c r="VQJ1192" s="10"/>
      <c r="VQK1192" s="10"/>
      <c r="VQL1192" s="10"/>
      <c r="VQM1192" s="10"/>
      <c r="VQN1192" s="10"/>
      <c r="VQO1192" s="10"/>
      <c r="VQP1192" s="10"/>
      <c r="VQQ1192" s="10"/>
      <c r="VQR1192" s="10"/>
      <c r="VQS1192" s="10"/>
      <c r="VQT1192" s="10"/>
      <c r="VQU1192" s="10"/>
      <c r="VQV1192" s="10"/>
      <c r="VQW1192" s="10"/>
      <c r="VQX1192" s="10"/>
      <c r="VQY1192" s="10"/>
      <c r="VQZ1192" s="10"/>
      <c r="VRA1192" s="10"/>
      <c r="VRB1192" s="10"/>
      <c r="VRC1192" s="10"/>
      <c r="VRD1192" s="10"/>
      <c r="VRE1192" s="10"/>
      <c r="VRF1192" s="10"/>
      <c r="VRG1192" s="10"/>
      <c r="VRH1192" s="10"/>
      <c r="VRI1192" s="10"/>
      <c r="VRJ1192" s="10"/>
      <c r="VRK1192" s="10"/>
      <c r="VRL1192" s="10"/>
      <c r="VRM1192" s="10"/>
      <c r="VRN1192" s="10"/>
      <c r="VRO1192" s="10"/>
      <c r="VRP1192" s="10"/>
      <c r="VRQ1192" s="10"/>
      <c r="VRR1192" s="10"/>
      <c r="VRS1192" s="10"/>
      <c r="VRT1192" s="10"/>
      <c r="VRU1192" s="10"/>
      <c r="VRV1192" s="10"/>
      <c r="VRW1192" s="10"/>
      <c r="VRX1192" s="10"/>
      <c r="VRY1192" s="10"/>
      <c r="VRZ1192" s="10"/>
      <c r="VSA1192" s="10"/>
      <c r="VSB1192" s="10"/>
      <c r="VSC1192" s="10"/>
      <c r="VSD1192" s="10"/>
      <c r="VSE1192" s="10"/>
      <c r="VSF1192" s="10"/>
      <c r="VSG1192" s="10"/>
      <c r="VSH1192" s="10"/>
      <c r="VSI1192" s="10"/>
      <c r="VSJ1192" s="10"/>
      <c r="VSK1192" s="10"/>
      <c r="VSL1192" s="10"/>
      <c r="VSM1192" s="10"/>
      <c r="VSN1192" s="10"/>
      <c r="VSO1192" s="10"/>
      <c r="VSP1192" s="10"/>
      <c r="VSQ1192" s="10"/>
      <c r="VSR1192" s="10"/>
      <c r="VSS1192" s="10"/>
      <c r="VST1192" s="10"/>
      <c r="VSU1192" s="10"/>
      <c r="VSV1192" s="10"/>
      <c r="VSW1192" s="10"/>
      <c r="VSX1192" s="10"/>
      <c r="VSY1192" s="10"/>
      <c r="VSZ1192" s="10"/>
      <c r="VTA1192" s="10"/>
      <c r="VTB1192" s="10"/>
      <c r="VTC1192" s="10"/>
      <c r="VTD1192" s="10"/>
      <c r="VTE1192" s="10"/>
      <c r="VTF1192" s="10"/>
      <c r="VTG1192" s="10"/>
      <c r="VTH1192" s="10"/>
      <c r="VTI1192" s="10"/>
      <c r="VTJ1192" s="10"/>
      <c r="VTK1192" s="10"/>
      <c r="VTL1192" s="10"/>
      <c r="VTM1192" s="10"/>
      <c r="VTN1192" s="10"/>
      <c r="VTO1192" s="10"/>
      <c r="VTP1192" s="10"/>
      <c r="VTQ1192" s="10"/>
      <c r="VTR1192" s="10"/>
      <c r="VTS1192" s="10"/>
      <c r="VTT1192" s="10"/>
      <c r="VTU1192" s="10"/>
      <c r="VTV1192" s="10"/>
      <c r="VTW1192" s="10"/>
      <c r="VTX1192" s="10"/>
      <c r="VTY1192" s="10"/>
      <c r="VTZ1192" s="10"/>
      <c r="VUA1192" s="10"/>
      <c r="VUB1192" s="10"/>
      <c r="VUC1192" s="10"/>
      <c r="VUD1192" s="10"/>
      <c r="VUE1192" s="10"/>
      <c r="VUF1192" s="10"/>
      <c r="VUG1192" s="10"/>
      <c r="VUH1192" s="10"/>
      <c r="VUI1192" s="10"/>
      <c r="VUJ1192" s="10"/>
      <c r="VUK1192" s="10"/>
      <c r="VUL1192" s="10"/>
      <c r="VUM1192" s="10"/>
      <c r="VUN1192" s="10"/>
      <c r="VUO1192" s="10"/>
      <c r="VUP1192" s="10"/>
      <c r="VUQ1192" s="10"/>
      <c r="VUR1192" s="10"/>
      <c r="VUS1192" s="10"/>
      <c r="VUT1192" s="10"/>
      <c r="VUU1192" s="10"/>
      <c r="VUV1192" s="10"/>
      <c r="VUW1192" s="10"/>
      <c r="VUX1192" s="10"/>
      <c r="VUY1192" s="10"/>
      <c r="VUZ1192" s="10"/>
      <c r="VVA1192" s="10"/>
      <c r="VVB1192" s="10"/>
      <c r="VVC1192" s="10"/>
      <c r="VVD1192" s="10"/>
      <c r="VVE1192" s="10"/>
      <c r="VVF1192" s="10"/>
      <c r="VVG1192" s="10"/>
      <c r="VVH1192" s="10"/>
      <c r="VVI1192" s="10"/>
      <c r="VVJ1192" s="10"/>
      <c r="VVK1192" s="10"/>
      <c r="VVL1192" s="10"/>
      <c r="VVM1192" s="10"/>
      <c r="VVN1192" s="10"/>
      <c r="VVO1192" s="10"/>
      <c r="VVP1192" s="10"/>
      <c r="VVQ1192" s="10"/>
      <c r="VVR1192" s="10"/>
      <c r="VVS1192" s="10"/>
      <c r="VVT1192" s="10"/>
      <c r="VVU1192" s="10"/>
      <c r="VVV1192" s="10"/>
      <c r="VVW1192" s="10"/>
      <c r="VVX1192" s="10"/>
      <c r="VVY1192" s="10"/>
      <c r="VVZ1192" s="10"/>
      <c r="VWA1192" s="10"/>
      <c r="VWB1192" s="10"/>
      <c r="VWC1192" s="10"/>
      <c r="VWD1192" s="10"/>
      <c r="VWE1192" s="10"/>
      <c r="VWF1192" s="10"/>
      <c r="VWG1192" s="10"/>
      <c r="VWH1192" s="10"/>
      <c r="VWI1192" s="10"/>
      <c r="VWJ1192" s="10"/>
      <c r="VWK1192" s="10"/>
      <c r="VWL1192" s="10"/>
      <c r="VWM1192" s="10"/>
      <c r="VWN1192" s="10"/>
      <c r="VWO1192" s="10"/>
      <c r="VWP1192" s="10"/>
      <c r="VWQ1192" s="10"/>
      <c r="VWR1192" s="10"/>
      <c r="VWS1192" s="10"/>
      <c r="VWT1192" s="10"/>
      <c r="VWU1192" s="10"/>
      <c r="VWV1192" s="10"/>
      <c r="VWW1192" s="10"/>
      <c r="VWX1192" s="10"/>
      <c r="VWY1192" s="10"/>
      <c r="VWZ1192" s="10"/>
      <c r="VXA1192" s="10"/>
      <c r="VXB1192" s="10"/>
      <c r="VXC1192" s="10"/>
      <c r="VXD1192" s="10"/>
      <c r="VXE1192" s="10"/>
      <c r="VXF1192" s="10"/>
      <c r="VXG1192" s="10"/>
      <c r="VXH1192" s="10"/>
      <c r="VXI1192" s="10"/>
      <c r="VXJ1192" s="10"/>
      <c r="VXK1192" s="10"/>
      <c r="VXL1192" s="10"/>
      <c r="VXM1192" s="10"/>
      <c r="VXN1192" s="10"/>
      <c r="VXO1192" s="10"/>
      <c r="VXP1192" s="10"/>
      <c r="VXQ1192" s="10"/>
      <c r="VXR1192" s="10"/>
      <c r="VXS1192" s="10"/>
      <c r="VXT1192" s="10"/>
      <c r="VXU1192" s="10"/>
      <c r="VXV1192" s="10"/>
      <c r="VXW1192" s="10"/>
      <c r="VXX1192" s="10"/>
      <c r="VXY1192" s="10"/>
      <c r="VXZ1192" s="10"/>
      <c r="VYA1192" s="10"/>
      <c r="VYB1192" s="10"/>
      <c r="VYC1192" s="10"/>
      <c r="VYD1192" s="10"/>
      <c r="VYE1192" s="10"/>
      <c r="VYF1192" s="10"/>
      <c r="VYG1192" s="10"/>
      <c r="VYH1192" s="10"/>
      <c r="VYI1192" s="10"/>
      <c r="VYJ1192" s="10"/>
      <c r="VYK1192" s="10"/>
      <c r="VYL1192" s="10"/>
      <c r="VYM1192" s="10"/>
      <c r="VYN1192" s="10"/>
      <c r="VYO1192" s="10"/>
      <c r="VYP1192" s="10"/>
      <c r="VYQ1192" s="10"/>
      <c r="VYR1192" s="10"/>
      <c r="VYS1192" s="10"/>
      <c r="VYT1192" s="10"/>
      <c r="VYU1192" s="10"/>
      <c r="VYV1192" s="10"/>
      <c r="VYW1192" s="10"/>
      <c r="VYX1192" s="10"/>
      <c r="VYY1192" s="10"/>
      <c r="VYZ1192" s="10"/>
      <c r="VZA1192" s="10"/>
      <c r="VZB1192" s="10"/>
      <c r="VZC1192" s="10"/>
      <c r="VZD1192" s="10"/>
      <c r="VZE1192" s="10"/>
      <c r="VZF1192" s="10"/>
      <c r="VZG1192" s="10"/>
      <c r="VZH1192" s="10"/>
      <c r="VZI1192" s="10"/>
      <c r="VZJ1192" s="10"/>
      <c r="VZK1192" s="10"/>
      <c r="VZL1192" s="10"/>
      <c r="VZM1192" s="10"/>
      <c r="VZN1192" s="10"/>
      <c r="VZO1192" s="10"/>
      <c r="VZP1192" s="10"/>
      <c r="VZQ1192" s="10"/>
      <c r="VZR1192" s="10"/>
      <c r="VZS1192" s="10"/>
      <c r="VZT1192" s="10"/>
      <c r="VZU1192" s="10"/>
      <c r="VZV1192" s="10"/>
      <c r="VZW1192" s="10"/>
      <c r="VZX1192" s="10"/>
      <c r="VZY1192" s="10"/>
      <c r="VZZ1192" s="10"/>
      <c r="WAA1192" s="10"/>
      <c r="WAB1192" s="10"/>
      <c r="WAC1192" s="10"/>
      <c r="WAD1192" s="10"/>
      <c r="WAE1192" s="10"/>
      <c r="WAF1192" s="10"/>
      <c r="WAG1192" s="10"/>
      <c r="WAH1192" s="10"/>
      <c r="WAI1192" s="10"/>
      <c r="WAJ1192" s="10"/>
      <c r="WAK1192" s="10"/>
      <c r="WAL1192" s="10"/>
      <c r="WAM1192" s="10"/>
      <c r="WAN1192" s="10"/>
      <c r="WAO1192" s="10"/>
      <c r="WAP1192" s="10"/>
      <c r="WAQ1192" s="10"/>
      <c r="WAR1192" s="10"/>
      <c r="WAS1192" s="10"/>
      <c r="WAT1192" s="10"/>
      <c r="WAU1192" s="10"/>
      <c r="WAV1192" s="10"/>
      <c r="WAW1192" s="10"/>
      <c r="WAX1192" s="10"/>
      <c r="WAY1192" s="10"/>
      <c r="WAZ1192" s="10"/>
      <c r="WBA1192" s="10"/>
      <c r="WBB1192" s="10"/>
      <c r="WBC1192" s="10"/>
      <c r="WBD1192" s="10"/>
      <c r="WBE1192" s="10"/>
      <c r="WBF1192" s="10"/>
      <c r="WBG1192" s="10"/>
      <c r="WBH1192" s="10"/>
      <c r="WBI1192" s="10"/>
      <c r="WBJ1192" s="10"/>
      <c r="WBK1192" s="10"/>
      <c r="WBL1192" s="10"/>
      <c r="WBM1192" s="10"/>
      <c r="WBN1192" s="10"/>
      <c r="WBO1192" s="10"/>
      <c r="WBP1192" s="10"/>
      <c r="WBQ1192" s="10"/>
      <c r="WBR1192" s="10"/>
      <c r="WBS1192" s="10"/>
      <c r="WBT1192" s="10"/>
      <c r="WBU1192" s="10"/>
      <c r="WBV1192" s="10"/>
      <c r="WBW1192" s="10"/>
      <c r="WBX1192" s="10"/>
      <c r="WBY1192" s="10"/>
      <c r="WBZ1192" s="10"/>
      <c r="WCA1192" s="10"/>
      <c r="WCB1192" s="10"/>
      <c r="WCC1192" s="10"/>
      <c r="WCD1192" s="10"/>
      <c r="WCE1192" s="10"/>
      <c r="WCF1192" s="10"/>
      <c r="WCG1192" s="10"/>
      <c r="WCH1192" s="10"/>
      <c r="WCI1192" s="10"/>
      <c r="WCJ1192" s="10"/>
      <c r="WCK1192" s="10"/>
      <c r="WCL1192" s="10"/>
      <c r="WCM1192" s="10"/>
      <c r="WCN1192" s="10"/>
      <c r="WCO1192" s="10"/>
      <c r="WCP1192" s="10"/>
      <c r="WCQ1192" s="10"/>
      <c r="WCR1192" s="10"/>
      <c r="WCS1192" s="10"/>
      <c r="WCT1192" s="10"/>
      <c r="WCU1192" s="10"/>
      <c r="WCV1192" s="10"/>
      <c r="WCW1192" s="10"/>
      <c r="WCX1192" s="10"/>
      <c r="WCY1192" s="10"/>
      <c r="WCZ1192" s="10"/>
      <c r="WDA1192" s="10"/>
      <c r="WDB1192" s="10"/>
      <c r="WDC1192" s="10"/>
      <c r="WDD1192" s="10"/>
      <c r="WDE1192" s="10"/>
      <c r="WDF1192" s="10"/>
      <c r="WDG1192" s="10"/>
      <c r="WDH1192" s="10"/>
      <c r="WDI1192" s="10"/>
      <c r="WDJ1192" s="10"/>
      <c r="WDK1192" s="10"/>
      <c r="WDL1192" s="10"/>
      <c r="WDM1192" s="10"/>
      <c r="WDN1192" s="10"/>
      <c r="WDO1192" s="10"/>
      <c r="WDP1192" s="10"/>
      <c r="WDQ1192" s="10"/>
      <c r="WDR1192" s="10"/>
      <c r="WDS1192" s="10"/>
      <c r="WDT1192" s="10"/>
      <c r="WDU1192" s="10"/>
      <c r="WDV1192" s="10"/>
      <c r="WDW1192" s="10"/>
      <c r="WDX1192" s="10"/>
      <c r="WDY1192" s="10"/>
      <c r="WDZ1192" s="10"/>
      <c r="WEA1192" s="10"/>
      <c r="WEB1192" s="10"/>
      <c r="WEC1192" s="10"/>
      <c r="WED1192" s="10"/>
      <c r="WEE1192" s="10"/>
      <c r="WEF1192" s="10"/>
      <c r="WEG1192" s="10"/>
      <c r="WEH1192" s="10"/>
      <c r="WEI1192" s="10"/>
      <c r="WEJ1192" s="10"/>
      <c r="WEK1192" s="10"/>
      <c r="WEL1192" s="10"/>
      <c r="WEM1192" s="10"/>
      <c r="WEN1192" s="10"/>
      <c r="WEO1192" s="10"/>
      <c r="WEP1192" s="10"/>
      <c r="WEQ1192" s="10"/>
      <c r="WER1192" s="10"/>
      <c r="WES1192" s="10"/>
      <c r="WET1192" s="10"/>
      <c r="WEU1192" s="10"/>
      <c r="WEV1192" s="10"/>
      <c r="WEW1192" s="10"/>
      <c r="WEX1192" s="10"/>
      <c r="WEY1192" s="10"/>
      <c r="WEZ1192" s="10"/>
      <c r="WFA1192" s="10"/>
      <c r="WFB1192" s="10"/>
      <c r="WFC1192" s="10"/>
      <c r="WFD1192" s="10"/>
      <c r="WFE1192" s="10"/>
      <c r="WFF1192" s="10"/>
      <c r="WFG1192" s="10"/>
      <c r="WFH1192" s="10"/>
      <c r="WFI1192" s="10"/>
      <c r="WFJ1192" s="10"/>
      <c r="WFK1192" s="10"/>
      <c r="WFL1192" s="10"/>
      <c r="WFM1192" s="10"/>
      <c r="WFN1192" s="10"/>
      <c r="WFO1192" s="10"/>
      <c r="WFP1192" s="10"/>
      <c r="WFQ1192" s="10"/>
      <c r="WFR1192" s="10"/>
      <c r="WFS1192" s="10"/>
      <c r="WFT1192" s="10"/>
      <c r="WFU1192" s="10"/>
      <c r="WFV1192" s="10"/>
      <c r="WFW1192" s="10"/>
      <c r="WFX1192" s="10"/>
      <c r="WFY1192" s="10"/>
      <c r="WFZ1192" s="10"/>
      <c r="WGA1192" s="10"/>
      <c r="WGB1192" s="10"/>
      <c r="WGC1192" s="10"/>
      <c r="WGD1192" s="10"/>
      <c r="WGE1192" s="10"/>
      <c r="WGF1192" s="10"/>
      <c r="WGG1192" s="10"/>
      <c r="WGH1192" s="10"/>
      <c r="WGI1192" s="10"/>
      <c r="WGJ1192" s="10"/>
      <c r="WGK1192" s="10"/>
      <c r="WGL1192" s="10"/>
      <c r="WGM1192" s="10"/>
      <c r="WGN1192" s="10"/>
      <c r="WGO1192" s="10"/>
      <c r="WGP1192" s="10"/>
      <c r="WGQ1192" s="10"/>
      <c r="WGR1192" s="10"/>
      <c r="WGS1192" s="10"/>
      <c r="WGT1192" s="10"/>
      <c r="WGU1192" s="10"/>
      <c r="WGV1192" s="10"/>
      <c r="WGW1192" s="10"/>
      <c r="WGX1192" s="10"/>
      <c r="WGY1192" s="10"/>
      <c r="WGZ1192" s="10"/>
      <c r="WHA1192" s="10"/>
      <c r="WHB1192" s="10"/>
      <c r="WHC1192" s="10"/>
      <c r="WHD1192" s="10"/>
      <c r="WHE1192" s="10"/>
      <c r="WHF1192" s="10"/>
      <c r="WHG1192" s="10"/>
      <c r="WHH1192" s="10"/>
      <c r="WHI1192" s="10"/>
      <c r="WHJ1192" s="10"/>
      <c r="WHK1192" s="10"/>
      <c r="WHL1192" s="10"/>
      <c r="WHM1192" s="10"/>
      <c r="WHN1192" s="10"/>
      <c r="WHO1192" s="10"/>
      <c r="WHP1192" s="10"/>
      <c r="WHQ1192" s="10"/>
      <c r="WHR1192" s="10"/>
      <c r="WHS1192" s="10"/>
      <c r="WHT1192" s="10"/>
      <c r="WHU1192" s="10"/>
      <c r="WHV1192" s="10"/>
      <c r="WHW1192" s="10"/>
      <c r="WHX1192" s="10"/>
      <c r="WHY1192" s="10"/>
      <c r="WHZ1192" s="10"/>
      <c r="WIA1192" s="10"/>
      <c r="WIB1192" s="10"/>
      <c r="WIC1192" s="10"/>
      <c r="WID1192" s="10"/>
      <c r="WIE1192" s="10"/>
      <c r="WIF1192" s="10"/>
      <c r="WIG1192" s="10"/>
      <c r="WIH1192" s="10"/>
      <c r="WII1192" s="10"/>
      <c r="WIJ1192" s="10"/>
      <c r="WIK1192" s="10"/>
      <c r="WIL1192" s="10"/>
      <c r="WIM1192" s="10"/>
      <c r="WIN1192" s="10"/>
      <c r="WIO1192" s="10"/>
      <c r="WIP1192" s="10"/>
      <c r="WIQ1192" s="10"/>
      <c r="WIR1192" s="10"/>
      <c r="WIS1192" s="10"/>
      <c r="WIT1192" s="10"/>
      <c r="WIU1192" s="10"/>
      <c r="WIV1192" s="10"/>
      <c r="WIW1192" s="10"/>
      <c r="WIX1192" s="10"/>
      <c r="WIY1192" s="10"/>
      <c r="WIZ1192" s="10"/>
      <c r="WJA1192" s="10"/>
      <c r="WJB1192" s="10"/>
      <c r="WJC1192" s="10"/>
      <c r="WJD1192" s="10"/>
      <c r="WJE1192" s="10"/>
      <c r="WJF1192" s="10"/>
      <c r="WJG1192" s="10"/>
      <c r="WJH1192" s="10"/>
      <c r="WJI1192" s="10"/>
      <c r="WJJ1192" s="10"/>
      <c r="WJK1192" s="10"/>
      <c r="WJL1192" s="10"/>
      <c r="WJM1192" s="10"/>
      <c r="WJN1192" s="10"/>
      <c r="WJO1192" s="10"/>
      <c r="WJP1192" s="10"/>
      <c r="WJQ1192" s="10"/>
      <c r="WJR1192" s="10"/>
      <c r="WJS1192" s="10"/>
      <c r="WJT1192" s="10"/>
      <c r="WJU1192" s="10"/>
      <c r="WJV1192" s="10"/>
      <c r="WJW1192" s="10"/>
      <c r="WJX1192" s="10"/>
      <c r="WJY1192" s="10"/>
      <c r="WJZ1192" s="10"/>
      <c r="WKA1192" s="10"/>
      <c r="WKB1192" s="10"/>
      <c r="WKC1192" s="10"/>
      <c r="WKD1192" s="10"/>
      <c r="WKE1192" s="10"/>
      <c r="WKF1192" s="10"/>
      <c r="WKG1192" s="10"/>
      <c r="WKH1192" s="10"/>
      <c r="WKI1192" s="10"/>
      <c r="WKJ1192" s="10"/>
      <c r="WKK1192" s="10"/>
      <c r="WKL1192" s="10"/>
      <c r="WKM1192" s="10"/>
      <c r="WKN1192" s="10"/>
      <c r="WKO1192" s="10"/>
      <c r="WKP1192" s="10"/>
      <c r="WKQ1192" s="10"/>
      <c r="WKR1192" s="10"/>
      <c r="WKS1192" s="10"/>
      <c r="WKT1192" s="10"/>
      <c r="WKU1192" s="10"/>
      <c r="WKV1192" s="10"/>
      <c r="WKW1192" s="10"/>
      <c r="WKX1192" s="10"/>
      <c r="WKY1192" s="10"/>
      <c r="WKZ1192" s="10"/>
      <c r="WLA1192" s="10"/>
      <c r="WLB1192" s="10"/>
      <c r="WLC1192" s="10"/>
      <c r="WLD1192" s="10"/>
      <c r="WLE1192" s="10"/>
      <c r="WLF1192" s="10"/>
      <c r="WLG1192" s="10"/>
      <c r="WLH1192" s="10"/>
      <c r="WLI1192" s="10"/>
      <c r="WLJ1192" s="10"/>
      <c r="WLK1192" s="10"/>
      <c r="WLL1192" s="10"/>
      <c r="WLM1192" s="10"/>
      <c r="WLN1192" s="10"/>
      <c r="WLO1192" s="10"/>
      <c r="WLP1192" s="10"/>
      <c r="WLQ1192" s="10"/>
      <c r="WLR1192" s="10"/>
      <c r="WLS1192" s="10"/>
      <c r="WLT1192" s="10"/>
      <c r="WLU1192" s="10"/>
      <c r="WLV1192" s="10"/>
      <c r="WLW1192" s="10"/>
      <c r="WLX1192" s="10"/>
      <c r="WLY1192" s="10"/>
      <c r="WLZ1192" s="10"/>
      <c r="WMA1192" s="10"/>
      <c r="WMB1192" s="10"/>
      <c r="WMC1192" s="10"/>
      <c r="WMD1192" s="10"/>
      <c r="WME1192" s="10"/>
      <c r="WMF1192" s="10"/>
      <c r="WMG1192" s="10"/>
      <c r="WMH1192" s="10"/>
      <c r="WMI1192" s="10"/>
      <c r="WMJ1192" s="10"/>
      <c r="WMK1192" s="10"/>
      <c r="WML1192" s="10"/>
      <c r="WMM1192" s="10"/>
      <c r="WMN1192" s="10"/>
      <c r="WMO1192" s="10"/>
      <c r="WMP1192" s="10"/>
      <c r="WMQ1192" s="10"/>
      <c r="WMR1192" s="10"/>
      <c r="WMS1192" s="10"/>
      <c r="WMT1192" s="10"/>
      <c r="WMU1192" s="10"/>
      <c r="WMV1192" s="10"/>
      <c r="WMW1192" s="10"/>
      <c r="WMX1192" s="10"/>
      <c r="WMY1192" s="10"/>
      <c r="WMZ1192" s="10"/>
      <c r="WNA1192" s="10"/>
      <c r="WNB1192" s="10"/>
      <c r="WNC1192" s="10"/>
      <c r="WND1192" s="10"/>
      <c r="WNE1192" s="10"/>
      <c r="WNF1192" s="10"/>
      <c r="WNG1192" s="10"/>
      <c r="WNH1192" s="10"/>
      <c r="WNI1192" s="10"/>
      <c r="WNJ1192" s="10"/>
      <c r="WNK1192" s="10"/>
      <c r="WNL1192" s="10"/>
      <c r="WNM1192" s="10"/>
      <c r="WNN1192" s="10"/>
      <c r="WNO1192" s="10"/>
      <c r="WNP1192" s="10"/>
      <c r="WNQ1192" s="10"/>
      <c r="WNR1192" s="10"/>
      <c r="WNS1192" s="10"/>
      <c r="WNT1192" s="10"/>
      <c r="WNU1192" s="10"/>
      <c r="WNV1192" s="10"/>
      <c r="WNW1192" s="10"/>
      <c r="WNX1192" s="10"/>
      <c r="WNY1192" s="10"/>
      <c r="WNZ1192" s="10"/>
      <c r="WOA1192" s="10"/>
      <c r="WOB1192" s="10"/>
      <c r="WOC1192" s="10"/>
      <c r="WOD1192" s="10"/>
      <c r="WOE1192" s="10"/>
      <c r="WOF1192" s="10"/>
      <c r="WOG1192" s="10"/>
      <c r="WOH1192" s="10"/>
      <c r="WOI1192" s="10"/>
      <c r="WOJ1192" s="10"/>
      <c r="WOK1192" s="10"/>
      <c r="WOL1192" s="10"/>
      <c r="WOM1192" s="10"/>
      <c r="WON1192" s="10"/>
      <c r="WOO1192" s="10"/>
      <c r="WOP1192" s="10"/>
      <c r="WOQ1192" s="10"/>
      <c r="WOR1192" s="10"/>
      <c r="WOS1192" s="10"/>
      <c r="WOT1192" s="10"/>
      <c r="WOU1192" s="10"/>
      <c r="WOV1192" s="10"/>
      <c r="WOW1192" s="10"/>
      <c r="WOX1192" s="10"/>
      <c r="WOY1192" s="10"/>
      <c r="WOZ1192" s="10"/>
      <c r="WPA1192" s="10"/>
      <c r="WPB1192" s="10"/>
      <c r="WPC1192" s="10"/>
      <c r="WPD1192" s="10"/>
      <c r="WPE1192" s="10"/>
      <c r="WPF1192" s="10"/>
      <c r="WPG1192" s="10"/>
      <c r="WPH1192" s="10"/>
      <c r="WPI1192" s="10"/>
      <c r="WPJ1192" s="10"/>
      <c r="WPK1192" s="10"/>
      <c r="WPL1192" s="10"/>
      <c r="WPM1192" s="10"/>
      <c r="WPN1192" s="10"/>
      <c r="WPO1192" s="10"/>
      <c r="WPP1192" s="10"/>
      <c r="WPQ1192" s="10"/>
      <c r="WPR1192" s="10"/>
      <c r="WPS1192" s="10"/>
      <c r="WPT1192" s="10"/>
      <c r="WPU1192" s="10"/>
      <c r="WPV1192" s="10"/>
      <c r="WPW1192" s="10"/>
      <c r="WPX1192" s="10"/>
      <c r="WPY1192" s="10"/>
      <c r="WPZ1192" s="10"/>
      <c r="WQA1192" s="10"/>
      <c r="WQB1192" s="10"/>
      <c r="WQC1192" s="10"/>
      <c r="WQD1192" s="10"/>
      <c r="WQE1192" s="10"/>
      <c r="WQF1192" s="10"/>
      <c r="WQG1192" s="10"/>
      <c r="WQH1192" s="10"/>
      <c r="WQI1192" s="10"/>
      <c r="WQJ1192" s="10"/>
      <c r="WQK1192" s="10"/>
      <c r="WQL1192" s="10"/>
      <c r="WQM1192" s="10"/>
      <c r="WQN1192" s="10"/>
      <c r="WQO1192" s="10"/>
      <c r="WQP1192" s="10"/>
      <c r="WQQ1192" s="10"/>
      <c r="WQR1192" s="10"/>
      <c r="WQS1192" s="10"/>
      <c r="WQT1192" s="10"/>
      <c r="WQU1192" s="10"/>
      <c r="WQV1192" s="10"/>
      <c r="WQW1192" s="10"/>
      <c r="WQX1192" s="10"/>
      <c r="WQY1192" s="10"/>
      <c r="WQZ1192" s="10"/>
      <c r="WRA1192" s="10"/>
      <c r="WRB1192" s="10"/>
      <c r="WRC1192" s="10"/>
      <c r="WRD1192" s="10"/>
      <c r="WRE1192" s="10"/>
      <c r="WRF1192" s="10"/>
      <c r="WRG1192" s="10"/>
      <c r="WRH1192" s="10"/>
      <c r="WRI1192" s="10"/>
      <c r="WRJ1192" s="10"/>
      <c r="WRK1192" s="10"/>
      <c r="WRL1192" s="10"/>
      <c r="WRM1192" s="10"/>
      <c r="WRN1192" s="10"/>
      <c r="WRO1192" s="10"/>
      <c r="WRP1192" s="10"/>
      <c r="WRQ1192" s="10"/>
      <c r="WRR1192" s="10"/>
      <c r="WRS1192" s="10"/>
      <c r="WRT1192" s="10"/>
      <c r="WRU1192" s="10"/>
      <c r="WRV1192" s="10"/>
      <c r="WRW1192" s="10"/>
      <c r="WRX1192" s="10"/>
      <c r="WRY1192" s="10"/>
      <c r="WRZ1192" s="10"/>
      <c r="WSA1192" s="10"/>
      <c r="WSB1192" s="10"/>
      <c r="WSC1192" s="10"/>
      <c r="WSD1192" s="10"/>
      <c r="WSE1192" s="10"/>
      <c r="WSF1192" s="10"/>
      <c r="WSG1192" s="10"/>
      <c r="WSH1192" s="10"/>
      <c r="WSI1192" s="10"/>
      <c r="WSJ1192" s="10"/>
      <c r="WSK1192" s="10"/>
      <c r="WSL1192" s="10"/>
      <c r="WSM1192" s="10"/>
      <c r="WSN1192" s="10"/>
      <c r="WSO1192" s="10"/>
      <c r="WSP1192" s="10"/>
      <c r="WSQ1192" s="10"/>
      <c r="WSR1192" s="10"/>
      <c r="WSS1192" s="10"/>
      <c r="WST1192" s="10"/>
      <c r="WSU1192" s="10"/>
      <c r="WSV1192" s="10"/>
      <c r="WSW1192" s="10"/>
      <c r="WSX1192" s="10"/>
      <c r="WSY1192" s="10"/>
      <c r="WSZ1192" s="10"/>
      <c r="WTA1192" s="10"/>
      <c r="WTB1192" s="10"/>
      <c r="WTC1192" s="10"/>
      <c r="WTD1192" s="10"/>
      <c r="WTE1192" s="10"/>
      <c r="WTF1192" s="10"/>
      <c r="WTG1192" s="10"/>
      <c r="WTH1192" s="10"/>
      <c r="WTI1192" s="10"/>
      <c r="WTJ1192" s="10"/>
      <c r="WTK1192" s="10"/>
      <c r="WTL1192" s="10"/>
      <c r="WTM1192" s="10"/>
      <c r="WTN1192" s="10"/>
      <c r="WTO1192" s="10"/>
      <c r="WTP1192" s="10"/>
      <c r="WTQ1192" s="10"/>
      <c r="WTR1192" s="10"/>
      <c r="WTS1192" s="10"/>
      <c r="WTT1192" s="10"/>
      <c r="WTU1192" s="10"/>
      <c r="WTV1192" s="10"/>
      <c r="WTW1192" s="10"/>
      <c r="WTX1192" s="10"/>
      <c r="WTY1192" s="10"/>
      <c r="WTZ1192" s="10"/>
      <c r="WUA1192" s="10"/>
      <c r="WUB1192" s="10"/>
      <c r="WUC1192" s="10"/>
      <c r="WUD1192" s="10"/>
      <c r="WUE1192" s="10"/>
      <c r="WUF1192" s="10"/>
      <c r="WUG1192" s="10"/>
      <c r="WUH1192" s="10"/>
      <c r="WUI1192" s="10"/>
      <c r="WUJ1192" s="10"/>
      <c r="WUK1192" s="10"/>
      <c r="WUL1192" s="10"/>
      <c r="WUM1192" s="10"/>
      <c r="WUN1192" s="10"/>
      <c r="WUO1192" s="10"/>
      <c r="WUP1192" s="10"/>
      <c r="WUQ1192" s="10"/>
      <c r="WUR1192" s="10"/>
      <c r="WUS1192" s="10"/>
      <c r="WUT1192" s="10"/>
      <c r="WUU1192" s="10"/>
      <c r="WUV1192" s="10"/>
      <c r="WUW1192" s="10"/>
      <c r="WUX1192" s="10"/>
      <c r="WUY1192" s="10"/>
      <c r="WUZ1192" s="10"/>
      <c r="WVA1192" s="10"/>
      <c r="WVB1192" s="10"/>
      <c r="WVC1192" s="10"/>
      <c r="WVD1192" s="10"/>
      <c r="WVE1192" s="10"/>
      <c r="WVF1192" s="10"/>
      <c r="WVG1192" s="10"/>
      <c r="WVH1192" s="10"/>
      <c r="WVI1192" s="10"/>
      <c r="WVJ1192" s="10"/>
      <c r="WVK1192" s="10"/>
      <c r="WVL1192" s="10"/>
      <c r="WVM1192" s="10"/>
      <c r="WVN1192" s="10"/>
      <c r="WVO1192" s="10"/>
      <c r="WVP1192" s="10"/>
      <c r="WVQ1192" s="10"/>
      <c r="WVR1192" s="10"/>
      <c r="WVS1192" s="10"/>
      <c r="WVT1192" s="10"/>
      <c r="WVU1192" s="10"/>
      <c r="WVV1192" s="10"/>
      <c r="WVW1192" s="10"/>
      <c r="WVX1192" s="10"/>
      <c r="WVY1192" s="10"/>
      <c r="WVZ1192" s="10"/>
      <c r="WWA1192" s="10"/>
      <c r="WWB1192" s="10"/>
      <c r="WWC1192" s="10"/>
      <c r="WWD1192" s="10"/>
      <c r="WWE1192" s="10"/>
      <c r="WWF1192" s="10"/>
      <c r="WWG1192" s="10"/>
      <c r="WWH1192" s="10"/>
      <c r="WWI1192" s="10"/>
      <c r="WWJ1192" s="10"/>
      <c r="WWK1192" s="10"/>
      <c r="WWL1192" s="10"/>
      <c r="WWM1192" s="10"/>
      <c r="WWN1192" s="10"/>
      <c r="WWO1192" s="10"/>
      <c r="WWP1192" s="10"/>
      <c r="WWQ1192" s="10"/>
      <c r="WWR1192" s="10"/>
      <c r="WWS1192" s="10"/>
      <c r="WWT1192" s="10"/>
      <c r="WWU1192" s="10"/>
      <c r="WWV1192" s="10"/>
      <c r="WWW1192" s="10"/>
      <c r="WWX1192" s="10"/>
      <c r="WWY1192" s="10"/>
      <c r="WWZ1192" s="10"/>
      <c r="WXA1192" s="10"/>
      <c r="WXB1192" s="10"/>
      <c r="WXC1192" s="10"/>
      <c r="WXD1192" s="10"/>
      <c r="WXE1192" s="10"/>
      <c r="WXF1192" s="10"/>
      <c r="WXG1192" s="10"/>
      <c r="WXH1192" s="10"/>
      <c r="WXI1192" s="10"/>
      <c r="WXJ1192" s="10"/>
      <c r="WXK1192" s="10"/>
      <c r="WXL1192" s="10"/>
      <c r="WXM1192" s="10"/>
      <c r="WXN1192" s="10"/>
      <c r="WXO1192" s="10"/>
      <c r="WXP1192" s="10"/>
      <c r="WXQ1192" s="10"/>
      <c r="WXR1192" s="10"/>
      <c r="WXS1192" s="10"/>
      <c r="WXT1192" s="10"/>
      <c r="WXU1192" s="10"/>
      <c r="WXV1192" s="10"/>
      <c r="WXW1192" s="10"/>
      <c r="WXX1192" s="10"/>
      <c r="WXY1192" s="10"/>
      <c r="WXZ1192" s="10"/>
      <c r="WYA1192" s="10"/>
      <c r="WYB1192" s="10"/>
      <c r="WYC1192" s="10"/>
      <c r="WYD1192" s="10"/>
      <c r="WYE1192" s="10"/>
      <c r="WYF1192" s="10"/>
      <c r="WYG1192" s="10"/>
      <c r="WYH1192" s="10"/>
      <c r="WYI1192" s="10"/>
      <c r="WYJ1192" s="10"/>
      <c r="WYK1192" s="10"/>
      <c r="WYL1192" s="10"/>
      <c r="WYM1192" s="10"/>
      <c r="WYN1192" s="10"/>
      <c r="WYO1192" s="10"/>
      <c r="WYP1192" s="10"/>
      <c r="WYQ1192" s="10"/>
      <c r="WYR1192" s="10"/>
      <c r="WYS1192" s="10"/>
      <c r="WYT1192" s="10"/>
      <c r="WYU1192" s="10"/>
      <c r="WYV1192" s="10"/>
      <c r="WYW1192" s="10"/>
      <c r="WYX1192" s="10"/>
      <c r="WYY1192" s="10"/>
      <c r="WYZ1192" s="10"/>
      <c r="WZA1192" s="10"/>
      <c r="WZB1192" s="10"/>
      <c r="WZC1192" s="10"/>
      <c r="WZD1192" s="10"/>
      <c r="WZE1192" s="10"/>
      <c r="WZF1192" s="10"/>
      <c r="WZG1192" s="10"/>
      <c r="WZH1192" s="10"/>
      <c r="WZI1192" s="10"/>
      <c r="WZJ1192" s="10"/>
      <c r="WZK1192" s="10"/>
      <c r="WZL1192" s="10"/>
      <c r="WZM1192" s="10"/>
      <c r="WZN1192" s="10"/>
      <c r="WZO1192" s="10"/>
      <c r="WZP1192" s="10"/>
      <c r="WZQ1192" s="10"/>
      <c r="WZR1192" s="10"/>
      <c r="WZS1192" s="10"/>
      <c r="WZT1192" s="10"/>
      <c r="WZU1192" s="10"/>
      <c r="WZV1192" s="10"/>
      <c r="WZW1192" s="10"/>
      <c r="WZX1192" s="10"/>
      <c r="WZY1192" s="10"/>
      <c r="WZZ1192" s="10"/>
      <c r="XAA1192" s="10"/>
      <c r="XAB1192" s="10"/>
      <c r="XAC1192" s="10"/>
      <c r="XAD1192" s="10"/>
      <c r="XAE1192" s="10"/>
      <c r="XAF1192" s="10"/>
      <c r="XAG1192" s="10"/>
      <c r="XAH1192" s="10"/>
      <c r="XAI1192" s="10"/>
      <c r="XAJ1192" s="10"/>
      <c r="XAK1192" s="10"/>
      <c r="XAL1192" s="10"/>
      <c r="XAM1192" s="10"/>
      <c r="XAN1192" s="10"/>
      <c r="XAO1192" s="10"/>
      <c r="XAP1192" s="10"/>
      <c r="XAQ1192" s="10"/>
      <c r="XAR1192" s="10"/>
      <c r="XAS1192" s="10"/>
      <c r="XAT1192" s="10"/>
      <c r="XAU1192" s="10"/>
      <c r="XAV1192" s="10"/>
      <c r="XAW1192" s="10"/>
      <c r="XAX1192" s="10"/>
      <c r="XAY1192" s="10"/>
      <c r="XAZ1192" s="10"/>
      <c r="XBA1192" s="10"/>
      <c r="XBB1192" s="10"/>
      <c r="XBC1192" s="10"/>
      <c r="XBD1192" s="10"/>
      <c r="XBE1192" s="10"/>
      <c r="XBF1192" s="10"/>
      <c r="XBG1192" s="10"/>
      <c r="XBH1192" s="10"/>
      <c r="XBI1192" s="10"/>
      <c r="XBJ1192" s="10"/>
      <c r="XBK1192" s="10"/>
      <c r="XBL1192" s="10"/>
      <c r="XBM1192" s="10"/>
      <c r="XBN1192" s="10"/>
      <c r="XBO1192" s="10"/>
      <c r="XBP1192" s="10"/>
      <c r="XBQ1192" s="10"/>
      <c r="XBR1192" s="10"/>
      <c r="XBS1192" s="10"/>
      <c r="XBT1192" s="10"/>
      <c r="XBU1192" s="10"/>
      <c r="XBV1192" s="10"/>
      <c r="XBW1192" s="10"/>
      <c r="XBX1192" s="10"/>
      <c r="XBY1192" s="10"/>
      <c r="XBZ1192" s="10"/>
      <c r="XCA1192" s="10"/>
      <c r="XCB1192" s="10"/>
      <c r="XCC1192" s="10"/>
      <c r="XCD1192" s="10"/>
      <c r="XCE1192" s="10"/>
      <c r="XCF1192" s="10"/>
      <c r="XCG1192" s="10"/>
      <c r="XCH1192" s="10"/>
      <c r="XCI1192" s="10"/>
      <c r="XCJ1192" s="10"/>
      <c r="XCK1192" s="10"/>
      <c r="XCL1192" s="10"/>
      <c r="XCM1192" s="10"/>
      <c r="XCN1192" s="10"/>
      <c r="XCO1192" s="10"/>
      <c r="XCP1192" s="10"/>
      <c r="XCQ1192" s="10"/>
      <c r="XCR1192" s="10"/>
      <c r="XCS1192" s="10"/>
      <c r="XCT1192" s="10"/>
      <c r="XCU1192" s="10"/>
      <c r="XCV1192" s="10"/>
      <c r="XCW1192" s="10"/>
      <c r="XCX1192" s="10"/>
      <c r="XCY1192" s="10"/>
      <c r="XCZ1192" s="10"/>
      <c r="XDA1192" s="10"/>
      <c r="XDB1192" s="10"/>
      <c r="XDC1192" s="10"/>
      <c r="XDD1192" s="10"/>
      <c r="XDE1192" s="10"/>
      <c r="XDF1192" s="10"/>
      <c r="XDG1192" s="10"/>
      <c r="XDH1192" s="10"/>
      <c r="XDI1192" s="10"/>
      <c r="XDJ1192" s="10"/>
      <c r="XDK1192" s="10"/>
      <c r="XDL1192" s="10"/>
      <c r="XDM1192" s="10"/>
    </row>
    <row r="1193" spans="1:16341" s="151" customFormat="1" collapsed="1">
      <c r="A1193" s="17"/>
      <c r="B1193" s="17"/>
      <c r="C1193" s="17" t="s">
        <v>84</v>
      </c>
      <c r="D1193" s="139" t="s">
        <v>428</v>
      </c>
      <c r="E1193" s="17"/>
      <c r="F1193" s="17"/>
      <c r="G1193" s="17"/>
      <c r="H1193" s="17" t="s">
        <v>17</v>
      </c>
      <c r="I1193" s="17" t="s">
        <v>71</v>
      </c>
      <c r="J1193" s="17">
        <v>10</v>
      </c>
      <c r="K1193" s="17"/>
      <c r="L1193" s="17"/>
      <c r="M1193" s="17"/>
      <c r="N1193" s="138"/>
      <c r="O1193" s="98" t="s">
        <v>956</v>
      </c>
      <c r="P1193" s="99" t="s">
        <v>2104</v>
      </c>
      <c r="Q1193" s="10"/>
      <c r="R1193" s="10"/>
      <c r="S1193" s="10"/>
      <c r="T1193" s="10"/>
      <c r="U1193" s="10"/>
      <c r="V1193" s="10"/>
      <c r="W1193" s="10"/>
      <c r="X1193" s="10"/>
      <c r="Y1193" s="10"/>
      <c r="Z1193" s="10"/>
      <c r="AA1193" s="10"/>
      <c r="AB1193" s="10"/>
      <c r="AC1193" s="10"/>
      <c r="AD1193" s="10"/>
      <c r="AE1193" s="10"/>
      <c r="AF1193" s="10"/>
      <c r="AG1193" s="10"/>
      <c r="AH1193" s="10"/>
      <c r="AI1193" s="10"/>
      <c r="AJ1193" s="10"/>
      <c r="AK1193" s="10"/>
      <c r="AL1193" s="10"/>
      <c r="AM1193" s="10"/>
      <c r="AN1193" s="10"/>
      <c r="AO1193" s="10"/>
      <c r="AP1193" s="10"/>
      <c r="AQ1193" s="10"/>
      <c r="AR1193" s="10"/>
      <c r="AS1193" s="10"/>
      <c r="AT1193" s="10"/>
      <c r="AU1193" s="10"/>
      <c r="AV1193" s="10"/>
      <c r="AW1193" s="10"/>
      <c r="AX1193" s="10"/>
      <c r="AY1193" s="10"/>
      <c r="AZ1193" s="10"/>
      <c r="BA1193" s="10"/>
      <c r="BB1193" s="10"/>
      <c r="BC1193" s="10"/>
      <c r="BD1193" s="10"/>
      <c r="BE1193" s="10"/>
      <c r="BF1193" s="10"/>
      <c r="BG1193" s="10"/>
      <c r="BH1193" s="10"/>
      <c r="BI1193" s="10"/>
      <c r="BJ1193" s="10"/>
      <c r="BK1193" s="10"/>
      <c r="BL1193" s="10"/>
      <c r="BM1193" s="10"/>
      <c r="BN1193" s="10"/>
      <c r="BO1193" s="10"/>
      <c r="BP1193" s="10"/>
      <c r="BQ1193" s="10"/>
      <c r="BR1193" s="10"/>
      <c r="BS1193" s="10"/>
      <c r="BT1193" s="10"/>
      <c r="BU1193" s="10"/>
      <c r="BV1193" s="10"/>
      <c r="BW1193" s="10"/>
      <c r="BX1193" s="10"/>
      <c r="BY1193" s="10"/>
      <c r="BZ1193" s="10"/>
      <c r="CA1193" s="10"/>
      <c r="CB1193" s="10"/>
      <c r="CC1193" s="10"/>
      <c r="CD1193" s="10"/>
      <c r="CE1193" s="10"/>
      <c r="CF1193" s="10"/>
      <c r="CG1193" s="10"/>
      <c r="CH1193" s="10"/>
      <c r="CI1193" s="10"/>
      <c r="CJ1193" s="10"/>
      <c r="CK1193" s="10"/>
      <c r="CL1193" s="10"/>
      <c r="CM1193" s="10"/>
      <c r="CN1193" s="10"/>
      <c r="CO1193" s="10"/>
      <c r="CP1193" s="10"/>
      <c r="CQ1193" s="10"/>
      <c r="CR1193" s="10"/>
      <c r="CS1193" s="10"/>
      <c r="CT1193" s="10"/>
      <c r="CU1193" s="10"/>
      <c r="CV1193" s="10"/>
      <c r="CW1193" s="10"/>
      <c r="CX1193" s="10"/>
      <c r="CY1193" s="10"/>
      <c r="CZ1193" s="10"/>
      <c r="DA1193" s="10"/>
      <c r="DB1193" s="10"/>
      <c r="DC1193" s="10"/>
      <c r="DD1193" s="10"/>
      <c r="DE1193" s="10"/>
      <c r="DF1193" s="10"/>
      <c r="DG1193" s="10"/>
      <c r="DH1193" s="10"/>
      <c r="DI1193" s="10"/>
      <c r="DJ1193" s="10"/>
      <c r="DK1193" s="10"/>
      <c r="DL1193" s="10"/>
      <c r="DM1193" s="10"/>
      <c r="DN1193" s="10"/>
      <c r="DO1193" s="10"/>
      <c r="DP1193" s="10"/>
      <c r="DQ1193" s="10"/>
      <c r="DR1193" s="10"/>
      <c r="DS1193" s="10"/>
      <c r="DT1193" s="10"/>
      <c r="DU1193" s="10"/>
      <c r="DV1193" s="10"/>
      <c r="DW1193" s="10"/>
      <c r="DX1193" s="10"/>
      <c r="DY1193" s="10"/>
      <c r="DZ1193" s="10"/>
      <c r="EA1193" s="10"/>
      <c r="EB1193" s="10"/>
      <c r="EC1193" s="10"/>
      <c r="ED1193" s="10"/>
      <c r="EE1193" s="10"/>
      <c r="EF1193" s="10"/>
      <c r="EG1193" s="10"/>
      <c r="EH1193" s="10"/>
      <c r="EI1193" s="10"/>
      <c r="EJ1193" s="10"/>
      <c r="EK1193" s="10"/>
      <c r="EL1193" s="10"/>
      <c r="EM1193" s="10"/>
      <c r="EN1193" s="10"/>
      <c r="EO1193" s="10"/>
      <c r="EP1193" s="10"/>
      <c r="EQ1193" s="10"/>
      <c r="ER1193" s="10"/>
      <c r="ES1193" s="10"/>
      <c r="ET1193" s="10"/>
      <c r="EU1193" s="10"/>
      <c r="EV1193" s="10"/>
      <c r="EW1193" s="10"/>
      <c r="EX1193" s="10"/>
      <c r="EY1193" s="10"/>
      <c r="EZ1193" s="10"/>
      <c r="FA1193" s="10"/>
      <c r="FB1193" s="10"/>
      <c r="FC1193" s="10"/>
      <c r="FD1193" s="10"/>
      <c r="FE1193" s="10"/>
      <c r="FF1193" s="10"/>
      <c r="FG1193" s="10"/>
      <c r="FH1193" s="10"/>
      <c r="FI1193" s="10"/>
      <c r="FJ1193" s="10"/>
      <c r="FK1193" s="10"/>
      <c r="FL1193" s="10"/>
      <c r="FM1193" s="10"/>
      <c r="FN1193" s="10"/>
      <c r="FO1193" s="10"/>
      <c r="FP1193" s="10"/>
      <c r="FQ1193" s="10"/>
      <c r="FR1193" s="10"/>
      <c r="FS1193" s="10"/>
      <c r="FT1193" s="10"/>
      <c r="FU1193" s="10"/>
      <c r="FV1193" s="10"/>
      <c r="FW1193" s="10"/>
      <c r="FX1193" s="10"/>
      <c r="FY1193" s="10"/>
      <c r="FZ1193" s="10"/>
      <c r="GA1193" s="10"/>
      <c r="GB1193" s="10"/>
      <c r="GC1193" s="10"/>
      <c r="GD1193" s="10"/>
      <c r="GE1193" s="10"/>
      <c r="GF1193" s="10"/>
      <c r="GG1193" s="10"/>
      <c r="GH1193" s="10"/>
      <c r="GI1193" s="10"/>
      <c r="GJ1193" s="10"/>
      <c r="GK1193" s="10"/>
      <c r="GL1193" s="10"/>
      <c r="GM1193" s="10"/>
      <c r="GN1193" s="10"/>
      <c r="GO1193" s="10"/>
      <c r="GP1193" s="10"/>
      <c r="GQ1193" s="10"/>
      <c r="GR1193" s="10"/>
      <c r="GS1193" s="10"/>
      <c r="GT1193" s="10"/>
      <c r="GU1193" s="10"/>
      <c r="GV1193" s="10"/>
      <c r="GW1193" s="10"/>
      <c r="GX1193" s="10"/>
      <c r="GY1193" s="10"/>
      <c r="GZ1193" s="10"/>
      <c r="HA1193" s="10"/>
      <c r="HB1193" s="10"/>
      <c r="HC1193" s="10"/>
      <c r="HD1193" s="10"/>
      <c r="HE1193" s="10"/>
      <c r="HF1193" s="10"/>
      <c r="HG1193" s="10"/>
      <c r="HH1193" s="10"/>
      <c r="HI1193" s="10"/>
      <c r="HJ1193" s="10"/>
      <c r="HK1193" s="10"/>
      <c r="HL1193" s="10"/>
      <c r="HM1193" s="10"/>
      <c r="HN1193" s="10"/>
      <c r="HO1193" s="10"/>
      <c r="HP1193" s="10"/>
      <c r="HQ1193" s="10"/>
      <c r="HR1193" s="10"/>
      <c r="HS1193" s="10"/>
      <c r="HT1193" s="10"/>
      <c r="HU1193" s="10"/>
      <c r="HV1193" s="10"/>
      <c r="HW1193" s="10"/>
      <c r="HX1193" s="10"/>
      <c r="HY1193" s="10"/>
      <c r="HZ1193" s="10"/>
      <c r="IA1193" s="10"/>
      <c r="IB1193" s="10"/>
      <c r="IC1193" s="10"/>
      <c r="ID1193" s="10"/>
      <c r="IE1193" s="10"/>
      <c r="IF1193" s="10"/>
      <c r="IG1193" s="10"/>
      <c r="IH1193" s="10"/>
      <c r="II1193" s="10"/>
      <c r="IJ1193" s="10"/>
      <c r="IK1193" s="10"/>
      <c r="IL1193" s="10"/>
      <c r="IM1193" s="10"/>
      <c r="IN1193" s="10"/>
      <c r="IO1193" s="10"/>
      <c r="IP1193" s="10"/>
      <c r="IQ1193" s="10"/>
      <c r="IR1193" s="10"/>
      <c r="IS1193" s="10"/>
      <c r="IT1193" s="10"/>
      <c r="IU1193" s="10"/>
      <c r="IV1193" s="10"/>
      <c r="IW1193" s="10"/>
      <c r="IX1193" s="10"/>
      <c r="IY1193" s="10"/>
      <c r="IZ1193" s="10"/>
      <c r="JA1193" s="10"/>
      <c r="JB1193" s="10"/>
      <c r="JC1193" s="10"/>
      <c r="JD1193" s="10"/>
      <c r="JE1193" s="10"/>
      <c r="JF1193" s="10"/>
      <c r="JG1193" s="10"/>
      <c r="JH1193" s="10"/>
      <c r="JI1193" s="10"/>
      <c r="JJ1193" s="10"/>
      <c r="JK1193" s="10"/>
      <c r="JL1193" s="10"/>
      <c r="JM1193" s="10"/>
      <c r="JN1193" s="10"/>
      <c r="JO1193" s="10"/>
      <c r="JP1193" s="10"/>
      <c r="JQ1193" s="10"/>
      <c r="JR1193" s="10"/>
      <c r="JS1193" s="10"/>
      <c r="JT1193" s="10"/>
      <c r="JU1193" s="10"/>
      <c r="JV1193" s="10"/>
      <c r="JW1193" s="10"/>
      <c r="JX1193" s="10"/>
      <c r="JY1193" s="10"/>
      <c r="JZ1193" s="10"/>
      <c r="KA1193" s="10"/>
      <c r="KB1193" s="10"/>
      <c r="KC1193" s="10"/>
      <c r="KD1193" s="10"/>
      <c r="KE1193" s="10"/>
      <c r="KF1193" s="10"/>
      <c r="KG1193" s="10"/>
      <c r="KH1193" s="10"/>
      <c r="KI1193" s="10"/>
      <c r="KJ1193" s="10"/>
      <c r="KK1193" s="10"/>
      <c r="KL1193" s="10"/>
      <c r="KM1193" s="10"/>
      <c r="KN1193" s="10"/>
      <c r="KO1193" s="10"/>
      <c r="KP1193" s="10"/>
      <c r="KQ1193" s="10"/>
      <c r="KR1193" s="10"/>
      <c r="KS1193" s="10"/>
      <c r="KT1193" s="10"/>
      <c r="KU1193" s="10"/>
      <c r="KV1193" s="10"/>
      <c r="KW1193" s="10"/>
      <c r="KX1193" s="10"/>
      <c r="KY1193" s="10"/>
      <c r="KZ1193" s="10"/>
      <c r="LA1193" s="10"/>
      <c r="LB1193" s="10"/>
      <c r="LC1193" s="10"/>
      <c r="LD1193" s="10"/>
      <c r="LE1193" s="10"/>
      <c r="LF1193" s="10"/>
      <c r="LG1193" s="10"/>
      <c r="LH1193" s="10"/>
      <c r="LI1193" s="10"/>
      <c r="LJ1193" s="10"/>
      <c r="LK1193" s="10"/>
      <c r="LL1193" s="10"/>
      <c r="LM1193" s="10"/>
      <c r="LN1193" s="10"/>
      <c r="LO1193" s="10"/>
      <c r="LP1193" s="10"/>
      <c r="LQ1193" s="10"/>
      <c r="LR1193" s="10"/>
      <c r="LS1193" s="10"/>
      <c r="LT1193" s="10"/>
      <c r="LU1193" s="10"/>
      <c r="LV1193" s="10"/>
      <c r="LW1193" s="10"/>
      <c r="LX1193" s="10"/>
      <c r="LY1193" s="10"/>
      <c r="LZ1193" s="10"/>
      <c r="MA1193" s="10"/>
      <c r="MB1193" s="10"/>
      <c r="MC1193" s="10"/>
      <c r="MD1193" s="10"/>
      <c r="ME1193" s="10"/>
      <c r="MF1193" s="10"/>
      <c r="MG1193" s="10"/>
      <c r="MH1193" s="10"/>
      <c r="MI1193" s="10"/>
      <c r="MJ1193" s="10"/>
      <c r="MK1193" s="10"/>
      <c r="ML1193" s="10"/>
      <c r="MM1193" s="10"/>
      <c r="MN1193" s="10"/>
      <c r="MO1193" s="10"/>
      <c r="MP1193" s="10"/>
      <c r="MQ1193" s="10"/>
      <c r="MR1193" s="10"/>
      <c r="MS1193" s="10"/>
      <c r="MT1193" s="10"/>
      <c r="MU1193" s="10"/>
      <c r="MV1193" s="10"/>
      <c r="MW1193" s="10"/>
      <c r="MX1193" s="10"/>
      <c r="MY1193" s="10"/>
      <c r="MZ1193" s="10"/>
      <c r="NA1193" s="10"/>
      <c r="NB1193" s="10"/>
      <c r="NC1193" s="10"/>
      <c r="ND1193" s="10"/>
      <c r="NE1193" s="10"/>
      <c r="NF1193" s="10"/>
      <c r="NG1193" s="10"/>
      <c r="NH1193" s="10"/>
      <c r="NI1193" s="10"/>
      <c r="NJ1193" s="10"/>
      <c r="NK1193" s="10"/>
      <c r="NL1193" s="10"/>
      <c r="NM1193" s="10"/>
      <c r="NN1193" s="10"/>
      <c r="NO1193" s="10"/>
      <c r="NP1193" s="10"/>
      <c r="NQ1193" s="10"/>
      <c r="NR1193" s="10"/>
      <c r="NS1193" s="10"/>
      <c r="NT1193" s="10"/>
      <c r="NU1193" s="10"/>
      <c r="NV1193" s="10"/>
      <c r="NW1193" s="10"/>
      <c r="NX1193" s="10"/>
      <c r="NY1193" s="10"/>
      <c r="NZ1193" s="10"/>
      <c r="OA1193" s="10"/>
      <c r="OB1193" s="10"/>
      <c r="OC1193" s="10"/>
      <c r="OD1193" s="10"/>
      <c r="OE1193" s="10"/>
      <c r="OF1193" s="10"/>
      <c r="OG1193" s="10"/>
      <c r="OH1193" s="10"/>
      <c r="OI1193" s="10"/>
      <c r="OJ1193" s="10"/>
      <c r="OK1193" s="10"/>
      <c r="OL1193" s="10"/>
      <c r="OM1193" s="10"/>
      <c r="ON1193" s="10"/>
      <c r="OO1193" s="10"/>
      <c r="OP1193" s="10"/>
      <c r="OQ1193" s="10"/>
      <c r="OR1193" s="10"/>
      <c r="OS1193" s="10"/>
      <c r="OT1193" s="10"/>
      <c r="OU1193" s="10"/>
      <c r="OV1193" s="10"/>
      <c r="OW1193" s="10"/>
      <c r="OX1193" s="10"/>
      <c r="OY1193" s="10"/>
      <c r="OZ1193" s="10"/>
      <c r="PA1193" s="10"/>
      <c r="PB1193" s="10"/>
      <c r="PC1193" s="10"/>
      <c r="PD1193" s="10"/>
      <c r="PE1193" s="10"/>
      <c r="PF1193" s="10"/>
      <c r="PG1193" s="10"/>
      <c r="PH1193" s="10"/>
      <c r="PI1193" s="10"/>
      <c r="PJ1193" s="10"/>
      <c r="PK1193" s="10"/>
      <c r="PL1193" s="10"/>
      <c r="PM1193" s="10"/>
      <c r="PN1193" s="10"/>
      <c r="PO1193" s="10"/>
      <c r="PP1193" s="10"/>
      <c r="PQ1193" s="10"/>
      <c r="PR1193" s="10"/>
      <c r="PS1193" s="10"/>
      <c r="PT1193" s="10"/>
      <c r="PU1193" s="10"/>
      <c r="PV1193" s="10"/>
      <c r="PW1193" s="10"/>
      <c r="PX1193" s="10"/>
      <c r="PY1193" s="10"/>
      <c r="PZ1193" s="10"/>
      <c r="QA1193" s="10"/>
      <c r="QB1193" s="10"/>
      <c r="QC1193" s="10"/>
      <c r="QD1193" s="10"/>
      <c r="QE1193" s="10"/>
      <c r="QF1193" s="10"/>
      <c r="QG1193" s="10"/>
      <c r="QH1193" s="10"/>
      <c r="QI1193" s="10"/>
      <c r="QJ1193" s="10"/>
      <c r="QK1193" s="10"/>
      <c r="QL1193" s="10"/>
      <c r="QM1193" s="10"/>
      <c r="QN1193" s="10"/>
      <c r="QO1193" s="10"/>
      <c r="QP1193" s="10"/>
      <c r="QQ1193" s="10"/>
      <c r="QR1193" s="10"/>
      <c r="QS1193" s="10"/>
      <c r="QT1193" s="10"/>
      <c r="QU1193" s="10"/>
      <c r="QV1193" s="10"/>
      <c r="QW1193" s="10"/>
      <c r="QX1193" s="10"/>
      <c r="QY1193" s="10"/>
      <c r="QZ1193" s="10"/>
      <c r="RA1193" s="10"/>
      <c r="RB1193" s="10"/>
      <c r="RC1193" s="10"/>
      <c r="RD1193" s="10"/>
      <c r="RE1193" s="10"/>
      <c r="RF1193" s="10"/>
      <c r="RG1193" s="10"/>
      <c r="RH1193" s="10"/>
      <c r="RI1193" s="10"/>
      <c r="RJ1193" s="10"/>
      <c r="RK1193" s="10"/>
      <c r="RL1193" s="10"/>
      <c r="RM1193" s="10"/>
      <c r="RN1193" s="10"/>
      <c r="RO1193" s="10"/>
      <c r="RP1193" s="10"/>
      <c r="RQ1193" s="10"/>
      <c r="RR1193" s="10"/>
      <c r="RS1193" s="10"/>
      <c r="RT1193" s="10"/>
      <c r="RU1193" s="10"/>
      <c r="RV1193" s="10"/>
      <c r="RW1193" s="10"/>
      <c r="RX1193" s="10"/>
      <c r="RY1193" s="10"/>
      <c r="RZ1193" s="10"/>
      <c r="SA1193" s="10"/>
      <c r="SB1193" s="10"/>
      <c r="SC1193" s="10"/>
      <c r="SD1193" s="10"/>
      <c r="SE1193" s="10"/>
      <c r="SF1193" s="10"/>
      <c r="SG1193" s="10"/>
      <c r="SH1193" s="10"/>
      <c r="SI1193" s="10"/>
      <c r="SJ1193" s="10"/>
      <c r="SK1193" s="10"/>
      <c r="SL1193" s="10"/>
      <c r="SM1193" s="10"/>
      <c r="SN1193" s="10"/>
      <c r="SO1193" s="10"/>
      <c r="SP1193" s="10"/>
      <c r="SQ1193" s="10"/>
      <c r="SR1193" s="10"/>
      <c r="SS1193" s="10"/>
      <c r="ST1193" s="10"/>
      <c r="SU1193" s="10"/>
      <c r="SV1193" s="10"/>
      <c r="SW1193" s="10"/>
      <c r="SX1193" s="10"/>
      <c r="SY1193" s="10"/>
      <c r="SZ1193" s="10"/>
      <c r="TA1193" s="10"/>
      <c r="TB1193" s="10"/>
      <c r="TC1193" s="10"/>
      <c r="TD1193" s="10"/>
      <c r="TE1193" s="10"/>
      <c r="TF1193" s="10"/>
      <c r="TG1193" s="10"/>
      <c r="TH1193" s="10"/>
      <c r="TI1193" s="10"/>
      <c r="TJ1193" s="10"/>
      <c r="TK1193" s="10"/>
      <c r="TL1193" s="10"/>
      <c r="TM1193" s="10"/>
      <c r="TN1193" s="10"/>
      <c r="TO1193" s="10"/>
      <c r="TP1193" s="10"/>
      <c r="TQ1193" s="10"/>
      <c r="TR1193" s="10"/>
      <c r="TS1193" s="10"/>
      <c r="TT1193" s="10"/>
      <c r="TU1193" s="10"/>
      <c r="TV1193" s="10"/>
      <c r="TW1193" s="10"/>
      <c r="TX1193" s="10"/>
      <c r="TY1193" s="10"/>
      <c r="TZ1193" s="10"/>
      <c r="UA1193" s="10"/>
      <c r="UB1193" s="10"/>
      <c r="UC1193" s="10"/>
      <c r="UD1193" s="10"/>
      <c r="UE1193" s="10"/>
      <c r="UF1193" s="10"/>
      <c r="UG1193" s="10"/>
      <c r="UH1193" s="10"/>
      <c r="UI1193" s="10"/>
      <c r="UJ1193" s="10"/>
      <c r="UK1193" s="10"/>
      <c r="UL1193" s="10"/>
      <c r="UM1193" s="10"/>
      <c r="UN1193" s="10"/>
      <c r="UO1193" s="10"/>
      <c r="UP1193" s="10"/>
      <c r="UQ1193" s="10"/>
      <c r="UR1193" s="10"/>
      <c r="US1193" s="10"/>
      <c r="UT1193" s="10"/>
      <c r="UU1193" s="10"/>
      <c r="UV1193" s="10"/>
      <c r="UW1193" s="10"/>
      <c r="UX1193" s="10"/>
      <c r="UY1193" s="10"/>
      <c r="UZ1193" s="10"/>
      <c r="VA1193" s="10"/>
      <c r="VB1193" s="10"/>
      <c r="VC1193" s="10"/>
      <c r="VD1193" s="10"/>
      <c r="VE1193" s="10"/>
      <c r="VF1193" s="10"/>
      <c r="VG1193" s="10"/>
      <c r="VH1193" s="10"/>
      <c r="VI1193" s="10"/>
      <c r="VJ1193" s="10"/>
      <c r="VK1193" s="10"/>
      <c r="VL1193" s="10"/>
      <c r="VM1193" s="10"/>
      <c r="VN1193" s="10"/>
      <c r="VO1193" s="10"/>
      <c r="VP1193" s="10"/>
      <c r="VQ1193" s="10"/>
      <c r="VR1193" s="10"/>
      <c r="VS1193" s="10"/>
      <c r="VT1193" s="10"/>
      <c r="VU1193" s="10"/>
      <c r="VV1193" s="10"/>
      <c r="VW1193" s="10"/>
      <c r="VX1193" s="10"/>
      <c r="VY1193" s="10"/>
      <c r="VZ1193" s="10"/>
      <c r="WA1193" s="10"/>
      <c r="WB1193" s="10"/>
      <c r="WC1193" s="10"/>
      <c r="WD1193" s="10"/>
      <c r="WE1193" s="10"/>
      <c r="WF1193" s="10"/>
      <c r="WG1193" s="10"/>
      <c r="WH1193" s="10"/>
      <c r="WI1193" s="10"/>
      <c r="WJ1193" s="10"/>
      <c r="WK1193" s="10"/>
      <c r="WL1193" s="10"/>
      <c r="WM1193" s="10"/>
      <c r="WN1193" s="10"/>
      <c r="WO1193" s="10"/>
      <c r="WP1193" s="10"/>
      <c r="WQ1193" s="10"/>
      <c r="WR1193" s="10"/>
      <c r="WS1193" s="10"/>
      <c r="WT1193" s="10"/>
      <c r="WU1193" s="10"/>
      <c r="WV1193" s="10"/>
      <c r="WW1193" s="10"/>
      <c r="WX1193" s="10"/>
      <c r="WY1193" s="10"/>
      <c r="WZ1193" s="10"/>
      <c r="XA1193" s="10"/>
      <c r="XB1193" s="10"/>
      <c r="XC1193" s="10"/>
      <c r="XD1193" s="10"/>
      <c r="XE1193" s="10"/>
      <c r="XF1193" s="10"/>
      <c r="XG1193" s="10"/>
      <c r="XH1193" s="10"/>
      <c r="XI1193" s="10"/>
      <c r="XJ1193" s="10"/>
      <c r="XK1193" s="10"/>
      <c r="XL1193" s="10"/>
      <c r="XM1193" s="10"/>
      <c r="XN1193" s="10"/>
      <c r="XO1193" s="10"/>
      <c r="XP1193" s="10"/>
      <c r="XQ1193" s="10"/>
      <c r="XR1193" s="10"/>
      <c r="XS1193" s="10"/>
      <c r="XT1193" s="10"/>
      <c r="XU1193" s="10"/>
      <c r="XV1193" s="10"/>
      <c r="XW1193" s="10"/>
      <c r="XX1193" s="10"/>
      <c r="XY1193" s="10"/>
      <c r="XZ1193" s="10"/>
      <c r="YA1193" s="10"/>
      <c r="YB1193" s="10"/>
      <c r="YC1193" s="10"/>
      <c r="YD1193" s="10"/>
      <c r="YE1193" s="10"/>
      <c r="YF1193" s="10"/>
      <c r="YG1193" s="10"/>
      <c r="YH1193" s="10"/>
      <c r="YI1193" s="10"/>
      <c r="YJ1193" s="10"/>
      <c r="YK1193" s="10"/>
      <c r="YL1193" s="10"/>
      <c r="YM1193" s="10"/>
      <c r="YN1193" s="10"/>
      <c r="YO1193" s="10"/>
      <c r="YP1193" s="10"/>
      <c r="YQ1193" s="10"/>
      <c r="YR1193" s="10"/>
      <c r="YS1193" s="10"/>
      <c r="YT1193" s="10"/>
      <c r="YU1193" s="10"/>
      <c r="YV1193" s="10"/>
      <c r="YW1193" s="10"/>
      <c r="YX1193" s="10"/>
      <c r="YY1193" s="10"/>
      <c r="YZ1193" s="10"/>
      <c r="ZA1193" s="10"/>
      <c r="ZB1193" s="10"/>
      <c r="ZC1193" s="10"/>
      <c r="ZD1193" s="10"/>
      <c r="ZE1193" s="10"/>
      <c r="ZF1193" s="10"/>
      <c r="ZG1193" s="10"/>
      <c r="ZH1193" s="10"/>
      <c r="ZI1193" s="10"/>
      <c r="ZJ1193" s="10"/>
      <c r="ZK1193" s="10"/>
      <c r="ZL1193" s="10"/>
      <c r="ZM1193" s="10"/>
      <c r="ZN1193" s="10"/>
      <c r="ZO1193" s="10"/>
      <c r="ZP1193" s="10"/>
      <c r="ZQ1193" s="10"/>
      <c r="ZR1193" s="10"/>
      <c r="ZS1193" s="10"/>
      <c r="ZT1193" s="10"/>
      <c r="ZU1193" s="10"/>
      <c r="ZV1193" s="10"/>
      <c r="ZW1193" s="10"/>
      <c r="ZX1193" s="10"/>
      <c r="ZY1193" s="10"/>
      <c r="ZZ1193" s="10"/>
      <c r="AAA1193" s="10"/>
      <c r="AAB1193" s="10"/>
      <c r="AAC1193" s="10"/>
      <c r="AAD1193" s="10"/>
      <c r="AAE1193" s="10"/>
      <c r="AAF1193" s="10"/>
      <c r="AAG1193" s="10"/>
      <c r="AAH1193" s="10"/>
      <c r="AAI1193" s="10"/>
      <c r="AAJ1193" s="10"/>
      <c r="AAK1193" s="10"/>
      <c r="AAL1193" s="10"/>
      <c r="AAM1193" s="10"/>
      <c r="AAN1193" s="10"/>
      <c r="AAO1193" s="10"/>
      <c r="AAP1193" s="10"/>
      <c r="AAQ1193" s="10"/>
      <c r="AAR1193" s="10"/>
      <c r="AAS1193" s="10"/>
      <c r="AAT1193" s="10"/>
      <c r="AAU1193" s="10"/>
      <c r="AAV1193" s="10"/>
      <c r="AAW1193" s="10"/>
      <c r="AAX1193" s="10"/>
      <c r="AAY1193" s="10"/>
      <c r="AAZ1193" s="10"/>
      <c r="ABA1193" s="10"/>
      <c r="ABB1193" s="10"/>
      <c r="ABC1193" s="10"/>
      <c r="ABD1193" s="10"/>
      <c r="ABE1193" s="10"/>
      <c r="ABF1193" s="10"/>
      <c r="ABG1193" s="10"/>
      <c r="ABH1193" s="10"/>
      <c r="ABI1193" s="10"/>
      <c r="ABJ1193" s="10"/>
      <c r="ABK1193" s="10"/>
      <c r="ABL1193" s="10"/>
      <c r="ABM1193" s="10"/>
      <c r="ABN1193" s="10"/>
      <c r="ABO1193" s="10"/>
      <c r="ABP1193" s="10"/>
      <c r="ABQ1193" s="10"/>
      <c r="ABR1193" s="10"/>
      <c r="ABS1193" s="10"/>
      <c r="ABT1193" s="10"/>
      <c r="ABU1193" s="10"/>
      <c r="ABV1193" s="10"/>
      <c r="ABW1193" s="10"/>
      <c r="ABX1193" s="10"/>
      <c r="ABY1193" s="10"/>
      <c r="ABZ1193" s="10"/>
      <c r="ACA1193" s="10"/>
      <c r="ACB1193" s="10"/>
      <c r="ACC1193" s="10"/>
      <c r="ACD1193" s="10"/>
      <c r="ACE1193" s="10"/>
      <c r="ACF1193" s="10"/>
      <c r="ACG1193" s="10"/>
      <c r="ACH1193" s="10"/>
      <c r="ACI1193" s="10"/>
      <c r="ACJ1193" s="10"/>
      <c r="ACK1193" s="10"/>
      <c r="ACL1193" s="10"/>
      <c r="ACM1193" s="10"/>
      <c r="ACN1193" s="10"/>
      <c r="ACO1193" s="10"/>
      <c r="ACP1193" s="10"/>
      <c r="ACQ1193" s="10"/>
      <c r="ACR1193" s="10"/>
      <c r="ACS1193" s="10"/>
      <c r="ACT1193" s="10"/>
      <c r="ACU1193" s="10"/>
      <c r="ACV1193" s="10"/>
      <c r="ACW1193" s="10"/>
      <c r="ACX1193" s="10"/>
      <c r="ACY1193" s="10"/>
      <c r="ACZ1193" s="10"/>
      <c r="ADA1193" s="10"/>
      <c r="ADB1193" s="10"/>
      <c r="ADC1193" s="10"/>
      <c r="ADD1193" s="10"/>
      <c r="ADE1193" s="10"/>
      <c r="ADF1193" s="10"/>
      <c r="ADG1193" s="10"/>
      <c r="ADH1193" s="10"/>
      <c r="ADI1193" s="10"/>
      <c r="ADJ1193" s="10"/>
      <c r="ADK1193" s="10"/>
      <c r="ADL1193" s="10"/>
      <c r="ADM1193" s="10"/>
      <c r="ADN1193" s="10"/>
      <c r="ADO1193" s="10"/>
      <c r="ADP1193" s="10"/>
      <c r="ADQ1193" s="10"/>
      <c r="ADR1193" s="10"/>
      <c r="ADS1193" s="10"/>
      <c r="ADT1193" s="10"/>
      <c r="ADU1193" s="10"/>
      <c r="ADV1193" s="10"/>
      <c r="ADW1193" s="10"/>
      <c r="ADX1193" s="10"/>
      <c r="ADY1193" s="10"/>
      <c r="ADZ1193" s="10"/>
      <c r="AEA1193" s="10"/>
      <c r="AEB1193" s="10"/>
      <c r="AEC1193" s="10"/>
      <c r="AED1193" s="10"/>
      <c r="AEE1193" s="10"/>
      <c r="AEF1193" s="10"/>
      <c r="AEG1193" s="10"/>
      <c r="AEH1193" s="10"/>
      <c r="AEI1193" s="10"/>
      <c r="AEJ1193" s="10"/>
      <c r="AEK1193" s="10"/>
      <c r="AEL1193" s="10"/>
      <c r="AEM1193" s="10"/>
      <c r="AEN1193" s="10"/>
      <c r="AEO1193" s="10"/>
      <c r="AEP1193" s="10"/>
      <c r="AEQ1193" s="10"/>
      <c r="AER1193" s="10"/>
      <c r="AES1193" s="10"/>
      <c r="AET1193" s="10"/>
      <c r="AEU1193" s="10"/>
      <c r="AEV1193" s="10"/>
      <c r="AEW1193" s="10"/>
      <c r="AEX1193" s="10"/>
      <c r="AEY1193" s="10"/>
      <c r="AEZ1193" s="10"/>
      <c r="AFA1193" s="10"/>
      <c r="AFB1193" s="10"/>
      <c r="AFC1193" s="10"/>
      <c r="AFD1193" s="10"/>
      <c r="AFE1193" s="10"/>
      <c r="AFF1193" s="10"/>
      <c r="AFG1193" s="10"/>
      <c r="AFH1193" s="10"/>
      <c r="AFI1193" s="10"/>
      <c r="AFJ1193" s="10"/>
      <c r="AFK1193" s="10"/>
      <c r="AFL1193" s="10"/>
      <c r="AFM1193" s="10"/>
      <c r="AFN1193" s="10"/>
      <c r="AFO1193" s="10"/>
      <c r="AFP1193" s="10"/>
      <c r="AFQ1193" s="10"/>
      <c r="AFR1193" s="10"/>
      <c r="AFS1193" s="10"/>
      <c r="AFT1193" s="10"/>
      <c r="AFU1193" s="10"/>
      <c r="AFV1193" s="10"/>
      <c r="AFW1193" s="10"/>
      <c r="AFX1193" s="10"/>
      <c r="AFY1193" s="10"/>
      <c r="AFZ1193" s="10"/>
      <c r="AGA1193" s="10"/>
      <c r="AGB1193" s="10"/>
      <c r="AGC1193" s="10"/>
      <c r="AGD1193" s="10"/>
      <c r="AGE1193" s="10"/>
      <c r="AGF1193" s="10"/>
      <c r="AGG1193" s="10"/>
      <c r="AGH1193" s="10"/>
      <c r="AGI1193" s="10"/>
      <c r="AGJ1193" s="10"/>
      <c r="AGK1193" s="10"/>
      <c r="AGL1193" s="10"/>
      <c r="AGM1193" s="10"/>
      <c r="AGN1193" s="10"/>
      <c r="AGO1193" s="10"/>
      <c r="AGP1193" s="10"/>
      <c r="AGQ1193" s="10"/>
      <c r="AGR1193" s="10"/>
      <c r="AGS1193" s="10"/>
      <c r="AGT1193" s="10"/>
      <c r="AGU1193" s="10"/>
      <c r="AGV1193" s="10"/>
      <c r="AGW1193" s="10"/>
      <c r="AGX1193" s="10"/>
      <c r="AGY1193" s="10"/>
      <c r="AGZ1193" s="10"/>
      <c r="AHA1193" s="10"/>
      <c r="AHB1193" s="10"/>
      <c r="AHC1193" s="10"/>
      <c r="AHD1193" s="10"/>
      <c r="AHE1193" s="10"/>
      <c r="AHF1193" s="10"/>
      <c r="AHG1193" s="10"/>
      <c r="AHH1193" s="10"/>
      <c r="AHI1193" s="10"/>
      <c r="AHJ1193" s="10"/>
      <c r="AHK1193" s="10"/>
      <c r="AHL1193" s="10"/>
      <c r="AHM1193" s="10"/>
      <c r="AHN1193" s="10"/>
      <c r="AHO1193" s="10"/>
      <c r="AHP1193" s="10"/>
      <c r="AHQ1193" s="10"/>
      <c r="AHR1193" s="10"/>
      <c r="AHS1193" s="10"/>
      <c r="AHT1193" s="10"/>
      <c r="AHU1193" s="10"/>
      <c r="AHV1193" s="10"/>
      <c r="AHW1193" s="10"/>
      <c r="AHX1193" s="10"/>
      <c r="AHY1193" s="10"/>
      <c r="AHZ1193" s="10"/>
      <c r="AIA1193" s="10"/>
      <c r="AIB1193" s="10"/>
      <c r="AIC1193" s="10"/>
      <c r="AID1193" s="10"/>
      <c r="AIE1193" s="10"/>
      <c r="AIF1193" s="10"/>
      <c r="AIG1193" s="10"/>
      <c r="AIH1193" s="10"/>
      <c r="AII1193" s="10"/>
      <c r="AIJ1193" s="10"/>
      <c r="AIK1193" s="10"/>
      <c r="AIL1193" s="10"/>
      <c r="AIM1193" s="10"/>
      <c r="AIN1193" s="10"/>
      <c r="AIO1193" s="10"/>
      <c r="AIP1193" s="10"/>
      <c r="AIQ1193" s="10"/>
      <c r="AIR1193" s="10"/>
      <c r="AIS1193" s="10"/>
      <c r="AIT1193" s="10"/>
      <c r="AIU1193" s="10"/>
      <c r="AIV1193" s="10"/>
      <c r="AIW1193" s="10"/>
      <c r="AIX1193" s="10"/>
      <c r="AIY1193" s="10"/>
      <c r="AIZ1193" s="10"/>
      <c r="AJA1193" s="10"/>
      <c r="AJB1193" s="10"/>
      <c r="AJC1193" s="10"/>
      <c r="AJD1193" s="10"/>
      <c r="AJE1193" s="10"/>
      <c r="AJF1193" s="10"/>
      <c r="AJG1193" s="10"/>
      <c r="AJH1193" s="10"/>
      <c r="AJI1193" s="10"/>
      <c r="AJJ1193" s="10"/>
      <c r="AJK1193" s="10"/>
      <c r="AJL1193" s="10"/>
      <c r="AJM1193" s="10"/>
      <c r="AJN1193" s="10"/>
      <c r="AJO1193" s="10"/>
      <c r="AJP1193" s="10"/>
      <c r="AJQ1193" s="10"/>
      <c r="AJR1193" s="10"/>
      <c r="AJS1193" s="10"/>
      <c r="AJT1193" s="10"/>
      <c r="AJU1193" s="10"/>
      <c r="AJV1193" s="10"/>
      <c r="AJW1193" s="10"/>
      <c r="AJX1193" s="10"/>
      <c r="AJY1193" s="10"/>
      <c r="AJZ1193" s="10"/>
      <c r="AKA1193" s="10"/>
      <c r="AKB1193" s="10"/>
      <c r="AKC1193" s="10"/>
      <c r="AKD1193" s="10"/>
      <c r="AKE1193" s="10"/>
      <c r="AKF1193" s="10"/>
      <c r="AKG1193" s="10"/>
      <c r="AKH1193" s="10"/>
      <c r="AKI1193" s="10"/>
      <c r="AKJ1193" s="10"/>
      <c r="AKK1193" s="10"/>
      <c r="AKL1193" s="10"/>
      <c r="AKM1193" s="10"/>
      <c r="AKN1193" s="10"/>
      <c r="AKO1193" s="10"/>
      <c r="AKP1193" s="10"/>
      <c r="AKQ1193" s="10"/>
      <c r="AKR1193" s="10"/>
      <c r="AKS1193" s="10"/>
      <c r="AKT1193" s="10"/>
      <c r="AKU1193" s="10"/>
      <c r="AKV1193" s="10"/>
      <c r="AKW1193" s="10"/>
      <c r="AKX1193" s="10"/>
      <c r="AKY1193" s="10"/>
      <c r="AKZ1193" s="10"/>
      <c r="ALA1193" s="10"/>
      <c r="ALB1193" s="10"/>
      <c r="ALC1193" s="10"/>
      <c r="ALD1193" s="10"/>
      <c r="ALE1193" s="10"/>
      <c r="ALF1193" s="10"/>
      <c r="ALG1193" s="10"/>
      <c r="ALH1193" s="10"/>
      <c r="ALI1193" s="10"/>
      <c r="ALJ1193" s="10"/>
      <c r="ALK1193" s="10"/>
      <c r="ALL1193" s="10"/>
      <c r="ALM1193" s="10"/>
      <c r="ALN1193" s="10"/>
      <c r="ALO1193" s="10"/>
      <c r="ALP1193" s="10"/>
      <c r="ALQ1193" s="10"/>
      <c r="ALR1193" s="10"/>
      <c r="ALS1193" s="10"/>
      <c r="ALT1193" s="10"/>
      <c r="ALU1193" s="10"/>
      <c r="ALV1193" s="10"/>
      <c r="ALW1193" s="10"/>
      <c r="ALX1193" s="10"/>
      <c r="ALY1193" s="10"/>
      <c r="ALZ1193" s="10"/>
      <c r="AMA1193" s="10"/>
      <c r="AMB1193" s="10"/>
      <c r="AMC1193" s="10"/>
      <c r="AMD1193" s="10"/>
      <c r="AME1193" s="10"/>
      <c r="AMF1193" s="10"/>
      <c r="AMG1193" s="10"/>
      <c r="AMH1193" s="10"/>
      <c r="AMI1193" s="10"/>
      <c r="AMJ1193" s="10"/>
      <c r="AMK1193" s="10"/>
      <c r="AML1193" s="10"/>
      <c r="AMM1193" s="10"/>
      <c r="AMN1193" s="10"/>
      <c r="AMO1193" s="10"/>
      <c r="AMP1193" s="10"/>
      <c r="AMQ1193" s="10"/>
      <c r="AMR1193" s="10"/>
      <c r="AMS1193" s="10"/>
      <c r="AMT1193" s="10"/>
      <c r="AMU1193" s="10"/>
      <c r="AMV1193" s="10"/>
      <c r="AMW1193" s="10"/>
      <c r="AMX1193" s="10"/>
      <c r="AMY1193" s="10"/>
      <c r="AMZ1193" s="10"/>
      <c r="ANA1193" s="10"/>
      <c r="ANB1193" s="10"/>
      <c r="ANC1193" s="10"/>
      <c r="AND1193" s="10"/>
      <c r="ANE1193" s="10"/>
      <c r="ANF1193" s="10"/>
      <c r="ANG1193" s="10"/>
      <c r="ANH1193" s="10"/>
      <c r="ANI1193" s="10"/>
      <c r="ANJ1193" s="10"/>
      <c r="ANK1193" s="10"/>
      <c r="ANL1193" s="10"/>
      <c r="ANM1193" s="10"/>
      <c r="ANN1193" s="10"/>
      <c r="ANO1193" s="10"/>
      <c r="ANP1193" s="10"/>
      <c r="ANQ1193" s="10"/>
      <c r="ANR1193" s="10"/>
      <c r="ANS1193" s="10"/>
      <c r="ANT1193" s="10"/>
      <c r="ANU1193" s="10"/>
      <c r="ANV1193" s="10"/>
      <c r="ANW1193" s="10"/>
      <c r="ANX1193" s="10"/>
      <c r="ANY1193" s="10"/>
      <c r="ANZ1193" s="10"/>
      <c r="AOA1193" s="10"/>
      <c r="AOB1193" s="10"/>
      <c r="AOC1193" s="10"/>
      <c r="AOD1193" s="10"/>
      <c r="AOE1193" s="10"/>
      <c r="AOF1193" s="10"/>
      <c r="AOG1193" s="10"/>
      <c r="AOH1193" s="10"/>
      <c r="AOI1193" s="10"/>
      <c r="AOJ1193" s="10"/>
      <c r="AOK1193" s="10"/>
      <c r="AOL1193" s="10"/>
      <c r="AOM1193" s="10"/>
      <c r="AON1193" s="10"/>
      <c r="AOO1193" s="10"/>
      <c r="AOP1193" s="10"/>
      <c r="AOQ1193" s="10"/>
      <c r="AOR1193" s="10"/>
      <c r="AOS1193" s="10"/>
      <c r="AOT1193" s="10"/>
      <c r="AOU1193" s="10"/>
      <c r="AOV1193" s="10"/>
      <c r="AOW1193" s="10"/>
      <c r="AOX1193" s="10"/>
      <c r="AOY1193" s="10"/>
      <c r="AOZ1193" s="10"/>
      <c r="APA1193" s="10"/>
      <c r="APB1193" s="10"/>
      <c r="APC1193" s="10"/>
      <c r="APD1193" s="10"/>
      <c r="APE1193" s="10"/>
      <c r="APF1193" s="10"/>
      <c r="APG1193" s="10"/>
      <c r="APH1193" s="10"/>
      <c r="API1193" s="10"/>
      <c r="APJ1193" s="10"/>
      <c r="APK1193" s="10"/>
      <c r="APL1193" s="10"/>
      <c r="APM1193" s="10"/>
      <c r="APN1193" s="10"/>
      <c r="APO1193" s="10"/>
      <c r="APP1193" s="10"/>
      <c r="APQ1193" s="10"/>
      <c r="APR1193" s="10"/>
      <c r="APS1193" s="10"/>
      <c r="APT1193" s="10"/>
      <c r="APU1193" s="10"/>
      <c r="APV1193" s="10"/>
      <c r="APW1193" s="10"/>
      <c r="APX1193" s="10"/>
      <c r="APY1193" s="10"/>
      <c r="APZ1193" s="10"/>
      <c r="AQA1193" s="10"/>
      <c r="AQB1193" s="10"/>
      <c r="AQC1193" s="10"/>
      <c r="AQD1193" s="10"/>
      <c r="AQE1193" s="10"/>
      <c r="AQF1193" s="10"/>
      <c r="AQG1193" s="10"/>
      <c r="AQH1193" s="10"/>
      <c r="AQI1193" s="10"/>
      <c r="AQJ1193" s="10"/>
      <c r="AQK1193" s="10"/>
      <c r="AQL1193" s="10"/>
      <c r="AQM1193" s="10"/>
      <c r="AQN1193" s="10"/>
      <c r="AQO1193" s="10"/>
      <c r="AQP1193" s="10"/>
      <c r="AQQ1193" s="10"/>
      <c r="AQR1193" s="10"/>
      <c r="AQS1193" s="10"/>
      <c r="AQT1193" s="10"/>
      <c r="AQU1193" s="10"/>
      <c r="AQV1193" s="10"/>
      <c r="AQW1193" s="10"/>
      <c r="AQX1193" s="10"/>
      <c r="AQY1193" s="10"/>
      <c r="AQZ1193" s="10"/>
      <c r="ARA1193" s="10"/>
      <c r="ARB1193" s="10"/>
      <c r="ARC1193" s="10"/>
      <c r="ARD1193" s="10"/>
      <c r="ARE1193" s="10"/>
      <c r="ARF1193" s="10"/>
      <c r="ARG1193" s="10"/>
      <c r="ARH1193" s="10"/>
      <c r="ARI1193" s="10"/>
      <c r="ARJ1193" s="10"/>
      <c r="ARK1193" s="10"/>
      <c r="ARL1193" s="10"/>
      <c r="ARM1193" s="10"/>
      <c r="ARN1193" s="10"/>
      <c r="ARO1193" s="10"/>
      <c r="ARP1193" s="10"/>
      <c r="ARQ1193" s="10"/>
      <c r="ARR1193" s="10"/>
      <c r="ARS1193" s="10"/>
      <c r="ART1193" s="10"/>
      <c r="ARU1193" s="10"/>
      <c r="ARV1193" s="10"/>
      <c r="ARW1193" s="10"/>
      <c r="ARX1193" s="10"/>
      <c r="ARY1193" s="10"/>
      <c r="ARZ1193" s="10"/>
      <c r="ASA1193" s="10"/>
      <c r="ASB1193" s="10"/>
      <c r="ASC1193" s="10"/>
      <c r="ASD1193" s="10"/>
      <c r="ASE1193" s="10"/>
      <c r="ASF1193" s="10"/>
      <c r="ASG1193" s="10"/>
      <c r="ASH1193" s="10"/>
      <c r="ASI1193" s="10"/>
      <c r="ASJ1193" s="10"/>
      <c r="ASK1193" s="10"/>
      <c r="ASL1193" s="10"/>
      <c r="ASM1193" s="10"/>
      <c r="ASN1193" s="10"/>
      <c r="ASO1193" s="10"/>
      <c r="ASP1193" s="10"/>
      <c r="ASQ1193" s="10"/>
      <c r="ASR1193" s="10"/>
      <c r="ASS1193" s="10"/>
      <c r="AST1193" s="10"/>
      <c r="ASU1193" s="10"/>
      <c r="ASV1193" s="10"/>
      <c r="ASW1193" s="10"/>
      <c r="ASX1193" s="10"/>
      <c r="ASY1193" s="10"/>
      <c r="ASZ1193" s="10"/>
      <c r="ATA1193" s="10"/>
      <c r="ATB1193" s="10"/>
      <c r="ATC1193" s="10"/>
      <c r="ATD1193" s="10"/>
      <c r="ATE1193" s="10"/>
      <c r="ATF1193" s="10"/>
      <c r="ATG1193" s="10"/>
      <c r="ATH1193" s="10"/>
      <c r="ATI1193" s="10"/>
      <c r="ATJ1193" s="10"/>
      <c r="ATK1193" s="10"/>
      <c r="ATL1193" s="10"/>
      <c r="ATM1193" s="10"/>
      <c r="ATN1193" s="10"/>
      <c r="ATO1193" s="10"/>
      <c r="ATP1193" s="10"/>
      <c r="ATQ1193" s="10"/>
      <c r="ATR1193" s="10"/>
      <c r="ATS1193" s="10"/>
      <c r="ATT1193" s="10"/>
      <c r="ATU1193" s="10"/>
      <c r="ATV1193" s="10"/>
      <c r="ATW1193" s="10"/>
      <c r="ATX1193" s="10"/>
      <c r="ATY1193" s="10"/>
      <c r="ATZ1193" s="10"/>
      <c r="AUA1193" s="10"/>
      <c r="AUB1193" s="10"/>
      <c r="AUC1193" s="10"/>
      <c r="AUD1193" s="10"/>
      <c r="AUE1193" s="10"/>
      <c r="AUF1193" s="10"/>
      <c r="AUG1193" s="10"/>
      <c r="AUH1193" s="10"/>
      <c r="AUI1193" s="10"/>
      <c r="AUJ1193" s="10"/>
      <c r="AUK1193" s="10"/>
      <c r="AUL1193" s="10"/>
      <c r="AUM1193" s="10"/>
      <c r="AUN1193" s="10"/>
      <c r="AUO1193" s="10"/>
      <c r="AUP1193" s="10"/>
      <c r="AUQ1193" s="10"/>
      <c r="AUR1193" s="10"/>
      <c r="AUS1193" s="10"/>
      <c r="AUT1193" s="10"/>
      <c r="AUU1193" s="10"/>
      <c r="AUV1193" s="10"/>
      <c r="AUW1193" s="10"/>
      <c r="AUX1193" s="10"/>
      <c r="AUY1193" s="10"/>
      <c r="AUZ1193" s="10"/>
      <c r="AVA1193" s="10"/>
      <c r="AVB1193" s="10"/>
      <c r="AVC1193" s="10"/>
      <c r="AVD1193" s="10"/>
      <c r="AVE1193" s="10"/>
      <c r="AVF1193" s="10"/>
      <c r="AVG1193" s="10"/>
      <c r="AVH1193" s="10"/>
      <c r="AVI1193" s="10"/>
      <c r="AVJ1193" s="10"/>
      <c r="AVK1193" s="10"/>
      <c r="AVL1193" s="10"/>
      <c r="AVM1193" s="10"/>
      <c r="AVN1193" s="10"/>
      <c r="AVO1193" s="10"/>
      <c r="AVP1193" s="10"/>
      <c r="AVQ1193" s="10"/>
      <c r="AVR1193" s="10"/>
      <c r="AVS1193" s="10"/>
      <c r="AVT1193" s="10"/>
      <c r="AVU1193" s="10"/>
      <c r="AVV1193" s="10"/>
      <c r="AVW1193" s="10"/>
      <c r="AVX1193" s="10"/>
      <c r="AVY1193" s="10"/>
      <c r="AVZ1193" s="10"/>
      <c r="AWA1193" s="10"/>
      <c r="AWB1193" s="10"/>
      <c r="AWC1193" s="10"/>
      <c r="AWD1193" s="10"/>
      <c r="AWE1193" s="10"/>
      <c r="AWF1193" s="10"/>
      <c r="AWG1193" s="10"/>
      <c r="AWH1193" s="10"/>
      <c r="AWI1193" s="10"/>
      <c r="AWJ1193" s="10"/>
      <c r="AWK1193" s="10"/>
      <c r="AWL1193" s="10"/>
      <c r="AWM1193" s="10"/>
      <c r="AWN1193" s="10"/>
      <c r="AWO1193" s="10"/>
      <c r="AWP1193" s="10"/>
      <c r="AWQ1193" s="10"/>
      <c r="AWR1193" s="10"/>
      <c r="AWS1193" s="10"/>
      <c r="AWT1193" s="10"/>
      <c r="AWU1193" s="10"/>
      <c r="AWV1193" s="10"/>
      <c r="AWW1193" s="10"/>
      <c r="AWX1193" s="10"/>
      <c r="AWY1193" s="10"/>
      <c r="AWZ1193" s="10"/>
      <c r="AXA1193" s="10"/>
      <c r="AXB1193" s="10"/>
      <c r="AXC1193" s="10"/>
      <c r="AXD1193" s="10"/>
      <c r="AXE1193" s="10"/>
      <c r="AXF1193" s="10"/>
      <c r="AXG1193" s="10"/>
      <c r="AXH1193" s="10"/>
      <c r="AXI1193" s="10"/>
      <c r="AXJ1193" s="10"/>
      <c r="AXK1193" s="10"/>
      <c r="AXL1193" s="10"/>
      <c r="AXM1193" s="10"/>
      <c r="AXN1193" s="10"/>
      <c r="AXO1193" s="10"/>
      <c r="AXP1193" s="10"/>
      <c r="AXQ1193" s="10"/>
      <c r="AXR1193" s="10"/>
      <c r="AXS1193" s="10"/>
      <c r="AXT1193" s="10"/>
      <c r="AXU1193" s="10"/>
      <c r="AXV1193" s="10"/>
      <c r="AXW1193" s="10"/>
      <c r="AXX1193" s="10"/>
      <c r="AXY1193" s="10"/>
      <c r="AXZ1193" s="10"/>
      <c r="AYA1193" s="10"/>
      <c r="AYB1193" s="10"/>
      <c r="AYC1193" s="10"/>
      <c r="AYD1193" s="10"/>
      <c r="AYE1193" s="10"/>
      <c r="AYF1193" s="10"/>
      <c r="AYG1193" s="10"/>
      <c r="AYH1193" s="10"/>
      <c r="AYI1193" s="10"/>
      <c r="AYJ1193" s="10"/>
      <c r="AYK1193" s="10"/>
      <c r="AYL1193" s="10"/>
      <c r="AYM1193" s="10"/>
      <c r="AYN1193" s="10"/>
      <c r="AYO1193" s="10"/>
      <c r="AYP1193" s="10"/>
      <c r="AYQ1193" s="10"/>
      <c r="AYR1193" s="10"/>
      <c r="AYS1193" s="10"/>
      <c r="AYT1193" s="10"/>
      <c r="AYU1193" s="10"/>
      <c r="AYV1193" s="10"/>
      <c r="AYW1193" s="10"/>
      <c r="AYX1193" s="10"/>
      <c r="AYY1193" s="10"/>
      <c r="AYZ1193" s="10"/>
      <c r="AZA1193" s="10"/>
      <c r="AZB1193" s="10"/>
      <c r="AZC1193" s="10"/>
      <c r="AZD1193" s="10"/>
      <c r="AZE1193" s="10"/>
      <c r="AZF1193" s="10"/>
      <c r="AZG1193" s="10"/>
      <c r="AZH1193" s="10"/>
      <c r="AZI1193" s="10"/>
      <c r="AZJ1193" s="10"/>
      <c r="AZK1193" s="10"/>
      <c r="AZL1193" s="10"/>
      <c r="AZM1193" s="10"/>
      <c r="AZN1193" s="10"/>
      <c r="AZO1193" s="10"/>
      <c r="AZP1193" s="10"/>
      <c r="AZQ1193" s="10"/>
      <c r="AZR1193" s="10"/>
      <c r="AZS1193" s="10"/>
      <c r="AZT1193" s="10"/>
      <c r="AZU1193" s="10"/>
      <c r="AZV1193" s="10"/>
      <c r="AZW1193" s="10"/>
      <c r="AZX1193" s="10"/>
      <c r="AZY1193" s="10"/>
      <c r="AZZ1193" s="10"/>
      <c r="BAA1193" s="10"/>
      <c r="BAB1193" s="10"/>
      <c r="BAC1193" s="10"/>
      <c r="BAD1193" s="10"/>
      <c r="BAE1193" s="10"/>
      <c r="BAF1193" s="10"/>
      <c r="BAG1193" s="10"/>
      <c r="BAH1193" s="10"/>
      <c r="BAI1193" s="10"/>
      <c r="BAJ1193" s="10"/>
      <c r="BAK1193" s="10"/>
      <c r="BAL1193" s="10"/>
      <c r="BAM1193" s="10"/>
      <c r="BAN1193" s="10"/>
      <c r="BAO1193" s="10"/>
      <c r="BAP1193" s="10"/>
      <c r="BAQ1193" s="10"/>
      <c r="BAR1193" s="10"/>
      <c r="BAS1193" s="10"/>
      <c r="BAT1193" s="10"/>
      <c r="BAU1193" s="10"/>
      <c r="BAV1193" s="10"/>
      <c r="BAW1193" s="10"/>
      <c r="BAX1193" s="10"/>
      <c r="BAY1193" s="10"/>
      <c r="BAZ1193" s="10"/>
      <c r="BBA1193" s="10"/>
      <c r="BBB1193" s="10"/>
      <c r="BBC1193" s="10"/>
      <c r="BBD1193" s="10"/>
      <c r="BBE1193" s="10"/>
      <c r="BBF1193" s="10"/>
      <c r="BBG1193" s="10"/>
      <c r="BBH1193" s="10"/>
      <c r="BBI1193" s="10"/>
      <c r="BBJ1193" s="10"/>
      <c r="BBK1193" s="10"/>
      <c r="BBL1193" s="10"/>
      <c r="BBM1193" s="10"/>
      <c r="BBN1193" s="10"/>
      <c r="BBO1193" s="10"/>
      <c r="BBP1193" s="10"/>
      <c r="BBQ1193" s="10"/>
      <c r="BBR1193" s="10"/>
      <c r="BBS1193" s="10"/>
      <c r="BBT1193" s="10"/>
      <c r="BBU1193" s="10"/>
      <c r="BBV1193" s="10"/>
      <c r="BBW1193" s="10"/>
      <c r="BBX1193" s="10"/>
      <c r="BBY1193" s="10"/>
      <c r="BBZ1193" s="10"/>
      <c r="BCA1193" s="10"/>
      <c r="BCB1193" s="10"/>
      <c r="BCC1193" s="10"/>
      <c r="BCD1193" s="10"/>
      <c r="BCE1193" s="10"/>
      <c r="BCF1193" s="10"/>
      <c r="BCG1193" s="10"/>
      <c r="BCH1193" s="10"/>
      <c r="BCI1193" s="10"/>
      <c r="BCJ1193" s="10"/>
      <c r="BCK1193" s="10"/>
      <c r="BCL1193" s="10"/>
      <c r="BCM1193" s="10"/>
      <c r="BCN1193" s="10"/>
      <c r="BCO1193" s="10"/>
      <c r="BCP1193" s="10"/>
      <c r="BCQ1193" s="10"/>
      <c r="BCR1193" s="10"/>
      <c r="BCS1193" s="10"/>
      <c r="BCT1193" s="10"/>
      <c r="BCU1193" s="10"/>
      <c r="BCV1193" s="10"/>
      <c r="BCW1193" s="10"/>
      <c r="BCX1193" s="10"/>
      <c r="BCY1193" s="10"/>
      <c r="BCZ1193" s="10"/>
      <c r="BDA1193" s="10"/>
      <c r="BDB1193" s="10"/>
      <c r="BDC1193" s="10"/>
      <c r="BDD1193" s="10"/>
      <c r="BDE1193" s="10"/>
      <c r="BDF1193" s="10"/>
      <c r="BDG1193" s="10"/>
      <c r="BDH1193" s="10"/>
      <c r="BDI1193" s="10"/>
      <c r="BDJ1193" s="10"/>
      <c r="BDK1193" s="10"/>
      <c r="BDL1193" s="10"/>
      <c r="BDM1193" s="10"/>
      <c r="BDN1193" s="10"/>
      <c r="BDO1193" s="10"/>
      <c r="BDP1193" s="10"/>
      <c r="BDQ1193" s="10"/>
      <c r="BDR1193" s="10"/>
      <c r="BDS1193" s="10"/>
      <c r="BDT1193" s="10"/>
      <c r="BDU1193" s="10"/>
      <c r="BDV1193" s="10"/>
      <c r="BDW1193" s="10"/>
      <c r="BDX1193" s="10"/>
      <c r="BDY1193" s="10"/>
      <c r="BDZ1193" s="10"/>
      <c r="BEA1193" s="10"/>
      <c r="BEB1193" s="10"/>
      <c r="BEC1193" s="10"/>
      <c r="BED1193" s="10"/>
      <c r="BEE1193" s="10"/>
      <c r="BEF1193" s="10"/>
      <c r="BEG1193" s="10"/>
      <c r="BEH1193" s="10"/>
      <c r="BEI1193" s="10"/>
      <c r="BEJ1193" s="10"/>
      <c r="BEK1193" s="10"/>
      <c r="BEL1193" s="10"/>
      <c r="BEM1193" s="10"/>
      <c r="BEN1193" s="10"/>
      <c r="BEO1193" s="10"/>
      <c r="BEP1193" s="10"/>
      <c r="BEQ1193" s="10"/>
      <c r="BER1193" s="10"/>
      <c r="BES1193" s="10"/>
      <c r="BET1193" s="10"/>
      <c r="BEU1193" s="10"/>
      <c r="BEV1193" s="10"/>
      <c r="BEW1193" s="10"/>
      <c r="BEX1193" s="10"/>
      <c r="BEY1193" s="10"/>
      <c r="BEZ1193" s="10"/>
      <c r="BFA1193" s="10"/>
      <c r="BFB1193" s="10"/>
      <c r="BFC1193" s="10"/>
      <c r="BFD1193" s="10"/>
      <c r="BFE1193" s="10"/>
      <c r="BFF1193" s="10"/>
      <c r="BFG1193" s="10"/>
      <c r="BFH1193" s="10"/>
      <c r="BFI1193" s="10"/>
      <c r="BFJ1193" s="10"/>
      <c r="BFK1193" s="10"/>
      <c r="BFL1193" s="10"/>
      <c r="BFM1193" s="10"/>
      <c r="BFN1193" s="10"/>
      <c r="BFO1193" s="10"/>
      <c r="BFP1193" s="10"/>
      <c r="BFQ1193" s="10"/>
      <c r="BFR1193" s="10"/>
      <c r="BFS1193" s="10"/>
      <c r="BFT1193" s="10"/>
      <c r="BFU1193" s="10"/>
      <c r="BFV1193" s="10"/>
      <c r="BFW1193" s="10"/>
      <c r="BFX1193" s="10"/>
      <c r="BFY1193" s="10"/>
      <c r="BFZ1193" s="10"/>
      <c r="BGA1193" s="10"/>
      <c r="BGB1193" s="10"/>
      <c r="BGC1193" s="10"/>
      <c r="BGD1193" s="10"/>
      <c r="BGE1193" s="10"/>
      <c r="BGF1193" s="10"/>
      <c r="BGG1193" s="10"/>
      <c r="BGH1193" s="10"/>
      <c r="BGI1193" s="10"/>
      <c r="BGJ1193" s="10"/>
      <c r="BGK1193" s="10"/>
      <c r="BGL1193" s="10"/>
      <c r="BGM1193" s="10"/>
      <c r="BGN1193" s="10"/>
      <c r="BGO1193" s="10"/>
      <c r="BGP1193" s="10"/>
      <c r="BGQ1193" s="10"/>
      <c r="BGR1193" s="10"/>
      <c r="BGS1193" s="10"/>
      <c r="BGT1193" s="10"/>
      <c r="BGU1193" s="10"/>
      <c r="BGV1193" s="10"/>
      <c r="BGW1193" s="10"/>
      <c r="BGX1193" s="10"/>
      <c r="BGY1193" s="10"/>
      <c r="BGZ1193" s="10"/>
      <c r="BHA1193" s="10"/>
      <c r="BHB1193" s="10"/>
      <c r="BHC1193" s="10"/>
      <c r="BHD1193" s="10"/>
      <c r="BHE1193" s="10"/>
      <c r="BHF1193" s="10"/>
      <c r="BHG1193" s="10"/>
      <c r="BHH1193" s="10"/>
      <c r="BHI1193" s="10"/>
      <c r="BHJ1193" s="10"/>
      <c r="BHK1193" s="10"/>
      <c r="BHL1193" s="10"/>
      <c r="BHM1193" s="10"/>
      <c r="BHN1193" s="10"/>
      <c r="BHO1193" s="10"/>
      <c r="BHP1193" s="10"/>
      <c r="BHQ1193" s="10"/>
      <c r="BHR1193" s="10"/>
      <c r="BHS1193" s="10"/>
      <c r="BHT1193" s="10"/>
      <c r="BHU1193" s="10"/>
      <c r="BHV1193" s="10"/>
      <c r="BHW1193" s="10"/>
      <c r="BHX1193" s="10"/>
      <c r="BHY1193" s="10"/>
      <c r="BHZ1193" s="10"/>
      <c r="BIA1193" s="10"/>
      <c r="BIB1193" s="10"/>
      <c r="BIC1193" s="10"/>
      <c r="BID1193" s="10"/>
      <c r="BIE1193" s="10"/>
      <c r="BIF1193" s="10"/>
      <c r="BIG1193" s="10"/>
      <c r="BIH1193" s="10"/>
      <c r="BII1193" s="10"/>
      <c r="BIJ1193" s="10"/>
      <c r="BIK1193" s="10"/>
      <c r="BIL1193" s="10"/>
      <c r="BIM1193" s="10"/>
      <c r="BIN1193" s="10"/>
      <c r="BIO1193" s="10"/>
      <c r="BIP1193" s="10"/>
      <c r="BIQ1193" s="10"/>
      <c r="BIR1193" s="10"/>
      <c r="BIS1193" s="10"/>
      <c r="BIT1193" s="10"/>
      <c r="BIU1193" s="10"/>
      <c r="BIV1193" s="10"/>
      <c r="BIW1193" s="10"/>
      <c r="BIX1193" s="10"/>
      <c r="BIY1193" s="10"/>
      <c r="BIZ1193" s="10"/>
      <c r="BJA1193" s="10"/>
      <c r="BJB1193" s="10"/>
      <c r="BJC1193" s="10"/>
      <c r="BJD1193" s="10"/>
      <c r="BJE1193" s="10"/>
      <c r="BJF1193" s="10"/>
      <c r="BJG1193" s="10"/>
      <c r="BJH1193" s="10"/>
      <c r="BJI1193" s="10"/>
      <c r="BJJ1193" s="10"/>
      <c r="BJK1193" s="10"/>
      <c r="BJL1193" s="10"/>
      <c r="BJM1193" s="10"/>
      <c r="BJN1193" s="10"/>
      <c r="BJO1193" s="10"/>
      <c r="BJP1193" s="10"/>
      <c r="BJQ1193" s="10"/>
      <c r="BJR1193" s="10"/>
      <c r="BJS1193" s="10"/>
      <c r="BJT1193" s="10"/>
      <c r="BJU1193" s="10"/>
      <c r="BJV1193" s="10"/>
      <c r="BJW1193" s="10"/>
      <c r="BJX1193" s="10"/>
      <c r="BJY1193" s="10"/>
      <c r="BJZ1193" s="10"/>
      <c r="BKA1193" s="10"/>
      <c r="BKB1193" s="10"/>
      <c r="BKC1193" s="10"/>
      <c r="BKD1193" s="10"/>
      <c r="BKE1193" s="10"/>
      <c r="BKF1193" s="10"/>
      <c r="BKG1193" s="10"/>
      <c r="BKH1193" s="10"/>
      <c r="BKI1193" s="10"/>
      <c r="BKJ1193" s="10"/>
      <c r="BKK1193" s="10"/>
      <c r="BKL1193" s="10"/>
      <c r="BKM1193" s="10"/>
      <c r="BKN1193" s="10"/>
      <c r="BKO1193" s="10"/>
      <c r="BKP1193" s="10"/>
      <c r="BKQ1193" s="10"/>
      <c r="BKR1193" s="10"/>
      <c r="BKS1193" s="10"/>
      <c r="BKT1193" s="10"/>
      <c r="BKU1193" s="10"/>
      <c r="BKV1193" s="10"/>
      <c r="BKW1193" s="10"/>
      <c r="BKX1193" s="10"/>
      <c r="BKY1193" s="10"/>
      <c r="BKZ1193" s="10"/>
      <c r="BLA1193" s="10"/>
      <c r="BLB1193" s="10"/>
      <c r="BLC1193" s="10"/>
      <c r="BLD1193" s="10"/>
      <c r="BLE1193" s="10"/>
      <c r="BLF1193" s="10"/>
      <c r="BLG1193" s="10"/>
      <c r="BLH1193" s="10"/>
      <c r="BLI1193" s="10"/>
      <c r="BLJ1193" s="10"/>
      <c r="BLK1193" s="10"/>
      <c r="BLL1193" s="10"/>
      <c r="BLM1193" s="10"/>
      <c r="BLN1193" s="10"/>
      <c r="BLO1193" s="10"/>
      <c r="BLP1193" s="10"/>
      <c r="BLQ1193" s="10"/>
      <c r="BLR1193" s="10"/>
      <c r="BLS1193" s="10"/>
      <c r="BLT1193" s="10"/>
      <c r="BLU1193" s="10"/>
      <c r="BLV1193" s="10"/>
      <c r="BLW1193" s="10"/>
      <c r="BLX1193" s="10"/>
      <c r="BLY1193" s="10"/>
      <c r="BLZ1193" s="10"/>
      <c r="BMA1193" s="10"/>
      <c r="BMB1193" s="10"/>
      <c r="BMC1193" s="10"/>
      <c r="BMD1193" s="10"/>
      <c r="BME1193" s="10"/>
      <c r="BMF1193" s="10"/>
      <c r="BMG1193" s="10"/>
      <c r="BMH1193" s="10"/>
      <c r="BMI1193" s="10"/>
      <c r="BMJ1193" s="10"/>
      <c r="BMK1193" s="10"/>
      <c r="BML1193" s="10"/>
      <c r="BMM1193" s="10"/>
      <c r="BMN1193" s="10"/>
      <c r="BMO1193" s="10"/>
      <c r="BMP1193" s="10"/>
      <c r="BMQ1193" s="10"/>
      <c r="BMR1193" s="10"/>
      <c r="BMS1193" s="10"/>
      <c r="BMT1193" s="10"/>
      <c r="BMU1193" s="10"/>
      <c r="BMV1193" s="10"/>
      <c r="BMW1193" s="10"/>
      <c r="BMX1193" s="10"/>
      <c r="BMY1193" s="10"/>
      <c r="BMZ1193" s="10"/>
      <c r="BNA1193" s="10"/>
      <c r="BNB1193" s="10"/>
      <c r="BNC1193" s="10"/>
      <c r="BND1193" s="10"/>
      <c r="BNE1193" s="10"/>
      <c r="BNF1193" s="10"/>
      <c r="BNG1193" s="10"/>
      <c r="BNH1193" s="10"/>
      <c r="BNI1193" s="10"/>
      <c r="BNJ1193" s="10"/>
      <c r="BNK1193" s="10"/>
      <c r="BNL1193" s="10"/>
      <c r="BNM1193" s="10"/>
      <c r="BNN1193" s="10"/>
      <c r="BNO1193" s="10"/>
      <c r="BNP1193" s="10"/>
      <c r="BNQ1193" s="10"/>
      <c r="BNR1193" s="10"/>
      <c r="BNS1193" s="10"/>
      <c r="BNT1193" s="10"/>
      <c r="BNU1193" s="10"/>
      <c r="BNV1193" s="10"/>
      <c r="BNW1193" s="10"/>
      <c r="BNX1193" s="10"/>
      <c r="BNY1193" s="10"/>
      <c r="BNZ1193" s="10"/>
      <c r="BOA1193" s="10"/>
      <c r="BOB1193" s="10"/>
      <c r="BOC1193" s="10"/>
      <c r="BOD1193" s="10"/>
      <c r="BOE1193" s="10"/>
      <c r="BOF1193" s="10"/>
      <c r="BOG1193" s="10"/>
      <c r="BOH1193" s="10"/>
      <c r="BOI1193" s="10"/>
      <c r="BOJ1193" s="10"/>
      <c r="BOK1193" s="10"/>
      <c r="BOL1193" s="10"/>
      <c r="BOM1193" s="10"/>
      <c r="BON1193" s="10"/>
      <c r="BOO1193" s="10"/>
      <c r="BOP1193" s="10"/>
      <c r="BOQ1193" s="10"/>
      <c r="BOR1193" s="10"/>
      <c r="BOS1193" s="10"/>
      <c r="BOT1193" s="10"/>
      <c r="BOU1193" s="10"/>
      <c r="BOV1193" s="10"/>
      <c r="BOW1193" s="10"/>
      <c r="BOX1193" s="10"/>
      <c r="BOY1193" s="10"/>
      <c r="BOZ1193" s="10"/>
      <c r="BPA1193" s="10"/>
      <c r="BPB1193" s="10"/>
      <c r="BPC1193" s="10"/>
      <c r="BPD1193" s="10"/>
      <c r="BPE1193" s="10"/>
      <c r="BPF1193" s="10"/>
      <c r="BPG1193" s="10"/>
      <c r="BPH1193" s="10"/>
      <c r="BPI1193" s="10"/>
      <c r="BPJ1193" s="10"/>
      <c r="BPK1193" s="10"/>
      <c r="BPL1193" s="10"/>
      <c r="BPM1193" s="10"/>
      <c r="BPN1193" s="10"/>
      <c r="BPO1193" s="10"/>
      <c r="BPP1193" s="10"/>
      <c r="BPQ1193" s="10"/>
      <c r="BPR1193" s="10"/>
      <c r="BPS1193" s="10"/>
      <c r="BPT1193" s="10"/>
      <c r="BPU1193" s="10"/>
      <c r="BPV1193" s="10"/>
      <c r="BPW1193" s="10"/>
      <c r="BPX1193" s="10"/>
      <c r="BPY1193" s="10"/>
      <c r="BPZ1193" s="10"/>
      <c r="BQA1193" s="10"/>
      <c r="BQB1193" s="10"/>
      <c r="BQC1193" s="10"/>
      <c r="BQD1193" s="10"/>
      <c r="BQE1193" s="10"/>
      <c r="BQF1193" s="10"/>
      <c r="BQG1193" s="10"/>
      <c r="BQH1193" s="10"/>
      <c r="BQI1193" s="10"/>
      <c r="BQJ1193" s="10"/>
      <c r="BQK1193" s="10"/>
      <c r="BQL1193" s="10"/>
      <c r="BQM1193" s="10"/>
      <c r="BQN1193" s="10"/>
      <c r="BQO1193" s="10"/>
      <c r="BQP1193" s="10"/>
      <c r="BQQ1193" s="10"/>
      <c r="BQR1193" s="10"/>
      <c r="BQS1193" s="10"/>
      <c r="BQT1193" s="10"/>
      <c r="BQU1193" s="10"/>
      <c r="BQV1193" s="10"/>
      <c r="BQW1193" s="10"/>
      <c r="BQX1193" s="10"/>
      <c r="BQY1193" s="10"/>
      <c r="BQZ1193" s="10"/>
      <c r="BRA1193" s="10"/>
      <c r="BRB1193" s="10"/>
      <c r="BRC1193" s="10"/>
      <c r="BRD1193" s="10"/>
      <c r="BRE1193" s="10"/>
      <c r="BRF1193" s="10"/>
      <c r="BRG1193" s="10"/>
      <c r="BRH1193" s="10"/>
      <c r="BRI1193" s="10"/>
      <c r="BRJ1193" s="10"/>
      <c r="BRK1193" s="10"/>
      <c r="BRL1193" s="10"/>
      <c r="BRM1193" s="10"/>
      <c r="BRN1193" s="10"/>
      <c r="BRO1193" s="10"/>
      <c r="BRP1193" s="10"/>
      <c r="BRQ1193" s="10"/>
      <c r="BRR1193" s="10"/>
      <c r="BRS1193" s="10"/>
      <c r="BRT1193" s="10"/>
      <c r="BRU1193" s="10"/>
      <c r="BRV1193" s="10"/>
      <c r="BRW1193" s="10"/>
      <c r="BRX1193" s="10"/>
      <c r="BRY1193" s="10"/>
      <c r="BRZ1193" s="10"/>
      <c r="BSA1193" s="10"/>
      <c r="BSB1193" s="10"/>
      <c r="BSC1193" s="10"/>
      <c r="BSD1193" s="10"/>
      <c r="BSE1193" s="10"/>
      <c r="BSF1193" s="10"/>
      <c r="BSG1193" s="10"/>
      <c r="BSH1193" s="10"/>
      <c r="BSI1193" s="10"/>
      <c r="BSJ1193" s="10"/>
      <c r="BSK1193" s="10"/>
      <c r="BSL1193" s="10"/>
      <c r="BSM1193" s="10"/>
      <c r="BSN1193" s="10"/>
      <c r="BSO1193" s="10"/>
      <c r="BSP1193" s="10"/>
      <c r="BSQ1193" s="10"/>
      <c r="BSR1193" s="10"/>
      <c r="BSS1193" s="10"/>
      <c r="BST1193" s="10"/>
      <c r="BSU1193" s="10"/>
      <c r="BSV1193" s="10"/>
      <c r="BSW1193" s="10"/>
      <c r="BSX1193" s="10"/>
      <c r="BSY1193" s="10"/>
      <c r="BSZ1193" s="10"/>
      <c r="BTA1193" s="10"/>
      <c r="BTB1193" s="10"/>
      <c r="BTC1193" s="10"/>
      <c r="BTD1193" s="10"/>
      <c r="BTE1193" s="10"/>
      <c r="BTF1193" s="10"/>
      <c r="BTG1193" s="10"/>
      <c r="BTH1193" s="10"/>
      <c r="BTI1193" s="10"/>
      <c r="BTJ1193" s="10"/>
      <c r="BTK1193" s="10"/>
      <c r="BTL1193" s="10"/>
      <c r="BTM1193" s="10"/>
      <c r="BTN1193" s="10"/>
      <c r="BTO1193" s="10"/>
      <c r="BTP1193" s="10"/>
      <c r="BTQ1193" s="10"/>
      <c r="BTR1193" s="10"/>
      <c r="BTS1193" s="10"/>
      <c r="BTT1193" s="10"/>
      <c r="BTU1193" s="10"/>
      <c r="BTV1193" s="10"/>
      <c r="BTW1193" s="10"/>
      <c r="BTX1193" s="10"/>
      <c r="BTY1193" s="10"/>
      <c r="BTZ1193" s="10"/>
      <c r="BUA1193" s="10"/>
      <c r="BUB1193" s="10"/>
      <c r="BUC1193" s="10"/>
      <c r="BUD1193" s="10"/>
      <c r="BUE1193" s="10"/>
      <c r="BUF1193" s="10"/>
      <c r="BUG1193" s="10"/>
      <c r="BUH1193" s="10"/>
      <c r="BUI1193" s="10"/>
      <c r="BUJ1193" s="10"/>
      <c r="BUK1193" s="10"/>
      <c r="BUL1193" s="10"/>
      <c r="BUM1193" s="10"/>
      <c r="BUN1193" s="10"/>
      <c r="BUO1193" s="10"/>
      <c r="BUP1193" s="10"/>
      <c r="BUQ1193" s="10"/>
      <c r="BUR1193" s="10"/>
      <c r="BUS1193" s="10"/>
      <c r="BUT1193" s="10"/>
      <c r="BUU1193" s="10"/>
      <c r="BUV1193" s="10"/>
      <c r="BUW1193" s="10"/>
      <c r="BUX1193" s="10"/>
      <c r="BUY1193" s="10"/>
      <c r="BUZ1193" s="10"/>
      <c r="BVA1193" s="10"/>
      <c r="BVB1193" s="10"/>
      <c r="BVC1193" s="10"/>
      <c r="BVD1193" s="10"/>
      <c r="BVE1193" s="10"/>
      <c r="BVF1193" s="10"/>
      <c r="BVG1193" s="10"/>
      <c r="BVH1193" s="10"/>
      <c r="BVI1193" s="10"/>
      <c r="BVJ1193" s="10"/>
      <c r="BVK1193" s="10"/>
      <c r="BVL1193" s="10"/>
      <c r="BVM1193" s="10"/>
      <c r="BVN1193" s="10"/>
      <c r="BVO1193" s="10"/>
      <c r="BVP1193" s="10"/>
      <c r="BVQ1193" s="10"/>
      <c r="BVR1193" s="10"/>
      <c r="BVS1193" s="10"/>
      <c r="BVT1193" s="10"/>
      <c r="BVU1193" s="10"/>
      <c r="BVV1193" s="10"/>
      <c r="BVW1193" s="10"/>
      <c r="BVX1193" s="10"/>
      <c r="BVY1193" s="10"/>
      <c r="BVZ1193" s="10"/>
      <c r="BWA1193" s="10"/>
      <c r="BWB1193" s="10"/>
      <c r="BWC1193" s="10"/>
      <c r="BWD1193" s="10"/>
      <c r="BWE1193" s="10"/>
      <c r="BWF1193" s="10"/>
      <c r="BWG1193" s="10"/>
      <c r="BWH1193" s="10"/>
      <c r="BWI1193" s="10"/>
      <c r="BWJ1193" s="10"/>
      <c r="BWK1193" s="10"/>
      <c r="BWL1193" s="10"/>
      <c r="BWM1193" s="10"/>
      <c r="BWN1193" s="10"/>
      <c r="BWO1193" s="10"/>
      <c r="BWP1193" s="10"/>
      <c r="BWQ1193" s="10"/>
      <c r="BWR1193" s="10"/>
      <c r="BWS1193" s="10"/>
      <c r="BWT1193" s="10"/>
      <c r="BWU1193" s="10"/>
      <c r="BWV1193" s="10"/>
      <c r="BWW1193" s="10"/>
      <c r="BWX1193" s="10"/>
      <c r="BWY1193" s="10"/>
      <c r="BWZ1193" s="10"/>
      <c r="BXA1193" s="10"/>
      <c r="BXB1193" s="10"/>
      <c r="BXC1193" s="10"/>
      <c r="BXD1193" s="10"/>
      <c r="BXE1193" s="10"/>
      <c r="BXF1193" s="10"/>
      <c r="BXG1193" s="10"/>
      <c r="BXH1193" s="10"/>
      <c r="BXI1193" s="10"/>
      <c r="BXJ1193" s="10"/>
      <c r="BXK1193" s="10"/>
      <c r="BXL1193" s="10"/>
      <c r="BXM1193" s="10"/>
      <c r="BXN1193" s="10"/>
      <c r="BXO1193" s="10"/>
      <c r="BXP1193" s="10"/>
      <c r="BXQ1193" s="10"/>
      <c r="BXR1193" s="10"/>
      <c r="BXS1193" s="10"/>
      <c r="BXT1193" s="10"/>
      <c r="BXU1193" s="10"/>
      <c r="BXV1193" s="10"/>
      <c r="BXW1193" s="10"/>
      <c r="BXX1193" s="10"/>
      <c r="BXY1193" s="10"/>
      <c r="BXZ1193" s="10"/>
      <c r="BYA1193" s="10"/>
      <c r="BYB1193" s="10"/>
      <c r="BYC1193" s="10"/>
      <c r="BYD1193" s="10"/>
      <c r="BYE1193" s="10"/>
      <c r="BYF1193" s="10"/>
      <c r="BYG1193" s="10"/>
      <c r="BYH1193" s="10"/>
      <c r="BYI1193" s="10"/>
      <c r="BYJ1193" s="10"/>
      <c r="BYK1193" s="10"/>
      <c r="BYL1193" s="10"/>
      <c r="BYM1193" s="10"/>
      <c r="BYN1193" s="10"/>
      <c r="BYO1193" s="10"/>
      <c r="BYP1193" s="10"/>
      <c r="BYQ1193" s="10"/>
      <c r="BYR1193" s="10"/>
      <c r="BYS1193" s="10"/>
      <c r="BYT1193" s="10"/>
      <c r="BYU1193" s="10"/>
      <c r="BYV1193" s="10"/>
      <c r="BYW1193" s="10"/>
      <c r="BYX1193" s="10"/>
      <c r="BYY1193" s="10"/>
      <c r="BYZ1193" s="10"/>
      <c r="BZA1193" s="10"/>
      <c r="BZB1193" s="10"/>
      <c r="BZC1193" s="10"/>
      <c r="BZD1193" s="10"/>
      <c r="BZE1193" s="10"/>
      <c r="BZF1193" s="10"/>
      <c r="BZG1193" s="10"/>
      <c r="BZH1193" s="10"/>
      <c r="BZI1193" s="10"/>
      <c r="BZJ1193" s="10"/>
      <c r="BZK1193" s="10"/>
      <c r="BZL1193" s="10"/>
      <c r="BZM1193" s="10"/>
      <c r="BZN1193" s="10"/>
      <c r="BZO1193" s="10"/>
      <c r="BZP1193" s="10"/>
      <c r="BZQ1193" s="10"/>
      <c r="BZR1193" s="10"/>
      <c r="BZS1193" s="10"/>
      <c r="BZT1193" s="10"/>
      <c r="BZU1193" s="10"/>
      <c r="BZV1193" s="10"/>
      <c r="BZW1193" s="10"/>
      <c r="BZX1193" s="10"/>
      <c r="BZY1193" s="10"/>
      <c r="BZZ1193" s="10"/>
      <c r="CAA1193" s="10"/>
      <c r="CAB1193" s="10"/>
      <c r="CAC1193" s="10"/>
      <c r="CAD1193" s="10"/>
      <c r="CAE1193" s="10"/>
      <c r="CAF1193" s="10"/>
      <c r="CAG1193" s="10"/>
      <c r="CAH1193" s="10"/>
      <c r="CAI1193" s="10"/>
      <c r="CAJ1193" s="10"/>
      <c r="CAK1193" s="10"/>
      <c r="CAL1193" s="10"/>
      <c r="CAM1193" s="10"/>
      <c r="CAN1193" s="10"/>
      <c r="CAO1193" s="10"/>
      <c r="CAP1193" s="10"/>
      <c r="CAQ1193" s="10"/>
      <c r="CAR1193" s="10"/>
      <c r="CAS1193" s="10"/>
      <c r="CAT1193" s="10"/>
      <c r="CAU1193" s="10"/>
      <c r="CAV1193" s="10"/>
      <c r="CAW1193" s="10"/>
      <c r="CAX1193" s="10"/>
      <c r="CAY1193" s="10"/>
      <c r="CAZ1193" s="10"/>
      <c r="CBA1193" s="10"/>
      <c r="CBB1193" s="10"/>
      <c r="CBC1193" s="10"/>
      <c r="CBD1193" s="10"/>
      <c r="CBE1193" s="10"/>
      <c r="CBF1193" s="10"/>
      <c r="CBG1193" s="10"/>
      <c r="CBH1193" s="10"/>
      <c r="CBI1193" s="10"/>
      <c r="CBJ1193" s="10"/>
      <c r="CBK1193" s="10"/>
      <c r="CBL1193" s="10"/>
      <c r="CBM1193" s="10"/>
      <c r="CBN1193" s="10"/>
      <c r="CBO1193" s="10"/>
      <c r="CBP1193" s="10"/>
      <c r="CBQ1193" s="10"/>
      <c r="CBR1193" s="10"/>
      <c r="CBS1193" s="10"/>
      <c r="CBT1193" s="10"/>
      <c r="CBU1193" s="10"/>
      <c r="CBV1193" s="10"/>
      <c r="CBW1193" s="10"/>
      <c r="CBX1193" s="10"/>
      <c r="CBY1193" s="10"/>
      <c r="CBZ1193" s="10"/>
      <c r="CCA1193" s="10"/>
      <c r="CCB1193" s="10"/>
      <c r="CCC1193" s="10"/>
      <c r="CCD1193" s="10"/>
      <c r="CCE1193" s="10"/>
      <c r="CCF1193" s="10"/>
      <c r="CCG1193" s="10"/>
      <c r="CCH1193" s="10"/>
      <c r="CCI1193" s="10"/>
      <c r="CCJ1193" s="10"/>
      <c r="CCK1193" s="10"/>
      <c r="CCL1193" s="10"/>
      <c r="CCM1193" s="10"/>
      <c r="CCN1193" s="10"/>
      <c r="CCO1193" s="10"/>
      <c r="CCP1193" s="10"/>
      <c r="CCQ1193" s="10"/>
      <c r="CCR1193" s="10"/>
      <c r="CCS1193" s="10"/>
      <c r="CCT1193" s="10"/>
      <c r="CCU1193" s="10"/>
      <c r="CCV1193" s="10"/>
      <c r="CCW1193" s="10"/>
      <c r="CCX1193" s="10"/>
      <c r="CCY1193" s="10"/>
      <c r="CCZ1193" s="10"/>
      <c r="CDA1193" s="10"/>
      <c r="CDB1193" s="10"/>
      <c r="CDC1193" s="10"/>
      <c r="CDD1193" s="10"/>
      <c r="CDE1193" s="10"/>
      <c r="CDF1193" s="10"/>
      <c r="CDG1193" s="10"/>
      <c r="CDH1193" s="10"/>
      <c r="CDI1193" s="10"/>
      <c r="CDJ1193" s="10"/>
      <c r="CDK1193" s="10"/>
      <c r="CDL1193" s="10"/>
      <c r="CDM1193" s="10"/>
      <c r="CDN1193" s="10"/>
      <c r="CDO1193" s="10"/>
      <c r="CDP1193" s="10"/>
      <c r="CDQ1193" s="10"/>
      <c r="CDR1193" s="10"/>
      <c r="CDS1193" s="10"/>
      <c r="CDT1193" s="10"/>
      <c r="CDU1193" s="10"/>
      <c r="CDV1193" s="10"/>
      <c r="CDW1193" s="10"/>
      <c r="CDX1193" s="10"/>
      <c r="CDY1193" s="10"/>
      <c r="CDZ1193" s="10"/>
      <c r="CEA1193" s="10"/>
      <c r="CEB1193" s="10"/>
      <c r="CEC1193" s="10"/>
      <c r="CED1193" s="10"/>
      <c r="CEE1193" s="10"/>
      <c r="CEF1193" s="10"/>
      <c r="CEG1193" s="10"/>
      <c r="CEH1193" s="10"/>
      <c r="CEI1193" s="10"/>
      <c r="CEJ1193" s="10"/>
      <c r="CEK1193" s="10"/>
      <c r="CEL1193" s="10"/>
      <c r="CEM1193" s="10"/>
      <c r="CEN1193" s="10"/>
      <c r="CEO1193" s="10"/>
      <c r="CEP1193" s="10"/>
      <c r="CEQ1193" s="10"/>
      <c r="CER1193" s="10"/>
      <c r="CES1193" s="10"/>
      <c r="CET1193" s="10"/>
      <c r="CEU1193" s="10"/>
      <c r="CEV1193" s="10"/>
      <c r="CEW1193" s="10"/>
      <c r="CEX1193" s="10"/>
      <c r="CEY1193" s="10"/>
      <c r="CEZ1193" s="10"/>
      <c r="CFA1193" s="10"/>
      <c r="CFB1193" s="10"/>
      <c r="CFC1193" s="10"/>
      <c r="CFD1193" s="10"/>
      <c r="CFE1193" s="10"/>
      <c r="CFF1193" s="10"/>
      <c r="CFG1193" s="10"/>
      <c r="CFH1193" s="10"/>
      <c r="CFI1193" s="10"/>
      <c r="CFJ1193" s="10"/>
      <c r="CFK1193" s="10"/>
      <c r="CFL1193" s="10"/>
      <c r="CFM1193" s="10"/>
      <c r="CFN1193" s="10"/>
      <c r="CFO1193" s="10"/>
      <c r="CFP1193" s="10"/>
      <c r="CFQ1193" s="10"/>
      <c r="CFR1193" s="10"/>
      <c r="CFS1193" s="10"/>
      <c r="CFT1193" s="10"/>
      <c r="CFU1193" s="10"/>
      <c r="CFV1193" s="10"/>
      <c r="CFW1193" s="10"/>
      <c r="CFX1193" s="10"/>
      <c r="CFY1193" s="10"/>
      <c r="CFZ1193" s="10"/>
      <c r="CGA1193" s="10"/>
      <c r="CGB1193" s="10"/>
      <c r="CGC1193" s="10"/>
      <c r="CGD1193" s="10"/>
      <c r="CGE1193" s="10"/>
      <c r="CGF1193" s="10"/>
      <c r="CGG1193" s="10"/>
      <c r="CGH1193" s="10"/>
      <c r="CGI1193" s="10"/>
      <c r="CGJ1193" s="10"/>
      <c r="CGK1193" s="10"/>
      <c r="CGL1193" s="10"/>
      <c r="CGM1193" s="10"/>
      <c r="CGN1193" s="10"/>
      <c r="CGO1193" s="10"/>
      <c r="CGP1193" s="10"/>
      <c r="CGQ1193" s="10"/>
      <c r="CGR1193" s="10"/>
      <c r="CGS1193" s="10"/>
      <c r="CGT1193" s="10"/>
      <c r="CGU1193" s="10"/>
      <c r="CGV1193" s="10"/>
      <c r="CGW1193" s="10"/>
      <c r="CGX1193" s="10"/>
      <c r="CGY1193" s="10"/>
      <c r="CGZ1193" s="10"/>
      <c r="CHA1193" s="10"/>
      <c r="CHB1193" s="10"/>
      <c r="CHC1193" s="10"/>
      <c r="CHD1193" s="10"/>
      <c r="CHE1193" s="10"/>
      <c r="CHF1193" s="10"/>
      <c r="CHG1193" s="10"/>
      <c r="CHH1193" s="10"/>
      <c r="CHI1193" s="10"/>
      <c r="CHJ1193" s="10"/>
      <c r="CHK1193" s="10"/>
      <c r="CHL1193" s="10"/>
      <c r="CHM1193" s="10"/>
      <c r="CHN1193" s="10"/>
      <c r="CHO1193" s="10"/>
      <c r="CHP1193" s="10"/>
      <c r="CHQ1193" s="10"/>
      <c r="CHR1193" s="10"/>
      <c r="CHS1193" s="10"/>
      <c r="CHT1193" s="10"/>
      <c r="CHU1193" s="10"/>
      <c r="CHV1193" s="10"/>
      <c r="CHW1193" s="10"/>
      <c r="CHX1193" s="10"/>
      <c r="CHY1193" s="10"/>
      <c r="CHZ1193" s="10"/>
      <c r="CIA1193" s="10"/>
      <c r="CIB1193" s="10"/>
      <c r="CIC1193" s="10"/>
      <c r="CID1193" s="10"/>
      <c r="CIE1193" s="10"/>
      <c r="CIF1193" s="10"/>
      <c r="CIG1193" s="10"/>
      <c r="CIH1193" s="10"/>
      <c r="CII1193" s="10"/>
      <c r="CIJ1193" s="10"/>
      <c r="CIK1193" s="10"/>
      <c r="CIL1193" s="10"/>
      <c r="CIM1193" s="10"/>
      <c r="CIN1193" s="10"/>
      <c r="CIO1193" s="10"/>
      <c r="CIP1193" s="10"/>
      <c r="CIQ1193" s="10"/>
      <c r="CIR1193" s="10"/>
      <c r="CIS1193" s="10"/>
      <c r="CIT1193" s="10"/>
      <c r="CIU1193" s="10"/>
      <c r="CIV1193" s="10"/>
      <c r="CIW1193" s="10"/>
      <c r="CIX1193" s="10"/>
      <c r="CIY1193" s="10"/>
      <c r="CIZ1193" s="10"/>
      <c r="CJA1193" s="10"/>
      <c r="CJB1193" s="10"/>
      <c r="CJC1193" s="10"/>
      <c r="CJD1193" s="10"/>
      <c r="CJE1193" s="10"/>
      <c r="CJF1193" s="10"/>
      <c r="CJG1193" s="10"/>
      <c r="CJH1193" s="10"/>
      <c r="CJI1193" s="10"/>
      <c r="CJJ1193" s="10"/>
      <c r="CJK1193" s="10"/>
      <c r="CJL1193" s="10"/>
      <c r="CJM1193" s="10"/>
      <c r="CJN1193" s="10"/>
      <c r="CJO1193" s="10"/>
      <c r="CJP1193" s="10"/>
      <c r="CJQ1193" s="10"/>
      <c r="CJR1193" s="10"/>
      <c r="CJS1193" s="10"/>
      <c r="CJT1193" s="10"/>
      <c r="CJU1193" s="10"/>
      <c r="CJV1193" s="10"/>
      <c r="CJW1193" s="10"/>
      <c r="CJX1193" s="10"/>
      <c r="CJY1193" s="10"/>
      <c r="CJZ1193" s="10"/>
      <c r="CKA1193" s="10"/>
      <c r="CKB1193" s="10"/>
      <c r="CKC1193" s="10"/>
      <c r="CKD1193" s="10"/>
      <c r="CKE1193" s="10"/>
      <c r="CKF1193" s="10"/>
      <c r="CKG1193" s="10"/>
      <c r="CKH1193" s="10"/>
      <c r="CKI1193" s="10"/>
      <c r="CKJ1193" s="10"/>
      <c r="CKK1193" s="10"/>
      <c r="CKL1193" s="10"/>
      <c r="CKM1193" s="10"/>
      <c r="CKN1193" s="10"/>
      <c r="CKO1193" s="10"/>
      <c r="CKP1193" s="10"/>
      <c r="CKQ1193" s="10"/>
      <c r="CKR1193" s="10"/>
      <c r="CKS1193" s="10"/>
      <c r="CKT1193" s="10"/>
      <c r="CKU1193" s="10"/>
      <c r="CKV1193" s="10"/>
      <c r="CKW1193" s="10"/>
      <c r="CKX1193" s="10"/>
      <c r="CKY1193" s="10"/>
      <c r="CKZ1193" s="10"/>
      <c r="CLA1193" s="10"/>
      <c r="CLB1193" s="10"/>
      <c r="CLC1193" s="10"/>
      <c r="CLD1193" s="10"/>
      <c r="CLE1193" s="10"/>
      <c r="CLF1193" s="10"/>
      <c r="CLG1193" s="10"/>
      <c r="CLH1193" s="10"/>
      <c r="CLI1193" s="10"/>
      <c r="CLJ1193" s="10"/>
      <c r="CLK1193" s="10"/>
      <c r="CLL1193" s="10"/>
      <c r="CLM1193" s="10"/>
      <c r="CLN1193" s="10"/>
      <c r="CLO1193" s="10"/>
      <c r="CLP1193" s="10"/>
      <c r="CLQ1193" s="10"/>
      <c r="CLR1193" s="10"/>
      <c r="CLS1193" s="10"/>
      <c r="CLT1193" s="10"/>
      <c r="CLU1193" s="10"/>
      <c r="CLV1193" s="10"/>
      <c r="CLW1193" s="10"/>
      <c r="CLX1193" s="10"/>
      <c r="CLY1193" s="10"/>
      <c r="CLZ1193" s="10"/>
      <c r="CMA1193" s="10"/>
      <c r="CMB1193" s="10"/>
      <c r="CMC1193" s="10"/>
      <c r="CMD1193" s="10"/>
      <c r="CME1193" s="10"/>
      <c r="CMF1193" s="10"/>
      <c r="CMG1193" s="10"/>
      <c r="CMH1193" s="10"/>
      <c r="CMI1193" s="10"/>
      <c r="CMJ1193" s="10"/>
      <c r="CMK1193" s="10"/>
      <c r="CML1193" s="10"/>
      <c r="CMM1193" s="10"/>
      <c r="CMN1193" s="10"/>
      <c r="CMO1193" s="10"/>
      <c r="CMP1193" s="10"/>
      <c r="CMQ1193" s="10"/>
      <c r="CMR1193" s="10"/>
      <c r="CMS1193" s="10"/>
      <c r="CMT1193" s="10"/>
      <c r="CMU1193" s="10"/>
      <c r="CMV1193" s="10"/>
      <c r="CMW1193" s="10"/>
      <c r="CMX1193" s="10"/>
      <c r="CMY1193" s="10"/>
      <c r="CMZ1193" s="10"/>
      <c r="CNA1193" s="10"/>
      <c r="CNB1193" s="10"/>
      <c r="CNC1193" s="10"/>
      <c r="CND1193" s="10"/>
      <c r="CNE1193" s="10"/>
      <c r="CNF1193" s="10"/>
      <c r="CNG1193" s="10"/>
      <c r="CNH1193" s="10"/>
      <c r="CNI1193" s="10"/>
      <c r="CNJ1193" s="10"/>
      <c r="CNK1193" s="10"/>
      <c r="CNL1193" s="10"/>
      <c r="CNM1193" s="10"/>
      <c r="CNN1193" s="10"/>
      <c r="CNO1193" s="10"/>
      <c r="CNP1193" s="10"/>
      <c r="CNQ1193" s="10"/>
      <c r="CNR1193" s="10"/>
      <c r="CNS1193" s="10"/>
      <c r="CNT1193" s="10"/>
      <c r="CNU1193" s="10"/>
      <c r="CNV1193" s="10"/>
      <c r="CNW1193" s="10"/>
      <c r="CNX1193" s="10"/>
      <c r="CNY1193" s="10"/>
      <c r="CNZ1193" s="10"/>
      <c r="COA1193" s="10"/>
      <c r="COB1193" s="10"/>
      <c r="COC1193" s="10"/>
      <c r="COD1193" s="10"/>
      <c r="COE1193" s="10"/>
      <c r="COF1193" s="10"/>
      <c r="COG1193" s="10"/>
      <c r="COH1193" s="10"/>
      <c r="COI1193" s="10"/>
      <c r="COJ1193" s="10"/>
      <c r="COK1193" s="10"/>
      <c r="COL1193" s="10"/>
      <c r="COM1193" s="10"/>
      <c r="CON1193" s="10"/>
      <c r="COO1193" s="10"/>
      <c r="COP1193" s="10"/>
      <c r="COQ1193" s="10"/>
      <c r="COR1193" s="10"/>
      <c r="COS1193" s="10"/>
      <c r="COT1193" s="10"/>
      <c r="COU1193" s="10"/>
      <c r="COV1193" s="10"/>
      <c r="COW1193" s="10"/>
      <c r="COX1193" s="10"/>
      <c r="COY1193" s="10"/>
      <c r="COZ1193" s="10"/>
      <c r="CPA1193" s="10"/>
      <c r="CPB1193" s="10"/>
      <c r="CPC1193" s="10"/>
      <c r="CPD1193" s="10"/>
      <c r="CPE1193" s="10"/>
      <c r="CPF1193" s="10"/>
      <c r="CPG1193" s="10"/>
      <c r="CPH1193" s="10"/>
      <c r="CPI1193" s="10"/>
      <c r="CPJ1193" s="10"/>
      <c r="CPK1193" s="10"/>
      <c r="CPL1193" s="10"/>
      <c r="CPM1193" s="10"/>
      <c r="CPN1193" s="10"/>
      <c r="CPO1193" s="10"/>
      <c r="CPP1193" s="10"/>
      <c r="CPQ1193" s="10"/>
      <c r="CPR1193" s="10"/>
      <c r="CPS1193" s="10"/>
      <c r="CPT1193" s="10"/>
      <c r="CPU1193" s="10"/>
      <c r="CPV1193" s="10"/>
      <c r="CPW1193" s="10"/>
      <c r="CPX1193" s="10"/>
      <c r="CPY1193" s="10"/>
      <c r="CPZ1193" s="10"/>
      <c r="CQA1193" s="10"/>
      <c r="CQB1193" s="10"/>
      <c r="CQC1193" s="10"/>
      <c r="CQD1193" s="10"/>
      <c r="CQE1193" s="10"/>
      <c r="CQF1193" s="10"/>
      <c r="CQG1193" s="10"/>
      <c r="CQH1193" s="10"/>
      <c r="CQI1193" s="10"/>
      <c r="CQJ1193" s="10"/>
      <c r="CQK1193" s="10"/>
      <c r="CQL1193" s="10"/>
      <c r="CQM1193" s="10"/>
      <c r="CQN1193" s="10"/>
      <c r="CQO1193" s="10"/>
      <c r="CQP1193" s="10"/>
      <c r="CQQ1193" s="10"/>
      <c r="CQR1193" s="10"/>
      <c r="CQS1193" s="10"/>
      <c r="CQT1193" s="10"/>
      <c r="CQU1193" s="10"/>
      <c r="CQV1193" s="10"/>
      <c r="CQW1193" s="10"/>
      <c r="CQX1193" s="10"/>
      <c r="CQY1193" s="10"/>
      <c r="CQZ1193" s="10"/>
      <c r="CRA1193" s="10"/>
      <c r="CRB1193" s="10"/>
      <c r="CRC1193" s="10"/>
      <c r="CRD1193" s="10"/>
      <c r="CRE1193" s="10"/>
      <c r="CRF1193" s="10"/>
      <c r="CRG1193" s="10"/>
      <c r="CRH1193" s="10"/>
      <c r="CRI1193" s="10"/>
      <c r="CRJ1193" s="10"/>
      <c r="CRK1193" s="10"/>
      <c r="CRL1193" s="10"/>
      <c r="CRM1193" s="10"/>
      <c r="CRN1193" s="10"/>
      <c r="CRO1193" s="10"/>
      <c r="CRP1193" s="10"/>
      <c r="CRQ1193" s="10"/>
      <c r="CRR1193" s="10"/>
      <c r="CRS1193" s="10"/>
      <c r="CRT1193" s="10"/>
      <c r="CRU1193" s="10"/>
      <c r="CRV1193" s="10"/>
      <c r="CRW1193" s="10"/>
      <c r="CRX1193" s="10"/>
      <c r="CRY1193" s="10"/>
      <c r="CRZ1193" s="10"/>
      <c r="CSA1193" s="10"/>
      <c r="CSB1193" s="10"/>
      <c r="CSC1193" s="10"/>
      <c r="CSD1193" s="10"/>
      <c r="CSE1193" s="10"/>
      <c r="CSF1193" s="10"/>
      <c r="CSG1193" s="10"/>
      <c r="CSH1193" s="10"/>
      <c r="CSI1193" s="10"/>
      <c r="CSJ1193" s="10"/>
      <c r="CSK1193" s="10"/>
      <c r="CSL1193" s="10"/>
      <c r="CSM1193" s="10"/>
      <c r="CSN1193" s="10"/>
      <c r="CSO1193" s="10"/>
      <c r="CSP1193" s="10"/>
      <c r="CSQ1193" s="10"/>
      <c r="CSR1193" s="10"/>
      <c r="CSS1193" s="10"/>
      <c r="CST1193" s="10"/>
      <c r="CSU1193" s="10"/>
      <c r="CSV1193" s="10"/>
      <c r="CSW1193" s="10"/>
      <c r="CSX1193" s="10"/>
      <c r="CSY1193" s="10"/>
      <c r="CSZ1193" s="10"/>
      <c r="CTA1193" s="10"/>
      <c r="CTB1193" s="10"/>
      <c r="CTC1193" s="10"/>
      <c r="CTD1193" s="10"/>
      <c r="CTE1193" s="10"/>
      <c r="CTF1193" s="10"/>
      <c r="CTG1193" s="10"/>
      <c r="CTH1193" s="10"/>
      <c r="CTI1193" s="10"/>
      <c r="CTJ1193" s="10"/>
      <c r="CTK1193" s="10"/>
      <c r="CTL1193" s="10"/>
      <c r="CTM1193" s="10"/>
      <c r="CTN1193" s="10"/>
      <c r="CTO1193" s="10"/>
      <c r="CTP1193" s="10"/>
      <c r="CTQ1193" s="10"/>
      <c r="CTR1193" s="10"/>
      <c r="CTS1193" s="10"/>
      <c r="CTT1193" s="10"/>
      <c r="CTU1193" s="10"/>
      <c r="CTV1193" s="10"/>
      <c r="CTW1193" s="10"/>
      <c r="CTX1193" s="10"/>
      <c r="CTY1193" s="10"/>
      <c r="CTZ1193" s="10"/>
      <c r="CUA1193" s="10"/>
      <c r="CUB1193" s="10"/>
      <c r="CUC1193" s="10"/>
      <c r="CUD1193" s="10"/>
      <c r="CUE1193" s="10"/>
      <c r="CUF1193" s="10"/>
      <c r="CUG1193" s="10"/>
      <c r="CUH1193" s="10"/>
      <c r="CUI1193" s="10"/>
      <c r="CUJ1193" s="10"/>
      <c r="CUK1193" s="10"/>
      <c r="CUL1193" s="10"/>
      <c r="CUM1193" s="10"/>
      <c r="CUN1193" s="10"/>
      <c r="CUO1193" s="10"/>
      <c r="CUP1193" s="10"/>
      <c r="CUQ1193" s="10"/>
      <c r="CUR1193" s="10"/>
      <c r="CUS1193" s="10"/>
      <c r="CUT1193" s="10"/>
      <c r="CUU1193" s="10"/>
      <c r="CUV1193" s="10"/>
      <c r="CUW1193" s="10"/>
      <c r="CUX1193" s="10"/>
      <c r="CUY1193" s="10"/>
      <c r="CUZ1193" s="10"/>
      <c r="CVA1193" s="10"/>
      <c r="CVB1193" s="10"/>
      <c r="CVC1193" s="10"/>
      <c r="CVD1193" s="10"/>
      <c r="CVE1193" s="10"/>
      <c r="CVF1193" s="10"/>
      <c r="CVG1193" s="10"/>
      <c r="CVH1193" s="10"/>
      <c r="CVI1193" s="10"/>
      <c r="CVJ1193" s="10"/>
      <c r="CVK1193" s="10"/>
      <c r="CVL1193" s="10"/>
      <c r="CVM1193" s="10"/>
      <c r="CVN1193" s="10"/>
      <c r="CVO1193" s="10"/>
      <c r="CVP1193" s="10"/>
      <c r="CVQ1193" s="10"/>
      <c r="CVR1193" s="10"/>
      <c r="CVS1193" s="10"/>
      <c r="CVT1193" s="10"/>
      <c r="CVU1193" s="10"/>
      <c r="CVV1193" s="10"/>
      <c r="CVW1193" s="10"/>
      <c r="CVX1193" s="10"/>
      <c r="CVY1193" s="10"/>
      <c r="CVZ1193" s="10"/>
      <c r="CWA1193" s="10"/>
      <c r="CWB1193" s="10"/>
      <c r="CWC1193" s="10"/>
      <c r="CWD1193" s="10"/>
      <c r="CWE1193" s="10"/>
      <c r="CWF1193" s="10"/>
      <c r="CWG1193" s="10"/>
      <c r="CWH1193" s="10"/>
      <c r="CWI1193" s="10"/>
      <c r="CWJ1193" s="10"/>
      <c r="CWK1193" s="10"/>
      <c r="CWL1193" s="10"/>
      <c r="CWM1193" s="10"/>
      <c r="CWN1193" s="10"/>
      <c r="CWO1193" s="10"/>
      <c r="CWP1193" s="10"/>
      <c r="CWQ1193" s="10"/>
      <c r="CWR1193" s="10"/>
      <c r="CWS1193" s="10"/>
      <c r="CWT1193" s="10"/>
      <c r="CWU1193" s="10"/>
      <c r="CWV1193" s="10"/>
      <c r="CWW1193" s="10"/>
      <c r="CWX1193" s="10"/>
      <c r="CWY1193" s="10"/>
      <c r="CWZ1193" s="10"/>
      <c r="CXA1193" s="10"/>
      <c r="CXB1193" s="10"/>
      <c r="CXC1193" s="10"/>
      <c r="CXD1193" s="10"/>
      <c r="CXE1193" s="10"/>
      <c r="CXF1193" s="10"/>
      <c r="CXG1193" s="10"/>
      <c r="CXH1193" s="10"/>
      <c r="CXI1193" s="10"/>
      <c r="CXJ1193" s="10"/>
      <c r="CXK1193" s="10"/>
      <c r="CXL1193" s="10"/>
      <c r="CXM1193" s="10"/>
      <c r="CXN1193" s="10"/>
      <c r="CXO1193" s="10"/>
      <c r="CXP1193" s="10"/>
      <c r="CXQ1193" s="10"/>
      <c r="CXR1193" s="10"/>
      <c r="CXS1193" s="10"/>
      <c r="CXT1193" s="10"/>
      <c r="CXU1193" s="10"/>
      <c r="CXV1193" s="10"/>
      <c r="CXW1193" s="10"/>
      <c r="CXX1193" s="10"/>
      <c r="CXY1193" s="10"/>
      <c r="CXZ1193" s="10"/>
      <c r="CYA1193" s="10"/>
      <c r="CYB1193" s="10"/>
      <c r="CYC1193" s="10"/>
      <c r="CYD1193" s="10"/>
      <c r="CYE1193" s="10"/>
      <c r="CYF1193" s="10"/>
      <c r="CYG1193" s="10"/>
      <c r="CYH1193" s="10"/>
      <c r="CYI1193" s="10"/>
      <c r="CYJ1193" s="10"/>
      <c r="CYK1193" s="10"/>
      <c r="CYL1193" s="10"/>
      <c r="CYM1193" s="10"/>
      <c r="CYN1193" s="10"/>
      <c r="CYO1193" s="10"/>
      <c r="CYP1193" s="10"/>
      <c r="CYQ1193" s="10"/>
      <c r="CYR1193" s="10"/>
      <c r="CYS1193" s="10"/>
      <c r="CYT1193" s="10"/>
      <c r="CYU1193" s="10"/>
      <c r="CYV1193" s="10"/>
      <c r="CYW1193" s="10"/>
      <c r="CYX1193" s="10"/>
      <c r="CYY1193" s="10"/>
      <c r="CYZ1193" s="10"/>
      <c r="CZA1193" s="10"/>
      <c r="CZB1193" s="10"/>
      <c r="CZC1193" s="10"/>
      <c r="CZD1193" s="10"/>
      <c r="CZE1193" s="10"/>
      <c r="CZF1193" s="10"/>
      <c r="CZG1193" s="10"/>
      <c r="CZH1193" s="10"/>
      <c r="CZI1193" s="10"/>
      <c r="CZJ1193" s="10"/>
      <c r="CZK1193" s="10"/>
      <c r="CZL1193" s="10"/>
      <c r="CZM1193" s="10"/>
      <c r="CZN1193" s="10"/>
      <c r="CZO1193" s="10"/>
      <c r="CZP1193" s="10"/>
      <c r="CZQ1193" s="10"/>
      <c r="CZR1193" s="10"/>
      <c r="CZS1193" s="10"/>
      <c r="CZT1193" s="10"/>
      <c r="CZU1193" s="10"/>
      <c r="CZV1193" s="10"/>
      <c r="CZW1193" s="10"/>
      <c r="CZX1193" s="10"/>
      <c r="CZY1193" s="10"/>
      <c r="CZZ1193" s="10"/>
      <c r="DAA1193" s="10"/>
      <c r="DAB1193" s="10"/>
      <c r="DAC1193" s="10"/>
      <c r="DAD1193" s="10"/>
      <c r="DAE1193" s="10"/>
      <c r="DAF1193" s="10"/>
      <c r="DAG1193" s="10"/>
      <c r="DAH1193" s="10"/>
      <c r="DAI1193" s="10"/>
      <c r="DAJ1193" s="10"/>
      <c r="DAK1193" s="10"/>
      <c r="DAL1193" s="10"/>
      <c r="DAM1193" s="10"/>
      <c r="DAN1193" s="10"/>
      <c r="DAO1193" s="10"/>
      <c r="DAP1193" s="10"/>
      <c r="DAQ1193" s="10"/>
      <c r="DAR1193" s="10"/>
      <c r="DAS1193" s="10"/>
      <c r="DAT1193" s="10"/>
      <c r="DAU1193" s="10"/>
      <c r="DAV1193" s="10"/>
      <c r="DAW1193" s="10"/>
      <c r="DAX1193" s="10"/>
      <c r="DAY1193" s="10"/>
      <c r="DAZ1193" s="10"/>
      <c r="DBA1193" s="10"/>
      <c r="DBB1193" s="10"/>
      <c r="DBC1193" s="10"/>
      <c r="DBD1193" s="10"/>
      <c r="DBE1193" s="10"/>
      <c r="DBF1193" s="10"/>
      <c r="DBG1193" s="10"/>
      <c r="DBH1193" s="10"/>
      <c r="DBI1193" s="10"/>
      <c r="DBJ1193" s="10"/>
      <c r="DBK1193" s="10"/>
      <c r="DBL1193" s="10"/>
      <c r="DBM1193" s="10"/>
      <c r="DBN1193" s="10"/>
      <c r="DBO1193" s="10"/>
      <c r="DBP1193" s="10"/>
      <c r="DBQ1193" s="10"/>
      <c r="DBR1193" s="10"/>
      <c r="DBS1193" s="10"/>
      <c r="DBT1193" s="10"/>
      <c r="DBU1193" s="10"/>
      <c r="DBV1193" s="10"/>
      <c r="DBW1193" s="10"/>
      <c r="DBX1193" s="10"/>
      <c r="DBY1193" s="10"/>
      <c r="DBZ1193" s="10"/>
      <c r="DCA1193" s="10"/>
      <c r="DCB1193" s="10"/>
      <c r="DCC1193" s="10"/>
      <c r="DCD1193" s="10"/>
      <c r="DCE1193" s="10"/>
      <c r="DCF1193" s="10"/>
      <c r="DCG1193" s="10"/>
      <c r="DCH1193" s="10"/>
      <c r="DCI1193" s="10"/>
      <c r="DCJ1193" s="10"/>
      <c r="DCK1193" s="10"/>
      <c r="DCL1193" s="10"/>
      <c r="DCM1193" s="10"/>
      <c r="DCN1193" s="10"/>
      <c r="DCO1193" s="10"/>
      <c r="DCP1193" s="10"/>
      <c r="DCQ1193" s="10"/>
      <c r="DCR1193" s="10"/>
      <c r="DCS1193" s="10"/>
      <c r="DCT1193" s="10"/>
      <c r="DCU1193" s="10"/>
      <c r="DCV1193" s="10"/>
      <c r="DCW1193" s="10"/>
      <c r="DCX1193" s="10"/>
      <c r="DCY1193" s="10"/>
      <c r="DCZ1193" s="10"/>
      <c r="DDA1193" s="10"/>
      <c r="DDB1193" s="10"/>
      <c r="DDC1193" s="10"/>
      <c r="DDD1193" s="10"/>
      <c r="DDE1193" s="10"/>
      <c r="DDF1193" s="10"/>
      <c r="DDG1193" s="10"/>
      <c r="DDH1193" s="10"/>
      <c r="DDI1193" s="10"/>
      <c r="DDJ1193" s="10"/>
      <c r="DDK1193" s="10"/>
      <c r="DDL1193" s="10"/>
      <c r="DDM1193" s="10"/>
      <c r="DDN1193" s="10"/>
      <c r="DDO1193" s="10"/>
      <c r="DDP1193" s="10"/>
      <c r="DDQ1193" s="10"/>
      <c r="DDR1193" s="10"/>
      <c r="DDS1193" s="10"/>
      <c r="DDT1193" s="10"/>
      <c r="DDU1193" s="10"/>
      <c r="DDV1193" s="10"/>
      <c r="DDW1193" s="10"/>
      <c r="DDX1193" s="10"/>
      <c r="DDY1193" s="10"/>
      <c r="DDZ1193" s="10"/>
      <c r="DEA1193" s="10"/>
      <c r="DEB1193" s="10"/>
      <c r="DEC1193" s="10"/>
      <c r="DED1193" s="10"/>
      <c r="DEE1193" s="10"/>
      <c r="DEF1193" s="10"/>
      <c r="DEG1193" s="10"/>
      <c r="DEH1193" s="10"/>
      <c r="DEI1193" s="10"/>
      <c r="DEJ1193" s="10"/>
      <c r="DEK1193" s="10"/>
      <c r="DEL1193" s="10"/>
      <c r="DEM1193" s="10"/>
      <c r="DEN1193" s="10"/>
      <c r="DEO1193" s="10"/>
      <c r="DEP1193" s="10"/>
      <c r="DEQ1193" s="10"/>
      <c r="DER1193" s="10"/>
      <c r="DES1193" s="10"/>
      <c r="DET1193" s="10"/>
      <c r="DEU1193" s="10"/>
      <c r="DEV1193" s="10"/>
      <c r="DEW1193" s="10"/>
      <c r="DEX1193" s="10"/>
      <c r="DEY1193" s="10"/>
      <c r="DEZ1193" s="10"/>
      <c r="DFA1193" s="10"/>
      <c r="DFB1193" s="10"/>
      <c r="DFC1193" s="10"/>
      <c r="DFD1193" s="10"/>
      <c r="DFE1193" s="10"/>
      <c r="DFF1193" s="10"/>
      <c r="DFG1193" s="10"/>
      <c r="DFH1193" s="10"/>
      <c r="DFI1193" s="10"/>
      <c r="DFJ1193" s="10"/>
      <c r="DFK1193" s="10"/>
      <c r="DFL1193" s="10"/>
      <c r="DFM1193" s="10"/>
      <c r="DFN1193" s="10"/>
      <c r="DFO1193" s="10"/>
      <c r="DFP1193" s="10"/>
      <c r="DFQ1193" s="10"/>
      <c r="DFR1193" s="10"/>
      <c r="DFS1193" s="10"/>
      <c r="DFT1193" s="10"/>
      <c r="DFU1193" s="10"/>
      <c r="DFV1193" s="10"/>
      <c r="DFW1193" s="10"/>
      <c r="DFX1193" s="10"/>
      <c r="DFY1193" s="10"/>
      <c r="DFZ1193" s="10"/>
      <c r="DGA1193" s="10"/>
      <c r="DGB1193" s="10"/>
      <c r="DGC1193" s="10"/>
      <c r="DGD1193" s="10"/>
      <c r="DGE1193" s="10"/>
      <c r="DGF1193" s="10"/>
      <c r="DGG1193" s="10"/>
      <c r="DGH1193" s="10"/>
      <c r="DGI1193" s="10"/>
      <c r="DGJ1193" s="10"/>
      <c r="DGK1193" s="10"/>
      <c r="DGL1193" s="10"/>
      <c r="DGM1193" s="10"/>
      <c r="DGN1193" s="10"/>
      <c r="DGO1193" s="10"/>
      <c r="DGP1193" s="10"/>
      <c r="DGQ1193" s="10"/>
      <c r="DGR1193" s="10"/>
      <c r="DGS1193" s="10"/>
      <c r="DGT1193" s="10"/>
      <c r="DGU1193" s="10"/>
      <c r="DGV1193" s="10"/>
      <c r="DGW1193" s="10"/>
      <c r="DGX1193" s="10"/>
      <c r="DGY1193" s="10"/>
      <c r="DGZ1193" s="10"/>
      <c r="DHA1193" s="10"/>
      <c r="DHB1193" s="10"/>
      <c r="DHC1193" s="10"/>
      <c r="DHD1193" s="10"/>
      <c r="DHE1193" s="10"/>
      <c r="DHF1193" s="10"/>
      <c r="DHG1193" s="10"/>
      <c r="DHH1193" s="10"/>
      <c r="DHI1193" s="10"/>
      <c r="DHJ1193" s="10"/>
      <c r="DHK1193" s="10"/>
      <c r="DHL1193" s="10"/>
      <c r="DHM1193" s="10"/>
      <c r="DHN1193" s="10"/>
      <c r="DHO1193" s="10"/>
      <c r="DHP1193" s="10"/>
      <c r="DHQ1193" s="10"/>
      <c r="DHR1193" s="10"/>
      <c r="DHS1193" s="10"/>
      <c r="DHT1193" s="10"/>
      <c r="DHU1193" s="10"/>
      <c r="DHV1193" s="10"/>
      <c r="DHW1193" s="10"/>
      <c r="DHX1193" s="10"/>
      <c r="DHY1193" s="10"/>
      <c r="DHZ1193" s="10"/>
      <c r="DIA1193" s="10"/>
      <c r="DIB1193" s="10"/>
      <c r="DIC1193" s="10"/>
      <c r="DID1193" s="10"/>
      <c r="DIE1193" s="10"/>
      <c r="DIF1193" s="10"/>
      <c r="DIG1193" s="10"/>
      <c r="DIH1193" s="10"/>
      <c r="DII1193" s="10"/>
      <c r="DIJ1193" s="10"/>
      <c r="DIK1193" s="10"/>
      <c r="DIL1193" s="10"/>
      <c r="DIM1193" s="10"/>
      <c r="DIN1193" s="10"/>
      <c r="DIO1193" s="10"/>
      <c r="DIP1193" s="10"/>
      <c r="DIQ1193" s="10"/>
      <c r="DIR1193" s="10"/>
      <c r="DIS1193" s="10"/>
      <c r="DIT1193" s="10"/>
      <c r="DIU1193" s="10"/>
      <c r="DIV1193" s="10"/>
      <c r="DIW1193" s="10"/>
      <c r="DIX1193" s="10"/>
      <c r="DIY1193" s="10"/>
      <c r="DIZ1193" s="10"/>
      <c r="DJA1193" s="10"/>
      <c r="DJB1193" s="10"/>
      <c r="DJC1193" s="10"/>
      <c r="DJD1193" s="10"/>
      <c r="DJE1193" s="10"/>
      <c r="DJF1193" s="10"/>
      <c r="DJG1193" s="10"/>
      <c r="DJH1193" s="10"/>
      <c r="DJI1193" s="10"/>
      <c r="DJJ1193" s="10"/>
      <c r="DJK1193" s="10"/>
      <c r="DJL1193" s="10"/>
      <c r="DJM1193" s="10"/>
      <c r="DJN1193" s="10"/>
      <c r="DJO1193" s="10"/>
      <c r="DJP1193" s="10"/>
      <c r="DJQ1193" s="10"/>
      <c r="DJR1193" s="10"/>
      <c r="DJS1193" s="10"/>
      <c r="DJT1193" s="10"/>
      <c r="DJU1193" s="10"/>
      <c r="DJV1193" s="10"/>
      <c r="DJW1193" s="10"/>
      <c r="DJX1193" s="10"/>
      <c r="DJY1193" s="10"/>
      <c r="DJZ1193" s="10"/>
      <c r="DKA1193" s="10"/>
      <c r="DKB1193" s="10"/>
      <c r="DKC1193" s="10"/>
      <c r="DKD1193" s="10"/>
      <c r="DKE1193" s="10"/>
      <c r="DKF1193" s="10"/>
      <c r="DKG1193" s="10"/>
      <c r="DKH1193" s="10"/>
      <c r="DKI1193" s="10"/>
      <c r="DKJ1193" s="10"/>
      <c r="DKK1193" s="10"/>
      <c r="DKL1193" s="10"/>
      <c r="DKM1193" s="10"/>
      <c r="DKN1193" s="10"/>
      <c r="DKO1193" s="10"/>
      <c r="DKP1193" s="10"/>
      <c r="DKQ1193" s="10"/>
      <c r="DKR1193" s="10"/>
      <c r="DKS1193" s="10"/>
      <c r="DKT1193" s="10"/>
      <c r="DKU1193" s="10"/>
      <c r="DKV1193" s="10"/>
      <c r="DKW1193" s="10"/>
      <c r="DKX1193" s="10"/>
      <c r="DKY1193" s="10"/>
      <c r="DKZ1193" s="10"/>
      <c r="DLA1193" s="10"/>
      <c r="DLB1193" s="10"/>
      <c r="DLC1193" s="10"/>
      <c r="DLD1193" s="10"/>
      <c r="DLE1193" s="10"/>
      <c r="DLF1193" s="10"/>
      <c r="DLG1193" s="10"/>
      <c r="DLH1193" s="10"/>
      <c r="DLI1193" s="10"/>
      <c r="DLJ1193" s="10"/>
      <c r="DLK1193" s="10"/>
      <c r="DLL1193" s="10"/>
      <c r="DLM1193" s="10"/>
      <c r="DLN1193" s="10"/>
      <c r="DLO1193" s="10"/>
      <c r="DLP1193" s="10"/>
      <c r="DLQ1193" s="10"/>
      <c r="DLR1193" s="10"/>
      <c r="DLS1193" s="10"/>
      <c r="DLT1193" s="10"/>
      <c r="DLU1193" s="10"/>
      <c r="DLV1193" s="10"/>
      <c r="DLW1193" s="10"/>
      <c r="DLX1193" s="10"/>
      <c r="DLY1193" s="10"/>
      <c r="DLZ1193" s="10"/>
      <c r="DMA1193" s="10"/>
      <c r="DMB1193" s="10"/>
      <c r="DMC1193" s="10"/>
      <c r="DMD1193" s="10"/>
      <c r="DME1193" s="10"/>
      <c r="DMF1193" s="10"/>
      <c r="DMG1193" s="10"/>
      <c r="DMH1193" s="10"/>
      <c r="DMI1193" s="10"/>
      <c r="DMJ1193" s="10"/>
      <c r="DMK1193" s="10"/>
      <c r="DML1193" s="10"/>
      <c r="DMM1193" s="10"/>
      <c r="DMN1193" s="10"/>
      <c r="DMO1193" s="10"/>
      <c r="DMP1193" s="10"/>
      <c r="DMQ1193" s="10"/>
      <c r="DMR1193" s="10"/>
      <c r="DMS1193" s="10"/>
      <c r="DMT1193" s="10"/>
      <c r="DMU1193" s="10"/>
      <c r="DMV1193" s="10"/>
      <c r="DMW1193" s="10"/>
      <c r="DMX1193" s="10"/>
      <c r="DMY1193" s="10"/>
      <c r="DMZ1193" s="10"/>
      <c r="DNA1193" s="10"/>
      <c r="DNB1193" s="10"/>
      <c r="DNC1193" s="10"/>
      <c r="DND1193" s="10"/>
      <c r="DNE1193" s="10"/>
      <c r="DNF1193" s="10"/>
      <c r="DNG1193" s="10"/>
      <c r="DNH1193" s="10"/>
      <c r="DNI1193" s="10"/>
      <c r="DNJ1193" s="10"/>
      <c r="DNK1193" s="10"/>
      <c r="DNL1193" s="10"/>
      <c r="DNM1193" s="10"/>
      <c r="DNN1193" s="10"/>
      <c r="DNO1193" s="10"/>
      <c r="DNP1193" s="10"/>
      <c r="DNQ1193" s="10"/>
      <c r="DNR1193" s="10"/>
      <c r="DNS1193" s="10"/>
      <c r="DNT1193" s="10"/>
      <c r="DNU1193" s="10"/>
      <c r="DNV1193" s="10"/>
      <c r="DNW1193" s="10"/>
      <c r="DNX1193" s="10"/>
      <c r="DNY1193" s="10"/>
      <c r="DNZ1193" s="10"/>
      <c r="DOA1193" s="10"/>
      <c r="DOB1193" s="10"/>
      <c r="DOC1193" s="10"/>
      <c r="DOD1193" s="10"/>
      <c r="DOE1193" s="10"/>
      <c r="DOF1193" s="10"/>
      <c r="DOG1193" s="10"/>
      <c r="DOH1193" s="10"/>
      <c r="DOI1193" s="10"/>
      <c r="DOJ1193" s="10"/>
      <c r="DOK1193" s="10"/>
      <c r="DOL1193" s="10"/>
      <c r="DOM1193" s="10"/>
      <c r="DON1193" s="10"/>
      <c r="DOO1193" s="10"/>
      <c r="DOP1193" s="10"/>
      <c r="DOQ1193" s="10"/>
      <c r="DOR1193" s="10"/>
      <c r="DOS1193" s="10"/>
      <c r="DOT1193" s="10"/>
      <c r="DOU1193" s="10"/>
      <c r="DOV1193" s="10"/>
      <c r="DOW1193" s="10"/>
      <c r="DOX1193" s="10"/>
      <c r="DOY1193" s="10"/>
      <c r="DOZ1193" s="10"/>
      <c r="DPA1193" s="10"/>
      <c r="DPB1193" s="10"/>
      <c r="DPC1193" s="10"/>
      <c r="DPD1193" s="10"/>
      <c r="DPE1193" s="10"/>
      <c r="DPF1193" s="10"/>
      <c r="DPG1193" s="10"/>
      <c r="DPH1193" s="10"/>
      <c r="DPI1193" s="10"/>
      <c r="DPJ1193" s="10"/>
      <c r="DPK1193" s="10"/>
      <c r="DPL1193" s="10"/>
      <c r="DPM1193" s="10"/>
      <c r="DPN1193" s="10"/>
      <c r="DPO1193" s="10"/>
      <c r="DPP1193" s="10"/>
      <c r="DPQ1193" s="10"/>
      <c r="DPR1193" s="10"/>
      <c r="DPS1193" s="10"/>
      <c r="DPT1193" s="10"/>
      <c r="DPU1193" s="10"/>
      <c r="DPV1193" s="10"/>
      <c r="DPW1193" s="10"/>
      <c r="DPX1193" s="10"/>
      <c r="DPY1193" s="10"/>
      <c r="DPZ1193" s="10"/>
      <c r="DQA1193" s="10"/>
      <c r="DQB1193" s="10"/>
      <c r="DQC1193" s="10"/>
      <c r="DQD1193" s="10"/>
      <c r="DQE1193" s="10"/>
      <c r="DQF1193" s="10"/>
      <c r="DQG1193" s="10"/>
      <c r="DQH1193" s="10"/>
      <c r="DQI1193" s="10"/>
      <c r="DQJ1193" s="10"/>
      <c r="DQK1193" s="10"/>
      <c r="DQL1193" s="10"/>
      <c r="DQM1193" s="10"/>
      <c r="DQN1193" s="10"/>
      <c r="DQO1193" s="10"/>
      <c r="DQP1193" s="10"/>
      <c r="DQQ1193" s="10"/>
      <c r="DQR1193" s="10"/>
      <c r="DQS1193" s="10"/>
      <c r="DQT1193" s="10"/>
      <c r="DQU1193" s="10"/>
      <c r="DQV1193" s="10"/>
      <c r="DQW1193" s="10"/>
      <c r="DQX1193" s="10"/>
      <c r="DQY1193" s="10"/>
      <c r="DQZ1193" s="10"/>
      <c r="DRA1193" s="10"/>
      <c r="DRB1193" s="10"/>
      <c r="DRC1193" s="10"/>
      <c r="DRD1193" s="10"/>
      <c r="DRE1193" s="10"/>
      <c r="DRF1193" s="10"/>
      <c r="DRG1193" s="10"/>
      <c r="DRH1193" s="10"/>
      <c r="DRI1193" s="10"/>
      <c r="DRJ1193" s="10"/>
      <c r="DRK1193" s="10"/>
      <c r="DRL1193" s="10"/>
      <c r="DRM1193" s="10"/>
      <c r="DRN1193" s="10"/>
      <c r="DRO1193" s="10"/>
      <c r="DRP1193" s="10"/>
      <c r="DRQ1193" s="10"/>
      <c r="DRR1193" s="10"/>
      <c r="DRS1193" s="10"/>
      <c r="DRT1193" s="10"/>
      <c r="DRU1193" s="10"/>
      <c r="DRV1193" s="10"/>
      <c r="DRW1193" s="10"/>
      <c r="DRX1193" s="10"/>
      <c r="DRY1193" s="10"/>
      <c r="DRZ1193" s="10"/>
      <c r="DSA1193" s="10"/>
      <c r="DSB1193" s="10"/>
      <c r="DSC1193" s="10"/>
      <c r="DSD1193" s="10"/>
      <c r="DSE1193" s="10"/>
      <c r="DSF1193" s="10"/>
      <c r="DSG1193" s="10"/>
      <c r="DSH1193" s="10"/>
      <c r="DSI1193" s="10"/>
      <c r="DSJ1193" s="10"/>
      <c r="DSK1193" s="10"/>
      <c r="DSL1193" s="10"/>
      <c r="DSM1193" s="10"/>
      <c r="DSN1193" s="10"/>
      <c r="DSO1193" s="10"/>
      <c r="DSP1193" s="10"/>
      <c r="DSQ1193" s="10"/>
      <c r="DSR1193" s="10"/>
      <c r="DSS1193" s="10"/>
      <c r="DST1193" s="10"/>
      <c r="DSU1193" s="10"/>
      <c r="DSV1193" s="10"/>
      <c r="DSW1193" s="10"/>
      <c r="DSX1193" s="10"/>
      <c r="DSY1193" s="10"/>
      <c r="DSZ1193" s="10"/>
      <c r="DTA1193" s="10"/>
      <c r="DTB1193" s="10"/>
      <c r="DTC1193" s="10"/>
      <c r="DTD1193" s="10"/>
      <c r="DTE1193" s="10"/>
      <c r="DTF1193" s="10"/>
      <c r="DTG1193" s="10"/>
      <c r="DTH1193" s="10"/>
      <c r="DTI1193" s="10"/>
      <c r="DTJ1193" s="10"/>
      <c r="DTK1193" s="10"/>
      <c r="DTL1193" s="10"/>
      <c r="DTM1193" s="10"/>
      <c r="DTN1193" s="10"/>
      <c r="DTO1193" s="10"/>
      <c r="DTP1193" s="10"/>
      <c r="DTQ1193" s="10"/>
      <c r="DTR1193" s="10"/>
      <c r="DTS1193" s="10"/>
      <c r="DTT1193" s="10"/>
      <c r="DTU1193" s="10"/>
      <c r="DTV1193" s="10"/>
      <c r="DTW1193" s="10"/>
      <c r="DTX1193" s="10"/>
      <c r="DTY1193" s="10"/>
      <c r="DTZ1193" s="10"/>
      <c r="DUA1193" s="10"/>
      <c r="DUB1193" s="10"/>
      <c r="DUC1193" s="10"/>
      <c r="DUD1193" s="10"/>
      <c r="DUE1193" s="10"/>
      <c r="DUF1193" s="10"/>
      <c r="DUG1193" s="10"/>
      <c r="DUH1193" s="10"/>
      <c r="DUI1193" s="10"/>
      <c r="DUJ1193" s="10"/>
      <c r="DUK1193" s="10"/>
      <c r="DUL1193" s="10"/>
      <c r="DUM1193" s="10"/>
      <c r="DUN1193" s="10"/>
      <c r="DUO1193" s="10"/>
      <c r="DUP1193" s="10"/>
      <c r="DUQ1193" s="10"/>
      <c r="DUR1193" s="10"/>
      <c r="DUS1193" s="10"/>
      <c r="DUT1193" s="10"/>
      <c r="DUU1193" s="10"/>
      <c r="DUV1193" s="10"/>
      <c r="DUW1193" s="10"/>
      <c r="DUX1193" s="10"/>
      <c r="DUY1193" s="10"/>
      <c r="DUZ1193" s="10"/>
      <c r="DVA1193" s="10"/>
      <c r="DVB1193" s="10"/>
      <c r="DVC1193" s="10"/>
      <c r="DVD1193" s="10"/>
      <c r="DVE1193" s="10"/>
      <c r="DVF1193" s="10"/>
      <c r="DVG1193" s="10"/>
      <c r="DVH1193" s="10"/>
      <c r="DVI1193" s="10"/>
      <c r="DVJ1193" s="10"/>
      <c r="DVK1193" s="10"/>
      <c r="DVL1193" s="10"/>
      <c r="DVM1193" s="10"/>
      <c r="DVN1193" s="10"/>
      <c r="DVO1193" s="10"/>
      <c r="DVP1193" s="10"/>
      <c r="DVQ1193" s="10"/>
      <c r="DVR1193" s="10"/>
      <c r="DVS1193" s="10"/>
      <c r="DVT1193" s="10"/>
      <c r="DVU1193" s="10"/>
      <c r="DVV1193" s="10"/>
      <c r="DVW1193" s="10"/>
      <c r="DVX1193" s="10"/>
      <c r="DVY1193" s="10"/>
      <c r="DVZ1193" s="10"/>
      <c r="DWA1193" s="10"/>
      <c r="DWB1193" s="10"/>
      <c r="DWC1193" s="10"/>
      <c r="DWD1193" s="10"/>
      <c r="DWE1193" s="10"/>
      <c r="DWF1193" s="10"/>
      <c r="DWG1193" s="10"/>
      <c r="DWH1193" s="10"/>
      <c r="DWI1193" s="10"/>
      <c r="DWJ1193" s="10"/>
      <c r="DWK1193" s="10"/>
      <c r="DWL1193" s="10"/>
      <c r="DWM1193" s="10"/>
      <c r="DWN1193" s="10"/>
      <c r="DWO1193" s="10"/>
      <c r="DWP1193" s="10"/>
      <c r="DWQ1193" s="10"/>
      <c r="DWR1193" s="10"/>
      <c r="DWS1193" s="10"/>
      <c r="DWT1193" s="10"/>
      <c r="DWU1193" s="10"/>
      <c r="DWV1193" s="10"/>
      <c r="DWW1193" s="10"/>
      <c r="DWX1193" s="10"/>
      <c r="DWY1193" s="10"/>
      <c r="DWZ1193" s="10"/>
      <c r="DXA1193" s="10"/>
      <c r="DXB1193" s="10"/>
      <c r="DXC1193" s="10"/>
      <c r="DXD1193" s="10"/>
      <c r="DXE1193" s="10"/>
      <c r="DXF1193" s="10"/>
      <c r="DXG1193" s="10"/>
      <c r="DXH1193" s="10"/>
      <c r="DXI1193" s="10"/>
      <c r="DXJ1193" s="10"/>
      <c r="DXK1193" s="10"/>
      <c r="DXL1193" s="10"/>
      <c r="DXM1193" s="10"/>
      <c r="DXN1193" s="10"/>
      <c r="DXO1193" s="10"/>
      <c r="DXP1193" s="10"/>
      <c r="DXQ1193" s="10"/>
      <c r="DXR1193" s="10"/>
      <c r="DXS1193" s="10"/>
      <c r="DXT1193" s="10"/>
      <c r="DXU1193" s="10"/>
      <c r="DXV1193" s="10"/>
      <c r="DXW1193" s="10"/>
      <c r="DXX1193" s="10"/>
      <c r="DXY1193" s="10"/>
      <c r="DXZ1193" s="10"/>
      <c r="DYA1193" s="10"/>
      <c r="DYB1193" s="10"/>
      <c r="DYC1193" s="10"/>
      <c r="DYD1193" s="10"/>
      <c r="DYE1193" s="10"/>
      <c r="DYF1193" s="10"/>
      <c r="DYG1193" s="10"/>
      <c r="DYH1193" s="10"/>
      <c r="DYI1193" s="10"/>
      <c r="DYJ1193" s="10"/>
      <c r="DYK1193" s="10"/>
      <c r="DYL1193" s="10"/>
      <c r="DYM1193" s="10"/>
      <c r="DYN1193" s="10"/>
      <c r="DYO1193" s="10"/>
      <c r="DYP1193" s="10"/>
      <c r="DYQ1193" s="10"/>
      <c r="DYR1193" s="10"/>
      <c r="DYS1193" s="10"/>
      <c r="DYT1193" s="10"/>
      <c r="DYU1193" s="10"/>
      <c r="DYV1193" s="10"/>
      <c r="DYW1193" s="10"/>
      <c r="DYX1193" s="10"/>
      <c r="DYY1193" s="10"/>
      <c r="DYZ1193" s="10"/>
      <c r="DZA1193" s="10"/>
      <c r="DZB1193" s="10"/>
      <c r="DZC1193" s="10"/>
      <c r="DZD1193" s="10"/>
      <c r="DZE1193" s="10"/>
      <c r="DZF1193" s="10"/>
      <c r="DZG1193" s="10"/>
      <c r="DZH1193" s="10"/>
      <c r="DZI1193" s="10"/>
      <c r="DZJ1193" s="10"/>
      <c r="DZK1193" s="10"/>
      <c r="DZL1193" s="10"/>
      <c r="DZM1193" s="10"/>
      <c r="DZN1193" s="10"/>
      <c r="DZO1193" s="10"/>
      <c r="DZP1193" s="10"/>
      <c r="DZQ1193" s="10"/>
      <c r="DZR1193" s="10"/>
      <c r="DZS1193" s="10"/>
      <c r="DZT1193" s="10"/>
      <c r="DZU1193" s="10"/>
      <c r="DZV1193" s="10"/>
      <c r="DZW1193" s="10"/>
      <c r="DZX1193" s="10"/>
      <c r="DZY1193" s="10"/>
      <c r="DZZ1193" s="10"/>
      <c r="EAA1193" s="10"/>
      <c r="EAB1193" s="10"/>
      <c r="EAC1193" s="10"/>
      <c r="EAD1193" s="10"/>
      <c r="EAE1193" s="10"/>
      <c r="EAF1193" s="10"/>
      <c r="EAG1193" s="10"/>
      <c r="EAH1193" s="10"/>
      <c r="EAI1193" s="10"/>
      <c r="EAJ1193" s="10"/>
      <c r="EAK1193" s="10"/>
      <c r="EAL1193" s="10"/>
      <c r="EAM1193" s="10"/>
      <c r="EAN1193" s="10"/>
      <c r="EAO1193" s="10"/>
      <c r="EAP1193" s="10"/>
      <c r="EAQ1193" s="10"/>
      <c r="EAR1193" s="10"/>
      <c r="EAS1193" s="10"/>
      <c r="EAT1193" s="10"/>
      <c r="EAU1193" s="10"/>
      <c r="EAV1193" s="10"/>
      <c r="EAW1193" s="10"/>
      <c r="EAX1193" s="10"/>
      <c r="EAY1193" s="10"/>
      <c r="EAZ1193" s="10"/>
      <c r="EBA1193" s="10"/>
      <c r="EBB1193" s="10"/>
      <c r="EBC1193" s="10"/>
      <c r="EBD1193" s="10"/>
      <c r="EBE1193" s="10"/>
      <c r="EBF1193" s="10"/>
      <c r="EBG1193" s="10"/>
      <c r="EBH1193" s="10"/>
      <c r="EBI1193" s="10"/>
      <c r="EBJ1193" s="10"/>
      <c r="EBK1193" s="10"/>
      <c r="EBL1193" s="10"/>
      <c r="EBM1193" s="10"/>
      <c r="EBN1193" s="10"/>
      <c r="EBO1193" s="10"/>
      <c r="EBP1193" s="10"/>
      <c r="EBQ1193" s="10"/>
      <c r="EBR1193" s="10"/>
      <c r="EBS1193" s="10"/>
      <c r="EBT1193" s="10"/>
      <c r="EBU1193" s="10"/>
      <c r="EBV1193" s="10"/>
      <c r="EBW1193" s="10"/>
      <c r="EBX1193" s="10"/>
      <c r="EBY1193" s="10"/>
      <c r="EBZ1193" s="10"/>
      <c r="ECA1193" s="10"/>
      <c r="ECB1193" s="10"/>
      <c r="ECC1193" s="10"/>
      <c r="ECD1193" s="10"/>
      <c r="ECE1193" s="10"/>
      <c r="ECF1193" s="10"/>
      <c r="ECG1193" s="10"/>
      <c r="ECH1193" s="10"/>
      <c r="ECI1193" s="10"/>
      <c r="ECJ1193" s="10"/>
      <c r="ECK1193" s="10"/>
      <c r="ECL1193" s="10"/>
      <c r="ECM1193" s="10"/>
      <c r="ECN1193" s="10"/>
      <c r="ECO1193" s="10"/>
      <c r="ECP1193" s="10"/>
      <c r="ECQ1193" s="10"/>
      <c r="ECR1193" s="10"/>
      <c r="ECS1193" s="10"/>
      <c r="ECT1193" s="10"/>
      <c r="ECU1193" s="10"/>
      <c r="ECV1193" s="10"/>
      <c r="ECW1193" s="10"/>
      <c r="ECX1193" s="10"/>
      <c r="ECY1193" s="10"/>
      <c r="ECZ1193" s="10"/>
      <c r="EDA1193" s="10"/>
      <c r="EDB1193" s="10"/>
      <c r="EDC1193" s="10"/>
      <c r="EDD1193" s="10"/>
      <c r="EDE1193" s="10"/>
      <c r="EDF1193" s="10"/>
      <c r="EDG1193" s="10"/>
      <c r="EDH1193" s="10"/>
      <c r="EDI1193" s="10"/>
      <c r="EDJ1193" s="10"/>
      <c r="EDK1193" s="10"/>
      <c r="EDL1193" s="10"/>
      <c r="EDM1193" s="10"/>
      <c r="EDN1193" s="10"/>
      <c r="EDO1193" s="10"/>
      <c r="EDP1193" s="10"/>
      <c r="EDQ1193" s="10"/>
      <c r="EDR1193" s="10"/>
      <c r="EDS1193" s="10"/>
      <c r="EDT1193" s="10"/>
      <c r="EDU1193" s="10"/>
      <c r="EDV1193" s="10"/>
      <c r="EDW1193" s="10"/>
      <c r="EDX1193" s="10"/>
      <c r="EDY1193" s="10"/>
      <c r="EDZ1193" s="10"/>
      <c r="EEA1193" s="10"/>
      <c r="EEB1193" s="10"/>
      <c r="EEC1193" s="10"/>
      <c r="EED1193" s="10"/>
      <c r="EEE1193" s="10"/>
      <c r="EEF1193" s="10"/>
      <c r="EEG1193" s="10"/>
      <c r="EEH1193" s="10"/>
      <c r="EEI1193" s="10"/>
      <c r="EEJ1193" s="10"/>
      <c r="EEK1193" s="10"/>
      <c r="EEL1193" s="10"/>
      <c r="EEM1193" s="10"/>
      <c r="EEN1193" s="10"/>
      <c r="EEO1193" s="10"/>
      <c r="EEP1193" s="10"/>
      <c r="EEQ1193" s="10"/>
      <c r="EER1193" s="10"/>
      <c r="EES1193" s="10"/>
      <c r="EET1193" s="10"/>
      <c r="EEU1193" s="10"/>
      <c r="EEV1193" s="10"/>
      <c r="EEW1193" s="10"/>
      <c r="EEX1193" s="10"/>
      <c r="EEY1193" s="10"/>
      <c r="EEZ1193" s="10"/>
      <c r="EFA1193" s="10"/>
      <c r="EFB1193" s="10"/>
      <c r="EFC1193" s="10"/>
      <c r="EFD1193" s="10"/>
      <c r="EFE1193" s="10"/>
      <c r="EFF1193" s="10"/>
      <c r="EFG1193" s="10"/>
      <c r="EFH1193" s="10"/>
      <c r="EFI1193" s="10"/>
      <c r="EFJ1193" s="10"/>
      <c r="EFK1193" s="10"/>
      <c r="EFL1193" s="10"/>
      <c r="EFM1193" s="10"/>
      <c r="EFN1193" s="10"/>
      <c r="EFO1193" s="10"/>
      <c r="EFP1193" s="10"/>
      <c r="EFQ1193" s="10"/>
      <c r="EFR1193" s="10"/>
      <c r="EFS1193" s="10"/>
      <c r="EFT1193" s="10"/>
      <c r="EFU1193" s="10"/>
      <c r="EFV1193" s="10"/>
      <c r="EFW1193" s="10"/>
      <c r="EFX1193" s="10"/>
      <c r="EFY1193" s="10"/>
      <c r="EFZ1193" s="10"/>
      <c r="EGA1193" s="10"/>
      <c r="EGB1193" s="10"/>
      <c r="EGC1193" s="10"/>
      <c r="EGD1193" s="10"/>
      <c r="EGE1193" s="10"/>
      <c r="EGF1193" s="10"/>
      <c r="EGG1193" s="10"/>
      <c r="EGH1193" s="10"/>
      <c r="EGI1193" s="10"/>
      <c r="EGJ1193" s="10"/>
      <c r="EGK1193" s="10"/>
      <c r="EGL1193" s="10"/>
      <c r="EGM1193" s="10"/>
      <c r="EGN1193" s="10"/>
      <c r="EGO1193" s="10"/>
      <c r="EGP1193" s="10"/>
      <c r="EGQ1193" s="10"/>
      <c r="EGR1193" s="10"/>
      <c r="EGS1193" s="10"/>
      <c r="EGT1193" s="10"/>
      <c r="EGU1193" s="10"/>
      <c r="EGV1193" s="10"/>
      <c r="EGW1193" s="10"/>
      <c r="EGX1193" s="10"/>
      <c r="EGY1193" s="10"/>
      <c r="EGZ1193" s="10"/>
      <c r="EHA1193" s="10"/>
      <c r="EHB1193" s="10"/>
      <c r="EHC1193" s="10"/>
      <c r="EHD1193" s="10"/>
      <c r="EHE1193" s="10"/>
      <c r="EHF1193" s="10"/>
      <c r="EHG1193" s="10"/>
      <c r="EHH1193" s="10"/>
      <c r="EHI1193" s="10"/>
      <c r="EHJ1193" s="10"/>
      <c r="EHK1193" s="10"/>
      <c r="EHL1193" s="10"/>
      <c r="EHM1193" s="10"/>
      <c r="EHN1193" s="10"/>
      <c r="EHO1193" s="10"/>
      <c r="EHP1193" s="10"/>
      <c r="EHQ1193" s="10"/>
      <c r="EHR1193" s="10"/>
      <c r="EHS1193" s="10"/>
      <c r="EHT1193" s="10"/>
      <c r="EHU1193" s="10"/>
      <c r="EHV1193" s="10"/>
      <c r="EHW1193" s="10"/>
      <c r="EHX1193" s="10"/>
      <c r="EHY1193" s="10"/>
      <c r="EHZ1193" s="10"/>
      <c r="EIA1193" s="10"/>
      <c r="EIB1193" s="10"/>
      <c r="EIC1193" s="10"/>
      <c r="EID1193" s="10"/>
      <c r="EIE1193" s="10"/>
      <c r="EIF1193" s="10"/>
      <c r="EIG1193" s="10"/>
      <c r="EIH1193" s="10"/>
      <c r="EII1193" s="10"/>
      <c r="EIJ1193" s="10"/>
      <c r="EIK1193" s="10"/>
      <c r="EIL1193" s="10"/>
      <c r="EIM1193" s="10"/>
      <c r="EIN1193" s="10"/>
      <c r="EIO1193" s="10"/>
      <c r="EIP1193" s="10"/>
      <c r="EIQ1193" s="10"/>
      <c r="EIR1193" s="10"/>
      <c r="EIS1193" s="10"/>
      <c r="EIT1193" s="10"/>
      <c r="EIU1193" s="10"/>
      <c r="EIV1193" s="10"/>
      <c r="EIW1193" s="10"/>
      <c r="EIX1193" s="10"/>
      <c r="EIY1193" s="10"/>
      <c r="EIZ1193" s="10"/>
      <c r="EJA1193" s="10"/>
      <c r="EJB1193" s="10"/>
      <c r="EJC1193" s="10"/>
      <c r="EJD1193" s="10"/>
      <c r="EJE1193" s="10"/>
      <c r="EJF1193" s="10"/>
      <c r="EJG1193" s="10"/>
      <c r="EJH1193" s="10"/>
      <c r="EJI1193" s="10"/>
      <c r="EJJ1193" s="10"/>
      <c r="EJK1193" s="10"/>
      <c r="EJL1193" s="10"/>
      <c r="EJM1193" s="10"/>
      <c r="EJN1193" s="10"/>
      <c r="EJO1193" s="10"/>
      <c r="EJP1193" s="10"/>
      <c r="EJQ1193" s="10"/>
      <c r="EJR1193" s="10"/>
      <c r="EJS1193" s="10"/>
      <c r="EJT1193" s="10"/>
      <c r="EJU1193" s="10"/>
      <c r="EJV1193" s="10"/>
      <c r="EJW1193" s="10"/>
      <c r="EJX1193" s="10"/>
      <c r="EJY1193" s="10"/>
      <c r="EJZ1193" s="10"/>
      <c r="EKA1193" s="10"/>
      <c r="EKB1193" s="10"/>
      <c r="EKC1193" s="10"/>
      <c r="EKD1193" s="10"/>
      <c r="EKE1193" s="10"/>
      <c r="EKF1193" s="10"/>
      <c r="EKG1193" s="10"/>
      <c r="EKH1193" s="10"/>
      <c r="EKI1193" s="10"/>
      <c r="EKJ1193" s="10"/>
      <c r="EKK1193" s="10"/>
      <c r="EKL1193" s="10"/>
      <c r="EKM1193" s="10"/>
      <c r="EKN1193" s="10"/>
      <c r="EKO1193" s="10"/>
      <c r="EKP1193" s="10"/>
      <c r="EKQ1193" s="10"/>
      <c r="EKR1193" s="10"/>
      <c r="EKS1193" s="10"/>
      <c r="EKT1193" s="10"/>
      <c r="EKU1193" s="10"/>
      <c r="EKV1193" s="10"/>
      <c r="EKW1193" s="10"/>
      <c r="EKX1193" s="10"/>
      <c r="EKY1193" s="10"/>
      <c r="EKZ1193" s="10"/>
      <c r="ELA1193" s="10"/>
      <c r="ELB1193" s="10"/>
      <c r="ELC1193" s="10"/>
      <c r="ELD1193" s="10"/>
      <c r="ELE1193" s="10"/>
      <c r="ELF1193" s="10"/>
      <c r="ELG1193" s="10"/>
      <c r="ELH1193" s="10"/>
      <c r="ELI1193" s="10"/>
      <c r="ELJ1193" s="10"/>
      <c r="ELK1193" s="10"/>
      <c r="ELL1193" s="10"/>
      <c r="ELM1193" s="10"/>
      <c r="ELN1193" s="10"/>
      <c r="ELO1193" s="10"/>
      <c r="ELP1193" s="10"/>
      <c r="ELQ1193" s="10"/>
      <c r="ELR1193" s="10"/>
      <c r="ELS1193" s="10"/>
      <c r="ELT1193" s="10"/>
      <c r="ELU1193" s="10"/>
      <c r="ELV1193" s="10"/>
      <c r="ELW1193" s="10"/>
      <c r="ELX1193" s="10"/>
      <c r="ELY1193" s="10"/>
      <c r="ELZ1193" s="10"/>
      <c r="EMA1193" s="10"/>
      <c r="EMB1193" s="10"/>
      <c r="EMC1193" s="10"/>
      <c r="EMD1193" s="10"/>
      <c r="EME1193" s="10"/>
      <c r="EMF1193" s="10"/>
      <c r="EMG1193" s="10"/>
      <c r="EMH1193" s="10"/>
      <c r="EMI1193" s="10"/>
      <c r="EMJ1193" s="10"/>
      <c r="EMK1193" s="10"/>
      <c r="EML1193" s="10"/>
      <c r="EMM1193" s="10"/>
      <c r="EMN1193" s="10"/>
      <c r="EMO1193" s="10"/>
      <c r="EMP1193" s="10"/>
      <c r="EMQ1193" s="10"/>
      <c r="EMR1193" s="10"/>
      <c r="EMS1193" s="10"/>
      <c r="EMT1193" s="10"/>
      <c r="EMU1193" s="10"/>
      <c r="EMV1193" s="10"/>
      <c r="EMW1193" s="10"/>
      <c r="EMX1193" s="10"/>
      <c r="EMY1193" s="10"/>
      <c r="EMZ1193" s="10"/>
      <c r="ENA1193" s="10"/>
      <c r="ENB1193" s="10"/>
      <c r="ENC1193" s="10"/>
      <c r="END1193" s="10"/>
      <c r="ENE1193" s="10"/>
      <c r="ENF1193" s="10"/>
      <c r="ENG1193" s="10"/>
      <c r="ENH1193" s="10"/>
      <c r="ENI1193" s="10"/>
      <c r="ENJ1193" s="10"/>
      <c r="ENK1193" s="10"/>
      <c r="ENL1193" s="10"/>
      <c r="ENM1193" s="10"/>
      <c r="ENN1193" s="10"/>
      <c r="ENO1193" s="10"/>
      <c r="ENP1193" s="10"/>
      <c r="ENQ1193" s="10"/>
      <c r="ENR1193" s="10"/>
      <c r="ENS1193" s="10"/>
      <c r="ENT1193" s="10"/>
      <c r="ENU1193" s="10"/>
      <c r="ENV1193" s="10"/>
      <c r="ENW1193" s="10"/>
      <c r="ENX1193" s="10"/>
      <c r="ENY1193" s="10"/>
      <c r="ENZ1193" s="10"/>
      <c r="EOA1193" s="10"/>
      <c r="EOB1193" s="10"/>
      <c r="EOC1193" s="10"/>
      <c r="EOD1193" s="10"/>
      <c r="EOE1193" s="10"/>
      <c r="EOF1193" s="10"/>
      <c r="EOG1193" s="10"/>
      <c r="EOH1193" s="10"/>
      <c r="EOI1193" s="10"/>
      <c r="EOJ1193" s="10"/>
      <c r="EOK1193" s="10"/>
      <c r="EOL1193" s="10"/>
      <c r="EOM1193" s="10"/>
      <c r="EON1193" s="10"/>
      <c r="EOO1193" s="10"/>
      <c r="EOP1193" s="10"/>
      <c r="EOQ1193" s="10"/>
      <c r="EOR1193" s="10"/>
      <c r="EOS1193" s="10"/>
      <c r="EOT1193" s="10"/>
      <c r="EOU1193" s="10"/>
      <c r="EOV1193" s="10"/>
      <c r="EOW1193" s="10"/>
      <c r="EOX1193" s="10"/>
      <c r="EOY1193" s="10"/>
      <c r="EOZ1193" s="10"/>
      <c r="EPA1193" s="10"/>
      <c r="EPB1193" s="10"/>
      <c r="EPC1193" s="10"/>
      <c r="EPD1193" s="10"/>
      <c r="EPE1193" s="10"/>
      <c r="EPF1193" s="10"/>
      <c r="EPG1193" s="10"/>
      <c r="EPH1193" s="10"/>
      <c r="EPI1193" s="10"/>
      <c r="EPJ1193" s="10"/>
      <c r="EPK1193" s="10"/>
      <c r="EPL1193" s="10"/>
      <c r="EPM1193" s="10"/>
      <c r="EPN1193" s="10"/>
      <c r="EPO1193" s="10"/>
      <c r="EPP1193" s="10"/>
      <c r="EPQ1193" s="10"/>
      <c r="EPR1193" s="10"/>
      <c r="EPS1193" s="10"/>
      <c r="EPT1193" s="10"/>
      <c r="EPU1193" s="10"/>
      <c r="EPV1193" s="10"/>
      <c r="EPW1193" s="10"/>
      <c r="EPX1193" s="10"/>
      <c r="EPY1193" s="10"/>
      <c r="EPZ1193" s="10"/>
      <c r="EQA1193" s="10"/>
      <c r="EQB1193" s="10"/>
      <c r="EQC1193" s="10"/>
      <c r="EQD1193" s="10"/>
      <c r="EQE1193" s="10"/>
      <c r="EQF1193" s="10"/>
      <c r="EQG1193" s="10"/>
      <c r="EQH1193" s="10"/>
      <c r="EQI1193" s="10"/>
      <c r="EQJ1193" s="10"/>
      <c r="EQK1193" s="10"/>
      <c r="EQL1193" s="10"/>
      <c r="EQM1193" s="10"/>
      <c r="EQN1193" s="10"/>
      <c r="EQO1193" s="10"/>
      <c r="EQP1193" s="10"/>
      <c r="EQQ1193" s="10"/>
      <c r="EQR1193" s="10"/>
      <c r="EQS1193" s="10"/>
      <c r="EQT1193" s="10"/>
      <c r="EQU1193" s="10"/>
      <c r="EQV1193" s="10"/>
      <c r="EQW1193" s="10"/>
      <c r="EQX1193" s="10"/>
      <c r="EQY1193" s="10"/>
      <c r="EQZ1193" s="10"/>
      <c r="ERA1193" s="10"/>
      <c r="ERB1193" s="10"/>
      <c r="ERC1193" s="10"/>
      <c r="ERD1193" s="10"/>
      <c r="ERE1193" s="10"/>
      <c r="ERF1193" s="10"/>
      <c r="ERG1193" s="10"/>
      <c r="ERH1193" s="10"/>
      <c r="ERI1193" s="10"/>
      <c r="ERJ1193" s="10"/>
      <c r="ERK1193" s="10"/>
      <c r="ERL1193" s="10"/>
      <c r="ERM1193" s="10"/>
      <c r="ERN1193" s="10"/>
      <c r="ERO1193" s="10"/>
      <c r="ERP1193" s="10"/>
      <c r="ERQ1193" s="10"/>
      <c r="ERR1193" s="10"/>
      <c r="ERS1193" s="10"/>
      <c r="ERT1193" s="10"/>
      <c r="ERU1193" s="10"/>
      <c r="ERV1193" s="10"/>
      <c r="ERW1193" s="10"/>
      <c r="ERX1193" s="10"/>
      <c r="ERY1193" s="10"/>
      <c r="ERZ1193" s="10"/>
      <c r="ESA1193" s="10"/>
      <c r="ESB1193" s="10"/>
      <c r="ESC1193" s="10"/>
      <c r="ESD1193" s="10"/>
      <c r="ESE1193" s="10"/>
      <c r="ESF1193" s="10"/>
      <c r="ESG1193" s="10"/>
      <c r="ESH1193" s="10"/>
      <c r="ESI1193" s="10"/>
      <c r="ESJ1193" s="10"/>
      <c r="ESK1193" s="10"/>
      <c r="ESL1193" s="10"/>
      <c r="ESM1193" s="10"/>
      <c r="ESN1193" s="10"/>
      <c r="ESO1193" s="10"/>
      <c r="ESP1193" s="10"/>
      <c r="ESQ1193" s="10"/>
      <c r="ESR1193" s="10"/>
      <c r="ESS1193" s="10"/>
      <c r="EST1193" s="10"/>
      <c r="ESU1193" s="10"/>
      <c r="ESV1193" s="10"/>
      <c r="ESW1193" s="10"/>
      <c r="ESX1193" s="10"/>
      <c r="ESY1193" s="10"/>
      <c r="ESZ1193" s="10"/>
      <c r="ETA1193" s="10"/>
      <c r="ETB1193" s="10"/>
      <c r="ETC1193" s="10"/>
      <c r="ETD1193" s="10"/>
      <c r="ETE1193" s="10"/>
      <c r="ETF1193" s="10"/>
      <c r="ETG1193" s="10"/>
      <c r="ETH1193" s="10"/>
      <c r="ETI1193" s="10"/>
      <c r="ETJ1193" s="10"/>
      <c r="ETK1193" s="10"/>
      <c r="ETL1193" s="10"/>
      <c r="ETM1193" s="10"/>
      <c r="ETN1193" s="10"/>
      <c r="ETO1193" s="10"/>
      <c r="ETP1193" s="10"/>
      <c r="ETQ1193" s="10"/>
      <c r="ETR1193" s="10"/>
      <c r="ETS1193" s="10"/>
      <c r="ETT1193" s="10"/>
      <c r="ETU1193" s="10"/>
      <c r="ETV1193" s="10"/>
      <c r="ETW1193" s="10"/>
      <c r="ETX1193" s="10"/>
      <c r="ETY1193" s="10"/>
      <c r="ETZ1193" s="10"/>
      <c r="EUA1193" s="10"/>
      <c r="EUB1193" s="10"/>
      <c r="EUC1193" s="10"/>
      <c r="EUD1193" s="10"/>
      <c r="EUE1193" s="10"/>
      <c r="EUF1193" s="10"/>
      <c r="EUG1193" s="10"/>
      <c r="EUH1193" s="10"/>
      <c r="EUI1193" s="10"/>
      <c r="EUJ1193" s="10"/>
      <c r="EUK1193" s="10"/>
      <c r="EUL1193" s="10"/>
      <c r="EUM1193" s="10"/>
      <c r="EUN1193" s="10"/>
      <c r="EUO1193" s="10"/>
      <c r="EUP1193" s="10"/>
      <c r="EUQ1193" s="10"/>
      <c r="EUR1193" s="10"/>
      <c r="EUS1193" s="10"/>
      <c r="EUT1193" s="10"/>
      <c r="EUU1193" s="10"/>
      <c r="EUV1193" s="10"/>
      <c r="EUW1193" s="10"/>
      <c r="EUX1193" s="10"/>
      <c r="EUY1193" s="10"/>
      <c r="EUZ1193" s="10"/>
      <c r="EVA1193" s="10"/>
      <c r="EVB1193" s="10"/>
      <c r="EVC1193" s="10"/>
      <c r="EVD1193" s="10"/>
      <c r="EVE1193" s="10"/>
      <c r="EVF1193" s="10"/>
      <c r="EVG1193" s="10"/>
      <c r="EVH1193" s="10"/>
      <c r="EVI1193" s="10"/>
      <c r="EVJ1193" s="10"/>
      <c r="EVK1193" s="10"/>
      <c r="EVL1193" s="10"/>
      <c r="EVM1193" s="10"/>
      <c r="EVN1193" s="10"/>
      <c r="EVO1193" s="10"/>
      <c r="EVP1193" s="10"/>
      <c r="EVQ1193" s="10"/>
      <c r="EVR1193" s="10"/>
      <c r="EVS1193" s="10"/>
      <c r="EVT1193" s="10"/>
      <c r="EVU1193" s="10"/>
      <c r="EVV1193" s="10"/>
      <c r="EVW1193" s="10"/>
      <c r="EVX1193" s="10"/>
      <c r="EVY1193" s="10"/>
      <c r="EVZ1193" s="10"/>
      <c r="EWA1193" s="10"/>
      <c r="EWB1193" s="10"/>
      <c r="EWC1193" s="10"/>
      <c r="EWD1193" s="10"/>
      <c r="EWE1193" s="10"/>
      <c r="EWF1193" s="10"/>
      <c r="EWG1193" s="10"/>
      <c r="EWH1193" s="10"/>
      <c r="EWI1193" s="10"/>
      <c r="EWJ1193" s="10"/>
      <c r="EWK1193" s="10"/>
      <c r="EWL1193" s="10"/>
      <c r="EWM1193" s="10"/>
      <c r="EWN1193" s="10"/>
      <c r="EWO1193" s="10"/>
      <c r="EWP1193" s="10"/>
      <c r="EWQ1193" s="10"/>
      <c r="EWR1193" s="10"/>
      <c r="EWS1193" s="10"/>
      <c r="EWT1193" s="10"/>
      <c r="EWU1193" s="10"/>
      <c r="EWV1193" s="10"/>
      <c r="EWW1193" s="10"/>
      <c r="EWX1193" s="10"/>
      <c r="EWY1193" s="10"/>
      <c r="EWZ1193" s="10"/>
      <c r="EXA1193" s="10"/>
      <c r="EXB1193" s="10"/>
      <c r="EXC1193" s="10"/>
      <c r="EXD1193" s="10"/>
      <c r="EXE1193" s="10"/>
      <c r="EXF1193" s="10"/>
      <c r="EXG1193" s="10"/>
      <c r="EXH1193" s="10"/>
      <c r="EXI1193" s="10"/>
      <c r="EXJ1193" s="10"/>
      <c r="EXK1193" s="10"/>
      <c r="EXL1193" s="10"/>
      <c r="EXM1193" s="10"/>
      <c r="EXN1193" s="10"/>
      <c r="EXO1193" s="10"/>
      <c r="EXP1193" s="10"/>
      <c r="EXQ1193" s="10"/>
      <c r="EXR1193" s="10"/>
      <c r="EXS1193" s="10"/>
      <c r="EXT1193" s="10"/>
      <c r="EXU1193" s="10"/>
      <c r="EXV1193" s="10"/>
      <c r="EXW1193" s="10"/>
      <c r="EXX1193" s="10"/>
      <c r="EXY1193" s="10"/>
      <c r="EXZ1193" s="10"/>
      <c r="EYA1193" s="10"/>
      <c r="EYB1193" s="10"/>
      <c r="EYC1193" s="10"/>
      <c r="EYD1193" s="10"/>
      <c r="EYE1193" s="10"/>
      <c r="EYF1193" s="10"/>
      <c r="EYG1193" s="10"/>
      <c r="EYH1193" s="10"/>
      <c r="EYI1193" s="10"/>
      <c r="EYJ1193" s="10"/>
      <c r="EYK1193" s="10"/>
      <c r="EYL1193" s="10"/>
      <c r="EYM1193" s="10"/>
      <c r="EYN1193" s="10"/>
      <c r="EYO1193" s="10"/>
      <c r="EYP1193" s="10"/>
      <c r="EYQ1193" s="10"/>
      <c r="EYR1193" s="10"/>
      <c r="EYS1193" s="10"/>
      <c r="EYT1193" s="10"/>
      <c r="EYU1193" s="10"/>
      <c r="EYV1193" s="10"/>
      <c r="EYW1193" s="10"/>
      <c r="EYX1193" s="10"/>
      <c r="EYY1193" s="10"/>
      <c r="EYZ1193" s="10"/>
      <c r="EZA1193" s="10"/>
      <c r="EZB1193" s="10"/>
      <c r="EZC1193" s="10"/>
      <c r="EZD1193" s="10"/>
      <c r="EZE1193" s="10"/>
      <c r="EZF1193" s="10"/>
      <c r="EZG1193" s="10"/>
      <c r="EZH1193" s="10"/>
      <c r="EZI1193" s="10"/>
      <c r="EZJ1193" s="10"/>
      <c r="EZK1193" s="10"/>
      <c r="EZL1193" s="10"/>
      <c r="EZM1193" s="10"/>
      <c r="EZN1193" s="10"/>
      <c r="EZO1193" s="10"/>
      <c r="EZP1193" s="10"/>
      <c r="EZQ1193" s="10"/>
      <c r="EZR1193" s="10"/>
      <c r="EZS1193" s="10"/>
      <c r="EZT1193" s="10"/>
      <c r="EZU1193" s="10"/>
      <c r="EZV1193" s="10"/>
      <c r="EZW1193" s="10"/>
      <c r="EZX1193" s="10"/>
      <c r="EZY1193" s="10"/>
      <c r="EZZ1193" s="10"/>
      <c r="FAA1193" s="10"/>
      <c r="FAB1193" s="10"/>
      <c r="FAC1193" s="10"/>
      <c r="FAD1193" s="10"/>
      <c r="FAE1193" s="10"/>
      <c r="FAF1193" s="10"/>
      <c r="FAG1193" s="10"/>
      <c r="FAH1193" s="10"/>
      <c r="FAI1193" s="10"/>
      <c r="FAJ1193" s="10"/>
      <c r="FAK1193" s="10"/>
      <c r="FAL1193" s="10"/>
      <c r="FAM1193" s="10"/>
      <c r="FAN1193" s="10"/>
      <c r="FAO1193" s="10"/>
      <c r="FAP1193" s="10"/>
      <c r="FAQ1193" s="10"/>
      <c r="FAR1193" s="10"/>
      <c r="FAS1193" s="10"/>
      <c r="FAT1193" s="10"/>
      <c r="FAU1193" s="10"/>
      <c r="FAV1193" s="10"/>
      <c r="FAW1193" s="10"/>
      <c r="FAX1193" s="10"/>
      <c r="FAY1193" s="10"/>
      <c r="FAZ1193" s="10"/>
      <c r="FBA1193" s="10"/>
      <c r="FBB1193" s="10"/>
      <c r="FBC1193" s="10"/>
      <c r="FBD1193" s="10"/>
      <c r="FBE1193" s="10"/>
      <c r="FBF1193" s="10"/>
      <c r="FBG1193" s="10"/>
      <c r="FBH1193" s="10"/>
      <c r="FBI1193" s="10"/>
      <c r="FBJ1193" s="10"/>
      <c r="FBK1193" s="10"/>
      <c r="FBL1193" s="10"/>
      <c r="FBM1193" s="10"/>
      <c r="FBN1193" s="10"/>
      <c r="FBO1193" s="10"/>
      <c r="FBP1193" s="10"/>
      <c r="FBQ1193" s="10"/>
      <c r="FBR1193" s="10"/>
      <c r="FBS1193" s="10"/>
      <c r="FBT1193" s="10"/>
      <c r="FBU1193" s="10"/>
      <c r="FBV1193" s="10"/>
      <c r="FBW1193" s="10"/>
      <c r="FBX1193" s="10"/>
      <c r="FBY1193" s="10"/>
      <c r="FBZ1193" s="10"/>
      <c r="FCA1193" s="10"/>
      <c r="FCB1193" s="10"/>
      <c r="FCC1193" s="10"/>
      <c r="FCD1193" s="10"/>
      <c r="FCE1193" s="10"/>
      <c r="FCF1193" s="10"/>
      <c r="FCG1193" s="10"/>
      <c r="FCH1193" s="10"/>
      <c r="FCI1193" s="10"/>
      <c r="FCJ1193" s="10"/>
      <c r="FCK1193" s="10"/>
      <c r="FCL1193" s="10"/>
      <c r="FCM1193" s="10"/>
      <c r="FCN1193" s="10"/>
      <c r="FCO1193" s="10"/>
      <c r="FCP1193" s="10"/>
      <c r="FCQ1193" s="10"/>
      <c r="FCR1193" s="10"/>
      <c r="FCS1193" s="10"/>
      <c r="FCT1193" s="10"/>
      <c r="FCU1193" s="10"/>
      <c r="FCV1193" s="10"/>
      <c r="FCW1193" s="10"/>
      <c r="FCX1193" s="10"/>
      <c r="FCY1193" s="10"/>
      <c r="FCZ1193" s="10"/>
      <c r="FDA1193" s="10"/>
      <c r="FDB1193" s="10"/>
      <c r="FDC1193" s="10"/>
      <c r="FDD1193" s="10"/>
      <c r="FDE1193" s="10"/>
      <c r="FDF1193" s="10"/>
      <c r="FDG1193" s="10"/>
      <c r="FDH1193" s="10"/>
      <c r="FDI1193" s="10"/>
      <c r="FDJ1193" s="10"/>
      <c r="FDK1193" s="10"/>
      <c r="FDL1193" s="10"/>
      <c r="FDM1193" s="10"/>
      <c r="FDN1193" s="10"/>
      <c r="FDO1193" s="10"/>
      <c r="FDP1193" s="10"/>
      <c r="FDQ1193" s="10"/>
      <c r="FDR1193" s="10"/>
      <c r="FDS1193" s="10"/>
      <c r="FDT1193" s="10"/>
      <c r="FDU1193" s="10"/>
      <c r="FDV1193" s="10"/>
      <c r="FDW1193" s="10"/>
      <c r="FDX1193" s="10"/>
      <c r="FDY1193" s="10"/>
      <c r="FDZ1193" s="10"/>
      <c r="FEA1193" s="10"/>
      <c r="FEB1193" s="10"/>
      <c r="FEC1193" s="10"/>
      <c r="FED1193" s="10"/>
      <c r="FEE1193" s="10"/>
      <c r="FEF1193" s="10"/>
      <c r="FEG1193" s="10"/>
      <c r="FEH1193" s="10"/>
      <c r="FEI1193" s="10"/>
      <c r="FEJ1193" s="10"/>
      <c r="FEK1193" s="10"/>
      <c r="FEL1193" s="10"/>
      <c r="FEM1193" s="10"/>
      <c r="FEN1193" s="10"/>
      <c r="FEO1193" s="10"/>
      <c r="FEP1193" s="10"/>
      <c r="FEQ1193" s="10"/>
      <c r="FER1193" s="10"/>
      <c r="FES1193" s="10"/>
      <c r="FET1193" s="10"/>
      <c r="FEU1193" s="10"/>
      <c r="FEV1193" s="10"/>
      <c r="FEW1193" s="10"/>
      <c r="FEX1193" s="10"/>
      <c r="FEY1193" s="10"/>
      <c r="FEZ1193" s="10"/>
      <c r="FFA1193" s="10"/>
      <c r="FFB1193" s="10"/>
      <c r="FFC1193" s="10"/>
      <c r="FFD1193" s="10"/>
      <c r="FFE1193" s="10"/>
      <c r="FFF1193" s="10"/>
      <c r="FFG1193" s="10"/>
      <c r="FFH1193" s="10"/>
      <c r="FFI1193" s="10"/>
      <c r="FFJ1193" s="10"/>
      <c r="FFK1193" s="10"/>
      <c r="FFL1193" s="10"/>
      <c r="FFM1193" s="10"/>
      <c r="FFN1193" s="10"/>
      <c r="FFO1193" s="10"/>
      <c r="FFP1193" s="10"/>
      <c r="FFQ1193" s="10"/>
      <c r="FFR1193" s="10"/>
      <c r="FFS1193" s="10"/>
      <c r="FFT1193" s="10"/>
      <c r="FFU1193" s="10"/>
      <c r="FFV1193" s="10"/>
      <c r="FFW1193" s="10"/>
      <c r="FFX1193" s="10"/>
      <c r="FFY1193" s="10"/>
      <c r="FFZ1193" s="10"/>
      <c r="FGA1193" s="10"/>
      <c r="FGB1193" s="10"/>
      <c r="FGC1193" s="10"/>
      <c r="FGD1193" s="10"/>
      <c r="FGE1193" s="10"/>
      <c r="FGF1193" s="10"/>
      <c r="FGG1193" s="10"/>
      <c r="FGH1193" s="10"/>
      <c r="FGI1193" s="10"/>
      <c r="FGJ1193" s="10"/>
      <c r="FGK1193" s="10"/>
      <c r="FGL1193" s="10"/>
      <c r="FGM1193" s="10"/>
      <c r="FGN1193" s="10"/>
      <c r="FGO1193" s="10"/>
      <c r="FGP1193" s="10"/>
      <c r="FGQ1193" s="10"/>
      <c r="FGR1193" s="10"/>
      <c r="FGS1193" s="10"/>
      <c r="FGT1193" s="10"/>
      <c r="FGU1193" s="10"/>
      <c r="FGV1193" s="10"/>
      <c r="FGW1193" s="10"/>
      <c r="FGX1193" s="10"/>
      <c r="FGY1193" s="10"/>
      <c r="FGZ1193" s="10"/>
      <c r="FHA1193" s="10"/>
      <c r="FHB1193" s="10"/>
      <c r="FHC1193" s="10"/>
      <c r="FHD1193" s="10"/>
      <c r="FHE1193" s="10"/>
      <c r="FHF1193" s="10"/>
      <c r="FHG1193" s="10"/>
      <c r="FHH1193" s="10"/>
      <c r="FHI1193" s="10"/>
      <c r="FHJ1193" s="10"/>
      <c r="FHK1193" s="10"/>
      <c r="FHL1193" s="10"/>
      <c r="FHM1193" s="10"/>
      <c r="FHN1193" s="10"/>
      <c r="FHO1193" s="10"/>
      <c r="FHP1193" s="10"/>
      <c r="FHQ1193" s="10"/>
      <c r="FHR1193" s="10"/>
      <c r="FHS1193" s="10"/>
      <c r="FHT1193" s="10"/>
      <c r="FHU1193" s="10"/>
      <c r="FHV1193" s="10"/>
      <c r="FHW1193" s="10"/>
      <c r="FHX1193" s="10"/>
      <c r="FHY1193" s="10"/>
      <c r="FHZ1193" s="10"/>
      <c r="FIA1193" s="10"/>
      <c r="FIB1193" s="10"/>
      <c r="FIC1193" s="10"/>
      <c r="FID1193" s="10"/>
      <c r="FIE1193" s="10"/>
      <c r="FIF1193" s="10"/>
      <c r="FIG1193" s="10"/>
      <c r="FIH1193" s="10"/>
      <c r="FII1193" s="10"/>
      <c r="FIJ1193" s="10"/>
      <c r="FIK1193" s="10"/>
      <c r="FIL1193" s="10"/>
      <c r="FIM1193" s="10"/>
      <c r="FIN1193" s="10"/>
      <c r="FIO1193" s="10"/>
      <c r="FIP1193" s="10"/>
      <c r="FIQ1193" s="10"/>
      <c r="FIR1193" s="10"/>
      <c r="FIS1193" s="10"/>
      <c r="FIT1193" s="10"/>
      <c r="FIU1193" s="10"/>
      <c r="FIV1193" s="10"/>
      <c r="FIW1193" s="10"/>
      <c r="FIX1193" s="10"/>
      <c r="FIY1193" s="10"/>
      <c r="FIZ1193" s="10"/>
      <c r="FJA1193" s="10"/>
      <c r="FJB1193" s="10"/>
      <c r="FJC1193" s="10"/>
      <c r="FJD1193" s="10"/>
      <c r="FJE1193" s="10"/>
      <c r="FJF1193" s="10"/>
      <c r="FJG1193" s="10"/>
      <c r="FJH1193" s="10"/>
      <c r="FJI1193" s="10"/>
      <c r="FJJ1193" s="10"/>
      <c r="FJK1193" s="10"/>
      <c r="FJL1193" s="10"/>
      <c r="FJM1193" s="10"/>
      <c r="FJN1193" s="10"/>
      <c r="FJO1193" s="10"/>
      <c r="FJP1193" s="10"/>
      <c r="FJQ1193" s="10"/>
      <c r="FJR1193" s="10"/>
      <c r="FJS1193" s="10"/>
      <c r="FJT1193" s="10"/>
      <c r="FJU1193" s="10"/>
      <c r="FJV1193" s="10"/>
      <c r="FJW1193" s="10"/>
      <c r="FJX1193" s="10"/>
      <c r="FJY1193" s="10"/>
      <c r="FJZ1193" s="10"/>
      <c r="FKA1193" s="10"/>
      <c r="FKB1193" s="10"/>
      <c r="FKC1193" s="10"/>
      <c r="FKD1193" s="10"/>
      <c r="FKE1193" s="10"/>
      <c r="FKF1193" s="10"/>
      <c r="FKG1193" s="10"/>
      <c r="FKH1193" s="10"/>
      <c r="FKI1193" s="10"/>
      <c r="FKJ1193" s="10"/>
      <c r="FKK1193" s="10"/>
      <c r="FKL1193" s="10"/>
      <c r="FKM1193" s="10"/>
      <c r="FKN1193" s="10"/>
      <c r="FKO1193" s="10"/>
      <c r="FKP1193" s="10"/>
      <c r="FKQ1193" s="10"/>
      <c r="FKR1193" s="10"/>
      <c r="FKS1193" s="10"/>
      <c r="FKT1193" s="10"/>
      <c r="FKU1193" s="10"/>
      <c r="FKV1193" s="10"/>
      <c r="FKW1193" s="10"/>
      <c r="FKX1193" s="10"/>
      <c r="FKY1193" s="10"/>
      <c r="FKZ1193" s="10"/>
      <c r="FLA1193" s="10"/>
      <c r="FLB1193" s="10"/>
      <c r="FLC1193" s="10"/>
      <c r="FLD1193" s="10"/>
      <c r="FLE1193" s="10"/>
      <c r="FLF1193" s="10"/>
      <c r="FLG1193" s="10"/>
      <c r="FLH1193" s="10"/>
      <c r="FLI1193" s="10"/>
      <c r="FLJ1193" s="10"/>
      <c r="FLK1193" s="10"/>
      <c r="FLL1193" s="10"/>
      <c r="FLM1193" s="10"/>
      <c r="FLN1193" s="10"/>
      <c r="FLO1193" s="10"/>
      <c r="FLP1193" s="10"/>
      <c r="FLQ1193" s="10"/>
      <c r="FLR1193" s="10"/>
      <c r="FLS1193" s="10"/>
      <c r="FLT1193" s="10"/>
      <c r="FLU1193" s="10"/>
      <c r="FLV1193" s="10"/>
      <c r="FLW1193" s="10"/>
      <c r="FLX1193" s="10"/>
      <c r="FLY1193" s="10"/>
      <c r="FLZ1193" s="10"/>
      <c r="FMA1193" s="10"/>
      <c r="FMB1193" s="10"/>
      <c r="FMC1193" s="10"/>
      <c r="FMD1193" s="10"/>
      <c r="FME1193" s="10"/>
      <c r="FMF1193" s="10"/>
      <c r="FMG1193" s="10"/>
      <c r="FMH1193" s="10"/>
      <c r="FMI1193" s="10"/>
      <c r="FMJ1193" s="10"/>
      <c r="FMK1193" s="10"/>
      <c r="FML1193" s="10"/>
      <c r="FMM1193" s="10"/>
      <c r="FMN1193" s="10"/>
      <c r="FMO1193" s="10"/>
      <c r="FMP1193" s="10"/>
      <c r="FMQ1193" s="10"/>
      <c r="FMR1193" s="10"/>
      <c r="FMS1193" s="10"/>
      <c r="FMT1193" s="10"/>
      <c r="FMU1193" s="10"/>
      <c r="FMV1193" s="10"/>
      <c r="FMW1193" s="10"/>
      <c r="FMX1193" s="10"/>
      <c r="FMY1193" s="10"/>
      <c r="FMZ1193" s="10"/>
      <c r="FNA1193" s="10"/>
      <c r="FNB1193" s="10"/>
      <c r="FNC1193" s="10"/>
      <c r="FND1193" s="10"/>
      <c r="FNE1193" s="10"/>
      <c r="FNF1193" s="10"/>
      <c r="FNG1193" s="10"/>
      <c r="FNH1193" s="10"/>
      <c r="FNI1193" s="10"/>
      <c r="FNJ1193" s="10"/>
      <c r="FNK1193" s="10"/>
      <c r="FNL1193" s="10"/>
      <c r="FNM1193" s="10"/>
      <c r="FNN1193" s="10"/>
      <c r="FNO1193" s="10"/>
      <c r="FNP1193" s="10"/>
      <c r="FNQ1193" s="10"/>
      <c r="FNR1193" s="10"/>
      <c r="FNS1193" s="10"/>
      <c r="FNT1193" s="10"/>
      <c r="FNU1193" s="10"/>
      <c r="FNV1193" s="10"/>
      <c r="FNW1193" s="10"/>
      <c r="FNX1193" s="10"/>
      <c r="FNY1193" s="10"/>
      <c r="FNZ1193" s="10"/>
      <c r="FOA1193" s="10"/>
      <c r="FOB1193" s="10"/>
      <c r="FOC1193" s="10"/>
      <c r="FOD1193" s="10"/>
      <c r="FOE1193" s="10"/>
      <c r="FOF1193" s="10"/>
      <c r="FOG1193" s="10"/>
      <c r="FOH1193" s="10"/>
      <c r="FOI1193" s="10"/>
      <c r="FOJ1193" s="10"/>
      <c r="FOK1193" s="10"/>
      <c r="FOL1193" s="10"/>
      <c r="FOM1193" s="10"/>
      <c r="FON1193" s="10"/>
      <c r="FOO1193" s="10"/>
      <c r="FOP1193" s="10"/>
      <c r="FOQ1193" s="10"/>
      <c r="FOR1193" s="10"/>
      <c r="FOS1193" s="10"/>
      <c r="FOT1193" s="10"/>
      <c r="FOU1193" s="10"/>
      <c r="FOV1193" s="10"/>
      <c r="FOW1193" s="10"/>
      <c r="FOX1193" s="10"/>
      <c r="FOY1193" s="10"/>
      <c r="FOZ1193" s="10"/>
      <c r="FPA1193" s="10"/>
      <c r="FPB1193" s="10"/>
      <c r="FPC1193" s="10"/>
      <c r="FPD1193" s="10"/>
      <c r="FPE1193" s="10"/>
      <c r="FPF1193" s="10"/>
      <c r="FPG1193" s="10"/>
      <c r="FPH1193" s="10"/>
      <c r="FPI1193" s="10"/>
      <c r="FPJ1193" s="10"/>
      <c r="FPK1193" s="10"/>
      <c r="FPL1193" s="10"/>
      <c r="FPM1193" s="10"/>
      <c r="FPN1193" s="10"/>
      <c r="FPO1193" s="10"/>
      <c r="FPP1193" s="10"/>
      <c r="FPQ1193" s="10"/>
      <c r="FPR1193" s="10"/>
      <c r="FPS1193" s="10"/>
      <c r="FPT1193" s="10"/>
      <c r="FPU1193" s="10"/>
      <c r="FPV1193" s="10"/>
      <c r="FPW1193" s="10"/>
      <c r="FPX1193" s="10"/>
      <c r="FPY1193" s="10"/>
      <c r="FPZ1193" s="10"/>
      <c r="FQA1193" s="10"/>
      <c r="FQB1193" s="10"/>
      <c r="FQC1193" s="10"/>
      <c r="FQD1193" s="10"/>
      <c r="FQE1193" s="10"/>
      <c r="FQF1193" s="10"/>
      <c r="FQG1193" s="10"/>
      <c r="FQH1193" s="10"/>
      <c r="FQI1193" s="10"/>
      <c r="FQJ1193" s="10"/>
      <c r="FQK1193" s="10"/>
      <c r="FQL1193" s="10"/>
      <c r="FQM1193" s="10"/>
      <c r="FQN1193" s="10"/>
      <c r="FQO1193" s="10"/>
      <c r="FQP1193" s="10"/>
      <c r="FQQ1193" s="10"/>
      <c r="FQR1193" s="10"/>
      <c r="FQS1193" s="10"/>
      <c r="FQT1193" s="10"/>
      <c r="FQU1193" s="10"/>
      <c r="FQV1193" s="10"/>
      <c r="FQW1193" s="10"/>
      <c r="FQX1193" s="10"/>
      <c r="FQY1193" s="10"/>
      <c r="FQZ1193" s="10"/>
      <c r="FRA1193" s="10"/>
      <c r="FRB1193" s="10"/>
      <c r="FRC1193" s="10"/>
      <c r="FRD1193" s="10"/>
      <c r="FRE1193" s="10"/>
      <c r="FRF1193" s="10"/>
      <c r="FRG1193" s="10"/>
      <c r="FRH1193" s="10"/>
      <c r="FRI1193" s="10"/>
      <c r="FRJ1193" s="10"/>
      <c r="FRK1193" s="10"/>
      <c r="FRL1193" s="10"/>
      <c r="FRM1193" s="10"/>
      <c r="FRN1193" s="10"/>
      <c r="FRO1193" s="10"/>
      <c r="FRP1193" s="10"/>
      <c r="FRQ1193" s="10"/>
      <c r="FRR1193" s="10"/>
      <c r="FRS1193" s="10"/>
      <c r="FRT1193" s="10"/>
      <c r="FRU1193" s="10"/>
      <c r="FRV1193" s="10"/>
      <c r="FRW1193" s="10"/>
      <c r="FRX1193" s="10"/>
      <c r="FRY1193" s="10"/>
      <c r="FRZ1193" s="10"/>
      <c r="FSA1193" s="10"/>
      <c r="FSB1193" s="10"/>
      <c r="FSC1193" s="10"/>
      <c r="FSD1193" s="10"/>
      <c r="FSE1193" s="10"/>
      <c r="FSF1193" s="10"/>
      <c r="FSG1193" s="10"/>
      <c r="FSH1193" s="10"/>
      <c r="FSI1193" s="10"/>
      <c r="FSJ1193" s="10"/>
      <c r="FSK1193" s="10"/>
      <c r="FSL1193" s="10"/>
      <c r="FSM1193" s="10"/>
      <c r="FSN1193" s="10"/>
      <c r="FSO1193" s="10"/>
      <c r="FSP1193" s="10"/>
      <c r="FSQ1193" s="10"/>
      <c r="FSR1193" s="10"/>
      <c r="FSS1193" s="10"/>
      <c r="FST1193" s="10"/>
      <c r="FSU1193" s="10"/>
      <c r="FSV1193" s="10"/>
      <c r="FSW1193" s="10"/>
      <c r="FSX1193" s="10"/>
      <c r="FSY1193" s="10"/>
      <c r="FSZ1193" s="10"/>
      <c r="FTA1193" s="10"/>
      <c r="FTB1193" s="10"/>
      <c r="FTC1193" s="10"/>
      <c r="FTD1193" s="10"/>
      <c r="FTE1193" s="10"/>
      <c r="FTF1193" s="10"/>
      <c r="FTG1193" s="10"/>
      <c r="FTH1193" s="10"/>
      <c r="FTI1193" s="10"/>
      <c r="FTJ1193" s="10"/>
      <c r="FTK1193" s="10"/>
      <c r="FTL1193" s="10"/>
      <c r="FTM1193" s="10"/>
      <c r="FTN1193" s="10"/>
      <c r="FTO1193" s="10"/>
      <c r="FTP1193" s="10"/>
      <c r="FTQ1193" s="10"/>
      <c r="FTR1193" s="10"/>
      <c r="FTS1193" s="10"/>
      <c r="FTT1193" s="10"/>
      <c r="FTU1193" s="10"/>
      <c r="FTV1193" s="10"/>
      <c r="FTW1193" s="10"/>
      <c r="FTX1193" s="10"/>
      <c r="FTY1193" s="10"/>
      <c r="FTZ1193" s="10"/>
      <c r="FUA1193" s="10"/>
      <c r="FUB1193" s="10"/>
      <c r="FUC1193" s="10"/>
      <c r="FUD1193" s="10"/>
      <c r="FUE1193" s="10"/>
      <c r="FUF1193" s="10"/>
      <c r="FUG1193" s="10"/>
      <c r="FUH1193" s="10"/>
      <c r="FUI1193" s="10"/>
      <c r="FUJ1193" s="10"/>
      <c r="FUK1193" s="10"/>
      <c r="FUL1193" s="10"/>
      <c r="FUM1193" s="10"/>
      <c r="FUN1193" s="10"/>
      <c r="FUO1193" s="10"/>
      <c r="FUP1193" s="10"/>
      <c r="FUQ1193" s="10"/>
      <c r="FUR1193" s="10"/>
      <c r="FUS1193" s="10"/>
      <c r="FUT1193" s="10"/>
      <c r="FUU1193" s="10"/>
      <c r="FUV1193" s="10"/>
      <c r="FUW1193" s="10"/>
      <c r="FUX1193" s="10"/>
      <c r="FUY1193" s="10"/>
      <c r="FUZ1193" s="10"/>
      <c r="FVA1193" s="10"/>
      <c r="FVB1193" s="10"/>
      <c r="FVC1193" s="10"/>
      <c r="FVD1193" s="10"/>
      <c r="FVE1193" s="10"/>
      <c r="FVF1193" s="10"/>
      <c r="FVG1193" s="10"/>
      <c r="FVH1193" s="10"/>
      <c r="FVI1193" s="10"/>
      <c r="FVJ1193" s="10"/>
      <c r="FVK1193" s="10"/>
      <c r="FVL1193" s="10"/>
      <c r="FVM1193" s="10"/>
      <c r="FVN1193" s="10"/>
      <c r="FVO1193" s="10"/>
      <c r="FVP1193" s="10"/>
      <c r="FVQ1193" s="10"/>
      <c r="FVR1193" s="10"/>
      <c r="FVS1193" s="10"/>
      <c r="FVT1193" s="10"/>
      <c r="FVU1193" s="10"/>
      <c r="FVV1193" s="10"/>
      <c r="FVW1193" s="10"/>
      <c r="FVX1193" s="10"/>
      <c r="FVY1193" s="10"/>
      <c r="FVZ1193" s="10"/>
      <c r="FWA1193" s="10"/>
      <c r="FWB1193" s="10"/>
      <c r="FWC1193" s="10"/>
      <c r="FWD1193" s="10"/>
      <c r="FWE1193" s="10"/>
      <c r="FWF1193" s="10"/>
      <c r="FWG1193" s="10"/>
      <c r="FWH1193" s="10"/>
      <c r="FWI1193" s="10"/>
      <c r="FWJ1193" s="10"/>
      <c r="FWK1193" s="10"/>
      <c r="FWL1193" s="10"/>
      <c r="FWM1193" s="10"/>
      <c r="FWN1193" s="10"/>
      <c r="FWO1193" s="10"/>
      <c r="FWP1193" s="10"/>
      <c r="FWQ1193" s="10"/>
      <c r="FWR1193" s="10"/>
      <c r="FWS1193" s="10"/>
      <c r="FWT1193" s="10"/>
      <c r="FWU1193" s="10"/>
      <c r="FWV1193" s="10"/>
      <c r="FWW1193" s="10"/>
      <c r="FWX1193" s="10"/>
      <c r="FWY1193" s="10"/>
      <c r="FWZ1193" s="10"/>
      <c r="FXA1193" s="10"/>
      <c r="FXB1193" s="10"/>
      <c r="FXC1193" s="10"/>
      <c r="FXD1193" s="10"/>
      <c r="FXE1193" s="10"/>
      <c r="FXF1193" s="10"/>
      <c r="FXG1193" s="10"/>
      <c r="FXH1193" s="10"/>
      <c r="FXI1193" s="10"/>
      <c r="FXJ1193" s="10"/>
      <c r="FXK1193" s="10"/>
      <c r="FXL1193" s="10"/>
      <c r="FXM1193" s="10"/>
      <c r="FXN1193" s="10"/>
      <c r="FXO1193" s="10"/>
      <c r="FXP1193" s="10"/>
      <c r="FXQ1193" s="10"/>
      <c r="FXR1193" s="10"/>
      <c r="FXS1193" s="10"/>
      <c r="FXT1193" s="10"/>
      <c r="FXU1193" s="10"/>
      <c r="FXV1193" s="10"/>
      <c r="FXW1193" s="10"/>
      <c r="FXX1193" s="10"/>
      <c r="FXY1193" s="10"/>
      <c r="FXZ1193" s="10"/>
      <c r="FYA1193" s="10"/>
      <c r="FYB1193" s="10"/>
      <c r="FYC1193" s="10"/>
      <c r="FYD1193" s="10"/>
      <c r="FYE1193" s="10"/>
      <c r="FYF1193" s="10"/>
      <c r="FYG1193" s="10"/>
      <c r="FYH1193" s="10"/>
      <c r="FYI1193" s="10"/>
      <c r="FYJ1193" s="10"/>
      <c r="FYK1193" s="10"/>
      <c r="FYL1193" s="10"/>
      <c r="FYM1193" s="10"/>
      <c r="FYN1193" s="10"/>
      <c r="FYO1193" s="10"/>
      <c r="FYP1193" s="10"/>
      <c r="FYQ1193" s="10"/>
      <c r="FYR1193" s="10"/>
      <c r="FYS1193" s="10"/>
      <c r="FYT1193" s="10"/>
      <c r="FYU1193" s="10"/>
      <c r="FYV1193" s="10"/>
      <c r="FYW1193" s="10"/>
      <c r="FYX1193" s="10"/>
      <c r="FYY1193" s="10"/>
      <c r="FYZ1193" s="10"/>
      <c r="FZA1193" s="10"/>
      <c r="FZB1193" s="10"/>
      <c r="FZC1193" s="10"/>
      <c r="FZD1193" s="10"/>
      <c r="FZE1193" s="10"/>
      <c r="FZF1193" s="10"/>
      <c r="FZG1193" s="10"/>
      <c r="FZH1193" s="10"/>
      <c r="FZI1193" s="10"/>
      <c r="FZJ1193" s="10"/>
      <c r="FZK1193" s="10"/>
      <c r="FZL1193" s="10"/>
      <c r="FZM1193" s="10"/>
      <c r="FZN1193" s="10"/>
      <c r="FZO1193" s="10"/>
      <c r="FZP1193" s="10"/>
      <c r="FZQ1193" s="10"/>
      <c r="FZR1193" s="10"/>
      <c r="FZS1193" s="10"/>
      <c r="FZT1193" s="10"/>
      <c r="FZU1193" s="10"/>
      <c r="FZV1193" s="10"/>
      <c r="FZW1193" s="10"/>
      <c r="FZX1193" s="10"/>
      <c r="FZY1193" s="10"/>
      <c r="FZZ1193" s="10"/>
      <c r="GAA1193" s="10"/>
      <c r="GAB1193" s="10"/>
      <c r="GAC1193" s="10"/>
      <c r="GAD1193" s="10"/>
      <c r="GAE1193" s="10"/>
      <c r="GAF1193" s="10"/>
      <c r="GAG1193" s="10"/>
      <c r="GAH1193" s="10"/>
      <c r="GAI1193" s="10"/>
      <c r="GAJ1193" s="10"/>
      <c r="GAK1193" s="10"/>
      <c r="GAL1193" s="10"/>
      <c r="GAM1193" s="10"/>
      <c r="GAN1193" s="10"/>
      <c r="GAO1193" s="10"/>
      <c r="GAP1193" s="10"/>
      <c r="GAQ1193" s="10"/>
      <c r="GAR1193" s="10"/>
      <c r="GAS1193" s="10"/>
      <c r="GAT1193" s="10"/>
      <c r="GAU1193" s="10"/>
      <c r="GAV1193" s="10"/>
      <c r="GAW1193" s="10"/>
      <c r="GAX1193" s="10"/>
      <c r="GAY1193" s="10"/>
      <c r="GAZ1193" s="10"/>
      <c r="GBA1193" s="10"/>
      <c r="GBB1193" s="10"/>
      <c r="GBC1193" s="10"/>
      <c r="GBD1193" s="10"/>
      <c r="GBE1193" s="10"/>
      <c r="GBF1193" s="10"/>
      <c r="GBG1193" s="10"/>
      <c r="GBH1193" s="10"/>
      <c r="GBI1193" s="10"/>
      <c r="GBJ1193" s="10"/>
      <c r="GBK1193" s="10"/>
      <c r="GBL1193" s="10"/>
      <c r="GBM1193" s="10"/>
      <c r="GBN1193" s="10"/>
      <c r="GBO1193" s="10"/>
      <c r="GBP1193" s="10"/>
      <c r="GBQ1193" s="10"/>
      <c r="GBR1193" s="10"/>
      <c r="GBS1193" s="10"/>
      <c r="GBT1193" s="10"/>
      <c r="GBU1193" s="10"/>
      <c r="GBV1193" s="10"/>
      <c r="GBW1193" s="10"/>
      <c r="GBX1193" s="10"/>
      <c r="GBY1193" s="10"/>
      <c r="GBZ1193" s="10"/>
      <c r="GCA1193" s="10"/>
      <c r="GCB1193" s="10"/>
      <c r="GCC1193" s="10"/>
      <c r="GCD1193" s="10"/>
      <c r="GCE1193" s="10"/>
      <c r="GCF1193" s="10"/>
      <c r="GCG1193" s="10"/>
      <c r="GCH1193" s="10"/>
      <c r="GCI1193" s="10"/>
      <c r="GCJ1193" s="10"/>
      <c r="GCK1193" s="10"/>
      <c r="GCL1193" s="10"/>
      <c r="GCM1193" s="10"/>
      <c r="GCN1193" s="10"/>
      <c r="GCO1193" s="10"/>
      <c r="GCP1193" s="10"/>
      <c r="GCQ1193" s="10"/>
      <c r="GCR1193" s="10"/>
      <c r="GCS1193" s="10"/>
      <c r="GCT1193" s="10"/>
      <c r="GCU1193" s="10"/>
      <c r="GCV1193" s="10"/>
      <c r="GCW1193" s="10"/>
      <c r="GCX1193" s="10"/>
      <c r="GCY1193" s="10"/>
      <c r="GCZ1193" s="10"/>
      <c r="GDA1193" s="10"/>
      <c r="GDB1193" s="10"/>
      <c r="GDC1193" s="10"/>
      <c r="GDD1193" s="10"/>
      <c r="GDE1193" s="10"/>
      <c r="GDF1193" s="10"/>
      <c r="GDG1193" s="10"/>
      <c r="GDH1193" s="10"/>
      <c r="GDI1193" s="10"/>
      <c r="GDJ1193" s="10"/>
      <c r="GDK1193" s="10"/>
      <c r="GDL1193" s="10"/>
      <c r="GDM1193" s="10"/>
      <c r="GDN1193" s="10"/>
      <c r="GDO1193" s="10"/>
      <c r="GDP1193" s="10"/>
      <c r="GDQ1193" s="10"/>
      <c r="GDR1193" s="10"/>
      <c r="GDS1193" s="10"/>
      <c r="GDT1193" s="10"/>
      <c r="GDU1193" s="10"/>
      <c r="GDV1193" s="10"/>
      <c r="GDW1193" s="10"/>
      <c r="GDX1193" s="10"/>
      <c r="GDY1193" s="10"/>
      <c r="GDZ1193" s="10"/>
      <c r="GEA1193" s="10"/>
      <c r="GEB1193" s="10"/>
      <c r="GEC1193" s="10"/>
      <c r="GED1193" s="10"/>
      <c r="GEE1193" s="10"/>
      <c r="GEF1193" s="10"/>
      <c r="GEG1193" s="10"/>
      <c r="GEH1193" s="10"/>
      <c r="GEI1193" s="10"/>
      <c r="GEJ1193" s="10"/>
      <c r="GEK1193" s="10"/>
      <c r="GEL1193" s="10"/>
      <c r="GEM1193" s="10"/>
      <c r="GEN1193" s="10"/>
      <c r="GEO1193" s="10"/>
      <c r="GEP1193" s="10"/>
      <c r="GEQ1193" s="10"/>
      <c r="GER1193" s="10"/>
      <c r="GES1193" s="10"/>
      <c r="GET1193" s="10"/>
      <c r="GEU1193" s="10"/>
      <c r="GEV1193" s="10"/>
      <c r="GEW1193" s="10"/>
      <c r="GEX1193" s="10"/>
      <c r="GEY1193" s="10"/>
      <c r="GEZ1193" s="10"/>
      <c r="GFA1193" s="10"/>
      <c r="GFB1193" s="10"/>
      <c r="GFC1193" s="10"/>
      <c r="GFD1193" s="10"/>
      <c r="GFE1193" s="10"/>
      <c r="GFF1193" s="10"/>
      <c r="GFG1193" s="10"/>
      <c r="GFH1193" s="10"/>
      <c r="GFI1193" s="10"/>
      <c r="GFJ1193" s="10"/>
      <c r="GFK1193" s="10"/>
      <c r="GFL1193" s="10"/>
      <c r="GFM1193" s="10"/>
      <c r="GFN1193" s="10"/>
      <c r="GFO1193" s="10"/>
      <c r="GFP1193" s="10"/>
      <c r="GFQ1193" s="10"/>
      <c r="GFR1193" s="10"/>
      <c r="GFS1193" s="10"/>
      <c r="GFT1193" s="10"/>
      <c r="GFU1193" s="10"/>
      <c r="GFV1193" s="10"/>
      <c r="GFW1193" s="10"/>
      <c r="GFX1193" s="10"/>
      <c r="GFY1193" s="10"/>
      <c r="GFZ1193" s="10"/>
      <c r="GGA1193" s="10"/>
      <c r="GGB1193" s="10"/>
      <c r="GGC1193" s="10"/>
      <c r="GGD1193" s="10"/>
      <c r="GGE1193" s="10"/>
      <c r="GGF1193" s="10"/>
      <c r="GGG1193" s="10"/>
      <c r="GGH1193" s="10"/>
      <c r="GGI1193" s="10"/>
      <c r="GGJ1193" s="10"/>
      <c r="GGK1193" s="10"/>
      <c r="GGL1193" s="10"/>
      <c r="GGM1193" s="10"/>
      <c r="GGN1193" s="10"/>
      <c r="GGO1193" s="10"/>
      <c r="GGP1193" s="10"/>
      <c r="GGQ1193" s="10"/>
      <c r="GGR1193" s="10"/>
      <c r="GGS1193" s="10"/>
      <c r="GGT1193" s="10"/>
      <c r="GGU1193" s="10"/>
      <c r="GGV1193" s="10"/>
      <c r="GGW1193" s="10"/>
      <c r="GGX1193" s="10"/>
      <c r="GGY1193" s="10"/>
      <c r="GGZ1193" s="10"/>
      <c r="GHA1193" s="10"/>
      <c r="GHB1193" s="10"/>
      <c r="GHC1193" s="10"/>
      <c r="GHD1193" s="10"/>
      <c r="GHE1193" s="10"/>
      <c r="GHF1193" s="10"/>
      <c r="GHG1193" s="10"/>
      <c r="GHH1193" s="10"/>
      <c r="GHI1193" s="10"/>
      <c r="GHJ1193" s="10"/>
      <c r="GHK1193" s="10"/>
      <c r="GHL1193" s="10"/>
      <c r="GHM1193" s="10"/>
      <c r="GHN1193" s="10"/>
      <c r="GHO1193" s="10"/>
      <c r="GHP1193" s="10"/>
      <c r="GHQ1193" s="10"/>
      <c r="GHR1193" s="10"/>
      <c r="GHS1193" s="10"/>
      <c r="GHT1193" s="10"/>
      <c r="GHU1193" s="10"/>
      <c r="GHV1193" s="10"/>
      <c r="GHW1193" s="10"/>
      <c r="GHX1193" s="10"/>
      <c r="GHY1193" s="10"/>
      <c r="GHZ1193" s="10"/>
      <c r="GIA1193" s="10"/>
      <c r="GIB1193" s="10"/>
      <c r="GIC1193" s="10"/>
      <c r="GID1193" s="10"/>
      <c r="GIE1193" s="10"/>
      <c r="GIF1193" s="10"/>
      <c r="GIG1193" s="10"/>
      <c r="GIH1193" s="10"/>
      <c r="GII1193" s="10"/>
      <c r="GIJ1193" s="10"/>
      <c r="GIK1193" s="10"/>
      <c r="GIL1193" s="10"/>
      <c r="GIM1193" s="10"/>
      <c r="GIN1193" s="10"/>
      <c r="GIO1193" s="10"/>
      <c r="GIP1193" s="10"/>
      <c r="GIQ1193" s="10"/>
      <c r="GIR1193" s="10"/>
      <c r="GIS1193" s="10"/>
      <c r="GIT1193" s="10"/>
      <c r="GIU1193" s="10"/>
      <c r="GIV1193" s="10"/>
      <c r="GIW1193" s="10"/>
      <c r="GIX1193" s="10"/>
      <c r="GIY1193" s="10"/>
      <c r="GIZ1193" s="10"/>
      <c r="GJA1193" s="10"/>
      <c r="GJB1193" s="10"/>
      <c r="GJC1193" s="10"/>
      <c r="GJD1193" s="10"/>
      <c r="GJE1193" s="10"/>
      <c r="GJF1193" s="10"/>
      <c r="GJG1193" s="10"/>
      <c r="GJH1193" s="10"/>
      <c r="GJI1193" s="10"/>
      <c r="GJJ1193" s="10"/>
      <c r="GJK1193" s="10"/>
      <c r="GJL1193" s="10"/>
      <c r="GJM1193" s="10"/>
      <c r="GJN1193" s="10"/>
      <c r="GJO1193" s="10"/>
      <c r="GJP1193" s="10"/>
      <c r="GJQ1193" s="10"/>
      <c r="GJR1193" s="10"/>
      <c r="GJS1193" s="10"/>
      <c r="GJT1193" s="10"/>
      <c r="GJU1193" s="10"/>
      <c r="GJV1193" s="10"/>
      <c r="GJW1193" s="10"/>
      <c r="GJX1193" s="10"/>
      <c r="GJY1193" s="10"/>
      <c r="GJZ1193" s="10"/>
      <c r="GKA1193" s="10"/>
      <c r="GKB1193" s="10"/>
      <c r="GKC1193" s="10"/>
      <c r="GKD1193" s="10"/>
      <c r="GKE1193" s="10"/>
      <c r="GKF1193" s="10"/>
      <c r="GKG1193" s="10"/>
      <c r="GKH1193" s="10"/>
      <c r="GKI1193" s="10"/>
      <c r="GKJ1193" s="10"/>
      <c r="GKK1193" s="10"/>
      <c r="GKL1193" s="10"/>
      <c r="GKM1193" s="10"/>
      <c r="GKN1193" s="10"/>
      <c r="GKO1193" s="10"/>
      <c r="GKP1193" s="10"/>
      <c r="GKQ1193" s="10"/>
      <c r="GKR1193" s="10"/>
      <c r="GKS1193" s="10"/>
      <c r="GKT1193" s="10"/>
      <c r="GKU1193" s="10"/>
      <c r="GKV1193" s="10"/>
      <c r="GKW1193" s="10"/>
      <c r="GKX1193" s="10"/>
      <c r="GKY1193" s="10"/>
      <c r="GKZ1193" s="10"/>
      <c r="GLA1193" s="10"/>
      <c r="GLB1193" s="10"/>
      <c r="GLC1193" s="10"/>
      <c r="GLD1193" s="10"/>
      <c r="GLE1193" s="10"/>
      <c r="GLF1193" s="10"/>
      <c r="GLG1193" s="10"/>
      <c r="GLH1193" s="10"/>
      <c r="GLI1193" s="10"/>
      <c r="GLJ1193" s="10"/>
      <c r="GLK1193" s="10"/>
      <c r="GLL1193" s="10"/>
      <c r="GLM1193" s="10"/>
      <c r="GLN1193" s="10"/>
      <c r="GLO1193" s="10"/>
      <c r="GLP1193" s="10"/>
      <c r="GLQ1193" s="10"/>
      <c r="GLR1193" s="10"/>
      <c r="GLS1193" s="10"/>
      <c r="GLT1193" s="10"/>
      <c r="GLU1193" s="10"/>
      <c r="GLV1193" s="10"/>
      <c r="GLW1193" s="10"/>
      <c r="GLX1193" s="10"/>
      <c r="GLY1193" s="10"/>
      <c r="GLZ1193" s="10"/>
      <c r="GMA1193" s="10"/>
      <c r="GMB1193" s="10"/>
      <c r="GMC1193" s="10"/>
      <c r="GMD1193" s="10"/>
      <c r="GME1193" s="10"/>
      <c r="GMF1193" s="10"/>
      <c r="GMG1193" s="10"/>
      <c r="GMH1193" s="10"/>
      <c r="GMI1193" s="10"/>
      <c r="GMJ1193" s="10"/>
      <c r="GMK1193" s="10"/>
      <c r="GML1193" s="10"/>
      <c r="GMM1193" s="10"/>
      <c r="GMN1193" s="10"/>
      <c r="GMO1193" s="10"/>
      <c r="GMP1193" s="10"/>
      <c r="GMQ1193" s="10"/>
      <c r="GMR1193" s="10"/>
      <c r="GMS1193" s="10"/>
      <c r="GMT1193" s="10"/>
      <c r="GMU1193" s="10"/>
      <c r="GMV1193" s="10"/>
      <c r="GMW1193" s="10"/>
      <c r="GMX1193" s="10"/>
      <c r="GMY1193" s="10"/>
      <c r="GMZ1193" s="10"/>
      <c r="GNA1193" s="10"/>
      <c r="GNB1193" s="10"/>
      <c r="GNC1193" s="10"/>
      <c r="GND1193" s="10"/>
      <c r="GNE1193" s="10"/>
      <c r="GNF1193" s="10"/>
      <c r="GNG1193" s="10"/>
      <c r="GNH1193" s="10"/>
      <c r="GNI1193" s="10"/>
      <c r="GNJ1193" s="10"/>
      <c r="GNK1193" s="10"/>
      <c r="GNL1193" s="10"/>
      <c r="GNM1193" s="10"/>
      <c r="GNN1193" s="10"/>
      <c r="GNO1193" s="10"/>
      <c r="GNP1193" s="10"/>
      <c r="GNQ1193" s="10"/>
      <c r="GNR1193" s="10"/>
      <c r="GNS1193" s="10"/>
      <c r="GNT1193" s="10"/>
      <c r="GNU1193" s="10"/>
      <c r="GNV1193" s="10"/>
      <c r="GNW1193" s="10"/>
      <c r="GNX1193" s="10"/>
      <c r="GNY1193" s="10"/>
      <c r="GNZ1193" s="10"/>
      <c r="GOA1193" s="10"/>
      <c r="GOB1193" s="10"/>
      <c r="GOC1193" s="10"/>
      <c r="GOD1193" s="10"/>
      <c r="GOE1193" s="10"/>
      <c r="GOF1193" s="10"/>
      <c r="GOG1193" s="10"/>
      <c r="GOH1193" s="10"/>
      <c r="GOI1193" s="10"/>
      <c r="GOJ1193" s="10"/>
      <c r="GOK1193" s="10"/>
      <c r="GOL1193" s="10"/>
      <c r="GOM1193" s="10"/>
      <c r="GON1193" s="10"/>
      <c r="GOO1193" s="10"/>
      <c r="GOP1193" s="10"/>
      <c r="GOQ1193" s="10"/>
      <c r="GOR1193" s="10"/>
      <c r="GOS1193" s="10"/>
      <c r="GOT1193" s="10"/>
      <c r="GOU1193" s="10"/>
      <c r="GOV1193" s="10"/>
      <c r="GOW1193" s="10"/>
      <c r="GOX1193" s="10"/>
      <c r="GOY1193" s="10"/>
      <c r="GOZ1193" s="10"/>
      <c r="GPA1193" s="10"/>
      <c r="GPB1193" s="10"/>
      <c r="GPC1193" s="10"/>
      <c r="GPD1193" s="10"/>
      <c r="GPE1193" s="10"/>
      <c r="GPF1193" s="10"/>
      <c r="GPG1193" s="10"/>
      <c r="GPH1193" s="10"/>
      <c r="GPI1193" s="10"/>
      <c r="GPJ1193" s="10"/>
      <c r="GPK1193" s="10"/>
      <c r="GPL1193" s="10"/>
      <c r="GPM1193" s="10"/>
      <c r="GPN1193" s="10"/>
      <c r="GPO1193" s="10"/>
      <c r="GPP1193" s="10"/>
      <c r="GPQ1193" s="10"/>
      <c r="GPR1193" s="10"/>
      <c r="GPS1193" s="10"/>
      <c r="GPT1193" s="10"/>
      <c r="GPU1193" s="10"/>
      <c r="GPV1193" s="10"/>
      <c r="GPW1193" s="10"/>
      <c r="GPX1193" s="10"/>
      <c r="GPY1193" s="10"/>
      <c r="GPZ1193" s="10"/>
      <c r="GQA1193" s="10"/>
      <c r="GQB1193" s="10"/>
      <c r="GQC1193" s="10"/>
      <c r="GQD1193" s="10"/>
      <c r="GQE1193" s="10"/>
      <c r="GQF1193" s="10"/>
      <c r="GQG1193" s="10"/>
      <c r="GQH1193" s="10"/>
      <c r="GQI1193" s="10"/>
      <c r="GQJ1193" s="10"/>
      <c r="GQK1193" s="10"/>
      <c r="GQL1193" s="10"/>
      <c r="GQM1193" s="10"/>
      <c r="GQN1193" s="10"/>
      <c r="GQO1193" s="10"/>
      <c r="GQP1193" s="10"/>
      <c r="GQQ1193" s="10"/>
      <c r="GQR1193" s="10"/>
      <c r="GQS1193" s="10"/>
      <c r="GQT1193" s="10"/>
      <c r="GQU1193" s="10"/>
      <c r="GQV1193" s="10"/>
      <c r="GQW1193" s="10"/>
      <c r="GQX1193" s="10"/>
      <c r="GQY1193" s="10"/>
      <c r="GQZ1193" s="10"/>
      <c r="GRA1193" s="10"/>
      <c r="GRB1193" s="10"/>
      <c r="GRC1193" s="10"/>
      <c r="GRD1193" s="10"/>
      <c r="GRE1193" s="10"/>
      <c r="GRF1193" s="10"/>
      <c r="GRG1193" s="10"/>
      <c r="GRH1193" s="10"/>
      <c r="GRI1193" s="10"/>
      <c r="GRJ1193" s="10"/>
      <c r="GRK1193" s="10"/>
      <c r="GRL1193" s="10"/>
      <c r="GRM1193" s="10"/>
      <c r="GRN1193" s="10"/>
      <c r="GRO1193" s="10"/>
      <c r="GRP1193" s="10"/>
      <c r="GRQ1193" s="10"/>
      <c r="GRR1193" s="10"/>
      <c r="GRS1193" s="10"/>
      <c r="GRT1193" s="10"/>
      <c r="GRU1193" s="10"/>
      <c r="GRV1193" s="10"/>
      <c r="GRW1193" s="10"/>
      <c r="GRX1193" s="10"/>
      <c r="GRY1193" s="10"/>
      <c r="GRZ1193" s="10"/>
      <c r="GSA1193" s="10"/>
      <c r="GSB1193" s="10"/>
      <c r="GSC1193" s="10"/>
      <c r="GSD1193" s="10"/>
      <c r="GSE1193" s="10"/>
      <c r="GSF1193" s="10"/>
      <c r="GSG1193" s="10"/>
      <c r="GSH1193" s="10"/>
      <c r="GSI1193" s="10"/>
      <c r="GSJ1193" s="10"/>
      <c r="GSK1193" s="10"/>
      <c r="GSL1193" s="10"/>
      <c r="GSM1193" s="10"/>
      <c r="GSN1193" s="10"/>
      <c r="GSO1193" s="10"/>
      <c r="GSP1193" s="10"/>
      <c r="GSQ1193" s="10"/>
      <c r="GSR1193" s="10"/>
      <c r="GSS1193" s="10"/>
      <c r="GST1193" s="10"/>
      <c r="GSU1193" s="10"/>
      <c r="GSV1193" s="10"/>
      <c r="GSW1193" s="10"/>
      <c r="GSX1193" s="10"/>
      <c r="GSY1193" s="10"/>
      <c r="GSZ1193" s="10"/>
      <c r="GTA1193" s="10"/>
      <c r="GTB1193" s="10"/>
      <c r="GTC1193" s="10"/>
      <c r="GTD1193" s="10"/>
      <c r="GTE1193" s="10"/>
      <c r="GTF1193" s="10"/>
      <c r="GTG1193" s="10"/>
      <c r="GTH1193" s="10"/>
      <c r="GTI1193" s="10"/>
      <c r="GTJ1193" s="10"/>
      <c r="GTK1193" s="10"/>
      <c r="GTL1193" s="10"/>
      <c r="GTM1193" s="10"/>
      <c r="GTN1193" s="10"/>
      <c r="GTO1193" s="10"/>
      <c r="GTP1193" s="10"/>
      <c r="GTQ1193" s="10"/>
      <c r="GTR1193" s="10"/>
      <c r="GTS1193" s="10"/>
      <c r="GTT1193" s="10"/>
      <c r="GTU1193" s="10"/>
      <c r="GTV1193" s="10"/>
      <c r="GTW1193" s="10"/>
      <c r="GTX1193" s="10"/>
      <c r="GTY1193" s="10"/>
      <c r="GTZ1193" s="10"/>
      <c r="GUA1193" s="10"/>
      <c r="GUB1193" s="10"/>
      <c r="GUC1193" s="10"/>
      <c r="GUD1193" s="10"/>
      <c r="GUE1193" s="10"/>
      <c r="GUF1193" s="10"/>
      <c r="GUG1193" s="10"/>
      <c r="GUH1193" s="10"/>
      <c r="GUI1193" s="10"/>
      <c r="GUJ1193" s="10"/>
      <c r="GUK1193" s="10"/>
      <c r="GUL1193" s="10"/>
      <c r="GUM1193" s="10"/>
      <c r="GUN1193" s="10"/>
      <c r="GUO1193" s="10"/>
      <c r="GUP1193" s="10"/>
      <c r="GUQ1193" s="10"/>
      <c r="GUR1193" s="10"/>
      <c r="GUS1193" s="10"/>
      <c r="GUT1193" s="10"/>
      <c r="GUU1193" s="10"/>
      <c r="GUV1193" s="10"/>
      <c r="GUW1193" s="10"/>
      <c r="GUX1193" s="10"/>
      <c r="GUY1193" s="10"/>
      <c r="GUZ1193" s="10"/>
      <c r="GVA1193" s="10"/>
      <c r="GVB1193" s="10"/>
      <c r="GVC1193" s="10"/>
      <c r="GVD1193" s="10"/>
      <c r="GVE1193" s="10"/>
      <c r="GVF1193" s="10"/>
      <c r="GVG1193" s="10"/>
      <c r="GVH1193" s="10"/>
      <c r="GVI1193" s="10"/>
      <c r="GVJ1193" s="10"/>
      <c r="GVK1193" s="10"/>
      <c r="GVL1193" s="10"/>
      <c r="GVM1193" s="10"/>
      <c r="GVN1193" s="10"/>
      <c r="GVO1193" s="10"/>
      <c r="GVP1193" s="10"/>
      <c r="GVQ1193" s="10"/>
      <c r="GVR1193" s="10"/>
      <c r="GVS1193" s="10"/>
      <c r="GVT1193" s="10"/>
      <c r="GVU1193" s="10"/>
      <c r="GVV1193" s="10"/>
      <c r="GVW1193" s="10"/>
      <c r="GVX1193" s="10"/>
      <c r="GVY1193" s="10"/>
      <c r="GVZ1193" s="10"/>
      <c r="GWA1193" s="10"/>
      <c r="GWB1193" s="10"/>
      <c r="GWC1193" s="10"/>
      <c r="GWD1193" s="10"/>
      <c r="GWE1193" s="10"/>
      <c r="GWF1193" s="10"/>
      <c r="GWG1193" s="10"/>
      <c r="GWH1193" s="10"/>
      <c r="GWI1193" s="10"/>
      <c r="GWJ1193" s="10"/>
      <c r="GWK1193" s="10"/>
      <c r="GWL1193" s="10"/>
      <c r="GWM1193" s="10"/>
      <c r="GWN1193" s="10"/>
      <c r="GWO1193" s="10"/>
      <c r="GWP1193" s="10"/>
      <c r="GWQ1193" s="10"/>
      <c r="GWR1193" s="10"/>
      <c r="GWS1193" s="10"/>
      <c r="GWT1193" s="10"/>
      <c r="GWU1193" s="10"/>
      <c r="GWV1193" s="10"/>
      <c r="GWW1193" s="10"/>
      <c r="GWX1193" s="10"/>
      <c r="GWY1193" s="10"/>
      <c r="GWZ1193" s="10"/>
      <c r="GXA1193" s="10"/>
      <c r="GXB1193" s="10"/>
      <c r="GXC1193" s="10"/>
      <c r="GXD1193" s="10"/>
      <c r="GXE1193" s="10"/>
      <c r="GXF1193" s="10"/>
      <c r="GXG1193" s="10"/>
      <c r="GXH1193" s="10"/>
      <c r="GXI1193" s="10"/>
      <c r="GXJ1193" s="10"/>
      <c r="GXK1193" s="10"/>
      <c r="GXL1193" s="10"/>
      <c r="GXM1193" s="10"/>
      <c r="GXN1193" s="10"/>
      <c r="GXO1193" s="10"/>
      <c r="GXP1193" s="10"/>
      <c r="GXQ1193" s="10"/>
      <c r="GXR1193" s="10"/>
      <c r="GXS1193" s="10"/>
      <c r="GXT1193" s="10"/>
      <c r="GXU1193" s="10"/>
      <c r="GXV1193" s="10"/>
      <c r="GXW1193" s="10"/>
      <c r="GXX1193" s="10"/>
      <c r="GXY1193" s="10"/>
      <c r="GXZ1193" s="10"/>
      <c r="GYA1193" s="10"/>
      <c r="GYB1193" s="10"/>
      <c r="GYC1193" s="10"/>
      <c r="GYD1193" s="10"/>
      <c r="GYE1193" s="10"/>
      <c r="GYF1193" s="10"/>
      <c r="GYG1193" s="10"/>
      <c r="GYH1193" s="10"/>
      <c r="GYI1193" s="10"/>
      <c r="GYJ1193" s="10"/>
      <c r="GYK1193" s="10"/>
      <c r="GYL1193" s="10"/>
      <c r="GYM1193" s="10"/>
      <c r="GYN1193" s="10"/>
      <c r="GYO1193" s="10"/>
      <c r="GYP1193" s="10"/>
      <c r="GYQ1193" s="10"/>
      <c r="GYR1193" s="10"/>
      <c r="GYS1193" s="10"/>
      <c r="GYT1193" s="10"/>
      <c r="GYU1193" s="10"/>
      <c r="GYV1193" s="10"/>
      <c r="GYW1193" s="10"/>
      <c r="GYX1193" s="10"/>
      <c r="GYY1193" s="10"/>
      <c r="GYZ1193" s="10"/>
      <c r="GZA1193" s="10"/>
      <c r="GZB1193" s="10"/>
      <c r="GZC1193" s="10"/>
      <c r="GZD1193" s="10"/>
      <c r="GZE1193" s="10"/>
      <c r="GZF1193" s="10"/>
      <c r="GZG1193" s="10"/>
      <c r="GZH1193" s="10"/>
      <c r="GZI1193" s="10"/>
      <c r="GZJ1193" s="10"/>
      <c r="GZK1193" s="10"/>
      <c r="GZL1193" s="10"/>
      <c r="GZM1193" s="10"/>
      <c r="GZN1193" s="10"/>
      <c r="GZO1193" s="10"/>
      <c r="GZP1193" s="10"/>
      <c r="GZQ1193" s="10"/>
      <c r="GZR1193" s="10"/>
      <c r="GZS1193" s="10"/>
      <c r="GZT1193" s="10"/>
      <c r="GZU1193" s="10"/>
      <c r="GZV1193" s="10"/>
      <c r="GZW1193" s="10"/>
      <c r="GZX1193" s="10"/>
      <c r="GZY1193" s="10"/>
      <c r="GZZ1193" s="10"/>
      <c r="HAA1193" s="10"/>
      <c r="HAB1193" s="10"/>
      <c r="HAC1193" s="10"/>
      <c r="HAD1193" s="10"/>
      <c r="HAE1193" s="10"/>
      <c r="HAF1193" s="10"/>
      <c r="HAG1193" s="10"/>
      <c r="HAH1193" s="10"/>
      <c r="HAI1193" s="10"/>
      <c r="HAJ1193" s="10"/>
      <c r="HAK1193" s="10"/>
      <c r="HAL1193" s="10"/>
      <c r="HAM1193" s="10"/>
      <c r="HAN1193" s="10"/>
      <c r="HAO1193" s="10"/>
      <c r="HAP1193" s="10"/>
      <c r="HAQ1193" s="10"/>
      <c r="HAR1193" s="10"/>
      <c r="HAS1193" s="10"/>
      <c r="HAT1193" s="10"/>
      <c r="HAU1193" s="10"/>
      <c r="HAV1193" s="10"/>
      <c r="HAW1193" s="10"/>
      <c r="HAX1193" s="10"/>
      <c r="HAY1193" s="10"/>
      <c r="HAZ1193" s="10"/>
      <c r="HBA1193" s="10"/>
      <c r="HBB1193" s="10"/>
      <c r="HBC1193" s="10"/>
      <c r="HBD1193" s="10"/>
      <c r="HBE1193" s="10"/>
      <c r="HBF1193" s="10"/>
      <c r="HBG1193" s="10"/>
      <c r="HBH1193" s="10"/>
      <c r="HBI1193" s="10"/>
      <c r="HBJ1193" s="10"/>
      <c r="HBK1193" s="10"/>
      <c r="HBL1193" s="10"/>
      <c r="HBM1193" s="10"/>
      <c r="HBN1193" s="10"/>
      <c r="HBO1193" s="10"/>
      <c r="HBP1193" s="10"/>
      <c r="HBQ1193" s="10"/>
      <c r="HBR1193" s="10"/>
      <c r="HBS1193" s="10"/>
      <c r="HBT1193" s="10"/>
      <c r="HBU1193" s="10"/>
      <c r="HBV1193" s="10"/>
      <c r="HBW1193" s="10"/>
      <c r="HBX1193" s="10"/>
      <c r="HBY1193" s="10"/>
      <c r="HBZ1193" s="10"/>
      <c r="HCA1193" s="10"/>
      <c r="HCB1193" s="10"/>
      <c r="HCC1193" s="10"/>
      <c r="HCD1193" s="10"/>
      <c r="HCE1193" s="10"/>
      <c r="HCF1193" s="10"/>
      <c r="HCG1193" s="10"/>
      <c r="HCH1193" s="10"/>
      <c r="HCI1193" s="10"/>
      <c r="HCJ1193" s="10"/>
      <c r="HCK1193" s="10"/>
      <c r="HCL1193" s="10"/>
      <c r="HCM1193" s="10"/>
      <c r="HCN1193" s="10"/>
      <c r="HCO1193" s="10"/>
      <c r="HCP1193" s="10"/>
      <c r="HCQ1193" s="10"/>
      <c r="HCR1193" s="10"/>
      <c r="HCS1193" s="10"/>
      <c r="HCT1193" s="10"/>
      <c r="HCU1193" s="10"/>
      <c r="HCV1193" s="10"/>
      <c r="HCW1193" s="10"/>
      <c r="HCX1193" s="10"/>
      <c r="HCY1193" s="10"/>
      <c r="HCZ1193" s="10"/>
      <c r="HDA1193" s="10"/>
      <c r="HDB1193" s="10"/>
      <c r="HDC1193" s="10"/>
      <c r="HDD1193" s="10"/>
      <c r="HDE1193" s="10"/>
      <c r="HDF1193" s="10"/>
      <c r="HDG1193" s="10"/>
      <c r="HDH1193" s="10"/>
      <c r="HDI1193" s="10"/>
      <c r="HDJ1193" s="10"/>
      <c r="HDK1193" s="10"/>
      <c r="HDL1193" s="10"/>
      <c r="HDM1193" s="10"/>
      <c r="HDN1193" s="10"/>
      <c r="HDO1193" s="10"/>
      <c r="HDP1193" s="10"/>
      <c r="HDQ1193" s="10"/>
      <c r="HDR1193" s="10"/>
      <c r="HDS1193" s="10"/>
      <c r="HDT1193" s="10"/>
      <c r="HDU1193" s="10"/>
      <c r="HDV1193" s="10"/>
      <c r="HDW1193" s="10"/>
      <c r="HDX1193" s="10"/>
      <c r="HDY1193" s="10"/>
      <c r="HDZ1193" s="10"/>
      <c r="HEA1193" s="10"/>
      <c r="HEB1193" s="10"/>
      <c r="HEC1193" s="10"/>
      <c r="HED1193" s="10"/>
      <c r="HEE1193" s="10"/>
      <c r="HEF1193" s="10"/>
      <c r="HEG1193" s="10"/>
      <c r="HEH1193" s="10"/>
      <c r="HEI1193" s="10"/>
      <c r="HEJ1193" s="10"/>
      <c r="HEK1193" s="10"/>
      <c r="HEL1193" s="10"/>
      <c r="HEM1193" s="10"/>
      <c r="HEN1193" s="10"/>
      <c r="HEO1193" s="10"/>
      <c r="HEP1193" s="10"/>
      <c r="HEQ1193" s="10"/>
      <c r="HER1193" s="10"/>
      <c r="HES1193" s="10"/>
      <c r="HET1193" s="10"/>
      <c r="HEU1193" s="10"/>
      <c r="HEV1193" s="10"/>
      <c r="HEW1193" s="10"/>
      <c r="HEX1193" s="10"/>
      <c r="HEY1193" s="10"/>
      <c r="HEZ1193" s="10"/>
      <c r="HFA1193" s="10"/>
      <c r="HFB1193" s="10"/>
      <c r="HFC1193" s="10"/>
      <c r="HFD1193" s="10"/>
      <c r="HFE1193" s="10"/>
      <c r="HFF1193" s="10"/>
      <c r="HFG1193" s="10"/>
      <c r="HFH1193" s="10"/>
      <c r="HFI1193" s="10"/>
      <c r="HFJ1193" s="10"/>
      <c r="HFK1193" s="10"/>
      <c r="HFL1193" s="10"/>
      <c r="HFM1193" s="10"/>
      <c r="HFN1193" s="10"/>
      <c r="HFO1193" s="10"/>
      <c r="HFP1193" s="10"/>
      <c r="HFQ1193" s="10"/>
      <c r="HFR1193" s="10"/>
      <c r="HFS1193" s="10"/>
      <c r="HFT1193" s="10"/>
      <c r="HFU1193" s="10"/>
      <c r="HFV1193" s="10"/>
      <c r="HFW1193" s="10"/>
      <c r="HFX1193" s="10"/>
      <c r="HFY1193" s="10"/>
      <c r="HFZ1193" s="10"/>
      <c r="HGA1193" s="10"/>
      <c r="HGB1193" s="10"/>
      <c r="HGC1193" s="10"/>
      <c r="HGD1193" s="10"/>
      <c r="HGE1193" s="10"/>
      <c r="HGF1193" s="10"/>
      <c r="HGG1193" s="10"/>
      <c r="HGH1193" s="10"/>
      <c r="HGI1193" s="10"/>
      <c r="HGJ1193" s="10"/>
      <c r="HGK1193" s="10"/>
      <c r="HGL1193" s="10"/>
      <c r="HGM1193" s="10"/>
      <c r="HGN1193" s="10"/>
      <c r="HGO1193" s="10"/>
      <c r="HGP1193" s="10"/>
      <c r="HGQ1193" s="10"/>
      <c r="HGR1193" s="10"/>
      <c r="HGS1193" s="10"/>
      <c r="HGT1193" s="10"/>
      <c r="HGU1193" s="10"/>
      <c r="HGV1193" s="10"/>
      <c r="HGW1193" s="10"/>
      <c r="HGX1193" s="10"/>
      <c r="HGY1193" s="10"/>
      <c r="HGZ1193" s="10"/>
      <c r="HHA1193" s="10"/>
      <c r="HHB1193" s="10"/>
      <c r="HHC1193" s="10"/>
      <c r="HHD1193" s="10"/>
      <c r="HHE1193" s="10"/>
      <c r="HHF1193" s="10"/>
      <c r="HHG1193" s="10"/>
      <c r="HHH1193" s="10"/>
      <c r="HHI1193" s="10"/>
      <c r="HHJ1193" s="10"/>
      <c r="HHK1193" s="10"/>
      <c r="HHL1193" s="10"/>
      <c r="HHM1193" s="10"/>
      <c r="HHN1193" s="10"/>
      <c r="HHO1193" s="10"/>
      <c r="HHP1193" s="10"/>
      <c r="HHQ1193" s="10"/>
      <c r="HHR1193" s="10"/>
      <c r="HHS1193" s="10"/>
      <c r="HHT1193" s="10"/>
      <c r="HHU1193" s="10"/>
      <c r="HHV1193" s="10"/>
      <c r="HHW1193" s="10"/>
      <c r="HHX1193" s="10"/>
      <c r="HHY1193" s="10"/>
      <c r="HHZ1193" s="10"/>
      <c r="HIA1193" s="10"/>
      <c r="HIB1193" s="10"/>
      <c r="HIC1193" s="10"/>
      <c r="HID1193" s="10"/>
      <c r="HIE1193" s="10"/>
      <c r="HIF1193" s="10"/>
      <c r="HIG1193" s="10"/>
      <c r="HIH1193" s="10"/>
      <c r="HII1193" s="10"/>
      <c r="HIJ1193" s="10"/>
      <c r="HIK1193" s="10"/>
      <c r="HIL1193" s="10"/>
      <c r="HIM1193" s="10"/>
      <c r="HIN1193" s="10"/>
      <c r="HIO1193" s="10"/>
      <c r="HIP1193" s="10"/>
      <c r="HIQ1193" s="10"/>
      <c r="HIR1193" s="10"/>
      <c r="HIS1193" s="10"/>
      <c r="HIT1193" s="10"/>
      <c r="HIU1193" s="10"/>
      <c r="HIV1193" s="10"/>
      <c r="HIW1193" s="10"/>
      <c r="HIX1193" s="10"/>
      <c r="HIY1193" s="10"/>
      <c r="HIZ1193" s="10"/>
      <c r="HJA1193" s="10"/>
      <c r="HJB1193" s="10"/>
      <c r="HJC1193" s="10"/>
      <c r="HJD1193" s="10"/>
      <c r="HJE1193" s="10"/>
      <c r="HJF1193" s="10"/>
      <c r="HJG1193" s="10"/>
      <c r="HJH1193" s="10"/>
      <c r="HJI1193" s="10"/>
      <c r="HJJ1193" s="10"/>
      <c r="HJK1193" s="10"/>
      <c r="HJL1193" s="10"/>
      <c r="HJM1193" s="10"/>
      <c r="HJN1193" s="10"/>
      <c r="HJO1193" s="10"/>
      <c r="HJP1193" s="10"/>
      <c r="HJQ1193" s="10"/>
      <c r="HJR1193" s="10"/>
      <c r="HJS1193" s="10"/>
      <c r="HJT1193" s="10"/>
      <c r="HJU1193" s="10"/>
      <c r="HJV1193" s="10"/>
      <c r="HJW1193" s="10"/>
      <c r="HJX1193" s="10"/>
      <c r="HJY1193" s="10"/>
      <c r="HJZ1193" s="10"/>
      <c r="HKA1193" s="10"/>
      <c r="HKB1193" s="10"/>
      <c r="HKC1193" s="10"/>
      <c r="HKD1193" s="10"/>
      <c r="HKE1193" s="10"/>
      <c r="HKF1193" s="10"/>
      <c r="HKG1193" s="10"/>
      <c r="HKH1193" s="10"/>
      <c r="HKI1193" s="10"/>
      <c r="HKJ1193" s="10"/>
      <c r="HKK1193" s="10"/>
      <c r="HKL1193" s="10"/>
      <c r="HKM1193" s="10"/>
      <c r="HKN1193" s="10"/>
      <c r="HKO1193" s="10"/>
      <c r="HKP1193" s="10"/>
      <c r="HKQ1193" s="10"/>
      <c r="HKR1193" s="10"/>
      <c r="HKS1193" s="10"/>
      <c r="HKT1193" s="10"/>
      <c r="HKU1193" s="10"/>
      <c r="HKV1193" s="10"/>
      <c r="HKW1193" s="10"/>
      <c r="HKX1193" s="10"/>
      <c r="HKY1193" s="10"/>
      <c r="HKZ1193" s="10"/>
      <c r="HLA1193" s="10"/>
      <c r="HLB1193" s="10"/>
      <c r="HLC1193" s="10"/>
      <c r="HLD1193" s="10"/>
      <c r="HLE1193" s="10"/>
      <c r="HLF1193" s="10"/>
      <c r="HLG1193" s="10"/>
      <c r="HLH1193" s="10"/>
      <c r="HLI1193" s="10"/>
      <c r="HLJ1193" s="10"/>
      <c r="HLK1193" s="10"/>
      <c r="HLL1193" s="10"/>
      <c r="HLM1193" s="10"/>
      <c r="HLN1193" s="10"/>
      <c r="HLO1193" s="10"/>
      <c r="HLP1193" s="10"/>
      <c r="HLQ1193" s="10"/>
      <c r="HLR1193" s="10"/>
      <c r="HLS1193" s="10"/>
      <c r="HLT1193" s="10"/>
      <c r="HLU1193" s="10"/>
      <c r="HLV1193" s="10"/>
      <c r="HLW1193" s="10"/>
      <c r="HLX1193" s="10"/>
      <c r="HLY1193" s="10"/>
      <c r="HLZ1193" s="10"/>
      <c r="HMA1193" s="10"/>
      <c r="HMB1193" s="10"/>
      <c r="HMC1193" s="10"/>
      <c r="HMD1193" s="10"/>
      <c r="HME1193" s="10"/>
      <c r="HMF1193" s="10"/>
      <c r="HMG1193" s="10"/>
      <c r="HMH1193" s="10"/>
      <c r="HMI1193" s="10"/>
      <c r="HMJ1193" s="10"/>
      <c r="HMK1193" s="10"/>
      <c r="HML1193" s="10"/>
      <c r="HMM1193" s="10"/>
      <c r="HMN1193" s="10"/>
      <c r="HMO1193" s="10"/>
      <c r="HMP1193" s="10"/>
      <c r="HMQ1193" s="10"/>
      <c r="HMR1193" s="10"/>
      <c r="HMS1193" s="10"/>
      <c r="HMT1193" s="10"/>
      <c r="HMU1193" s="10"/>
      <c r="HMV1193" s="10"/>
      <c r="HMW1193" s="10"/>
      <c r="HMX1193" s="10"/>
      <c r="HMY1193" s="10"/>
      <c r="HMZ1193" s="10"/>
      <c r="HNA1193" s="10"/>
      <c r="HNB1193" s="10"/>
      <c r="HNC1193" s="10"/>
      <c r="HND1193" s="10"/>
      <c r="HNE1193" s="10"/>
      <c r="HNF1193" s="10"/>
      <c r="HNG1193" s="10"/>
      <c r="HNH1193" s="10"/>
      <c r="HNI1193" s="10"/>
      <c r="HNJ1193" s="10"/>
      <c r="HNK1193" s="10"/>
      <c r="HNL1193" s="10"/>
      <c r="HNM1193" s="10"/>
      <c r="HNN1193" s="10"/>
      <c r="HNO1193" s="10"/>
      <c r="HNP1193" s="10"/>
      <c r="HNQ1193" s="10"/>
      <c r="HNR1193" s="10"/>
      <c r="HNS1193" s="10"/>
      <c r="HNT1193" s="10"/>
      <c r="HNU1193" s="10"/>
      <c r="HNV1193" s="10"/>
      <c r="HNW1193" s="10"/>
      <c r="HNX1193" s="10"/>
      <c r="HNY1193" s="10"/>
      <c r="HNZ1193" s="10"/>
      <c r="HOA1193" s="10"/>
      <c r="HOB1193" s="10"/>
      <c r="HOC1193" s="10"/>
      <c r="HOD1193" s="10"/>
      <c r="HOE1193" s="10"/>
      <c r="HOF1193" s="10"/>
      <c r="HOG1193" s="10"/>
      <c r="HOH1193" s="10"/>
      <c r="HOI1193" s="10"/>
      <c r="HOJ1193" s="10"/>
      <c r="HOK1193" s="10"/>
      <c r="HOL1193" s="10"/>
      <c r="HOM1193" s="10"/>
      <c r="HON1193" s="10"/>
      <c r="HOO1193" s="10"/>
      <c r="HOP1193" s="10"/>
      <c r="HOQ1193" s="10"/>
      <c r="HOR1193" s="10"/>
      <c r="HOS1193" s="10"/>
      <c r="HOT1193" s="10"/>
      <c r="HOU1193" s="10"/>
      <c r="HOV1193" s="10"/>
      <c r="HOW1193" s="10"/>
      <c r="HOX1193" s="10"/>
      <c r="HOY1193" s="10"/>
      <c r="HOZ1193" s="10"/>
      <c r="HPA1193" s="10"/>
      <c r="HPB1193" s="10"/>
      <c r="HPC1193" s="10"/>
      <c r="HPD1193" s="10"/>
      <c r="HPE1193" s="10"/>
      <c r="HPF1193" s="10"/>
      <c r="HPG1193" s="10"/>
      <c r="HPH1193" s="10"/>
      <c r="HPI1193" s="10"/>
      <c r="HPJ1193" s="10"/>
      <c r="HPK1193" s="10"/>
      <c r="HPL1193" s="10"/>
      <c r="HPM1193" s="10"/>
      <c r="HPN1193" s="10"/>
      <c r="HPO1193" s="10"/>
      <c r="HPP1193" s="10"/>
      <c r="HPQ1193" s="10"/>
      <c r="HPR1193" s="10"/>
      <c r="HPS1193" s="10"/>
      <c r="HPT1193" s="10"/>
      <c r="HPU1193" s="10"/>
      <c r="HPV1193" s="10"/>
      <c r="HPW1193" s="10"/>
      <c r="HPX1193" s="10"/>
      <c r="HPY1193" s="10"/>
      <c r="HPZ1193" s="10"/>
      <c r="HQA1193" s="10"/>
      <c r="HQB1193" s="10"/>
      <c r="HQC1193" s="10"/>
      <c r="HQD1193" s="10"/>
      <c r="HQE1193" s="10"/>
      <c r="HQF1193" s="10"/>
      <c r="HQG1193" s="10"/>
      <c r="HQH1193" s="10"/>
      <c r="HQI1193" s="10"/>
      <c r="HQJ1193" s="10"/>
      <c r="HQK1193" s="10"/>
      <c r="HQL1193" s="10"/>
      <c r="HQM1193" s="10"/>
      <c r="HQN1193" s="10"/>
      <c r="HQO1193" s="10"/>
      <c r="HQP1193" s="10"/>
      <c r="HQQ1193" s="10"/>
      <c r="HQR1193" s="10"/>
      <c r="HQS1193" s="10"/>
      <c r="HQT1193" s="10"/>
      <c r="HQU1193" s="10"/>
      <c r="HQV1193" s="10"/>
      <c r="HQW1193" s="10"/>
      <c r="HQX1193" s="10"/>
      <c r="HQY1193" s="10"/>
      <c r="HQZ1193" s="10"/>
      <c r="HRA1193" s="10"/>
      <c r="HRB1193" s="10"/>
      <c r="HRC1193" s="10"/>
      <c r="HRD1193" s="10"/>
      <c r="HRE1193" s="10"/>
      <c r="HRF1193" s="10"/>
      <c r="HRG1193" s="10"/>
      <c r="HRH1193" s="10"/>
      <c r="HRI1193" s="10"/>
      <c r="HRJ1193" s="10"/>
      <c r="HRK1193" s="10"/>
      <c r="HRL1193" s="10"/>
      <c r="HRM1193" s="10"/>
      <c r="HRN1193" s="10"/>
      <c r="HRO1193" s="10"/>
      <c r="HRP1193" s="10"/>
      <c r="HRQ1193" s="10"/>
      <c r="HRR1193" s="10"/>
      <c r="HRS1193" s="10"/>
      <c r="HRT1193" s="10"/>
      <c r="HRU1193" s="10"/>
      <c r="HRV1193" s="10"/>
      <c r="HRW1193" s="10"/>
      <c r="HRX1193" s="10"/>
      <c r="HRY1193" s="10"/>
      <c r="HRZ1193" s="10"/>
      <c r="HSA1193" s="10"/>
      <c r="HSB1193" s="10"/>
      <c r="HSC1193" s="10"/>
      <c r="HSD1193" s="10"/>
      <c r="HSE1193" s="10"/>
      <c r="HSF1193" s="10"/>
      <c r="HSG1193" s="10"/>
      <c r="HSH1193" s="10"/>
      <c r="HSI1193" s="10"/>
      <c r="HSJ1193" s="10"/>
      <c r="HSK1193" s="10"/>
      <c r="HSL1193" s="10"/>
      <c r="HSM1193" s="10"/>
      <c r="HSN1193" s="10"/>
      <c r="HSO1193" s="10"/>
      <c r="HSP1193" s="10"/>
      <c r="HSQ1193" s="10"/>
      <c r="HSR1193" s="10"/>
      <c r="HSS1193" s="10"/>
      <c r="HST1193" s="10"/>
      <c r="HSU1193" s="10"/>
      <c r="HSV1193" s="10"/>
      <c r="HSW1193" s="10"/>
      <c r="HSX1193" s="10"/>
      <c r="HSY1193" s="10"/>
      <c r="HSZ1193" s="10"/>
      <c r="HTA1193" s="10"/>
      <c r="HTB1193" s="10"/>
      <c r="HTC1193" s="10"/>
      <c r="HTD1193" s="10"/>
      <c r="HTE1193" s="10"/>
      <c r="HTF1193" s="10"/>
      <c r="HTG1193" s="10"/>
      <c r="HTH1193" s="10"/>
      <c r="HTI1193" s="10"/>
      <c r="HTJ1193" s="10"/>
      <c r="HTK1193" s="10"/>
      <c r="HTL1193" s="10"/>
      <c r="HTM1193" s="10"/>
      <c r="HTN1193" s="10"/>
      <c r="HTO1193" s="10"/>
      <c r="HTP1193" s="10"/>
      <c r="HTQ1193" s="10"/>
      <c r="HTR1193" s="10"/>
      <c r="HTS1193" s="10"/>
      <c r="HTT1193" s="10"/>
      <c r="HTU1193" s="10"/>
      <c r="HTV1193" s="10"/>
      <c r="HTW1193" s="10"/>
      <c r="HTX1193" s="10"/>
      <c r="HTY1193" s="10"/>
      <c r="HTZ1193" s="10"/>
      <c r="HUA1193" s="10"/>
      <c r="HUB1193" s="10"/>
      <c r="HUC1193" s="10"/>
      <c r="HUD1193" s="10"/>
      <c r="HUE1193" s="10"/>
      <c r="HUF1193" s="10"/>
      <c r="HUG1193" s="10"/>
      <c r="HUH1193" s="10"/>
      <c r="HUI1193" s="10"/>
      <c r="HUJ1193" s="10"/>
      <c r="HUK1193" s="10"/>
      <c r="HUL1193" s="10"/>
      <c r="HUM1193" s="10"/>
      <c r="HUN1193" s="10"/>
      <c r="HUO1193" s="10"/>
      <c r="HUP1193" s="10"/>
      <c r="HUQ1193" s="10"/>
      <c r="HUR1193" s="10"/>
      <c r="HUS1193" s="10"/>
      <c r="HUT1193" s="10"/>
      <c r="HUU1193" s="10"/>
      <c r="HUV1193" s="10"/>
      <c r="HUW1193" s="10"/>
      <c r="HUX1193" s="10"/>
      <c r="HUY1193" s="10"/>
      <c r="HUZ1193" s="10"/>
      <c r="HVA1193" s="10"/>
      <c r="HVB1193" s="10"/>
      <c r="HVC1193" s="10"/>
      <c r="HVD1193" s="10"/>
      <c r="HVE1193" s="10"/>
      <c r="HVF1193" s="10"/>
      <c r="HVG1193" s="10"/>
      <c r="HVH1193" s="10"/>
      <c r="HVI1193" s="10"/>
      <c r="HVJ1193" s="10"/>
      <c r="HVK1193" s="10"/>
      <c r="HVL1193" s="10"/>
      <c r="HVM1193" s="10"/>
      <c r="HVN1193" s="10"/>
      <c r="HVO1193" s="10"/>
      <c r="HVP1193" s="10"/>
      <c r="HVQ1193" s="10"/>
      <c r="HVR1193" s="10"/>
      <c r="HVS1193" s="10"/>
      <c r="HVT1193" s="10"/>
      <c r="HVU1193" s="10"/>
      <c r="HVV1193" s="10"/>
      <c r="HVW1193" s="10"/>
      <c r="HVX1193" s="10"/>
      <c r="HVY1193" s="10"/>
      <c r="HVZ1193" s="10"/>
      <c r="HWA1193" s="10"/>
      <c r="HWB1193" s="10"/>
      <c r="HWC1193" s="10"/>
      <c r="HWD1193" s="10"/>
      <c r="HWE1193" s="10"/>
      <c r="HWF1193" s="10"/>
      <c r="HWG1193" s="10"/>
      <c r="HWH1193" s="10"/>
      <c r="HWI1193" s="10"/>
      <c r="HWJ1193" s="10"/>
      <c r="HWK1193" s="10"/>
      <c r="HWL1193" s="10"/>
      <c r="HWM1193" s="10"/>
      <c r="HWN1193" s="10"/>
      <c r="HWO1193" s="10"/>
      <c r="HWP1193" s="10"/>
      <c r="HWQ1193" s="10"/>
      <c r="HWR1193" s="10"/>
      <c r="HWS1193" s="10"/>
      <c r="HWT1193" s="10"/>
      <c r="HWU1193" s="10"/>
      <c r="HWV1193" s="10"/>
      <c r="HWW1193" s="10"/>
      <c r="HWX1193" s="10"/>
      <c r="HWY1193" s="10"/>
      <c r="HWZ1193" s="10"/>
      <c r="HXA1193" s="10"/>
      <c r="HXB1193" s="10"/>
      <c r="HXC1193" s="10"/>
      <c r="HXD1193" s="10"/>
      <c r="HXE1193" s="10"/>
      <c r="HXF1193" s="10"/>
      <c r="HXG1193" s="10"/>
      <c r="HXH1193" s="10"/>
      <c r="HXI1193" s="10"/>
      <c r="HXJ1193" s="10"/>
      <c r="HXK1193" s="10"/>
      <c r="HXL1193" s="10"/>
      <c r="HXM1193" s="10"/>
      <c r="HXN1193" s="10"/>
      <c r="HXO1193" s="10"/>
      <c r="HXP1193" s="10"/>
      <c r="HXQ1193" s="10"/>
      <c r="HXR1193" s="10"/>
      <c r="HXS1193" s="10"/>
      <c r="HXT1193" s="10"/>
      <c r="HXU1193" s="10"/>
      <c r="HXV1193" s="10"/>
      <c r="HXW1193" s="10"/>
      <c r="HXX1193" s="10"/>
      <c r="HXY1193" s="10"/>
      <c r="HXZ1193" s="10"/>
      <c r="HYA1193" s="10"/>
      <c r="HYB1193" s="10"/>
      <c r="HYC1193" s="10"/>
      <c r="HYD1193" s="10"/>
      <c r="HYE1193" s="10"/>
      <c r="HYF1193" s="10"/>
      <c r="HYG1193" s="10"/>
      <c r="HYH1193" s="10"/>
      <c r="HYI1193" s="10"/>
      <c r="HYJ1193" s="10"/>
      <c r="HYK1193" s="10"/>
      <c r="HYL1193" s="10"/>
      <c r="HYM1193" s="10"/>
      <c r="HYN1193" s="10"/>
      <c r="HYO1193" s="10"/>
      <c r="HYP1193" s="10"/>
      <c r="HYQ1193" s="10"/>
      <c r="HYR1193" s="10"/>
      <c r="HYS1193" s="10"/>
      <c r="HYT1193" s="10"/>
      <c r="HYU1193" s="10"/>
      <c r="HYV1193" s="10"/>
      <c r="HYW1193" s="10"/>
      <c r="HYX1193" s="10"/>
      <c r="HYY1193" s="10"/>
      <c r="HYZ1193" s="10"/>
      <c r="HZA1193" s="10"/>
      <c r="HZB1193" s="10"/>
      <c r="HZC1193" s="10"/>
      <c r="HZD1193" s="10"/>
      <c r="HZE1193" s="10"/>
      <c r="HZF1193" s="10"/>
      <c r="HZG1193" s="10"/>
      <c r="HZH1193" s="10"/>
      <c r="HZI1193" s="10"/>
      <c r="HZJ1193" s="10"/>
      <c r="HZK1193" s="10"/>
      <c r="HZL1193" s="10"/>
      <c r="HZM1193" s="10"/>
      <c r="HZN1193" s="10"/>
      <c r="HZO1193" s="10"/>
      <c r="HZP1193" s="10"/>
      <c r="HZQ1193" s="10"/>
      <c r="HZR1193" s="10"/>
      <c r="HZS1193" s="10"/>
      <c r="HZT1193" s="10"/>
      <c r="HZU1193" s="10"/>
      <c r="HZV1193" s="10"/>
      <c r="HZW1193" s="10"/>
      <c r="HZX1193" s="10"/>
      <c r="HZY1193" s="10"/>
      <c r="HZZ1193" s="10"/>
      <c r="IAA1193" s="10"/>
      <c r="IAB1193" s="10"/>
      <c r="IAC1193" s="10"/>
      <c r="IAD1193" s="10"/>
      <c r="IAE1193" s="10"/>
      <c r="IAF1193" s="10"/>
      <c r="IAG1193" s="10"/>
      <c r="IAH1193" s="10"/>
      <c r="IAI1193" s="10"/>
      <c r="IAJ1193" s="10"/>
      <c r="IAK1193" s="10"/>
      <c r="IAL1193" s="10"/>
      <c r="IAM1193" s="10"/>
      <c r="IAN1193" s="10"/>
      <c r="IAO1193" s="10"/>
      <c r="IAP1193" s="10"/>
      <c r="IAQ1193" s="10"/>
      <c r="IAR1193" s="10"/>
      <c r="IAS1193" s="10"/>
      <c r="IAT1193" s="10"/>
      <c r="IAU1193" s="10"/>
      <c r="IAV1193" s="10"/>
      <c r="IAW1193" s="10"/>
      <c r="IAX1193" s="10"/>
      <c r="IAY1193" s="10"/>
      <c r="IAZ1193" s="10"/>
      <c r="IBA1193" s="10"/>
      <c r="IBB1193" s="10"/>
      <c r="IBC1193" s="10"/>
      <c r="IBD1193" s="10"/>
      <c r="IBE1193" s="10"/>
      <c r="IBF1193" s="10"/>
      <c r="IBG1193" s="10"/>
      <c r="IBH1193" s="10"/>
      <c r="IBI1193" s="10"/>
      <c r="IBJ1193" s="10"/>
      <c r="IBK1193" s="10"/>
      <c r="IBL1193" s="10"/>
      <c r="IBM1193" s="10"/>
      <c r="IBN1193" s="10"/>
      <c r="IBO1193" s="10"/>
      <c r="IBP1193" s="10"/>
      <c r="IBQ1193" s="10"/>
      <c r="IBR1193" s="10"/>
      <c r="IBS1193" s="10"/>
      <c r="IBT1193" s="10"/>
      <c r="IBU1193" s="10"/>
      <c r="IBV1193" s="10"/>
      <c r="IBW1193" s="10"/>
      <c r="IBX1193" s="10"/>
      <c r="IBY1193" s="10"/>
      <c r="IBZ1193" s="10"/>
      <c r="ICA1193" s="10"/>
      <c r="ICB1193" s="10"/>
      <c r="ICC1193" s="10"/>
      <c r="ICD1193" s="10"/>
      <c r="ICE1193" s="10"/>
      <c r="ICF1193" s="10"/>
      <c r="ICG1193" s="10"/>
      <c r="ICH1193" s="10"/>
      <c r="ICI1193" s="10"/>
      <c r="ICJ1193" s="10"/>
      <c r="ICK1193" s="10"/>
      <c r="ICL1193" s="10"/>
      <c r="ICM1193" s="10"/>
      <c r="ICN1193" s="10"/>
      <c r="ICO1193" s="10"/>
      <c r="ICP1193" s="10"/>
      <c r="ICQ1193" s="10"/>
      <c r="ICR1193" s="10"/>
      <c r="ICS1193" s="10"/>
      <c r="ICT1193" s="10"/>
      <c r="ICU1193" s="10"/>
      <c r="ICV1193" s="10"/>
      <c r="ICW1193" s="10"/>
      <c r="ICX1193" s="10"/>
      <c r="ICY1193" s="10"/>
      <c r="ICZ1193" s="10"/>
      <c r="IDA1193" s="10"/>
      <c r="IDB1193" s="10"/>
      <c r="IDC1193" s="10"/>
      <c r="IDD1193" s="10"/>
      <c r="IDE1193" s="10"/>
      <c r="IDF1193" s="10"/>
      <c r="IDG1193" s="10"/>
      <c r="IDH1193" s="10"/>
      <c r="IDI1193" s="10"/>
      <c r="IDJ1193" s="10"/>
      <c r="IDK1193" s="10"/>
      <c r="IDL1193" s="10"/>
      <c r="IDM1193" s="10"/>
      <c r="IDN1193" s="10"/>
      <c r="IDO1193" s="10"/>
      <c r="IDP1193" s="10"/>
      <c r="IDQ1193" s="10"/>
      <c r="IDR1193" s="10"/>
      <c r="IDS1193" s="10"/>
      <c r="IDT1193" s="10"/>
      <c r="IDU1193" s="10"/>
      <c r="IDV1193" s="10"/>
      <c r="IDW1193" s="10"/>
      <c r="IDX1193" s="10"/>
      <c r="IDY1193" s="10"/>
      <c r="IDZ1193" s="10"/>
      <c r="IEA1193" s="10"/>
      <c r="IEB1193" s="10"/>
      <c r="IEC1193" s="10"/>
      <c r="IED1193" s="10"/>
      <c r="IEE1193" s="10"/>
      <c r="IEF1193" s="10"/>
      <c r="IEG1193" s="10"/>
      <c r="IEH1193" s="10"/>
      <c r="IEI1193" s="10"/>
      <c r="IEJ1193" s="10"/>
      <c r="IEK1193" s="10"/>
      <c r="IEL1193" s="10"/>
      <c r="IEM1193" s="10"/>
      <c r="IEN1193" s="10"/>
      <c r="IEO1193" s="10"/>
      <c r="IEP1193" s="10"/>
      <c r="IEQ1193" s="10"/>
      <c r="IER1193" s="10"/>
      <c r="IES1193" s="10"/>
      <c r="IET1193" s="10"/>
      <c r="IEU1193" s="10"/>
      <c r="IEV1193" s="10"/>
      <c r="IEW1193" s="10"/>
      <c r="IEX1193" s="10"/>
      <c r="IEY1193" s="10"/>
      <c r="IEZ1193" s="10"/>
      <c r="IFA1193" s="10"/>
      <c r="IFB1193" s="10"/>
      <c r="IFC1193" s="10"/>
      <c r="IFD1193" s="10"/>
      <c r="IFE1193" s="10"/>
      <c r="IFF1193" s="10"/>
      <c r="IFG1193" s="10"/>
      <c r="IFH1193" s="10"/>
      <c r="IFI1193" s="10"/>
      <c r="IFJ1193" s="10"/>
      <c r="IFK1193" s="10"/>
      <c r="IFL1193" s="10"/>
      <c r="IFM1193" s="10"/>
      <c r="IFN1193" s="10"/>
      <c r="IFO1193" s="10"/>
      <c r="IFP1193" s="10"/>
      <c r="IFQ1193" s="10"/>
      <c r="IFR1193" s="10"/>
      <c r="IFS1193" s="10"/>
      <c r="IFT1193" s="10"/>
      <c r="IFU1193" s="10"/>
      <c r="IFV1193" s="10"/>
      <c r="IFW1193" s="10"/>
      <c r="IFX1193" s="10"/>
      <c r="IFY1193" s="10"/>
      <c r="IFZ1193" s="10"/>
      <c r="IGA1193" s="10"/>
      <c r="IGB1193" s="10"/>
      <c r="IGC1193" s="10"/>
      <c r="IGD1193" s="10"/>
      <c r="IGE1193" s="10"/>
      <c r="IGF1193" s="10"/>
      <c r="IGG1193" s="10"/>
      <c r="IGH1193" s="10"/>
      <c r="IGI1193" s="10"/>
      <c r="IGJ1193" s="10"/>
      <c r="IGK1193" s="10"/>
      <c r="IGL1193" s="10"/>
      <c r="IGM1193" s="10"/>
      <c r="IGN1193" s="10"/>
      <c r="IGO1193" s="10"/>
      <c r="IGP1193" s="10"/>
      <c r="IGQ1193" s="10"/>
      <c r="IGR1193" s="10"/>
      <c r="IGS1193" s="10"/>
      <c r="IGT1193" s="10"/>
      <c r="IGU1193" s="10"/>
      <c r="IGV1193" s="10"/>
      <c r="IGW1193" s="10"/>
      <c r="IGX1193" s="10"/>
      <c r="IGY1193" s="10"/>
      <c r="IGZ1193" s="10"/>
      <c r="IHA1193" s="10"/>
      <c r="IHB1193" s="10"/>
      <c r="IHC1193" s="10"/>
      <c r="IHD1193" s="10"/>
      <c r="IHE1193" s="10"/>
      <c r="IHF1193" s="10"/>
      <c r="IHG1193" s="10"/>
      <c r="IHH1193" s="10"/>
      <c r="IHI1193" s="10"/>
      <c r="IHJ1193" s="10"/>
      <c r="IHK1193" s="10"/>
      <c r="IHL1193" s="10"/>
      <c r="IHM1193" s="10"/>
      <c r="IHN1193" s="10"/>
      <c r="IHO1193" s="10"/>
      <c r="IHP1193" s="10"/>
      <c r="IHQ1193" s="10"/>
      <c r="IHR1193" s="10"/>
      <c r="IHS1193" s="10"/>
      <c r="IHT1193" s="10"/>
      <c r="IHU1193" s="10"/>
      <c r="IHV1193" s="10"/>
      <c r="IHW1193" s="10"/>
      <c r="IHX1193" s="10"/>
      <c r="IHY1193" s="10"/>
      <c r="IHZ1193" s="10"/>
      <c r="IIA1193" s="10"/>
      <c r="IIB1193" s="10"/>
      <c r="IIC1193" s="10"/>
      <c r="IID1193" s="10"/>
      <c r="IIE1193" s="10"/>
      <c r="IIF1193" s="10"/>
      <c r="IIG1193" s="10"/>
      <c r="IIH1193" s="10"/>
      <c r="III1193" s="10"/>
      <c r="IIJ1193" s="10"/>
      <c r="IIK1193" s="10"/>
      <c r="IIL1193" s="10"/>
      <c r="IIM1193" s="10"/>
      <c r="IIN1193" s="10"/>
      <c r="IIO1193" s="10"/>
      <c r="IIP1193" s="10"/>
      <c r="IIQ1193" s="10"/>
      <c r="IIR1193" s="10"/>
      <c r="IIS1193" s="10"/>
      <c r="IIT1193" s="10"/>
      <c r="IIU1193" s="10"/>
      <c r="IIV1193" s="10"/>
      <c r="IIW1193" s="10"/>
      <c r="IIX1193" s="10"/>
      <c r="IIY1193" s="10"/>
      <c r="IIZ1193" s="10"/>
      <c r="IJA1193" s="10"/>
      <c r="IJB1193" s="10"/>
      <c r="IJC1193" s="10"/>
      <c r="IJD1193" s="10"/>
      <c r="IJE1193" s="10"/>
      <c r="IJF1193" s="10"/>
      <c r="IJG1193" s="10"/>
      <c r="IJH1193" s="10"/>
      <c r="IJI1193" s="10"/>
      <c r="IJJ1193" s="10"/>
      <c r="IJK1193" s="10"/>
      <c r="IJL1193" s="10"/>
      <c r="IJM1193" s="10"/>
      <c r="IJN1193" s="10"/>
      <c r="IJO1193" s="10"/>
      <c r="IJP1193" s="10"/>
      <c r="IJQ1193" s="10"/>
      <c r="IJR1193" s="10"/>
      <c r="IJS1193" s="10"/>
      <c r="IJT1193" s="10"/>
      <c r="IJU1193" s="10"/>
      <c r="IJV1193" s="10"/>
      <c r="IJW1193" s="10"/>
      <c r="IJX1193" s="10"/>
      <c r="IJY1193" s="10"/>
      <c r="IJZ1193" s="10"/>
      <c r="IKA1193" s="10"/>
      <c r="IKB1193" s="10"/>
      <c r="IKC1193" s="10"/>
      <c r="IKD1193" s="10"/>
      <c r="IKE1193" s="10"/>
      <c r="IKF1193" s="10"/>
      <c r="IKG1193" s="10"/>
      <c r="IKH1193" s="10"/>
      <c r="IKI1193" s="10"/>
      <c r="IKJ1193" s="10"/>
      <c r="IKK1193" s="10"/>
      <c r="IKL1193" s="10"/>
      <c r="IKM1193" s="10"/>
      <c r="IKN1193" s="10"/>
      <c r="IKO1193" s="10"/>
      <c r="IKP1193" s="10"/>
      <c r="IKQ1193" s="10"/>
      <c r="IKR1193" s="10"/>
      <c r="IKS1193" s="10"/>
      <c r="IKT1193" s="10"/>
      <c r="IKU1193" s="10"/>
      <c r="IKV1193" s="10"/>
      <c r="IKW1193" s="10"/>
      <c r="IKX1193" s="10"/>
      <c r="IKY1193" s="10"/>
      <c r="IKZ1193" s="10"/>
      <c r="ILA1193" s="10"/>
      <c r="ILB1193" s="10"/>
      <c r="ILC1193" s="10"/>
      <c r="ILD1193" s="10"/>
      <c r="ILE1193" s="10"/>
      <c r="ILF1193" s="10"/>
      <c r="ILG1193" s="10"/>
      <c r="ILH1193" s="10"/>
      <c r="ILI1193" s="10"/>
      <c r="ILJ1193" s="10"/>
      <c r="ILK1193" s="10"/>
      <c r="ILL1193" s="10"/>
      <c r="ILM1193" s="10"/>
      <c r="ILN1193" s="10"/>
      <c r="ILO1193" s="10"/>
      <c r="ILP1193" s="10"/>
      <c r="ILQ1193" s="10"/>
      <c r="ILR1193" s="10"/>
      <c r="ILS1193" s="10"/>
      <c r="ILT1193" s="10"/>
      <c r="ILU1193" s="10"/>
      <c r="ILV1193" s="10"/>
      <c r="ILW1193" s="10"/>
      <c r="ILX1193" s="10"/>
      <c r="ILY1193" s="10"/>
      <c r="ILZ1193" s="10"/>
      <c r="IMA1193" s="10"/>
      <c r="IMB1193" s="10"/>
      <c r="IMC1193" s="10"/>
      <c r="IMD1193" s="10"/>
      <c r="IME1193" s="10"/>
      <c r="IMF1193" s="10"/>
      <c r="IMG1193" s="10"/>
      <c r="IMH1193" s="10"/>
      <c r="IMI1193" s="10"/>
      <c r="IMJ1193" s="10"/>
      <c r="IMK1193" s="10"/>
      <c r="IML1193" s="10"/>
      <c r="IMM1193" s="10"/>
      <c r="IMN1193" s="10"/>
      <c r="IMO1193" s="10"/>
      <c r="IMP1193" s="10"/>
      <c r="IMQ1193" s="10"/>
      <c r="IMR1193" s="10"/>
      <c r="IMS1193" s="10"/>
      <c r="IMT1193" s="10"/>
      <c r="IMU1193" s="10"/>
      <c r="IMV1193" s="10"/>
      <c r="IMW1193" s="10"/>
      <c r="IMX1193" s="10"/>
      <c r="IMY1193" s="10"/>
      <c r="IMZ1193" s="10"/>
      <c r="INA1193" s="10"/>
      <c r="INB1193" s="10"/>
      <c r="INC1193" s="10"/>
      <c r="IND1193" s="10"/>
      <c r="INE1193" s="10"/>
      <c r="INF1193" s="10"/>
      <c r="ING1193" s="10"/>
      <c r="INH1193" s="10"/>
      <c r="INI1193" s="10"/>
      <c r="INJ1193" s="10"/>
      <c r="INK1193" s="10"/>
      <c r="INL1193" s="10"/>
      <c r="INM1193" s="10"/>
      <c r="INN1193" s="10"/>
      <c r="INO1193" s="10"/>
      <c r="INP1193" s="10"/>
      <c r="INQ1193" s="10"/>
      <c r="INR1193" s="10"/>
      <c r="INS1193" s="10"/>
      <c r="INT1193" s="10"/>
      <c r="INU1193" s="10"/>
      <c r="INV1193" s="10"/>
      <c r="INW1193" s="10"/>
      <c r="INX1193" s="10"/>
      <c r="INY1193" s="10"/>
      <c r="INZ1193" s="10"/>
      <c r="IOA1193" s="10"/>
      <c r="IOB1193" s="10"/>
      <c r="IOC1193" s="10"/>
      <c r="IOD1193" s="10"/>
      <c r="IOE1193" s="10"/>
      <c r="IOF1193" s="10"/>
      <c r="IOG1193" s="10"/>
      <c r="IOH1193" s="10"/>
      <c r="IOI1193" s="10"/>
      <c r="IOJ1193" s="10"/>
      <c r="IOK1193" s="10"/>
      <c r="IOL1193" s="10"/>
      <c r="IOM1193" s="10"/>
      <c r="ION1193" s="10"/>
      <c r="IOO1193" s="10"/>
      <c r="IOP1193" s="10"/>
      <c r="IOQ1193" s="10"/>
      <c r="IOR1193" s="10"/>
      <c r="IOS1193" s="10"/>
      <c r="IOT1193" s="10"/>
      <c r="IOU1193" s="10"/>
      <c r="IOV1193" s="10"/>
      <c r="IOW1193" s="10"/>
      <c r="IOX1193" s="10"/>
      <c r="IOY1193" s="10"/>
      <c r="IOZ1193" s="10"/>
      <c r="IPA1193" s="10"/>
      <c r="IPB1193" s="10"/>
      <c r="IPC1193" s="10"/>
      <c r="IPD1193" s="10"/>
      <c r="IPE1193" s="10"/>
      <c r="IPF1193" s="10"/>
      <c r="IPG1193" s="10"/>
      <c r="IPH1193" s="10"/>
      <c r="IPI1193" s="10"/>
      <c r="IPJ1193" s="10"/>
      <c r="IPK1193" s="10"/>
      <c r="IPL1193" s="10"/>
      <c r="IPM1193" s="10"/>
      <c r="IPN1193" s="10"/>
      <c r="IPO1193" s="10"/>
      <c r="IPP1193" s="10"/>
      <c r="IPQ1193" s="10"/>
      <c r="IPR1193" s="10"/>
      <c r="IPS1193" s="10"/>
      <c r="IPT1193" s="10"/>
      <c r="IPU1193" s="10"/>
      <c r="IPV1193" s="10"/>
      <c r="IPW1193" s="10"/>
      <c r="IPX1193" s="10"/>
      <c r="IPY1193" s="10"/>
      <c r="IPZ1193" s="10"/>
      <c r="IQA1193" s="10"/>
      <c r="IQB1193" s="10"/>
      <c r="IQC1193" s="10"/>
      <c r="IQD1193" s="10"/>
      <c r="IQE1193" s="10"/>
      <c r="IQF1193" s="10"/>
      <c r="IQG1193" s="10"/>
      <c r="IQH1193" s="10"/>
      <c r="IQI1193" s="10"/>
      <c r="IQJ1193" s="10"/>
      <c r="IQK1193" s="10"/>
      <c r="IQL1193" s="10"/>
      <c r="IQM1193" s="10"/>
      <c r="IQN1193" s="10"/>
      <c r="IQO1193" s="10"/>
      <c r="IQP1193" s="10"/>
      <c r="IQQ1193" s="10"/>
      <c r="IQR1193" s="10"/>
      <c r="IQS1193" s="10"/>
      <c r="IQT1193" s="10"/>
      <c r="IQU1193" s="10"/>
      <c r="IQV1193" s="10"/>
      <c r="IQW1193" s="10"/>
      <c r="IQX1193" s="10"/>
      <c r="IQY1193" s="10"/>
      <c r="IQZ1193" s="10"/>
      <c r="IRA1193" s="10"/>
      <c r="IRB1193" s="10"/>
      <c r="IRC1193" s="10"/>
      <c r="IRD1193" s="10"/>
      <c r="IRE1193" s="10"/>
      <c r="IRF1193" s="10"/>
      <c r="IRG1193" s="10"/>
      <c r="IRH1193" s="10"/>
      <c r="IRI1193" s="10"/>
      <c r="IRJ1193" s="10"/>
      <c r="IRK1193" s="10"/>
      <c r="IRL1193" s="10"/>
      <c r="IRM1193" s="10"/>
      <c r="IRN1193" s="10"/>
      <c r="IRO1193" s="10"/>
      <c r="IRP1193" s="10"/>
      <c r="IRQ1193" s="10"/>
      <c r="IRR1193" s="10"/>
      <c r="IRS1193" s="10"/>
      <c r="IRT1193" s="10"/>
      <c r="IRU1193" s="10"/>
      <c r="IRV1193" s="10"/>
      <c r="IRW1193" s="10"/>
      <c r="IRX1193" s="10"/>
      <c r="IRY1193" s="10"/>
      <c r="IRZ1193" s="10"/>
      <c r="ISA1193" s="10"/>
      <c r="ISB1193" s="10"/>
      <c r="ISC1193" s="10"/>
      <c r="ISD1193" s="10"/>
      <c r="ISE1193" s="10"/>
      <c r="ISF1193" s="10"/>
      <c r="ISG1193" s="10"/>
      <c r="ISH1193" s="10"/>
      <c r="ISI1193" s="10"/>
      <c r="ISJ1193" s="10"/>
      <c r="ISK1193" s="10"/>
      <c r="ISL1193" s="10"/>
      <c r="ISM1193" s="10"/>
      <c r="ISN1193" s="10"/>
      <c r="ISO1193" s="10"/>
      <c r="ISP1193" s="10"/>
      <c r="ISQ1193" s="10"/>
      <c r="ISR1193" s="10"/>
      <c r="ISS1193" s="10"/>
      <c r="IST1193" s="10"/>
      <c r="ISU1193" s="10"/>
      <c r="ISV1193" s="10"/>
      <c r="ISW1193" s="10"/>
      <c r="ISX1193" s="10"/>
      <c r="ISY1193" s="10"/>
      <c r="ISZ1193" s="10"/>
      <c r="ITA1193" s="10"/>
      <c r="ITB1193" s="10"/>
      <c r="ITC1193" s="10"/>
      <c r="ITD1193" s="10"/>
      <c r="ITE1193" s="10"/>
      <c r="ITF1193" s="10"/>
      <c r="ITG1193" s="10"/>
      <c r="ITH1193" s="10"/>
      <c r="ITI1193" s="10"/>
      <c r="ITJ1193" s="10"/>
      <c r="ITK1193" s="10"/>
      <c r="ITL1193" s="10"/>
      <c r="ITM1193" s="10"/>
      <c r="ITN1193" s="10"/>
      <c r="ITO1193" s="10"/>
      <c r="ITP1193" s="10"/>
      <c r="ITQ1193" s="10"/>
      <c r="ITR1193" s="10"/>
      <c r="ITS1193" s="10"/>
      <c r="ITT1193" s="10"/>
      <c r="ITU1193" s="10"/>
      <c r="ITV1193" s="10"/>
      <c r="ITW1193" s="10"/>
      <c r="ITX1193" s="10"/>
      <c r="ITY1193" s="10"/>
      <c r="ITZ1193" s="10"/>
      <c r="IUA1193" s="10"/>
      <c r="IUB1193" s="10"/>
      <c r="IUC1193" s="10"/>
      <c r="IUD1193" s="10"/>
      <c r="IUE1193" s="10"/>
      <c r="IUF1193" s="10"/>
      <c r="IUG1193" s="10"/>
      <c r="IUH1193" s="10"/>
      <c r="IUI1193" s="10"/>
      <c r="IUJ1193" s="10"/>
      <c r="IUK1193" s="10"/>
      <c r="IUL1193" s="10"/>
      <c r="IUM1193" s="10"/>
      <c r="IUN1193" s="10"/>
      <c r="IUO1193" s="10"/>
      <c r="IUP1193" s="10"/>
      <c r="IUQ1193" s="10"/>
      <c r="IUR1193" s="10"/>
      <c r="IUS1193" s="10"/>
      <c r="IUT1193" s="10"/>
      <c r="IUU1193" s="10"/>
      <c r="IUV1193" s="10"/>
      <c r="IUW1193" s="10"/>
      <c r="IUX1193" s="10"/>
      <c r="IUY1193" s="10"/>
      <c r="IUZ1193" s="10"/>
      <c r="IVA1193" s="10"/>
      <c r="IVB1193" s="10"/>
      <c r="IVC1193" s="10"/>
      <c r="IVD1193" s="10"/>
      <c r="IVE1193" s="10"/>
      <c r="IVF1193" s="10"/>
      <c r="IVG1193" s="10"/>
      <c r="IVH1193" s="10"/>
      <c r="IVI1193" s="10"/>
      <c r="IVJ1193" s="10"/>
      <c r="IVK1193" s="10"/>
      <c r="IVL1193" s="10"/>
      <c r="IVM1193" s="10"/>
      <c r="IVN1193" s="10"/>
      <c r="IVO1193" s="10"/>
      <c r="IVP1193" s="10"/>
      <c r="IVQ1193" s="10"/>
      <c r="IVR1193" s="10"/>
      <c r="IVS1193" s="10"/>
      <c r="IVT1193" s="10"/>
      <c r="IVU1193" s="10"/>
      <c r="IVV1193" s="10"/>
      <c r="IVW1193" s="10"/>
      <c r="IVX1193" s="10"/>
      <c r="IVY1193" s="10"/>
      <c r="IVZ1193" s="10"/>
      <c r="IWA1193" s="10"/>
      <c r="IWB1193" s="10"/>
      <c r="IWC1193" s="10"/>
      <c r="IWD1193" s="10"/>
      <c r="IWE1193" s="10"/>
      <c r="IWF1193" s="10"/>
      <c r="IWG1193" s="10"/>
      <c r="IWH1193" s="10"/>
      <c r="IWI1193" s="10"/>
      <c r="IWJ1193" s="10"/>
      <c r="IWK1193" s="10"/>
      <c r="IWL1193" s="10"/>
      <c r="IWM1193" s="10"/>
      <c r="IWN1193" s="10"/>
      <c r="IWO1193" s="10"/>
      <c r="IWP1193" s="10"/>
      <c r="IWQ1193" s="10"/>
      <c r="IWR1193" s="10"/>
      <c r="IWS1193" s="10"/>
      <c r="IWT1193" s="10"/>
      <c r="IWU1193" s="10"/>
      <c r="IWV1193" s="10"/>
      <c r="IWW1193" s="10"/>
      <c r="IWX1193" s="10"/>
      <c r="IWY1193" s="10"/>
      <c r="IWZ1193" s="10"/>
      <c r="IXA1193" s="10"/>
      <c r="IXB1193" s="10"/>
      <c r="IXC1193" s="10"/>
      <c r="IXD1193" s="10"/>
      <c r="IXE1193" s="10"/>
      <c r="IXF1193" s="10"/>
      <c r="IXG1193" s="10"/>
      <c r="IXH1193" s="10"/>
      <c r="IXI1193" s="10"/>
      <c r="IXJ1193" s="10"/>
      <c r="IXK1193" s="10"/>
      <c r="IXL1193" s="10"/>
      <c r="IXM1193" s="10"/>
      <c r="IXN1193" s="10"/>
      <c r="IXO1193" s="10"/>
      <c r="IXP1193" s="10"/>
      <c r="IXQ1193" s="10"/>
      <c r="IXR1193" s="10"/>
      <c r="IXS1193" s="10"/>
      <c r="IXT1193" s="10"/>
      <c r="IXU1193" s="10"/>
      <c r="IXV1193" s="10"/>
      <c r="IXW1193" s="10"/>
      <c r="IXX1193" s="10"/>
      <c r="IXY1193" s="10"/>
      <c r="IXZ1193" s="10"/>
      <c r="IYA1193" s="10"/>
      <c r="IYB1193" s="10"/>
      <c r="IYC1193" s="10"/>
      <c r="IYD1193" s="10"/>
      <c r="IYE1193" s="10"/>
      <c r="IYF1193" s="10"/>
      <c r="IYG1193" s="10"/>
      <c r="IYH1193" s="10"/>
      <c r="IYI1193" s="10"/>
      <c r="IYJ1193" s="10"/>
      <c r="IYK1193" s="10"/>
      <c r="IYL1193" s="10"/>
      <c r="IYM1193" s="10"/>
      <c r="IYN1193" s="10"/>
      <c r="IYO1193" s="10"/>
      <c r="IYP1193" s="10"/>
      <c r="IYQ1193" s="10"/>
      <c r="IYR1193" s="10"/>
      <c r="IYS1193" s="10"/>
      <c r="IYT1193" s="10"/>
      <c r="IYU1193" s="10"/>
      <c r="IYV1193" s="10"/>
      <c r="IYW1193" s="10"/>
      <c r="IYX1193" s="10"/>
      <c r="IYY1193" s="10"/>
      <c r="IYZ1193" s="10"/>
      <c r="IZA1193" s="10"/>
      <c r="IZB1193" s="10"/>
      <c r="IZC1193" s="10"/>
      <c r="IZD1193" s="10"/>
      <c r="IZE1193" s="10"/>
      <c r="IZF1193" s="10"/>
      <c r="IZG1193" s="10"/>
      <c r="IZH1193" s="10"/>
      <c r="IZI1193" s="10"/>
      <c r="IZJ1193" s="10"/>
      <c r="IZK1193" s="10"/>
      <c r="IZL1193" s="10"/>
      <c r="IZM1193" s="10"/>
      <c r="IZN1193" s="10"/>
      <c r="IZO1193" s="10"/>
      <c r="IZP1193" s="10"/>
      <c r="IZQ1193" s="10"/>
      <c r="IZR1193" s="10"/>
      <c r="IZS1193" s="10"/>
      <c r="IZT1193" s="10"/>
      <c r="IZU1193" s="10"/>
      <c r="IZV1193" s="10"/>
      <c r="IZW1193" s="10"/>
      <c r="IZX1193" s="10"/>
      <c r="IZY1193" s="10"/>
      <c r="IZZ1193" s="10"/>
      <c r="JAA1193" s="10"/>
      <c r="JAB1193" s="10"/>
      <c r="JAC1193" s="10"/>
      <c r="JAD1193" s="10"/>
      <c r="JAE1193" s="10"/>
      <c r="JAF1193" s="10"/>
      <c r="JAG1193" s="10"/>
      <c r="JAH1193" s="10"/>
      <c r="JAI1193" s="10"/>
      <c r="JAJ1193" s="10"/>
      <c r="JAK1193" s="10"/>
      <c r="JAL1193" s="10"/>
      <c r="JAM1193" s="10"/>
      <c r="JAN1193" s="10"/>
      <c r="JAO1193" s="10"/>
      <c r="JAP1193" s="10"/>
      <c r="JAQ1193" s="10"/>
      <c r="JAR1193" s="10"/>
      <c r="JAS1193" s="10"/>
      <c r="JAT1193" s="10"/>
      <c r="JAU1193" s="10"/>
      <c r="JAV1193" s="10"/>
      <c r="JAW1193" s="10"/>
      <c r="JAX1193" s="10"/>
      <c r="JAY1193" s="10"/>
      <c r="JAZ1193" s="10"/>
      <c r="JBA1193" s="10"/>
      <c r="JBB1193" s="10"/>
      <c r="JBC1193" s="10"/>
      <c r="JBD1193" s="10"/>
      <c r="JBE1193" s="10"/>
      <c r="JBF1193" s="10"/>
      <c r="JBG1193" s="10"/>
      <c r="JBH1193" s="10"/>
      <c r="JBI1193" s="10"/>
      <c r="JBJ1193" s="10"/>
      <c r="JBK1193" s="10"/>
      <c r="JBL1193" s="10"/>
      <c r="JBM1193" s="10"/>
      <c r="JBN1193" s="10"/>
      <c r="JBO1193" s="10"/>
      <c r="JBP1193" s="10"/>
      <c r="JBQ1193" s="10"/>
      <c r="JBR1193" s="10"/>
      <c r="JBS1193" s="10"/>
      <c r="JBT1193" s="10"/>
      <c r="JBU1193" s="10"/>
      <c r="JBV1193" s="10"/>
      <c r="JBW1193" s="10"/>
      <c r="JBX1193" s="10"/>
      <c r="JBY1193" s="10"/>
      <c r="JBZ1193" s="10"/>
      <c r="JCA1193" s="10"/>
      <c r="JCB1193" s="10"/>
      <c r="JCC1193" s="10"/>
      <c r="JCD1193" s="10"/>
      <c r="JCE1193" s="10"/>
      <c r="JCF1193" s="10"/>
      <c r="JCG1193" s="10"/>
      <c r="JCH1193" s="10"/>
      <c r="JCI1193" s="10"/>
      <c r="JCJ1193" s="10"/>
      <c r="JCK1193" s="10"/>
      <c r="JCL1193" s="10"/>
      <c r="JCM1193" s="10"/>
      <c r="JCN1193" s="10"/>
      <c r="JCO1193" s="10"/>
      <c r="JCP1193" s="10"/>
      <c r="JCQ1193" s="10"/>
      <c r="JCR1193" s="10"/>
      <c r="JCS1193" s="10"/>
      <c r="JCT1193" s="10"/>
      <c r="JCU1193" s="10"/>
      <c r="JCV1193" s="10"/>
      <c r="JCW1193" s="10"/>
      <c r="JCX1193" s="10"/>
      <c r="JCY1193" s="10"/>
      <c r="JCZ1193" s="10"/>
      <c r="JDA1193" s="10"/>
      <c r="JDB1193" s="10"/>
      <c r="JDC1193" s="10"/>
      <c r="JDD1193" s="10"/>
      <c r="JDE1193" s="10"/>
      <c r="JDF1193" s="10"/>
      <c r="JDG1193" s="10"/>
      <c r="JDH1193" s="10"/>
      <c r="JDI1193" s="10"/>
      <c r="JDJ1193" s="10"/>
      <c r="JDK1193" s="10"/>
      <c r="JDL1193" s="10"/>
      <c r="JDM1193" s="10"/>
      <c r="JDN1193" s="10"/>
      <c r="JDO1193" s="10"/>
      <c r="JDP1193" s="10"/>
      <c r="JDQ1193" s="10"/>
      <c r="JDR1193" s="10"/>
      <c r="JDS1193" s="10"/>
      <c r="JDT1193" s="10"/>
      <c r="JDU1193" s="10"/>
      <c r="JDV1193" s="10"/>
      <c r="JDW1193" s="10"/>
      <c r="JDX1193" s="10"/>
      <c r="JDY1193" s="10"/>
      <c r="JDZ1193" s="10"/>
      <c r="JEA1193" s="10"/>
      <c r="JEB1193" s="10"/>
      <c r="JEC1193" s="10"/>
      <c r="JED1193" s="10"/>
      <c r="JEE1193" s="10"/>
      <c r="JEF1193" s="10"/>
      <c r="JEG1193" s="10"/>
      <c r="JEH1193" s="10"/>
      <c r="JEI1193" s="10"/>
      <c r="JEJ1193" s="10"/>
      <c r="JEK1193" s="10"/>
      <c r="JEL1193" s="10"/>
      <c r="JEM1193" s="10"/>
      <c r="JEN1193" s="10"/>
      <c r="JEO1193" s="10"/>
      <c r="JEP1193" s="10"/>
      <c r="JEQ1193" s="10"/>
      <c r="JER1193" s="10"/>
      <c r="JES1193" s="10"/>
      <c r="JET1193" s="10"/>
      <c r="JEU1193" s="10"/>
      <c r="JEV1193" s="10"/>
      <c r="JEW1193" s="10"/>
      <c r="JEX1193" s="10"/>
      <c r="JEY1193" s="10"/>
      <c r="JEZ1193" s="10"/>
      <c r="JFA1193" s="10"/>
      <c r="JFB1193" s="10"/>
      <c r="JFC1193" s="10"/>
      <c r="JFD1193" s="10"/>
      <c r="JFE1193" s="10"/>
      <c r="JFF1193" s="10"/>
      <c r="JFG1193" s="10"/>
      <c r="JFH1193" s="10"/>
      <c r="JFI1193" s="10"/>
      <c r="JFJ1193" s="10"/>
      <c r="JFK1193" s="10"/>
      <c r="JFL1193" s="10"/>
      <c r="JFM1193" s="10"/>
      <c r="JFN1193" s="10"/>
      <c r="JFO1193" s="10"/>
      <c r="JFP1193" s="10"/>
      <c r="JFQ1193" s="10"/>
      <c r="JFR1193" s="10"/>
      <c r="JFS1193" s="10"/>
      <c r="JFT1193" s="10"/>
      <c r="JFU1193" s="10"/>
      <c r="JFV1193" s="10"/>
      <c r="JFW1193" s="10"/>
      <c r="JFX1193" s="10"/>
      <c r="JFY1193" s="10"/>
      <c r="JFZ1193" s="10"/>
      <c r="JGA1193" s="10"/>
      <c r="JGB1193" s="10"/>
      <c r="JGC1193" s="10"/>
      <c r="JGD1193" s="10"/>
      <c r="JGE1193" s="10"/>
      <c r="JGF1193" s="10"/>
      <c r="JGG1193" s="10"/>
      <c r="JGH1193" s="10"/>
      <c r="JGI1193" s="10"/>
      <c r="JGJ1193" s="10"/>
      <c r="JGK1193" s="10"/>
      <c r="JGL1193" s="10"/>
      <c r="JGM1193" s="10"/>
      <c r="JGN1193" s="10"/>
      <c r="JGO1193" s="10"/>
      <c r="JGP1193" s="10"/>
      <c r="JGQ1193" s="10"/>
      <c r="JGR1193" s="10"/>
      <c r="JGS1193" s="10"/>
      <c r="JGT1193" s="10"/>
      <c r="JGU1193" s="10"/>
      <c r="JGV1193" s="10"/>
      <c r="JGW1193" s="10"/>
      <c r="JGX1193" s="10"/>
      <c r="JGY1193" s="10"/>
      <c r="JGZ1193" s="10"/>
      <c r="JHA1193" s="10"/>
      <c r="JHB1193" s="10"/>
      <c r="JHC1193" s="10"/>
      <c r="JHD1193" s="10"/>
      <c r="JHE1193" s="10"/>
      <c r="JHF1193" s="10"/>
      <c r="JHG1193" s="10"/>
      <c r="JHH1193" s="10"/>
      <c r="JHI1193" s="10"/>
      <c r="JHJ1193" s="10"/>
      <c r="JHK1193" s="10"/>
      <c r="JHL1193" s="10"/>
      <c r="JHM1193" s="10"/>
      <c r="JHN1193" s="10"/>
      <c r="JHO1193" s="10"/>
      <c r="JHP1193" s="10"/>
      <c r="JHQ1193" s="10"/>
      <c r="JHR1193" s="10"/>
      <c r="JHS1193" s="10"/>
      <c r="JHT1193" s="10"/>
      <c r="JHU1193" s="10"/>
      <c r="JHV1193" s="10"/>
      <c r="JHW1193" s="10"/>
      <c r="JHX1193" s="10"/>
      <c r="JHY1193" s="10"/>
      <c r="JHZ1193" s="10"/>
      <c r="JIA1193" s="10"/>
      <c r="JIB1193" s="10"/>
      <c r="JIC1193" s="10"/>
      <c r="JID1193" s="10"/>
      <c r="JIE1193" s="10"/>
      <c r="JIF1193" s="10"/>
      <c r="JIG1193" s="10"/>
      <c r="JIH1193" s="10"/>
      <c r="JII1193" s="10"/>
      <c r="JIJ1193" s="10"/>
      <c r="JIK1193" s="10"/>
      <c r="JIL1193" s="10"/>
      <c r="JIM1193" s="10"/>
      <c r="JIN1193" s="10"/>
      <c r="JIO1193" s="10"/>
      <c r="JIP1193" s="10"/>
      <c r="JIQ1193" s="10"/>
      <c r="JIR1193" s="10"/>
      <c r="JIS1193" s="10"/>
      <c r="JIT1193" s="10"/>
      <c r="JIU1193" s="10"/>
      <c r="JIV1193" s="10"/>
      <c r="JIW1193" s="10"/>
      <c r="JIX1193" s="10"/>
      <c r="JIY1193" s="10"/>
      <c r="JIZ1193" s="10"/>
      <c r="JJA1193" s="10"/>
      <c r="JJB1193" s="10"/>
      <c r="JJC1193" s="10"/>
      <c r="JJD1193" s="10"/>
      <c r="JJE1193" s="10"/>
      <c r="JJF1193" s="10"/>
      <c r="JJG1193" s="10"/>
      <c r="JJH1193" s="10"/>
      <c r="JJI1193" s="10"/>
      <c r="JJJ1193" s="10"/>
      <c r="JJK1193" s="10"/>
      <c r="JJL1193" s="10"/>
      <c r="JJM1193" s="10"/>
      <c r="JJN1193" s="10"/>
      <c r="JJO1193" s="10"/>
      <c r="JJP1193" s="10"/>
      <c r="JJQ1193" s="10"/>
      <c r="JJR1193" s="10"/>
      <c r="JJS1193" s="10"/>
      <c r="JJT1193" s="10"/>
      <c r="JJU1193" s="10"/>
      <c r="JJV1193" s="10"/>
      <c r="JJW1193" s="10"/>
      <c r="JJX1193" s="10"/>
      <c r="JJY1193" s="10"/>
      <c r="JJZ1193" s="10"/>
      <c r="JKA1193" s="10"/>
      <c r="JKB1193" s="10"/>
      <c r="JKC1193" s="10"/>
      <c r="JKD1193" s="10"/>
      <c r="JKE1193" s="10"/>
      <c r="JKF1193" s="10"/>
      <c r="JKG1193" s="10"/>
      <c r="JKH1193" s="10"/>
      <c r="JKI1193" s="10"/>
      <c r="JKJ1193" s="10"/>
      <c r="JKK1193" s="10"/>
      <c r="JKL1193" s="10"/>
      <c r="JKM1193" s="10"/>
      <c r="JKN1193" s="10"/>
      <c r="JKO1193" s="10"/>
      <c r="JKP1193" s="10"/>
      <c r="JKQ1193" s="10"/>
      <c r="JKR1193" s="10"/>
      <c r="JKS1193" s="10"/>
      <c r="JKT1193" s="10"/>
      <c r="JKU1193" s="10"/>
      <c r="JKV1193" s="10"/>
      <c r="JKW1193" s="10"/>
      <c r="JKX1193" s="10"/>
      <c r="JKY1193" s="10"/>
      <c r="JKZ1193" s="10"/>
      <c r="JLA1193" s="10"/>
      <c r="JLB1193" s="10"/>
      <c r="JLC1193" s="10"/>
      <c r="JLD1193" s="10"/>
      <c r="JLE1193" s="10"/>
      <c r="JLF1193" s="10"/>
      <c r="JLG1193" s="10"/>
      <c r="JLH1193" s="10"/>
      <c r="JLI1193" s="10"/>
      <c r="JLJ1193" s="10"/>
      <c r="JLK1193" s="10"/>
      <c r="JLL1193" s="10"/>
      <c r="JLM1193" s="10"/>
      <c r="JLN1193" s="10"/>
      <c r="JLO1193" s="10"/>
      <c r="JLP1193" s="10"/>
      <c r="JLQ1193" s="10"/>
      <c r="JLR1193" s="10"/>
      <c r="JLS1193" s="10"/>
      <c r="JLT1193" s="10"/>
      <c r="JLU1193" s="10"/>
      <c r="JLV1193" s="10"/>
      <c r="JLW1193" s="10"/>
      <c r="JLX1193" s="10"/>
      <c r="JLY1193" s="10"/>
      <c r="JLZ1193" s="10"/>
      <c r="JMA1193" s="10"/>
      <c r="JMB1193" s="10"/>
      <c r="JMC1193" s="10"/>
      <c r="JMD1193" s="10"/>
      <c r="JME1193" s="10"/>
      <c r="JMF1193" s="10"/>
      <c r="JMG1193" s="10"/>
      <c r="JMH1193" s="10"/>
      <c r="JMI1193" s="10"/>
      <c r="JMJ1193" s="10"/>
      <c r="JMK1193" s="10"/>
      <c r="JML1193" s="10"/>
      <c r="JMM1193" s="10"/>
      <c r="JMN1193" s="10"/>
      <c r="JMO1193" s="10"/>
      <c r="JMP1193" s="10"/>
      <c r="JMQ1193" s="10"/>
      <c r="JMR1193" s="10"/>
      <c r="JMS1193" s="10"/>
      <c r="JMT1193" s="10"/>
      <c r="JMU1193" s="10"/>
      <c r="JMV1193" s="10"/>
      <c r="JMW1193" s="10"/>
      <c r="JMX1193" s="10"/>
      <c r="JMY1193" s="10"/>
      <c r="JMZ1193" s="10"/>
      <c r="JNA1193" s="10"/>
      <c r="JNB1193" s="10"/>
      <c r="JNC1193" s="10"/>
      <c r="JND1193" s="10"/>
      <c r="JNE1193" s="10"/>
      <c r="JNF1193" s="10"/>
      <c r="JNG1193" s="10"/>
      <c r="JNH1193" s="10"/>
      <c r="JNI1193" s="10"/>
      <c r="JNJ1193" s="10"/>
      <c r="JNK1193" s="10"/>
      <c r="JNL1193" s="10"/>
      <c r="JNM1193" s="10"/>
      <c r="JNN1193" s="10"/>
      <c r="JNO1193" s="10"/>
      <c r="JNP1193" s="10"/>
      <c r="JNQ1193" s="10"/>
      <c r="JNR1193" s="10"/>
      <c r="JNS1193" s="10"/>
      <c r="JNT1193" s="10"/>
      <c r="JNU1193" s="10"/>
      <c r="JNV1193" s="10"/>
      <c r="JNW1193" s="10"/>
      <c r="JNX1193" s="10"/>
      <c r="JNY1193" s="10"/>
      <c r="JNZ1193" s="10"/>
      <c r="JOA1193" s="10"/>
      <c r="JOB1193" s="10"/>
      <c r="JOC1193" s="10"/>
      <c r="JOD1193" s="10"/>
      <c r="JOE1193" s="10"/>
      <c r="JOF1193" s="10"/>
      <c r="JOG1193" s="10"/>
      <c r="JOH1193" s="10"/>
      <c r="JOI1193" s="10"/>
      <c r="JOJ1193" s="10"/>
      <c r="JOK1193" s="10"/>
      <c r="JOL1193" s="10"/>
      <c r="JOM1193" s="10"/>
      <c r="JON1193" s="10"/>
      <c r="JOO1193" s="10"/>
      <c r="JOP1193" s="10"/>
      <c r="JOQ1193" s="10"/>
      <c r="JOR1193" s="10"/>
      <c r="JOS1193" s="10"/>
      <c r="JOT1193" s="10"/>
      <c r="JOU1193" s="10"/>
      <c r="JOV1193" s="10"/>
      <c r="JOW1193" s="10"/>
      <c r="JOX1193" s="10"/>
      <c r="JOY1193" s="10"/>
      <c r="JOZ1193" s="10"/>
      <c r="JPA1193" s="10"/>
      <c r="JPB1193" s="10"/>
      <c r="JPC1193" s="10"/>
      <c r="JPD1193" s="10"/>
      <c r="JPE1193" s="10"/>
      <c r="JPF1193" s="10"/>
      <c r="JPG1193" s="10"/>
      <c r="JPH1193" s="10"/>
      <c r="JPI1193" s="10"/>
      <c r="JPJ1193" s="10"/>
      <c r="JPK1193" s="10"/>
      <c r="JPL1193" s="10"/>
      <c r="JPM1193" s="10"/>
      <c r="JPN1193" s="10"/>
      <c r="JPO1193" s="10"/>
      <c r="JPP1193" s="10"/>
      <c r="JPQ1193" s="10"/>
      <c r="JPR1193" s="10"/>
      <c r="JPS1193" s="10"/>
      <c r="JPT1193" s="10"/>
      <c r="JPU1193" s="10"/>
      <c r="JPV1193" s="10"/>
      <c r="JPW1193" s="10"/>
      <c r="JPX1193" s="10"/>
      <c r="JPY1193" s="10"/>
      <c r="JPZ1193" s="10"/>
      <c r="JQA1193" s="10"/>
      <c r="JQB1193" s="10"/>
      <c r="JQC1193" s="10"/>
      <c r="JQD1193" s="10"/>
      <c r="JQE1193" s="10"/>
      <c r="JQF1193" s="10"/>
      <c r="JQG1193" s="10"/>
      <c r="JQH1193" s="10"/>
      <c r="JQI1193" s="10"/>
      <c r="JQJ1193" s="10"/>
      <c r="JQK1193" s="10"/>
      <c r="JQL1193" s="10"/>
      <c r="JQM1193" s="10"/>
      <c r="JQN1193" s="10"/>
      <c r="JQO1193" s="10"/>
      <c r="JQP1193" s="10"/>
      <c r="JQQ1193" s="10"/>
      <c r="JQR1193" s="10"/>
      <c r="JQS1193" s="10"/>
      <c r="JQT1193" s="10"/>
      <c r="JQU1193" s="10"/>
      <c r="JQV1193" s="10"/>
      <c r="JQW1193" s="10"/>
      <c r="JQX1193" s="10"/>
      <c r="JQY1193" s="10"/>
      <c r="JQZ1193" s="10"/>
      <c r="JRA1193" s="10"/>
      <c r="JRB1193" s="10"/>
      <c r="JRC1193" s="10"/>
      <c r="JRD1193" s="10"/>
      <c r="JRE1193" s="10"/>
      <c r="JRF1193" s="10"/>
      <c r="JRG1193" s="10"/>
      <c r="JRH1193" s="10"/>
      <c r="JRI1193" s="10"/>
      <c r="JRJ1193" s="10"/>
      <c r="JRK1193" s="10"/>
      <c r="JRL1193" s="10"/>
      <c r="JRM1193" s="10"/>
      <c r="JRN1193" s="10"/>
      <c r="JRO1193" s="10"/>
      <c r="JRP1193" s="10"/>
      <c r="JRQ1193" s="10"/>
      <c r="JRR1193" s="10"/>
      <c r="JRS1193" s="10"/>
      <c r="JRT1193" s="10"/>
      <c r="JRU1193" s="10"/>
      <c r="JRV1193" s="10"/>
      <c r="JRW1193" s="10"/>
      <c r="JRX1193" s="10"/>
      <c r="JRY1193" s="10"/>
      <c r="JRZ1193" s="10"/>
      <c r="JSA1193" s="10"/>
      <c r="JSB1193" s="10"/>
      <c r="JSC1193" s="10"/>
      <c r="JSD1193" s="10"/>
      <c r="JSE1193" s="10"/>
      <c r="JSF1193" s="10"/>
      <c r="JSG1193" s="10"/>
      <c r="JSH1193" s="10"/>
      <c r="JSI1193" s="10"/>
      <c r="JSJ1193" s="10"/>
      <c r="JSK1193" s="10"/>
      <c r="JSL1193" s="10"/>
      <c r="JSM1193" s="10"/>
      <c r="JSN1193" s="10"/>
      <c r="JSO1193" s="10"/>
      <c r="JSP1193" s="10"/>
      <c r="JSQ1193" s="10"/>
      <c r="JSR1193" s="10"/>
      <c r="JSS1193" s="10"/>
      <c r="JST1193" s="10"/>
      <c r="JSU1193" s="10"/>
      <c r="JSV1193" s="10"/>
      <c r="JSW1193" s="10"/>
      <c r="JSX1193" s="10"/>
      <c r="JSY1193" s="10"/>
      <c r="JSZ1193" s="10"/>
      <c r="JTA1193" s="10"/>
      <c r="JTB1193" s="10"/>
      <c r="JTC1193" s="10"/>
      <c r="JTD1193" s="10"/>
      <c r="JTE1193" s="10"/>
      <c r="JTF1193" s="10"/>
      <c r="JTG1193" s="10"/>
      <c r="JTH1193" s="10"/>
      <c r="JTI1193" s="10"/>
      <c r="JTJ1193" s="10"/>
      <c r="JTK1193" s="10"/>
      <c r="JTL1193" s="10"/>
      <c r="JTM1193" s="10"/>
      <c r="JTN1193" s="10"/>
      <c r="JTO1193" s="10"/>
      <c r="JTP1193" s="10"/>
      <c r="JTQ1193" s="10"/>
      <c r="JTR1193" s="10"/>
      <c r="JTS1193" s="10"/>
      <c r="JTT1193" s="10"/>
      <c r="JTU1193" s="10"/>
      <c r="JTV1193" s="10"/>
      <c r="JTW1193" s="10"/>
      <c r="JTX1193" s="10"/>
      <c r="JTY1193" s="10"/>
      <c r="JTZ1193" s="10"/>
      <c r="JUA1193" s="10"/>
      <c r="JUB1193" s="10"/>
      <c r="JUC1193" s="10"/>
      <c r="JUD1193" s="10"/>
      <c r="JUE1193" s="10"/>
      <c r="JUF1193" s="10"/>
      <c r="JUG1193" s="10"/>
      <c r="JUH1193" s="10"/>
      <c r="JUI1193" s="10"/>
      <c r="JUJ1193" s="10"/>
      <c r="JUK1193" s="10"/>
      <c r="JUL1193" s="10"/>
      <c r="JUM1193" s="10"/>
      <c r="JUN1193" s="10"/>
      <c r="JUO1193" s="10"/>
      <c r="JUP1193" s="10"/>
      <c r="JUQ1193" s="10"/>
      <c r="JUR1193" s="10"/>
      <c r="JUS1193" s="10"/>
      <c r="JUT1193" s="10"/>
      <c r="JUU1193" s="10"/>
      <c r="JUV1193" s="10"/>
      <c r="JUW1193" s="10"/>
      <c r="JUX1193" s="10"/>
      <c r="JUY1193" s="10"/>
      <c r="JUZ1193" s="10"/>
      <c r="JVA1193" s="10"/>
      <c r="JVB1193" s="10"/>
      <c r="JVC1193" s="10"/>
      <c r="JVD1193" s="10"/>
      <c r="JVE1193" s="10"/>
      <c r="JVF1193" s="10"/>
      <c r="JVG1193" s="10"/>
      <c r="JVH1193" s="10"/>
      <c r="JVI1193" s="10"/>
      <c r="JVJ1193" s="10"/>
      <c r="JVK1193" s="10"/>
      <c r="JVL1193" s="10"/>
      <c r="JVM1193" s="10"/>
      <c r="JVN1193" s="10"/>
      <c r="JVO1193" s="10"/>
      <c r="JVP1193" s="10"/>
      <c r="JVQ1193" s="10"/>
      <c r="JVR1193" s="10"/>
      <c r="JVS1193" s="10"/>
      <c r="JVT1193" s="10"/>
      <c r="JVU1193" s="10"/>
      <c r="JVV1193" s="10"/>
      <c r="JVW1193" s="10"/>
      <c r="JVX1193" s="10"/>
      <c r="JVY1193" s="10"/>
      <c r="JVZ1193" s="10"/>
      <c r="JWA1193" s="10"/>
      <c r="JWB1193" s="10"/>
      <c r="JWC1193" s="10"/>
      <c r="JWD1193" s="10"/>
      <c r="JWE1193" s="10"/>
      <c r="JWF1193" s="10"/>
      <c r="JWG1193" s="10"/>
      <c r="JWH1193" s="10"/>
      <c r="JWI1193" s="10"/>
      <c r="JWJ1193" s="10"/>
      <c r="JWK1193" s="10"/>
      <c r="JWL1193" s="10"/>
      <c r="JWM1193" s="10"/>
      <c r="JWN1193" s="10"/>
      <c r="JWO1193" s="10"/>
      <c r="JWP1193" s="10"/>
      <c r="JWQ1193" s="10"/>
      <c r="JWR1193" s="10"/>
      <c r="JWS1193" s="10"/>
      <c r="JWT1193" s="10"/>
      <c r="JWU1193" s="10"/>
      <c r="JWV1193" s="10"/>
      <c r="JWW1193" s="10"/>
      <c r="JWX1193" s="10"/>
      <c r="JWY1193" s="10"/>
      <c r="JWZ1193" s="10"/>
      <c r="JXA1193" s="10"/>
      <c r="JXB1193" s="10"/>
      <c r="JXC1193" s="10"/>
      <c r="JXD1193" s="10"/>
      <c r="JXE1193" s="10"/>
      <c r="JXF1193" s="10"/>
      <c r="JXG1193" s="10"/>
      <c r="JXH1193" s="10"/>
      <c r="JXI1193" s="10"/>
      <c r="JXJ1193" s="10"/>
      <c r="JXK1193" s="10"/>
      <c r="JXL1193" s="10"/>
      <c r="JXM1193" s="10"/>
      <c r="JXN1193" s="10"/>
      <c r="JXO1193" s="10"/>
      <c r="JXP1193" s="10"/>
      <c r="JXQ1193" s="10"/>
      <c r="JXR1193" s="10"/>
      <c r="JXS1193" s="10"/>
      <c r="JXT1193" s="10"/>
      <c r="JXU1193" s="10"/>
      <c r="JXV1193" s="10"/>
      <c r="JXW1193" s="10"/>
      <c r="JXX1193" s="10"/>
      <c r="JXY1193" s="10"/>
      <c r="JXZ1193" s="10"/>
      <c r="JYA1193" s="10"/>
      <c r="JYB1193" s="10"/>
      <c r="JYC1193" s="10"/>
      <c r="JYD1193" s="10"/>
      <c r="JYE1193" s="10"/>
      <c r="JYF1193" s="10"/>
      <c r="JYG1193" s="10"/>
      <c r="JYH1193" s="10"/>
      <c r="JYI1193" s="10"/>
      <c r="JYJ1193" s="10"/>
      <c r="JYK1193" s="10"/>
      <c r="JYL1193" s="10"/>
      <c r="JYM1193" s="10"/>
      <c r="JYN1193" s="10"/>
      <c r="JYO1193" s="10"/>
      <c r="JYP1193" s="10"/>
      <c r="JYQ1193" s="10"/>
      <c r="JYR1193" s="10"/>
      <c r="JYS1193" s="10"/>
      <c r="JYT1193" s="10"/>
      <c r="JYU1193" s="10"/>
      <c r="JYV1193" s="10"/>
      <c r="JYW1193" s="10"/>
      <c r="JYX1193" s="10"/>
      <c r="JYY1193" s="10"/>
      <c r="JYZ1193" s="10"/>
      <c r="JZA1193" s="10"/>
      <c r="JZB1193" s="10"/>
      <c r="JZC1193" s="10"/>
      <c r="JZD1193" s="10"/>
      <c r="JZE1193" s="10"/>
      <c r="JZF1193" s="10"/>
      <c r="JZG1193" s="10"/>
      <c r="JZH1193" s="10"/>
      <c r="JZI1193" s="10"/>
      <c r="JZJ1193" s="10"/>
      <c r="JZK1193" s="10"/>
      <c r="JZL1193" s="10"/>
      <c r="JZM1193" s="10"/>
      <c r="JZN1193" s="10"/>
      <c r="JZO1193" s="10"/>
      <c r="JZP1193" s="10"/>
      <c r="JZQ1193" s="10"/>
      <c r="JZR1193" s="10"/>
      <c r="JZS1193" s="10"/>
      <c r="JZT1193" s="10"/>
      <c r="JZU1193" s="10"/>
      <c r="JZV1193" s="10"/>
      <c r="JZW1193" s="10"/>
      <c r="JZX1193" s="10"/>
      <c r="JZY1193" s="10"/>
      <c r="JZZ1193" s="10"/>
      <c r="KAA1193" s="10"/>
      <c r="KAB1193" s="10"/>
      <c r="KAC1193" s="10"/>
      <c r="KAD1193" s="10"/>
      <c r="KAE1193" s="10"/>
      <c r="KAF1193" s="10"/>
      <c r="KAG1193" s="10"/>
      <c r="KAH1193" s="10"/>
      <c r="KAI1193" s="10"/>
      <c r="KAJ1193" s="10"/>
      <c r="KAK1193" s="10"/>
      <c r="KAL1193" s="10"/>
      <c r="KAM1193" s="10"/>
      <c r="KAN1193" s="10"/>
      <c r="KAO1193" s="10"/>
      <c r="KAP1193" s="10"/>
      <c r="KAQ1193" s="10"/>
      <c r="KAR1193" s="10"/>
      <c r="KAS1193" s="10"/>
      <c r="KAT1193" s="10"/>
      <c r="KAU1193" s="10"/>
      <c r="KAV1193" s="10"/>
      <c r="KAW1193" s="10"/>
      <c r="KAX1193" s="10"/>
      <c r="KAY1193" s="10"/>
      <c r="KAZ1193" s="10"/>
      <c r="KBA1193" s="10"/>
      <c r="KBB1193" s="10"/>
      <c r="KBC1193" s="10"/>
      <c r="KBD1193" s="10"/>
      <c r="KBE1193" s="10"/>
      <c r="KBF1193" s="10"/>
      <c r="KBG1193" s="10"/>
      <c r="KBH1193" s="10"/>
      <c r="KBI1193" s="10"/>
      <c r="KBJ1193" s="10"/>
      <c r="KBK1193" s="10"/>
      <c r="KBL1193" s="10"/>
      <c r="KBM1193" s="10"/>
      <c r="KBN1193" s="10"/>
      <c r="KBO1193" s="10"/>
      <c r="KBP1193" s="10"/>
      <c r="KBQ1193" s="10"/>
      <c r="KBR1193" s="10"/>
      <c r="KBS1193" s="10"/>
      <c r="KBT1193" s="10"/>
      <c r="KBU1193" s="10"/>
      <c r="KBV1193" s="10"/>
      <c r="KBW1193" s="10"/>
      <c r="KBX1193" s="10"/>
      <c r="KBY1193" s="10"/>
      <c r="KBZ1193" s="10"/>
      <c r="KCA1193" s="10"/>
      <c r="KCB1193" s="10"/>
      <c r="KCC1193" s="10"/>
      <c r="KCD1193" s="10"/>
      <c r="KCE1193" s="10"/>
      <c r="KCF1193" s="10"/>
      <c r="KCG1193" s="10"/>
      <c r="KCH1193" s="10"/>
      <c r="KCI1193" s="10"/>
      <c r="KCJ1193" s="10"/>
      <c r="KCK1193" s="10"/>
      <c r="KCL1193" s="10"/>
      <c r="KCM1193" s="10"/>
      <c r="KCN1193" s="10"/>
      <c r="KCO1193" s="10"/>
      <c r="KCP1193" s="10"/>
      <c r="KCQ1193" s="10"/>
      <c r="KCR1193" s="10"/>
      <c r="KCS1193" s="10"/>
      <c r="KCT1193" s="10"/>
      <c r="KCU1193" s="10"/>
      <c r="KCV1193" s="10"/>
      <c r="KCW1193" s="10"/>
      <c r="KCX1193" s="10"/>
      <c r="KCY1193" s="10"/>
      <c r="KCZ1193" s="10"/>
      <c r="KDA1193" s="10"/>
      <c r="KDB1193" s="10"/>
      <c r="KDC1193" s="10"/>
      <c r="KDD1193" s="10"/>
      <c r="KDE1193" s="10"/>
      <c r="KDF1193" s="10"/>
      <c r="KDG1193" s="10"/>
      <c r="KDH1193" s="10"/>
      <c r="KDI1193" s="10"/>
      <c r="KDJ1193" s="10"/>
      <c r="KDK1193" s="10"/>
      <c r="KDL1193" s="10"/>
      <c r="KDM1193" s="10"/>
      <c r="KDN1193" s="10"/>
      <c r="KDO1193" s="10"/>
      <c r="KDP1193" s="10"/>
      <c r="KDQ1193" s="10"/>
      <c r="KDR1193" s="10"/>
      <c r="KDS1193" s="10"/>
      <c r="KDT1193" s="10"/>
      <c r="KDU1193" s="10"/>
      <c r="KDV1193" s="10"/>
      <c r="KDW1193" s="10"/>
      <c r="KDX1193" s="10"/>
      <c r="KDY1193" s="10"/>
      <c r="KDZ1193" s="10"/>
      <c r="KEA1193" s="10"/>
      <c r="KEB1193" s="10"/>
      <c r="KEC1193" s="10"/>
      <c r="KED1193" s="10"/>
      <c r="KEE1193" s="10"/>
      <c r="KEF1193" s="10"/>
      <c r="KEG1193" s="10"/>
      <c r="KEH1193" s="10"/>
      <c r="KEI1193" s="10"/>
      <c r="KEJ1193" s="10"/>
      <c r="KEK1193" s="10"/>
      <c r="KEL1193" s="10"/>
      <c r="KEM1193" s="10"/>
      <c r="KEN1193" s="10"/>
      <c r="KEO1193" s="10"/>
      <c r="KEP1193" s="10"/>
      <c r="KEQ1193" s="10"/>
      <c r="KER1193" s="10"/>
      <c r="KES1193" s="10"/>
      <c r="KET1193" s="10"/>
      <c r="KEU1193" s="10"/>
      <c r="KEV1193" s="10"/>
      <c r="KEW1193" s="10"/>
      <c r="KEX1193" s="10"/>
      <c r="KEY1193" s="10"/>
      <c r="KEZ1193" s="10"/>
      <c r="KFA1193" s="10"/>
      <c r="KFB1193" s="10"/>
      <c r="KFC1193" s="10"/>
      <c r="KFD1193" s="10"/>
      <c r="KFE1193" s="10"/>
      <c r="KFF1193" s="10"/>
      <c r="KFG1193" s="10"/>
      <c r="KFH1193" s="10"/>
      <c r="KFI1193" s="10"/>
      <c r="KFJ1193" s="10"/>
      <c r="KFK1193" s="10"/>
      <c r="KFL1193" s="10"/>
      <c r="KFM1193" s="10"/>
      <c r="KFN1193" s="10"/>
      <c r="KFO1193" s="10"/>
      <c r="KFP1193" s="10"/>
      <c r="KFQ1193" s="10"/>
      <c r="KFR1193" s="10"/>
      <c r="KFS1193" s="10"/>
      <c r="KFT1193" s="10"/>
      <c r="KFU1193" s="10"/>
      <c r="KFV1193" s="10"/>
      <c r="KFW1193" s="10"/>
      <c r="KFX1193" s="10"/>
      <c r="KFY1193" s="10"/>
      <c r="KFZ1193" s="10"/>
      <c r="KGA1193" s="10"/>
      <c r="KGB1193" s="10"/>
      <c r="KGC1193" s="10"/>
      <c r="KGD1193" s="10"/>
      <c r="KGE1193" s="10"/>
      <c r="KGF1193" s="10"/>
      <c r="KGG1193" s="10"/>
      <c r="KGH1193" s="10"/>
      <c r="KGI1193" s="10"/>
      <c r="KGJ1193" s="10"/>
      <c r="KGK1193" s="10"/>
      <c r="KGL1193" s="10"/>
      <c r="KGM1193" s="10"/>
      <c r="KGN1193" s="10"/>
      <c r="KGO1193" s="10"/>
      <c r="KGP1193" s="10"/>
      <c r="KGQ1193" s="10"/>
      <c r="KGR1193" s="10"/>
      <c r="KGS1193" s="10"/>
      <c r="KGT1193" s="10"/>
      <c r="KGU1193" s="10"/>
      <c r="KGV1193" s="10"/>
      <c r="KGW1193" s="10"/>
      <c r="KGX1193" s="10"/>
      <c r="KGY1193" s="10"/>
      <c r="KGZ1193" s="10"/>
      <c r="KHA1193" s="10"/>
      <c r="KHB1193" s="10"/>
      <c r="KHC1193" s="10"/>
      <c r="KHD1193" s="10"/>
      <c r="KHE1193" s="10"/>
      <c r="KHF1193" s="10"/>
      <c r="KHG1193" s="10"/>
      <c r="KHH1193" s="10"/>
      <c r="KHI1193" s="10"/>
      <c r="KHJ1193" s="10"/>
      <c r="KHK1193" s="10"/>
      <c r="KHL1193" s="10"/>
      <c r="KHM1193" s="10"/>
      <c r="KHN1193" s="10"/>
      <c r="KHO1193" s="10"/>
      <c r="KHP1193" s="10"/>
      <c r="KHQ1193" s="10"/>
      <c r="KHR1193" s="10"/>
      <c r="KHS1193" s="10"/>
      <c r="KHT1193" s="10"/>
      <c r="KHU1193" s="10"/>
      <c r="KHV1193" s="10"/>
      <c r="KHW1193" s="10"/>
      <c r="KHX1193" s="10"/>
      <c r="KHY1193" s="10"/>
      <c r="KHZ1193" s="10"/>
      <c r="KIA1193" s="10"/>
      <c r="KIB1193" s="10"/>
      <c r="KIC1193" s="10"/>
      <c r="KID1193" s="10"/>
      <c r="KIE1193" s="10"/>
      <c r="KIF1193" s="10"/>
      <c r="KIG1193" s="10"/>
      <c r="KIH1193" s="10"/>
      <c r="KII1193" s="10"/>
      <c r="KIJ1193" s="10"/>
      <c r="KIK1193" s="10"/>
      <c r="KIL1193" s="10"/>
      <c r="KIM1193" s="10"/>
      <c r="KIN1193" s="10"/>
      <c r="KIO1193" s="10"/>
      <c r="KIP1193" s="10"/>
      <c r="KIQ1193" s="10"/>
      <c r="KIR1193" s="10"/>
      <c r="KIS1193" s="10"/>
      <c r="KIT1193" s="10"/>
      <c r="KIU1193" s="10"/>
      <c r="KIV1193" s="10"/>
      <c r="KIW1193" s="10"/>
      <c r="KIX1193" s="10"/>
      <c r="KIY1193" s="10"/>
      <c r="KIZ1193" s="10"/>
      <c r="KJA1193" s="10"/>
      <c r="KJB1193" s="10"/>
      <c r="KJC1193" s="10"/>
      <c r="KJD1193" s="10"/>
      <c r="KJE1193" s="10"/>
      <c r="KJF1193" s="10"/>
      <c r="KJG1193" s="10"/>
      <c r="KJH1193" s="10"/>
      <c r="KJI1193" s="10"/>
      <c r="KJJ1193" s="10"/>
      <c r="KJK1193" s="10"/>
      <c r="KJL1193" s="10"/>
      <c r="KJM1193" s="10"/>
      <c r="KJN1193" s="10"/>
      <c r="KJO1193" s="10"/>
      <c r="KJP1193" s="10"/>
      <c r="KJQ1193" s="10"/>
      <c r="KJR1193" s="10"/>
      <c r="KJS1193" s="10"/>
      <c r="KJT1193" s="10"/>
      <c r="KJU1193" s="10"/>
      <c r="KJV1193" s="10"/>
      <c r="KJW1193" s="10"/>
      <c r="KJX1193" s="10"/>
      <c r="KJY1193" s="10"/>
      <c r="KJZ1193" s="10"/>
      <c r="KKA1193" s="10"/>
      <c r="KKB1193" s="10"/>
      <c r="KKC1193" s="10"/>
      <c r="KKD1193" s="10"/>
      <c r="KKE1193" s="10"/>
      <c r="KKF1193" s="10"/>
      <c r="KKG1193" s="10"/>
      <c r="KKH1193" s="10"/>
      <c r="KKI1193" s="10"/>
      <c r="KKJ1193" s="10"/>
      <c r="KKK1193" s="10"/>
      <c r="KKL1193" s="10"/>
      <c r="KKM1193" s="10"/>
      <c r="KKN1193" s="10"/>
      <c r="KKO1193" s="10"/>
      <c r="KKP1193" s="10"/>
      <c r="KKQ1193" s="10"/>
      <c r="KKR1193" s="10"/>
      <c r="KKS1193" s="10"/>
      <c r="KKT1193" s="10"/>
      <c r="KKU1193" s="10"/>
      <c r="KKV1193" s="10"/>
      <c r="KKW1193" s="10"/>
      <c r="KKX1193" s="10"/>
      <c r="KKY1193" s="10"/>
      <c r="KKZ1193" s="10"/>
      <c r="KLA1193" s="10"/>
      <c r="KLB1193" s="10"/>
      <c r="KLC1193" s="10"/>
      <c r="KLD1193" s="10"/>
      <c r="KLE1193" s="10"/>
      <c r="KLF1193" s="10"/>
      <c r="KLG1193" s="10"/>
      <c r="KLH1193" s="10"/>
      <c r="KLI1193" s="10"/>
      <c r="KLJ1193" s="10"/>
      <c r="KLK1193" s="10"/>
      <c r="KLL1193" s="10"/>
      <c r="KLM1193" s="10"/>
      <c r="KLN1193" s="10"/>
      <c r="KLO1193" s="10"/>
      <c r="KLP1193" s="10"/>
      <c r="KLQ1193" s="10"/>
      <c r="KLR1193" s="10"/>
      <c r="KLS1193" s="10"/>
      <c r="KLT1193" s="10"/>
      <c r="KLU1193" s="10"/>
      <c r="KLV1193" s="10"/>
      <c r="KLW1193" s="10"/>
      <c r="KLX1193" s="10"/>
      <c r="KLY1193" s="10"/>
      <c r="KLZ1193" s="10"/>
      <c r="KMA1193" s="10"/>
      <c r="KMB1193" s="10"/>
      <c r="KMC1193" s="10"/>
      <c r="KMD1193" s="10"/>
      <c r="KME1193" s="10"/>
      <c r="KMF1193" s="10"/>
      <c r="KMG1193" s="10"/>
      <c r="KMH1193" s="10"/>
      <c r="KMI1193" s="10"/>
      <c r="KMJ1193" s="10"/>
      <c r="KMK1193" s="10"/>
      <c r="KML1193" s="10"/>
      <c r="KMM1193" s="10"/>
      <c r="KMN1193" s="10"/>
      <c r="KMO1193" s="10"/>
      <c r="KMP1193" s="10"/>
      <c r="KMQ1193" s="10"/>
      <c r="KMR1193" s="10"/>
      <c r="KMS1193" s="10"/>
      <c r="KMT1193" s="10"/>
      <c r="KMU1193" s="10"/>
      <c r="KMV1193" s="10"/>
      <c r="KMW1193" s="10"/>
      <c r="KMX1193" s="10"/>
      <c r="KMY1193" s="10"/>
      <c r="KMZ1193" s="10"/>
      <c r="KNA1193" s="10"/>
      <c r="KNB1193" s="10"/>
      <c r="KNC1193" s="10"/>
      <c r="KND1193" s="10"/>
      <c r="KNE1193" s="10"/>
      <c r="KNF1193" s="10"/>
      <c r="KNG1193" s="10"/>
      <c r="KNH1193" s="10"/>
      <c r="KNI1193" s="10"/>
      <c r="KNJ1193" s="10"/>
      <c r="KNK1193" s="10"/>
      <c r="KNL1193" s="10"/>
      <c r="KNM1193" s="10"/>
      <c r="KNN1193" s="10"/>
      <c r="KNO1193" s="10"/>
      <c r="KNP1193" s="10"/>
      <c r="KNQ1193" s="10"/>
      <c r="KNR1193" s="10"/>
      <c r="KNS1193" s="10"/>
      <c r="KNT1193" s="10"/>
      <c r="KNU1193" s="10"/>
      <c r="KNV1193" s="10"/>
      <c r="KNW1193" s="10"/>
      <c r="KNX1193" s="10"/>
      <c r="KNY1193" s="10"/>
      <c r="KNZ1193" s="10"/>
      <c r="KOA1193" s="10"/>
      <c r="KOB1193" s="10"/>
      <c r="KOC1193" s="10"/>
      <c r="KOD1193" s="10"/>
      <c r="KOE1193" s="10"/>
      <c r="KOF1193" s="10"/>
      <c r="KOG1193" s="10"/>
      <c r="KOH1193" s="10"/>
      <c r="KOI1193" s="10"/>
      <c r="KOJ1193" s="10"/>
      <c r="KOK1193" s="10"/>
      <c r="KOL1193" s="10"/>
      <c r="KOM1193" s="10"/>
      <c r="KON1193" s="10"/>
      <c r="KOO1193" s="10"/>
      <c r="KOP1193" s="10"/>
      <c r="KOQ1193" s="10"/>
      <c r="KOR1193" s="10"/>
      <c r="KOS1193" s="10"/>
      <c r="KOT1193" s="10"/>
      <c r="KOU1193" s="10"/>
      <c r="KOV1193" s="10"/>
      <c r="KOW1193" s="10"/>
      <c r="KOX1193" s="10"/>
      <c r="KOY1193" s="10"/>
      <c r="KOZ1193" s="10"/>
      <c r="KPA1193" s="10"/>
      <c r="KPB1193" s="10"/>
      <c r="KPC1193" s="10"/>
      <c r="KPD1193" s="10"/>
      <c r="KPE1193" s="10"/>
      <c r="KPF1193" s="10"/>
      <c r="KPG1193" s="10"/>
      <c r="KPH1193" s="10"/>
      <c r="KPI1193" s="10"/>
      <c r="KPJ1193" s="10"/>
      <c r="KPK1193" s="10"/>
      <c r="KPL1193" s="10"/>
      <c r="KPM1193" s="10"/>
      <c r="KPN1193" s="10"/>
      <c r="KPO1193" s="10"/>
      <c r="KPP1193" s="10"/>
      <c r="KPQ1193" s="10"/>
      <c r="KPR1193" s="10"/>
      <c r="KPS1193" s="10"/>
      <c r="KPT1193" s="10"/>
      <c r="KPU1193" s="10"/>
      <c r="KPV1193" s="10"/>
      <c r="KPW1193" s="10"/>
      <c r="KPX1193" s="10"/>
      <c r="KPY1193" s="10"/>
      <c r="KPZ1193" s="10"/>
      <c r="KQA1193" s="10"/>
      <c r="KQB1193" s="10"/>
      <c r="KQC1193" s="10"/>
      <c r="KQD1193" s="10"/>
      <c r="KQE1193" s="10"/>
      <c r="KQF1193" s="10"/>
      <c r="KQG1193" s="10"/>
      <c r="KQH1193" s="10"/>
      <c r="KQI1193" s="10"/>
      <c r="KQJ1193" s="10"/>
      <c r="KQK1193" s="10"/>
      <c r="KQL1193" s="10"/>
      <c r="KQM1193" s="10"/>
      <c r="KQN1193" s="10"/>
      <c r="KQO1193" s="10"/>
      <c r="KQP1193" s="10"/>
      <c r="KQQ1193" s="10"/>
      <c r="KQR1193" s="10"/>
      <c r="KQS1193" s="10"/>
      <c r="KQT1193" s="10"/>
      <c r="KQU1193" s="10"/>
      <c r="KQV1193" s="10"/>
      <c r="KQW1193" s="10"/>
      <c r="KQX1193" s="10"/>
      <c r="KQY1193" s="10"/>
      <c r="KQZ1193" s="10"/>
      <c r="KRA1193" s="10"/>
      <c r="KRB1193" s="10"/>
      <c r="KRC1193" s="10"/>
      <c r="KRD1193" s="10"/>
      <c r="KRE1193" s="10"/>
      <c r="KRF1193" s="10"/>
      <c r="KRG1193" s="10"/>
      <c r="KRH1193" s="10"/>
      <c r="KRI1193" s="10"/>
      <c r="KRJ1193" s="10"/>
      <c r="KRK1193" s="10"/>
      <c r="KRL1193" s="10"/>
      <c r="KRM1193" s="10"/>
      <c r="KRN1193" s="10"/>
      <c r="KRO1193" s="10"/>
      <c r="KRP1193" s="10"/>
      <c r="KRQ1193" s="10"/>
      <c r="KRR1193" s="10"/>
      <c r="KRS1193" s="10"/>
      <c r="KRT1193" s="10"/>
      <c r="KRU1193" s="10"/>
      <c r="KRV1193" s="10"/>
      <c r="KRW1193" s="10"/>
      <c r="KRX1193" s="10"/>
      <c r="KRY1193" s="10"/>
      <c r="KRZ1193" s="10"/>
      <c r="KSA1193" s="10"/>
      <c r="KSB1193" s="10"/>
      <c r="KSC1193" s="10"/>
      <c r="KSD1193" s="10"/>
      <c r="KSE1193" s="10"/>
      <c r="KSF1193" s="10"/>
      <c r="KSG1193" s="10"/>
      <c r="KSH1193" s="10"/>
      <c r="KSI1193" s="10"/>
      <c r="KSJ1193" s="10"/>
      <c r="KSK1193" s="10"/>
      <c r="KSL1193" s="10"/>
      <c r="KSM1193" s="10"/>
      <c r="KSN1193" s="10"/>
      <c r="KSO1193" s="10"/>
      <c r="KSP1193" s="10"/>
      <c r="KSQ1193" s="10"/>
      <c r="KSR1193" s="10"/>
      <c r="KSS1193" s="10"/>
      <c r="KST1193" s="10"/>
      <c r="KSU1193" s="10"/>
      <c r="KSV1193" s="10"/>
      <c r="KSW1193" s="10"/>
      <c r="KSX1193" s="10"/>
      <c r="KSY1193" s="10"/>
      <c r="KSZ1193" s="10"/>
      <c r="KTA1193" s="10"/>
      <c r="KTB1193" s="10"/>
      <c r="KTC1193" s="10"/>
      <c r="KTD1193" s="10"/>
      <c r="KTE1193" s="10"/>
      <c r="KTF1193" s="10"/>
      <c r="KTG1193" s="10"/>
      <c r="KTH1193" s="10"/>
      <c r="KTI1193" s="10"/>
      <c r="KTJ1193" s="10"/>
      <c r="KTK1193" s="10"/>
      <c r="KTL1193" s="10"/>
      <c r="KTM1193" s="10"/>
      <c r="KTN1193" s="10"/>
      <c r="KTO1193" s="10"/>
      <c r="KTP1193" s="10"/>
      <c r="KTQ1193" s="10"/>
      <c r="KTR1193" s="10"/>
      <c r="KTS1193" s="10"/>
      <c r="KTT1193" s="10"/>
      <c r="KTU1193" s="10"/>
      <c r="KTV1193" s="10"/>
      <c r="KTW1193" s="10"/>
      <c r="KTX1193" s="10"/>
      <c r="KTY1193" s="10"/>
      <c r="KTZ1193" s="10"/>
      <c r="KUA1193" s="10"/>
      <c r="KUB1193" s="10"/>
      <c r="KUC1193" s="10"/>
      <c r="KUD1193" s="10"/>
      <c r="KUE1193" s="10"/>
      <c r="KUF1193" s="10"/>
      <c r="KUG1193" s="10"/>
      <c r="KUH1193" s="10"/>
      <c r="KUI1193" s="10"/>
      <c r="KUJ1193" s="10"/>
      <c r="KUK1193" s="10"/>
      <c r="KUL1193" s="10"/>
      <c r="KUM1193" s="10"/>
      <c r="KUN1193" s="10"/>
      <c r="KUO1193" s="10"/>
      <c r="KUP1193" s="10"/>
      <c r="KUQ1193" s="10"/>
      <c r="KUR1193" s="10"/>
      <c r="KUS1193" s="10"/>
      <c r="KUT1193" s="10"/>
      <c r="KUU1193" s="10"/>
      <c r="KUV1193" s="10"/>
      <c r="KUW1193" s="10"/>
      <c r="KUX1193" s="10"/>
      <c r="KUY1193" s="10"/>
      <c r="KUZ1193" s="10"/>
      <c r="KVA1193" s="10"/>
      <c r="KVB1193" s="10"/>
      <c r="KVC1193" s="10"/>
      <c r="KVD1193" s="10"/>
      <c r="KVE1193" s="10"/>
      <c r="KVF1193" s="10"/>
      <c r="KVG1193" s="10"/>
      <c r="KVH1193" s="10"/>
      <c r="KVI1193" s="10"/>
      <c r="KVJ1193" s="10"/>
      <c r="KVK1193" s="10"/>
      <c r="KVL1193" s="10"/>
      <c r="KVM1193" s="10"/>
      <c r="KVN1193" s="10"/>
      <c r="KVO1193" s="10"/>
      <c r="KVP1193" s="10"/>
      <c r="KVQ1193" s="10"/>
      <c r="KVR1193" s="10"/>
      <c r="KVS1193" s="10"/>
      <c r="KVT1193" s="10"/>
      <c r="KVU1193" s="10"/>
      <c r="KVV1193" s="10"/>
      <c r="KVW1193" s="10"/>
      <c r="KVX1193" s="10"/>
      <c r="KVY1193" s="10"/>
      <c r="KVZ1193" s="10"/>
      <c r="KWA1193" s="10"/>
      <c r="KWB1193" s="10"/>
      <c r="KWC1193" s="10"/>
      <c r="KWD1193" s="10"/>
      <c r="KWE1193" s="10"/>
      <c r="KWF1193" s="10"/>
      <c r="KWG1193" s="10"/>
      <c r="KWH1193" s="10"/>
      <c r="KWI1193" s="10"/>
      <c r="KWJ1193" s="10"/>
      <c r="KWK1193" s="10"/>
      <c r="KWL1193" s="10"/>
      <c r="KWM1193" s="10"/>
      <c r="KWN1193" s="10"/>
      <c r="KWO1193" s="10"/>
      <c r="KWP1193" s="10"/>
      <c r="KWQ1193" s="10"/>
      <c r="KWR1193" s="10"/>
      <c r="KWS1193" s="10"/>
      <c r="KWT1193" s="10"/>
      <c r="KWU1193" s="10"/>
      <c r="KWV1193" s="10"/>
      <c r="KWW1193" s="10"/>
      <c r="KWX1193" s="10"/>
      <c r="KWY1193" s="10"/>
      <c r="KWZ1193" s="10"/>
      <c r="KXA1193" s="10"/>
      <c r="KXB1193" s="10"/>
      <c r="KXC1193" s="10"/>
      <c r="KXD1193" s="10"/>
      <c r="KXE1193" s="10"/>
      <c r="KXF1193" s="10"/>
      <c r="KXG1193" s="10"/>
      <c r="KXH1193" s="10"/>
      <c r="KXI1193" s="10"/>
      <c r="KXJ1193" s="10"/>
      <c r="KXK1193" s="10"/>
      <c r="KXL1193" s="10"/>
      <c r="KXM1193" s="10"/>
      <c r="KXN1193" s="10"/>
      <c r="KXO1193" s="10"/>
      <c r="KXP1193" s="10"/>
      <c r="KXQ1193" s="10"/>
      <c r="KXR1193" s="10"/>
      <c r="KXS1193" s="10"/>
      <c r="KXT1193" s="10"/>
      <c r="KXU1193" s="10"/>
      <c r="KXV1193" s="10"/>
      <c r="KXW1193" s="10"/>
      <c r="KXX1193" s="10"/>
      <c r="KXY1193" s="10"/>
      <c r="KXZ1193" s="10"/>
      <c r="KYA1193" s="10"/>
      <c r="KYB1193" s="10"/>
      <c r="KYC1193" s="10"/>
      <c r="KYD1193" s="10"/>
      <c r="KYE1193" s="10"/>
      <c r="KYF1193" s="10"/>
      <c r="KYG1193" s="10"/>
      <c r="KYH1193" s="10"/>
      <c r="KYI1193" s="10"/>
      <c r="KYJ1193" s="10"/>
      <c r="KYK1193" s="10"/>
      <c r="KYL1193" s="10"/>
      <c r="KYM1193" s="10"/>
      <c r="KYN1193" s="10"/>
      <c r="KYO1193" s="10"/>
      <c r="KYP1193" s="10"/>
      <c r="KYQ1193" s="10"/>
      <c r="KYR1193" s="10"/>
      <c r="KYS1193" s="10"/>
      <c r="KYT1193" s="10"/>
      <c r="KYU1193" s="10"/>
      <c r="KYV1193" s="10"/>
      <c r="KYW1193" s="10"/>
      <c r="KYX1193" s="10"/>
      <c r="KYY1193" s="10"/>
      <c r="KYZ1193" s="10"/>
      <c r="KZA1193" s="10"/>
      <c r="KZB1193" s="10"/>
      <c r="KZC1193" s="10"/>
      <c r="KZD1193" s="10"/>
      <c r="KZE1193" s="10"/>
      <c r="KZF1193" s="10"/>
      <c r="KZG1193" s="10"/>
      <c r="KZH1193" s="10"/>
      <c r="KZI1193" s="10"/>
      <c r="KZJ1193" s="10"/>
      <c r="KZK1193" s="10"/>
      <c r="KZL1193" s="10"/>
      <c r="KZM1193" s="10"/>
      <c r="KZN1193" s="10"/>
      <c r="KZO1193" s="10"/>
      <c r="KZP1193" s="10"/>
      <c r="KZQ1193" s="10"/>
      <c r="KZR1193" s="10"/>
      <c r="KZS1193" s="10"/>
      <c r="KZT1193" s="10"/>
      <c r="KZU1193" s="10"/>
      <c r="KZV1193" s="10"/>
      <c r="KZW1193" s="10"/>
      <c r="KZX1193" s="10"/>
      <c r="KZY1193" s="10"/>
      <c r="KZZ1193" s="10"/>
      <c r="LAA1193" s="10"/>
      <c r="LAB1193" s="10"/>
      <c r="LAC1193" s="10"/>
      <c r="LAD1193" s="10"/>
      <c r="LAE1193" s="10"/>
      <c r="LAF1193" s="10"/>
      <c r="LAG1193" s="10"/>
      <c r="LAH1193" s="10"/>
      <c r="LAI1193" s="10"/>
      <c r="LAJ1193" s="10"/>
      <c r="LAK1193" s="10"/>
      <c r="LAL1193" s="10"/>
      <c r="LAM1193" s="10"/>
      <c r="LAN1193" s="10"/>
      <c r="LAO1193" s="10"/>
      <c r="LAP1193" s="10"/>
      <c r="LAQ1193" s="10"/>
      <c r="LAR1193" s="10"/>
      <c r="LAS1193" s="10"/>
      <c r="LAT1193" s="10"/>
      <c r="LAU1193" s="10"/>
      <c r="LAV1193" s="10"/>
      <c r="LAW1193" s="10"/>
      <c r="LAX1193" s="10"/>
      <c r="LAY1193" s="10"/>
      <c r="LAZ1193" s="10"/>
      <c r="LBA1193" s="10"/>
      <c r="LBB1193" s="10"/>
      <c r="LBC1193" s="10"/>
      <c r="LBD1193" s="10"/>
      <c r="LBE1193" s="10"/>
      <c r="LBF1193" s="10"/>
      <c r="LBG1193" s="10"/>
      <c r="LBH1193" s="10"/>
      <c r="LBI1193" s="10"/>
      <c r="LBJ1193" s="10"/>
      <c r="LBK1193" s="10"/>
      <c r="LBL1193" s="10"/>
      <c r="LBM1193" s="10"/>
      <c r="LBN1193" s="10"/>
      <c r="LBO1193" s="10"/>
      <c r="LBP1193" s="10"/>
      <c r="LBQ1193" s="10"/>
      <c r="LBR1193" s="10"/>
      <c r="LBS1193" s="10"/>
      <c r="LBT1193" s="10"/>
      <c r="LBU1193" s="10"/>
      <c r="LBV1193" s="10"/>
      <c r="LBW1193" s="10"/>
      <c r="LBX1193" s="10"/>
      <c r="LBY1193" s="10"/>
      <c r="LBZ1193" s="10"/>
      <c r="LCA1193" s="10"/>
      <c r="LCB1193" s="10"/>
      <c r="LCC1193" s="10"/>
      <c r="LCD1193" s="10"/>
      <c r="LCE1193" s="10"/>
      <c r="LCF1193" s="10"/>
      <c r="LCG1193" s="10"/>
      <c r="LCH1193" s="10"/>
      <c r="LCI1193" s="10"/>
      <c r="LCJ1193" s="10"/>
      <c r="LCK1193" s="10"/>
      <c r="LCL1193" s="10"/>
      <c r="LCM1193" s="10"/>
      <c r="LCN1193" s="10"/>
      <c r="LCO1193" s="10"/>
      <c r="LCP1193" s="10"/>
      <c r="LCQ1193" s="10"/>
      <c r="LCR1193" s="10"/>
      <c r="LCS1193" s="10"/>
      <c r="LCT1193" s="10"/>
      <c r="LCU1193" s="10"/>
      <c r="LCV1193" s="10"/>
      <c r="LCW1193" s="10"/>
      <c r="LCX1193" s="10"/>
      <c r="LCY1193" s="10"/>
      <c r="LCZ1193" s="10"/>
      <c r="LDA1193" s="10"/>
      <c r="LDB1193" s="10"/>
      <c r="LDC1193" s="10"/>
      <c r="LDD1193" s="10"/>
      <c r="LDE1193" s="10"/>
      <c r="LDF1193" s="10"/>
      <c r="LDG1193" s="10"/>
      <c r="LDH1193" s="10"/>
      <c r="LDI1193" s="10"/>
      <c r="LDJ1193" s="10"/>
      <c r="LDK1193" s="10"/>
      <c r="LDL1193" s="10"/>
      <c r="LDM1193" s="10"/>
      <c r="LDN1193" s="10"/>
      <c r="LDO1193" s="10"/>
      <c r="LDP1193" s="10"/>
      <c r="LDQ1193" s="10"/>
      <c r="LDR1193" s="10"/>
      <c r="LDS1193" s="10"/>
      <c r="LDT1193" s="10"/>
      <c r="LDU1193" s="10"/>
      <c r="LDV1193" s="10"/>
      <c r="LDW1193" s="10"/>
      <c r="LDX1193" s="10"/>
      <c r="LDY1193" s="10"/>
      <c r="LDZ1193" s="10"/>
      <c r="LEA1193" s="10"/>
      <c r="LEB1193" s="10"/>
      <c r="LEC1193" s="10"/>
      <c r="LED1193" s="10"/>
      <c r="LEE1193" s="10"/>
      <c r="LEF1193" s="10"/>
      <c r="LEG1193" s="10"/>
      <c r="LEH1193" s="10"/>
      <c r="LEI1193" s="10"/>
      <c r="LEJ1193" s="10"/>
      <c r="LEK1193" s="10"/>
      <c r="LEL1193" s="10"/>
      <c r="LEM1193" s="10"/>
      <c r="LEN1193" s="10"/>
      <c r="LEO1193" s="10"/>
      <c r="LEP1193" s="10"/>
      <c r="LEQ1193" s="10"/>
      <c r="LER1193" s="10"/>
      <c r="LES1193" s="10"/>
      <c r="LET1193" s="10"/>
      <c r="LEU1193" s="10"/>
      <c r="LEV1193" s="10"/>
      <c r="LEW1193" s="10"/>
      <c r="LEX1193" s="10"/>
      <c r="LEY1193" s="10"/>
      <c r="LEZ1193" s="10"/>
      <c r="LFA1193" s="10"/>
      <c r="LFB1193" s="10"/>
      <c r="LFC1193" s="10"/>
      <c r="LFD1193" s="10"/>
      <c r="LFE1193" s="10"/>
      <c r="LFF1193" s="10"/>
      <c r="LFG1193" s="10"/>
      <c r="LFH1193" s="10"/>
      <c r="LFI1193" s="10"/>
      <c r="LFJ1193" s="10"/>
      <c r="LFK1193" s="10"/>
      <c r="LFL1193" s="10"/>
      <c r="LFM1193" s="10"/>
      <c r="LFN1193" s="10"/>
      <c r="LFO1193" s="10"/>
      <c r="LFP1193" s="10"/>
      <c r="LFQ1193" s="10"/>
      <c r="LFR1193" s="10"/>
      <c r="LFS1193" s="10"/>
      <c r="LFT1193" s="10"/>
      <c r="LFU1193" s="10"/>
      <c r="LFV1193" s="10"/>
      <c r="LFW1193" s="10"/>
      <c r="LFX1193" s="10"/>
      <c r="LFY1193" s="10"/>
      <c r="LFZ1193" s="10"/>
      <c r="LGA1193" s="10"/>
      <c r="LGB1193" s="10"/>
      <c r="LGC1193" s="10"/>
      <c r="LGD1193" s="10"/>
      <c r="LGE1193" s="10"/>
      <c r="LGF1193" s="10"/>
      <c r="LGG1193" s="10"/>
      <c r="LGH1193" s="10"/>
      <c r="LGI1193" s="10"/>
      <c r="LGJ1193" s="10"/>
      <c r="LGK1193" s="10"/>
      <c r="LGL1193" s="10"/>
      <c r="LGM1193" s="10"/>
      <c r="LGN1193" s="10"/>
      <c r="LGO1193" s="10"/>
      <c r="LGP1193" s="10"/>
      <c r="LGQ1193" s="10"/>
      <c r="LGR1193" s="10"/>
      <c r="LGS1193" s="10"/>
      <c r="LGT1193" s="10"/>
      <c r="LGU1193" s="10"/>
      <c r="LGV1193" s="10"/>
      <c r="LGW1193" s="10"/>
      <c r="LGX1193" s="10"/>
      <c r="LGY1193" s="10"/>
      <c r="LGZ1193" s="10"/>
      <c r="LHA1193" s="10"/>
      <c r="LHB1193" s="10"/>
      <c r="LHC1193" s="10"/>
      <c r="LHD1193" s="10"/>
      <c r="LHE1193" s="10"/>
      <c r="LHF1193" s="10"/>
      <c r="LHG1193" s="10"/>
      <c r="LHH1193" s="10"/>
      <c r="LHI1193" s="10"/>
      <c r="LHJ1193" s="10"/>
      <c r="LHK1193" s="10"/>
      <c r="LHL1193" s="10"/>
      <c r="LHM1193" s="10"/>
      <c r="LHN1193" s="10"/>
      <c r="LHO1193" s="10"/>
      <c r="LHP1193" s="10"/>
      <c r="LHQ1193" s="10"/>
      <c r="LHR1193" s="10"/>
      <c r="LHS1193" s="10"/>
      <c r="LHT1193" s="10"/>
      <c r="LHU1193" s="10"/>
      <c r="LHV1193" s="10"/>
      <c r="LHW1193" s="10"/>
      <c r="LHX1193" s="10"/>
      <c r="LHY1193" s="10"/>
      <c r="LHZ1193" s="10"/>
      <c r="LIA1193" s="10"/>
      <c r="LIB1193" s="10"/>
      <c r="LIC1193" s="10"/>
      <c r="LID1193" s="10"/>
      <c r="LIE1193" s="10"/>
      <c r="LIF1193" s="10"/>
      <c r="LIG1193" s="10"/>
      <c r="LIH1193" s="10"/>
      <c r="LII1193" s="10"/>
      <c r="LIJ1193" s="10"/>
      <c r="LIK1193" s="10"/>
      <c r="LIL1193" s="10"/>
      <c r="LIM1193" s="10"/>
      <c r="LIN1193" s="10"/>
      <c r="LIO1193" s="10"/>
      <c r="LIP1193" s="10"/>
      <c r="LIQ1193" s="10"/>
      <c r="LIR1193" s="10"/>
      <c r="LIS1193" s="10"/>
      <c r="LIT1193" s="10"/>
      <c r="LIU1193" s="10"/>
      <c r="LIV1193" s="10"/>
      <c r="LIW1193" s="10"/>
      <c r="LIX1193" s="10"/>
      <c r="LIY1193" s="10"/>
      <c r="LIZ1193" s="10"/>
      <c r="LJA1193" s="10"/>
      <c r="LJB1193" s="10"/>
      <c r="LJC1193" s="10"/>
      <c r="LJD1193" s="10"/>
      <c r="LJE1193" s="10"/>
      <c r="LJF1193" s="10"/>
      <c r="LJG1193" s="10"/>
      <c r="LJH1193" s="10"/>
      <c r="LJI1193" s="10"/>
      <c r="LJJ1193" s="10"/>
      <c r="LJK1193" s="10"/>
      <c r="LJL1193" s="10"/>
      <c r="LJM1193" s="10"/>
      <c r="LJN1193" s="10"/>
      <c r="LJO1193" s="10"/>
      <c r="LJP1193" s="10"/>
      <c r="LJQ1193" s="10"/>
      <c r="LJR1193" s="10"/>
      <c r="LJS1193" s="10"/>
      <c r="LJT1193" s="10"/>
      <c r="LJU1193" s="10"/>
      <c r="LJV1193" s="10"/>
      <c r="LJW1193" s="10"/>
      <c r="LJX1193" s="10"/>
      <c r="LJY1193" s="10"/>
      <c r="LJZ1193" s="10"/>
      <c r="LKA1193" s="10"/>
      <c r="LKB1193" s="10"/>
      <c r="LKC1193" s="10"/>
      <c r="LKD1193" s="10"/>
      <c r="LKE1193" s="10"/>
      <c r="LKF1193" s="10"/>
      <c r="LKG1193" s="10"/>
      <c r="LKH1193" s="10"/>
      <c r="LKI1193" s="10"/>
      <c r="LKJ1193" s="10"/>
      <c r="LKK1193" s="10"/>
      <c r="LKL1193" s="10"/>
      <c r="LKM1193" s="10"/>
      <c r="LKN1193" s="10"/>
      <c r="LKO1193" s="10"/>
      <c r="LKP1193" s="10"/>
      <c r="LKQ1193" s="10"/>
      <c r="LKR1193" s="10"/>
      <c r="LKS1193" s="10"/>
      <c r="LKT1193" s="10"/>
      <c r="LKU1193" s="10"/>
      <c r="LKV1193" s="10"/>
      <c r="LKW1193" s="10"/>
      <c r="LKX1193" s="10"/>
      <c r="LKY1193" s="10"/>
      <c r="LKZ1193" s="10"/>
      <c r="LLA1193" s="10"/>
      <c r="LLB1193" s="10"/>
      <c r="LLC1193" s="10"/>
      <c r="LLD1193" s="10"/>
      <c r="LLE1193" s="10"/>
      <c r="LLF1193" s="10"/>
      <c r="LLG1193" s="10"/>
      <c r="LLH1193" s="10"/>
      <c r="LLI1193" s="10"/>
      <c r="LLJ1193" s="10"/>
      <c r="LLK1193" s="10"/>
      <c r="LLL1193" s="10"/>
      <c r="LLM1193" s="10"/>
      <c r="LLN1193" s="10"/>
      <c r="LLO1193" s="10"/>
      <c r="LLP1193" s="10"/>
      <c r="LLQ1193" s="10"/>
      <c r="LLR1193" s="10"/>
      <c r="LLS1193" s="10"/>
      <c r="LLT1193" s="10"/>
      <c r="LLU1193" s="10"/>
      <c r="LLV1193" s="10"/>
      <c r="LLW1193" s="10"/>
      <c r="LLX1193" s="10"/>
      <c r="LLY1193" s="10"/>
      <c r="LLZ1193" s="10"/>
      <c r="LMA1193" s="10"/>
      <c r="LMB1193" s="10"/>
      <c r="LMC1193" s="10"/>
      <c r="LMD1193" s="10"/>
      <c r="LME1193" s="10"/>
      <c r="LMF1193" s="10"/>
      <c r="LMG1193" s="10"/>
      <c r="LMH1193" s="10"/>
      <c r="LMI1193" s="10"/>
      <c r="LMJ1193" s="10"/>
      <c r="LMK1193" s="10"/>
      <c r="LML1193" s="10"/>
      <c r="LMM1193" s="10"/>
      <c r="LMN1193" s="10"/>
      <c r="LMO1193" s="10"/>
      <c r="LMP1193" s="10"/>
      <c r="LMQ1193" s="10"/>
      <c r="LMR1193" s="10"/>
      <c r="LMS1193" s="10"/>
      <c r="LMT1193" s="10"/>
      <c r="LMU1193" s="10"/>
      <c r="LMV1193" s="10"/>
      <c r="LMW1193" s="10"/>
      <c r="LMX1193" s="10"/>
      <c r="LMY1193" s="10"/>
      <c r="LMZ1193" s="10"/>
      <c r="LNA1193" s="10"/>
      <c r="LNB1193" s="10"/>
      <c r="LNC1193" s="10"/>
      <c r="LND1193" s="10"/>
      <c r="LNE1193" s="10"/>
      <c r="LNF1193" s="10"/>
      <c r="LNG1193" s="10"/>
      <c r="LNH1193" s="10"/>
      <c r="LNI1193" s="10"/>
      <c r="LNJ1193" s="10"/>
      <c r="LNK1193" s="10"/>
      <c r="LNL1193" s="10"/>
      <c r="LNM1193" s="10"/>
      <c r="LNN1193" s="10"/>
      <c r="LNO1193" s="10"/>
      <c r="LNP1193" s="10"/>
      <c r="LNQ1193" s="10"/>
      <c r="LNR1193" s="10"/>
      <c r="LNS1193" s="10"/>
      <c r="LNT1193" s="10"/>
      <c r="LNU1193" s="10"/>
      <c r="LNV1193" s="10"/>
      <c r="LNW1193" s="10"/>
      <c r="LNX1193" s="10"/>
      <c r="LNY1193" s="10"/>
      <c r="LNZ1193" s="10"/>
      <c r="LOA1193" s="10"/>
      <c r="LOB1193" s="10"/>
      <c r="LOC1193" s="10"/>
      <c r="LOD1193" s="10"/>
      <c r="LOE1193" s="10"/>
      <c r="LOF1193" s="10"/>
      <c r="LOG1193" s="10"/>
      <c r="LOH1193" s="10"/>
      <c r="LOI1193" s="10"/>
      <c r="LOJ1193" s="10"/>
      <c r="LOK1193" s="10"/>
      <c r="LOL1193" s="10"/>
      <c r="LOM1193" s="10"/>
      <c r="LON1193" s="10"/>
      <c r="LOO1193" s="10"/>
      <c r="LOP1193" s="10"/>
      <c r="LOQ1193" s="10"/>
      <c r="LOR1193" s="10"/>
      <c r="LOS1193" s="10"/>
      <c r="LOT1193" s="10"/>
      <c r="LOU1193" s="10"/>
      <c r="LOV1193" s="10"/>
      <c r="LOW1193" s="10"/>
      <c r="LOX1193" s="10"/>
      <c r="LOY1193" s="10"/>
      <c r="LOZ1193" s="10"/>
      <c r="LPA1193" s="10"/>
      <c r="LPB1193" s="10"/>
      <c r="LPC1193" s="10"/>
      <c r="LPD1193" s="10"/>
      <c r="LPE1193" s="10"/>
      <c r="LPF1193" s="10"/>
      <c r="LPG1193" s="10"/>
      <c r="LPH1193" s="10"/>
      <c r="LPI1193" s="10"/>
      <c r="LPJ1193" s="10"/>
      <c r="LPK1193" s="10"/>
      <c r="LPL1193" s="10"/>
      <c r="LPM1193" s="10"/>
      <c r="LPN1193" s="10"/>
      <c r="LPO1193" s="10"/>
      <c r="LPP1193" s="10"/>
      <c r="LPQ1193" s="10"/>
      <c r="LPR1193" s="10"/>
      <c r="LPS1193" s="10"/>
      <c r="LPT1193" s="10"/>
      <c r="LPU1193" s="10"/>
      <c r="LPV1193" s="10"/>
      <c r="LPW1193" s="10"/>
      <c r="LPX1193" s="10"/>
      <c r="LPY1193" s="10"/>
      <c r="LPZ1193" s="10"/>
      <c r="LQA1193" s="10"/>
      <c r="LQB1193" s="10"/>
      <c r="LQC1193" s="10"/>
      <c r="LQD1193" s="10"/>
      <c r="LQE1193" s="10"/>
      <c r="LQF1193" s="10"/>
      <c r="LQG1193" s="10"/>
      <c r="LQH1193" s="10"/>
      <c r="LQI1193" s="10"/>
      <c r="LQJ1193" s="10"/>
      <c r="LQK1193" s="10"/>
      <c r="LQL1193" s="10"/>
      <c r="LQM1193" s="10"/>
      <c r="LQN1193" s="10"/>
      <c r="LQO1193" s="10"/>
      <c r="LQP1193" s="10"/>
      <c r="LQQ1193" s="10"/>
      <c r="LQR1193" s="10"/>
      <c r="LQS1193" s="10"/>
      <c r="LQT1193" s="10"/>
      <c r="LQU1193" s="10"/>
      <c r="LQV1193" s="10"/>
      <c r="LQW1193" s="10"/>
      <c r="LQX1193" s="10"/>
      <c r="LQY1193" s="10"/>
      <c r="LQZ1193" s="10"/>
      <c r="LRA1193" s="10"/>
      <c r="LRB1193" s="10"/>
      <c r="LRC1193" s="10"/>
      <c r="LRD1193" s="10"/>
      <c r="LRE1193" s="10"/>
      <c r="LRF1193" s="10"/>
      <c r="LRG1193" s="10"/>
      <c r="LRH1193" s="10"/>
      <c r="LRI1193" s="10"/>
      <c r="LRJ1193" s="10"/>
      <c r="LRK1193" s="10"/>
      <c r="LRL1193" s="10"/>
      <c r="LRM1193" s="10"/>
      <c r="LRN1193" s="10"/>
      <c r="LRO1193" s="10"/>
      <c r="LRP1193" s="10"/>
      <c r="LRQ1193" s="10"/>
      <c r="LRR1193" s="10"/>
      <c r="LRS1193" s="10"/>
      <c r="LRT1193" s="10"/>
      <c r="LRU1193" s="10"/>
      <c r="LRV1193" s="10"/>
      <c r="LRW1193" s="10"/>
      <c r="LRX1193" s="10"/>
      <c r="LRY1193" s="10"/>
      <c r="LRZ1193" s="10"/>
      <c r="LSA1193" s="10"/>
      <c r="LSB1193" s="10"/>
      <c r="LSC1193" s="10"/>
      <c r="LSD1193" s="10"/>
      <c r="LSE1193" s="10"/>
      <c r="LSF1193" s="10"/>
      <c r="LSG1193" s="10"/>
      <c r="LSH1193" s="10"/>
      <c r="LSI1193" s="10"/>
      <c r="LSJ1193" s="10"/>
      <c r="LSK1193" s="10"/>
      <c r="LSL1193" s="10"/>
      <c r="LSM1193" s="10"/>
      <c r="LSN1193" s="10"/>
      <c r="LSO1193" s="10"/>
      <c r="LSP1193" s="10"/>
      <c r="LSQ1193" s="10"/>
      <c r="LSR1193" s="10"/>
      <c r="LSS1193" s="10"/>
      <c r="LST1193" s="10"/>
      <c r="LSU1193" s="10"/>
      <c r="LSV1193" s="10"/>
      <c r="LSW1193" s="10"/>
      <c r="LSX1193" s="10"/>
      <c r="LSY1193" s="10"/>
      <c r="LSZ1193" s="10"/>
      <c r="LTA1193" s="10"/>
      <c r="LTB1193" s="10"/>
      <c r="LTC1193" s="10"/>
      <c r="LTD1193" s="10"/>
      <c r="LTE1193" s="10"/>
      <c r="LTF1193" s="10"/>
      <c r="LTG1193" s="10"/>
      <c r="LTH1193" s="10"/>
      <c r="LTI1193" s="10"/>
      <c r="LTJ1193" s="10"/>
      <c r="LTK1193" s="10"/>
      <c r="LTL1193" s="10"/>
      <c r="LTM1193" s="10"/>
      <c r="LTN1193" s="10"/>
      <c r="LTO1193" s="10"/>
      <c r="LTP1193" s="10"/>
      <c r="LTQ1193" s="10"/>
      <c r="LTR1193" s="10"/>
      <c r="LTS1193" s="10"/>
      <c r="LTT1193" s="10"/>
      <c r="LTU1193" s="10"/>
      <c r="LTV1193" s="10"/>
      <c r="LTW1193" s="10"/>
      <c r="LTX1193" s="10"/>
      <c r="LTY1193" s="10"/>
      <c r="LTZ1193" s="10"/>
      <c r="LUA1193" s="10"/>
      <c r="LUB1193" s="10"/>
      <c r="LUC1193" s="10"/>
      <c r="LUD1193" s="10"/>
      <c r="LUE1193" s="10"/>
      <c r="LUF1193" s="10"/>
      <c r="LUG1193" s="10"/>
      <c r="LUH1193" s="10"/>
      <c r="LUI1193" s="10"/>
      <c r="LUJ1193" s="10"/>
      <c r="LUK1193" s="10"/>
      <c r="LUL1193" s="10"/>
      <c r="LUM1193" s="10"/>
      <c r="LUN1193" s="10"/>
      <c r="LUO1193" s="10"/>
      <c r="LUP1193" s="10"/>
      <c r="LUQ1193" s="10"/>
      <c r="LUR1193" s="10"/>
      <c r="LUS1193" s="10"/>
      <c r="LUT1193" s="10"/>
      <c r="LUU1193" s="10"/>
      <c r="LUV1193" s="10"/>
      <c r="LUW1193" s="10"/>
      <c r="LUX1193" s="10"/>
      <c r="LUY1193" s="10"/>
      <c r="LUZ1193" s="10"/>
      <c r="LVA1193" s="10"/>
      <c r="LVB1193" s="10"/>
      <c r="LVC1193" s="10"/>
      <c r="LVD1193" s="10"/>
      <c r="LVE1193" s="10"/>
      <c r="LVF1193" s="10"/>
      <c r="LVG1193" s="10"/>
      <c r="LVH1193" s="10"/>
      <c r="LVI1193" s="10"/>
      <c r="LVJ1193" s="10"/>
      <c r="LVK1193" s="10"/>
      <c r="LVL1193" s="10"/>
      <c r="LVM1193" s="10"/>
      <c r="LVN1193" s="10"/>
      <c r="LVO1193" s="10"/>
      <c r="LVP1193" s="10"/>
      <c r="LVQ1193" s="10"/>
      <c r="LVR1193" s="10"/>
      <c r="LVS1193" s="10"/>
      <c r="LVT1193" s="10"/>
      <c r="LVU1193" s="10"/>
      <c r="LVV1193" s="10"/>
      <c r="LVW1193" s="10"/>
      <c r="LVX1193" s="10"/>
      <c r="LVY1193" s="10"/>
      <c r="LVZ1193" s="10"/>
      <c r="LWA1193" s="10"/>
      <c r="LWB1193" s="10"/>
      <c r="LWC1193" s="10"/>
      <c r="LWD1193" s="10"/>
      <c r="LWE1193" s="10"/>
      <c r="LWF1193" s="10"/>
      <c r="LWG1193" s="10"/>
      <c r="LWH1193" s="10"/>
      <c r="LWI1193" s="10"/>
      <c r="LWJ1193" s="10"/>
      <c r="LWK1193" s="10"/>
      <c r="LWL1193" s="10"/>
      <c r="LWM1193" s="10"/>
      <c r="LWN1193" s="10"/>
      <c r="LWO1193" s="10"/>
      <c r="LWP1193" s="10"/>
      <c r="LWQ1193" s="10"/>
      <c r="LWR1193" s="10"/>
      <c r="LWS1193" s="10"/>
      <c r="LWT1193" s="10"/>
      <c r="LWU1193" s="10"/>
      <c r="LWV1193" s="10"/>
      <c r="LWW1193" s="10"/>
      <c r="LWX1193" s="10"/>
      <c r="LWY1193" s="10"/>
      <c r="LWZ1193" s="10"/>
      <c r="LXA1193" s="10"/>
      <c r="LXB1193" s="10"/>
      <c r="LXC1193" s="10"/>
      <c r="LXD1193" s="10"/>
      <c r="LXE1193" s="10"/>
      <c r="LXF1193" s="10"/>
      <c r="LXG1193" s="10"/>
      <c r="LXH1193" s="10"/>
      <c r="LXI1193" s="10"/>
      <c r="LXJ1193" s="10"/>
      <c r="LXK1193" s="10"/>
      <c r="LXL1193" s="10"/>
      <c r="LXM1193" s="10"/>
      <c r="LXN1193" s="10"/>
      <c r="LXO1193" s="10"/>
      <c r="LXP1193" s="10"/>
      <c r="LXQ1193" s="10"/>
      <c r="LXR1193" s="10"/>
      <c r="LXS1193" s="10"/>
      <c r="LXT1193" s="10"/>
      <c r="LXU1193" s="10"/>
      <c r="LXV1193" s="10"/>
      <c r="LXW1193" s="10"/>
      <c r="LXX1193" s="10"/>
      <c r="LXY1193" s="10"/>
      <c r="LXZ1193" s="10"/>
      <c r="LYA1193" s="10"/>
      <c r="LYB1193" s="10"/>
      <c r="LYC1193" s="10"/>
      <c r="LYD1193" s="10"/>
      <c r="LYE1193" s="10"/>
      <c r="LYF1193" s="10"/>
      <c r="LYG1193" s="10"/>
      <c r="LYH1193" s="10"/>
      <c r="LYI1193" s="10"/>
      <c r="LYJ1193" s="10"/>
      <c r="LYK1193" s="10"/>
      <c r="LYL1193" s="10"/>
      <c r="LYM1193" s="10"/>
      <c r="LYN1193" s="10"/>
      <c r="LYO1193" s="10"/>
      <c r="LYP1193" s="10"/>
      <c r="LYQ1193" s="10"/>
      <c r="LYR1193" s="10"/>
      <c r="LYS1193" s="10"/>
      <c r="LYT1193" s="10"/>
      <c r="LYU1193" s="10"/>
      <c r="LYV1193" s="10"/>
      <c r="LYW1193" s="10"/>
      <c r="LYX1193" s="10"/>
      <c r="LYY1193" s="10"/>
      <c r="LYZ1193" s="10"/>
      <c r="LZA1193" s="10"/>
      <c r="LZB1193" s="10"/>
      <c r="LZC1193" s="10"/>
      <c r="LZD1193" s="10"/>
      <c r="LZE1193" s="10"/>
      <c r="LZF1193" s="10"/>
      <c r="LZG1193" s="10"/>
      <c r="LZH1193" s="10"/>
      <c r="LZI1193" s="10"/>
      <c r="LZJ1193" s="10"/>
      <c r="LZK1193" s="10"/>
      <c r="LZL1193" s="10"/>
      <c r="LZM1193" s="10"/>
      <c r="LZN1193" s="10"/>
      <c r="LZO1193" s="10"/>
      <c r="LZP1193" s="10"/>
      <c r="LZQ1193" s="10"/>
      <c r="LZR1193" s="10"/>
      <c r="LZS1193" s="10"/>
      <c r="LZT1193" s="10"/>
      <c r="LZU1193" s="10"/>
      <c r="LZV1193" s="10"/>
      <c r="LZW1193" s="10"/>
      <c r="LZX1193" s="10"/>
      <c r="LZY1193" s="10"/>
      <c r="LZZ1193" s="10"/>
      <c r="MAA1193" s="10"/>
      <c r="MAB1193" s="10"/>
      <c r="MAC1193" s="10"/>
      <c r="MAD1193" s="10"/>
      <c r="MAE1193" s="10"/>
      <c r="MAF1193" s="10"/>
      <c r="MAG1193" s="10"/>
      <c r="MAH1193" s="10"/>
      <c r="MAI1193" s="10"/>
      <c r="MAJ1193" s="10"/>
      <c r="MAK1193" s="10"/>
      <c r="MAL1193" s="10"/>
      <c r="MAM1193" s="10"/>
      <c r="MAN1193" s="10"/>
      <c r="MAO1193" s="10"/>
      <c r="MAP1193" s="10"/>
      <c r="MAQ1193" s="10"/>
      <c r="MAR1193" s="10"/>
      <c r="MAS1193" s="10"/>
      <c r="MAT1193" s="10"/>
      <c r="MAU1193" s="10"/>
      <c r="MAV1193" s="10"/>
      <c r="MAW1193" s="10"/>
      <c r="MAX1193" s="10"/>
      <c r="MAY1193" s="10"/>
      <c r="MAZ1193" s="10"/>
      <c r="MBA1193" s="10"/>
      <c r="MBB1193" s="10"/>
      <c r="MBC1193" s="10"/>
      <c r="MBD1193" s="10"/>
      <c r="MBE1193" s="10"/>
      <c r="MBF1193" s="10"/>
      <c r="MBG1193" s="10"/>
      <c r="MBH1193" s="10"/>
      <c r="MBI1193" s="10"/>
      <c r="MBJ1193" s="10"/>
      <c r="MBK1193" s="10"/>
      <c r="MBL1193" s="10"/>
      <c r="MBM1193" s="10"/>
      <c r="MBN1193" s="10"/>
      <c r="MBO1193" s="10"/>
      <c r="MBP1193" s="10"/>
      <c r="MBQ1193" s="10"/>
      <c r="MBR1193" s="10"/>
      <c r="MBS1193" s="10"/>
      <c r="MBT1193" s="10"/>
      <c r="MBU1193" s="10"/>
      <c r="MBV1193" s="10"/>
      <c r="MBW1193" s="10"/>
      <c r="MBX1193" s="10"/>
      <c r="MBY1193" s="10"/>
      <c r="MBZ1193" s="10"/>
      <c r="MCA1193" s="10"/>
      <c r="MCB1193" s="10"/>
      <c r="MCC1193" s="10"/>
      <c r="MCD1193" s="10"/>
      <c r="MCE1193" s="10"/>
      <c r="MCF1193" s="10"/>
      <c r="MCG1193" s="10"/>
      <c r="MCH1193" s="10"/>
      <c r="MCI1193" s="10"/>
      <c r="MCJ1193" s="10"/>
      <c r="MCK1193" s="10"/>
      <c r="MCL1193" s="10"/>
      <c r="MCM1193" s="10"/>
      <c r="MCN1193" s="10"/>
      <c r="MCO1193" s="10"/>
      <c r="MCP1193" s="10"/>
      <c r="MCQ1193" s="10"/>
      <c r="MCR1193" s="10"/>
      <c r="MCS1193" s="10"/>
      <c r="MCT1193" s="10"/>
      <c r="MCU1193" s="10"/>
      <c r="MCV1193" s="10"/>
      <c r="MCW1193" s="10"/>
      <c r="MCX1193" s="10"/>
      <c r="MCY1193" s="10"/>
      <c r="MCZ1193" s="10"/>
      <c r="MDA1193" s="10"/>
      <c r="MDB1193" s="10"/>
      <c r="MDC1193" s="10"/>
      <c r="MDD1193" s="10"/>
      <c r="MDE1193" s="10"/>
      <c r="MDF1193" s="10"/>
      <c r="MDG1193" s="10"/>
      <c r="MDH1193" s="10"/>
      <c r="MDI1193" s="10"/>
      <c r="MDJ1193" s="10"/>
      <c r="MDK1193" s="10"/>
      <c r="MDL1193" s="10"/>
      <c r="MDM1193" s="10"/>
      <c r="MDN1193" s="10"/>
      <c r="MDO1193" s="10"/>
      <c r="MDP1193" s="10"/>
      <c r="MDQ1193" s="10"/>
      <c r="MDR1193" s="10"/>
      <c r="MDS1193" s="10"/>
      <c r="MDT1193" s="10"/>
      <c r="MDU1193" s="10"/>
      <c r="MDV1193" s="10"/>
      <c r="MDW1193" s="10"/>
      <c r="MDX1193" s="10"/>
      <c r="MDY1193" s="10"/>
      <c r="MDZ1193" s="10"/>
      <c r="MEA1193" s="10"/>
      <c r="MEB1193" s="10"/>
      <c r="MEC1193" s="10"/>
      <c r="MED1193" s="10"/>
      <c r="MEE1193" s="10"/>
      <c r="MEF1193" s="10"/>
      <c r="MEG1193" s="10"/>
      <c r="MEH1193" s="10"/>
      <c r="MEI1193" s="10"/>
      <c r="MEJ1193" s="10"/>
      <c r="MEK1193" s="10"/>
      <c r="MEL1193" s="10"/>
      <c r="MEM1193" s="10"/>
      <c r="MEN1193" s="10"/>
      <c r="MEO1193" s="10"/>
      <c r="MEP1193" s="10"/>
      <c r="MEQ1193" s="10"/>
      <c r="MER1193" s="10"/>
      <c r="MES1193" s="10"/>
      <c r="MET1193" s="10"/>
      <c r="MEU1193" s="10"/>
      <c r="MEV1193" s="10"/>
      <c r="MEW1193" s="10"/>
      <c r="MEX1193" s="10"/>
      <c r="MEY1193" s="10"/>
      <c r="MEZ1193" s="10"/>
      <c r="MFA1193" s="10"/>
      <c r="MFB1193" s="10"/>
      <c r="MFC1193" s="10"/>
      <c r="MFD1193" s="10"/>
      <c r="MFE1193" s="10"/>
      <c r="MFF1193" s="10"/>
      <c r="MFG1193" s="10"/>
      <c r="MFH1193" s="10"/>
      <c r="MFI1193" s="10"/>
      <c r="MFJ1193" s="10"/>
      <c r="MFK1193" s="10"/>
      <c r="MFL1193" s="10"/>
      <c r="MFM1193" s="10"/>
      <c r="MFN1193" s="10"/>
      <c r="MFO1193" s="10"/>
      <c r="MFP1193" s="10"/>
      <c r="MFQ1193" s="10"/>
      <c r="MFR1193" s="10"/>
      <c r="MFS1193" s="10"/>
      <c r="MFT1193" s="10"/>
      <c r="MFU1193" s="10"/>
      <c r="MFV1193" s="10"/>
      <c r="MFW1193" s="10"/>
      <c r="MFX1193" s="10"/>
      <c r="MFY1193" s="10"/>
      <c r="MFZ1193" s="10"/>
      <c r="MGA1193" s="10"/>
      <c r="MGB1193" s="10"/>
      <c r="MGC1193" s="10"/>
      <c r="MGD1193" s="10"/>
      <c r="MGE1193" s="10"/>
      <c r="MGF1193" s="10"/>
      <c r="MGG1193" s="10"/>
      <c r="MGH1193" s="10"/>
      <c r="MGI1193" s="10"/>
      <c r="MGJ1193" s="10"/>
      <c r="MGK1193" s="10"/>
      <c r="MGL1193" s="10"/>
      <c r="MGM1193" s="10"/>
      <c r="MGN1193" s="10"/>
      <c r="MGO1193" s="10"/>
      <c r="MGP1193" s="10"/>
      <c r="MGQ1193" s="10"/>
      <c r="MGR1193" s="10"/>
      <c r="MGS1193" s="10"/>
      <c r="MGT1193" s="10"/>
      <c r="MGU1193" s="10"/>
      <c r="MGV1193" s="10"/>
      <c r="MGW1193" s="10"/>
      <c r="MGX1193" s="10"/>
      <c r="MGY1193" s="10"/>
      <c r="MGZ1193" s="10"/>
      <c r="MHA1193" s="10"/>
      <c r="MHB1193" s="10"/>
      <c r="MHC1193" s="10"/>
      <c r="MHD1193" s="10"/>
      <c r="MHE1193" s="10"/>
      <c r="MHF1193" s="10"/>
      <c r="MHG1193" s="10"/>
      <c r="MHH1193" s="10"/>
      <c r="MHI1193" s="10"/>
      <c r="MHJ1193" s="10"/>
      <c r="MHK1193" s="10"/>
      <c r="MHL1193" s="10"/>
      <c r="MHM1193" s="10"/>
      <c r="MHN1193" s="10"/>
      <c r="MHO1193" s="10"/>
      <c r="MHP1193" s="10"/>
      <c r="MHQ1193" s="10"/>
      <c r="MHR1193" s="10"/>
      <c r="MHS1193" s="10"/>
      <c r="MHT1193" s="10"/>
      <c r="MHU1193" s="10"/>
      <c r="MHV1193" s="10"/>
      <c r="MHW1193" s="10"/>
      <c r="MHX1193" s="10"/>
      <c r="MHY1193" s="10"/>
      <c r="MHZ1193" s="10"/>
      <c r="MIA1193" s="10"/>
      <c r="MIB1193" s="10"/>
      <c r="MIC1193" s="10"/>
      <c r="MID1193" s="10"/>
      <c r="MIE1193" s="10"/>
      <c r="MIF1193" s="10"/>
      <c r="MIG1193" s="10"/>
      <c r="MIH1193" s="10"/>
      <c r="MII1193" s="10"/>
      <c r="MIJ1193" s="10"/>
      <c r="MIK1193" s="10"/>
      <c r="MIL1193" s="10"/>
      <c r="MIM1193" s="10"/>
      <c r="MIN1193" s="10"/>
      <c r="MIO1193" s="10"/>
      <c r="MIP1193" s="10"/>
      <c r="MIQ1193" s="10"/>
      <c r="MIR1193" s="10"/>
      <c r="MIS1193" s="10"/>
      <c r="MIT1193" s="10"/>
      <c r="MIU1193" s="10"/>
      <c r="MIV1193" s="10"/>
      <c r="MIW1193" s="10"/>
      <c r="MIX1193" s="10"/>
      <c r="MIY1193" s="10"/>
      <c r="MIZ1193" s="10"/>
      <c r="MJA1193" s="10"/>
      <c r="MJB1193" s="10"/>
      <c r="MJC1193" s="10"/>
      <c r="MJD1193" s="10"/>
      <c r="MJE1193" s="10"/>
      <c r="MJF1193" s="10"/>
      <c r="MJG1193" s="10"/>
      <c r="MJH1193" s="10"/>
      <c r="MJI1193" s="10"/>
      <c r="MJJ1193" s="10"/>
      <c r="MJK1193" s="10"/>
      <c r="MJL1193" s="10"/>
      <c r="MJM1193" s="10"/>
      <c r="MJN1193" s="10"/>
      <c r="MJO1193" s="10"/>
      <c r="MJP1193" s="10"/>
      <c r="MJQ1193" s="10"/>
      <c r="MJR1193" s="10"/>
      <c r="MJS1193" s="10"/>
      <c r="MJT1193" s="10"/>
      <c r="MJU1193" s="10"/>
      <c r="MJV1193" s="10"/>
      <c r="MJW1193" s="10"/>
      <c r="MJX1193" s="10"/>
      <c r="MJY1193" s="10"/>
      <c r="MJZ1193" s="10"/>
      <c r="MKA1193" s="10"/>
      <c r="MKB1193" s="10"/>
      <c r="MKC1193" s="10"/>
      <c r="MKD1193" s="10"/>
      <c r="MKE1193" s="10"/>
      <c r="MKF1193" s="10"/>
      <c r="MKG1193" s="10"/>
      <c r="MKH1193" s="10"/>
      <c r="MKI1193" s="10"/>
      <c r="MKJ1193" s="10"/>
      <c r="MKK1193" s="10"/>
      <c r="MKL1193" s="10"/>
      <c r="MKM1193" s="10"/>
      <c r="MKN1193" s="10"/>
      <c r="MKO1193" s="10"/>
      <c r="MKP1193" s="10"/>
      <c r="MKQ1193" s="10"/>
      <c r="MKR1193" s="10"/>
      <c r="MKS1193" s="10"/>
      <c r="MKT1193" s="10"/>
      <c r="MKU1193" s="10"/>
      <c r="MKV1193" s="10"/>
      <c r="MKW1193" s="10"/>
      <c r="MKX1193" s="10"/>
      <c r="MKY1193" s="10"/>
      <c r="MKZ1193" s="10"/>
      <c r="MLA1193" s="10"/>
      <c r="MLB1193" s="10"/>
      <c r="MLC1193" s="10"/>
      <c r="MLD1193" s="10"/>
      <c r="MLE1193" s="10"/>
      <c r="MLF1193" s="10"/>
      <c r="MLG1193" s="10"/>
      <c r="MLH1193" s="10"/>
      <c r="MLI1193" s="10"/>
      <c r="MLJ1193" s="10"/>
      <c r="MLK1193" s="10"/>
      <c r="MLL1193" s="10"/>
      <c r="MLM1193" s="10"/>
      <c r="MLN1193" s="10"/>
      <c r="MLO1193" s="10"/>
      <c r="MLP1193" s="10"/>
      <c r="MLQ1193" s="10"/>
      <c r="MLR1193" s="10"/>
      <c r="MLS1193" s="10"/>
      <c r="MLT1193" s="10"/>
      <c r="MLU1193" s="10"/>
      <c r="MLV1193" s="10"/>
      <c r="MLW1193" s="10"/>
      <c r="MLX1193" s="10"/>
      <c r="MLY1193" s="10"/>
      <c r="MLZ1193" s="10"/>
      <c r="MMA1193" s="10"/>
      <c r="MMB1193" s="10"/>
      <c r="MMC1193" s="10"/>
      <c r="MMD1193" s="10"/>
      <c r="MME1193" s="10"/>
      <c r="MMF1193" s="10"/>
      <c r="MMG1193" s="10"/>
      <c r="MMH1193" s="10"/>
      <c r="MMI1193" s="10"/>
      <c r="MMJ1193" s="10"/>
      <c r="MMK1193" s="10"/>
      <c r="MML1193" s="10"/>
      <c r="MMM1193" s="10"/>
      <c r="MMN1193" s="10"/>
      <c r="MMO1193" s="10"/>
      <c r="MMP1193" s="10"/>
      <c r="MMQ1193" s="10"/>
      <c r="MMR1193" s="10"/>
      <c r="MMS1193" s="10"/>
      <c r="MMT1193" s="10"/>
      <c r="MMU1193" s="10"/>
      <c r="MMV1193" s="10"/>
      <c r="MMW1193" s="10"/>
      <c r="MMX1193" s="10"/>
      <c r="MMY1193" s="10"/>
      <c r="MMZ1193" s="10"/>
      <c r="MNA1193" s="10"/>
      <c r="MNB1193" s="10"/>
      <c r="MNC1193" s="10"/>
      <c r="MND1193" s="10"/>
      <c r="MNE1193" s="10"/>
      <c r="MNF1193" s="10"/>
      <c r="MNG1193" s="10"/>
      <c r="MNH1193" s="10"/>
      <c r="MNI1193" s="10"/>
      <c r="MNJ1193" s="10"/>
      <c r="MNK1193" s="10"/>
      <c r="MNL1193" s="10"/>
      <c r="MNM1193" s="10"/>
      <c r="MNN1193" s="10"/>
      <c r="MNO1193" s="10"/>
      <c r="MNP1193" s="10"/>
      <c r="MNQ1193" s="10"/>
      <c r="MNR1193" s="10"/>
      <c r="MNS1193" s="10"/>
      <c r="MNT1193" s="10"/>
      <c r="MNU1193" s="10"/>
      <c r="MNV1193" s="10"/>
      <c r="MNW1193" s="10"/>
      <c r="MNX1193" s="10"/>
      <c r="MNY1193" s="10"/>
      <c r="MNZ1193" s="10"/>
      <c r="MOA1193" s="10"/>
      <c r="MOB1193" s="10"/>
      <c r="MOC1193" s="10"/>
      <c r="MOD1193" s="10"/>
      <c r="MOE1193" s="10"/>
      <c r="MOF1193" s="10"/>
      <c r="MOG1193" s="10"/>
      <c r="MOH1193" s="10"/>
      <c r="MOI1193" s="10"/>
      <c r="MOJ1193" s="10"/>
      <c r="MOK1193" s="10"/>
      <c r="MOL1193" s="10"/>
      <c r="MOM1193" s="10"/>
      <c r="MON1193" s="10"/>
      <c r="MOO1193" s="10"/>
      <c r="MOP1193" s="10"/>
      <c r="MOQ1193" s="10"/>
      <c r="MOR1193" s="10"/>
      <c r="MOS1193" s="10"/>
      <c r="MOT1193" s="10"/>
      <c r="MOU1193" s="10"/>
      <c r="MOV1193" s="10"/>
      <c r="MOW1193" s="10"/>
      <c r="MOX1193" s="10"/>
      <c r="MOY1193" s="10"/>
      <c r="MOZ1193" s="10"/>
      <c r="MPA1193" s="10"/>
      <c r="MPB1193" s="10"/>
      <c r="MPC1193" s="10"/>
      <c r="MPD1193" s="10"/>
      <c r="MPE1193" s="10"/>
      <c r="MPF1193" s="10"/>
      <c r="MPG1193" s="10"/>
      <c r="MPH1193" s="10"/>
      <c r="MPI1193" s="10"/>
      <c r="MPJ1193" s="10"/>
      <c r="MPK1193" s="10"/>
      <c r="MPL1193" s="10"/>
      <c r="MPM1193" s="10"/>
      <c r="MPN1193" s="10"/>
      <c r="MPO1193" s="10"/>
      <c r="MPP1193" s="10"/>
      <c r="MPQ1193" s="10"/>
      <c r="MPR1193" s="10"/>
      <c r="MPS1193" s="10"/>
      <c r="MPT1193" s="10"/>
      <c r="MPU1193" s="10"/>
      <c r="MPV1193" s="10"/>
      <c r="MPW1193" s="10"/>
      <c r="MPX1193" s="10"/>
      <c r="MPY1193" s="10"/>
      <c r="MPZ1193" s="10"/>
      <c r="MQA1193" s="10"/>
      <c r="MQB1193" s="10"/>
      <c r="MQC1193" s="10"/>
      <c r="MQD1193" s="10"/>
      <c r="MQE1193" s="10"/>
      <c r="MQF1193" s="10"/>
      <c r="MQG1193" s="10"/>
      <c r="MQH1193" s="10"/>
      <c r="MQI1193" s="10"/>
      <c r="MQJ1193" s="10"/>
      <c r="MQK1193" s="10"/>
      <c r="MQL1193" s="10"/>
      <c r="MQM1193" s="10"/>
      <c r="MQN1193" s="10"/>
      <c r="MQO1193" s="10"/>
      <c r="MQP1193" s="10"/>
      <c r="MQQ1193" s="10"/>
      <c r="MQR1193" s="10"/>
      <c r="MQS1193" s="10"/>
      <c r="MQT1193" s="10"/>
      <c r="MQU1193" s="10"/>
      <c r="MQV1193" s="10"/>
      <c r="MQW1193" s="10"/>
      <c r="MQX1193" s="10"/>
      <c r="MQY1193" s="10"/>
      <c r="MQZ1193" s="10"/>
      <c r="MRA1193" s="10"/>
      <c r="MRB1193" s="10"/>
      <c r="MRC1193" s="10"/>
      <c r="MRD1193" s="10"/>
      <c r="MRE1193" s="10"/>
      <c r="MRF1193" s="10"/>
      <c r="MRG1193" s="10"/>
      <c r="MRH1193" s="10"/>
      <c r="MRI1193" s="10"/>
      <c r="MRJ1193" s="10"/>
      <c r="MRK1193" s="10"/>
      <c r="MRL1193" s="10"/>
      <c r="MRM1193" s="10"/>
      <c r="MRN1193" s="10"/>
      <c r="MRO1193" s="10"/>
      <c r="MRP1193" s="10"/>
      <c r="MRQ1193" s="10"/>
      <c r="MRR1193" s="10"/>
      <c r="MRS1193" s="10"/>
      <c r="MRT1193" s="10"/>
      <c r="MRU1193" s="10"/>
      <c r="MRV1193" s="10"/>
      <c r="MRW1193" s="10"/>
      <c r="MRX1193" s="10"/>
      <c r="MRY1193" s="10"/>
      <c r="MRZ1193" s="10"/>
      <c r="MSA1193" s="10"/>
      <c r="MSB1193" s="10"/>
      <c r="MSC1193" s="10"/>
      <c r="MSD1193" s="10"/>
      <c r="MSE1193" s="10"/>
      <c r="MSF1193" s="10"/>
      <c r="MSG1193" s="10"/>
      <c r="MSH1193" s="10"/>
      <c r="MSI1193" s="10"/>
      <c r="MSJ1193" s="10"/>
      <c r="MSK1193" s="10"/>
      <c r="MSL1193" s="10"/>
      <c r="MSM1193" s="10"/>
      <c r="MSN1193" s="10"/>
      <c r="MSO1193" s="10"/>
      <c r="MSP1193" s="10"/>
      <c r="MSQ1193" s="10"/>
      <c r="MSR1193" s="10"/>
      <c r="MSS1193" s="10"/>
      <c r="MST1193" s="10"/>
      <c r="MSU1193" s="10"/>
      <c r="MSV1193" s="10"/>
      <c r="MSW1193" s="10"/>
      <c r="MSX1193" s="10"/>
      <c r="MSY1193" s="10"/>
      <c r="MSZ1193" s="10"/>
      <c r="MTA1193" s="10"/>
      <c r="MTB1193" s="10"/>
      <c r="MTC1193" s="10"/>
      <c r="MTD1193" s="10"/>
      <c r="MTE1193" s="10"/>
      <c r="MTF1193" s="10"/>
      <c r="MTG1193" s="10"/>
      <c r="MTH1193" s="10"/>
      <c r="MTI1193" s="10"/>
      <c r="MTJ1193" s="10"/>
      <c r="MTK1193" s="10"/>
      <c r="MTL1193" s="10"/>
      <c r="MTM1193" s="10"/>
      <c r="MTN1193" s="10"/>
      <c r="MTO1193" s="10"/>
      <c r="MTP1193" s="10"/>
      <c r="MTQ1193" s="10"/>
      <c r="MTR1193" s="10"/>
      <c r="MTS1193" s="10"/>
      <c r="MTT1193" s="10"/>
      <c r="MTU1193" s="10"/>
      <c r="MTV1193" s="10"/>
      <c r="MTW1193" s="10"/>
      <c r="MTX1193" s="10"/>
      <c r="MTY1193" s="10"/>
      <c r="MTZ1193" s="10"/>
      <c r="MUA1193" s="10"/>
      <c r="MUB1193" s="10"/>
      <c r="MUC1193" s="10"/>
      <c r="MUD1193" s="10"/>
      <c r="MUE1193" s="10"/>
      <c r="MUF1193" s="10"/>
      <c r="MUG1193" s="10"/>
      <c r="MUH1193" s="10"/>
      <c r="MUI1193" s="10"/>
      <c r="MUJ1193" s="10"/>
      <c r="MUK1193" s="10"/>
      <c r="MUL1193" s="10"/>
      <c r="MUM1193" s="10"/>
      <c r="MUN1193" s="10"/>
      <c r="MUO1193" s="10"/>
      <c r="MUP1193" s="10"/>
      <c r="MUQ1193" s="10"/>
      <c r="MUR1193" s="10"/>
      <c r="MUS1193" s="10"/>
      <c r="MUT1193" s="10"/>
      <c r="MUU1193" s="10"/>
      <c r="MUV1193" s="10"/>
      <c r="MUW1193" s="10"/>
      <c r="MUX1193" s="10"/>
      <c r="MUY1193" s="10"/>
      <c r="MUZ1193" s="10"/>
      <c r="MVA1193" s="10"/>
      <c r="MVB1193" s="10"/>
      <c r="MVC1193" s="10"/>
      <c r="MVD1193" s="10"/>
      <c r="MVE1193" s="10"/>
      <c r="MVF1193" s="10"/>
      <c r="MVG1193" s="10"/>
      <c r="MVH1193" s="10"/>
      <c r="MVI1193" s="10"/>
      <c r="MVJ1193" s="10"/>
      <c r="MVK1193" s="10"/>
      <c r="MVL1193" s="10"/>
      <c r="MVM1193" s="10"/>
      <c r="MVN1193" s="10"/>
      <c r="MVO1193" s="10"/>
      <c r="MVP1193" s="10"/>
      <c r="MVQ1193" s="10"/>
      <c r="MVR1193" s="10"/>
      <c r="MVS1193" s="10"/>
      <c r="MVT1193" s="10"/>
      <c r="MVU1193" s="10"/>
      <c r="MVV1193" s="10"/>
      <c r="MVW1193" s="10"/>
      <c r="MVX1193" s="10"/>
      <c r="MVY1193" s="10"/>
      <c r="MVZ1193" s="10"/>
      <c r="MWA1193" s="10"/>
      <c r="MWB1193" s="10"/>
      <c r="MWC1193" s="10"/>
      <c r="MWD1193" s="10"/>
      <c r="MWE1193" s="10"/>
      <c r="MWF1193" s="10"/>
      <c r="MWG1193" s="10"/>
      <c r="MWH1193" s="10"/>
      <c r="MWI1193" s="10"/>
      <c r="MWJ1193" s="10"/>
      <c r="MWK1193" s="10"/>
      <c r="MWL1193" s="10"/>
      <c r="MWM1193" s="10"/>
      <c r="MWN1193" s="10"/>
      <c r="MWO1193" s="10"/>
      <c r="MWP1193" s="10"/>
      <c r="MWQ1193" s="10"/>
      <c r="MWR1193" s="10"/>
      <c r="MWS1193" s="10"/>
      <c r="MWT1193" s="10"/>
      <c r="MWU1193" s="10"/>
      <c r="MWV1193" s="10"/>
      <c r="MWW1193" s="10"/>
      <c r="MWX1193" s="10"/>
      <c r="MWY1193" s="10"/>
      <c r="MWZ1193" s="10"/>
      <c r="MXA1193" s="10"/>
      <c r="MXB1193" s="10"/>
      <c r="MXC1193" s="10"/>
      <c r="MXD1193" s="10"/>
      <c r="MXE1193" s="10"/>
      <c r="MXF1193" s="10"/>
      <c r="MXG1193" s="10"/>
      <c r="MXH1193" s="10"/>
      <c r="MXI1193" s="10"/>
      <c r="MXJ1193" s="10"/>
      <c r="MXK1193" s="10"/>
      <c r="MXL1193" s="10"/>
      <c r="MXM1193" s="10"/>
      <c r="MXN1193" s="10"/>
      <c r="MXO1193" s="10"/>
      <c r="MXP1193" s="10"/>
      <c r="MXQ1193" s="10"/>
      <c r="MXR1193" s="10"/>
      <c r="MXS1193" s="10"/>
      <c r="MXT1193" s="10"/>
      <c r="MXU1193" s="10"/>
      <c r="MXV1193" s="10"/>
      <c r="MXW1193" s="10"/>
      <c r="MXX1193" s="10"/>
      <c r="MXY1193" s="10"/>
      <c r="MXZ1193" s="10"/>
      <c r="MYA1193" s="10"/>
      <c r="MYB1193" s="10"/>
      <c r="MYC1193" s="10"/>
      <c r="MYD1193" s="10"/>
      <c r="MYE1193" s="10"/>
      <c r="MYF1193" s="10"/>
      <c r="MYG1193" s="10"/>
      <c r="MYH1193" s="10"/>
      <c r="MYI1193" s="10"/>
      <c r="MYJ1193" s="10"/>
      <c r="MYK1193" s="10"/>
      <c r="MYL1193" s="10"/>
      <c r="MYM1193" s="10"/>
      <c r="MYN1193" s="10"/>
      <c r="MYO1193" s="10"/>
      <c r="MYP1193" s="10"/>
      <c r="MYQ1193" s="10"/>
      <c r="MYR1193" s="10"/>
      <c r="MYS1193" s="10"/>
      <c r="MYT1193" s="10"/>
      <c r="MYU1193" s="10"/>
      <c r="MYV1193" s="10"/>
      <c r="MYW1193" s="10"/>
      <c r="MYX1193" s="10"/>
      <c r="MYY1193" s="10"/>
      <c r="MYZ1193" s="10"/>
      <c r="MZA1193" s="10"/>
      <c r="MZB1193" s="10"/>
      <c r="MZC1193" s="10"/>
      <c r="MZD1193" s="10"/>
      <c r="MZE1193" s="10"/>
      <c r="MZF1193" s="10"/>
      <c r="MZG1193" s="10"/>
      <c r="MZH1193" s="10"/>
      <c r="MZI1193" s="10"/>
      <c r="MZJ1193" s="10"/>
      <c r="MZK1193" s="10"/>
      <c r="MZL1193" s="10"/>
      <c r="MZM1193" s="10"/>
      <c r="MZN1193" s="10"/>
      <c r="MZO1193" s="10"/>
      <c r="MZP1193" s="10"/>
      <c r="MZQ1193" s="10"/>
      <c r="MZR1193" s="10"/>
      <c r="MZS1193" s="10"/>
      <c r="MZT1193" s="10"/>
      <c r="MZU1193" s="10"/>
      <c r="MZV1193" s="10"/>
      <c r="MZW1193" s="10"/>
      <c r="MZX1193" s="10"/>
      <c r="MZY1193" s="10"/>
      <c r="MZZ1193" s="10"/>
      <c r="NAA1193" s="10"/>
      <c r="NAB1193" s="10"/>
      <c r="NAC1193" s="10"/>
      <c r="NAD1193" s="10"/>
      <c r="NAE1193" s="10"/>
      <c r="NAF1193" s="10"/>
      <c r="NAG1193" s="10"/>
      <c r="NAH1193" s="10"/>
      <c r="NAI1193" s="10"/>
      <c r="NAJ1193" s="10"/>
      <c r="NAK1193" s="10"/>
      <c r="NAL1193" s="10"/>
      <c r="NAM1193" s="10"/>
      <c r="NAN1193" s="10"/>
      <c r="NAO1193" s="10"/>
      <c r="NAP1193" s="10"/>
      <c r="NAQ1193" s="10"/>
      <c r="NAR1193" s="10"/>
      <c r="NAS1193" s="10"/>
      <c r="NAT1193" s="10"/>
      <c r="NAU1193" s="10"/>
      <c r="NAV1193" s="10"/>
      <c r="NAW1193" s="10"/>
      <c r="NAX1193" s="10"/>
      <c r="NAY1193" s="10"/>
      <c r="NAZ1193" s="10"/>
      <c r="NBA1193" s="10"/>
      <c r="NBB1193" s="10"/>
      <c r="NBC1193" s="10"/>
      <c r="NBD1193" s="10"/>
      <c r="NBE1193" s="10"/>
      <c r="NBF1193" s="10"/>
      <c r="NBG1193" s="10"/>
      <c r="NBH1193" s="10"/>
      <c r="NBI1193" s="10"/>
      <c r="NBJ1193" s="10"/>
      <c r="NBK1193" s="10"/>
      <c r="NBL1193" s="10"/>
      <c r="NBM1193" s="10"/>
      <c r="NBN1193" s="10"/>
      <c r="NBO1193" s="10"/>
      <c r="NBP1193" s="10"/>
      <c r="NBQ1193" s="10"/>
      <c r="NBR1193" s="10"/>
      <c r="NBS1193" s="10"/>
      <c r="NBT1193" s="10"/>
      <c r="NBU1193" s="10"/>
      <c r="NBV1193" s="10"/>
      <c r="NBW1193" s="10"/>
      <c r="NBX1193" s="10"/>
      <c r="NBY1193" s="10"/>
      <c r="NBZ1193" s="10"/>
      <c r="NCA1193" s="10"/>
      <c r="NCB1193" s="10"/>
      <c r="NCC1193" s="10"/>
      <c r="NCD1193" s="10"/>
      <c r="NCE1193" s="10"/>
      <c r="NCF1193" s="10"/>
      <c r="NCG1193" s="10"/>
      <c r="NCH1193" s="10"/>
      <c r="NCI1193" s="10"/>
      <c r="NCJ1193" s="10"/>
      <c r="NCK1193" s="10"/>
      <c r="NCL1193" s="10"/>
      <c r="NCM1193" s="10"/>
      <c r="NCN1193" s="10"/>
      <c r="NCO1193" s="10"/>
      <c r="NCP1193" s="10"/>
      <c r="NCQ1193" s="10"/>
      <c r="NCR1193" s="10"/>
      <c r="NCS1193" s="10"/>
      <c r="NCT1193" s="10"/>
      <c r="NCU1193" s="10"/>
      <c r="NCV1193" s="10"/>
      <c r="NCW1193" s="10"/>
      <c r="NCX1193" s="10"/>
      <c r="NCY1193" s="10"/>
      <c r="NCZ1193" s="10"/>
      <c r="NDA1193" s="10"/>
      <c r="NDB1193" s="10"/>
      <c r="NDC1193" s="10"/>
      <c r="NDD1193" s="10"/>
      <c r="NDE1193" s="10"/>
      <c r="NDF1193" s="10"/>
      <c r="NDG1193" s="10"/>
      <c r="NDH1193" s="10"/>
      <c r="NDI1193" s="10"/>
      <c r="NDJ1193" s="10"/>
      <c r="NDK1193" s="10"/>
      <c r="NDL1193" s="10"/>
      <c r="NDM1193" s="10"/>
      <c r="NDN1193" s="10"/>
      <c r="NDO1193" s="10"/>
      <c r="NDP1193" s="10"/>
      <c r="NDQ1193" s="10"/>
      <c r="NDR1193" s="10"/>
      <c r="NDS1193" s="10"/>
      <c r="NDT1193" s="10"/>
      <c r="NDU1193" s="10"/>
      <c r="NDV1193" s="10"/>
      <c r="NDW1193" s="10"/>
      <c r="NDX1193" s="10"/>
      <c r="NDY1193" s="10"/>
      <c r="NDZ1193" s="10"/>
      <c r="NEA1193" s="10"/>
      <c r="NEB1193" s="10"/>
      <c r="NEC1193" s="10"/>
      <c r="NED1193" s="10"/>
      <c r="NEE1193" s="10"/>
      <c r="NEF1193" s="10"/>
      <c r="NEG1193" s="10"/>
      <c r="NEH1193" s="10"/>
      <c r="NEI1193" s="10"/>
      <c r="NEJ1193" s="10"/>
      <c r="NEK1193" s="10"/>
      <c r="NEL1193" s="10"/>
      <c r="NEM1193" s="10"/>
      <c r="NEN1193" s="10"/>
      <c r="NEO1193" s="10"/>
      <c r="NEP1193" s="10"/>
      <c r="NEQ1193" s="10"/>
      <c r="NER1193" s="10"/>
      <c r="NES1193" s="10"/>
      <c r="NET1193" s="10"/>
      <c r="NEU1193" s="10"/>
      <c r="NEV1193" s="10"/>
      <c r="NEW1193" s="10"/>
      <c r="NEX1193" s="10"/>
      <c r="NEY1193" s="10"/>
      <c r="NEZ1193" s="10"/>
      <c r="NFA1193" s="10"/>
      <c r="NFB1193" s="10"/>
      <c r="NFC1193" s="10"/>
      <c r="NFD1193" s="10"/>
      <c r="NFE1193" s="10"/>
      <c r="NFF1193" s="10"/>
      <c r="NFG1193" s="10"/>
      <c r="NFH1193" s="10"/>
      <c r="NFI1193" s="10"/>
      <c r="NFJ1193" s="10"/>
      <c r="NFK1193" s="10"/>
      <c r="NFL1193" s="10"/>
      <c r="NFM1193" s="10"/>
      <c r="NFN1193" s="10"/>
      <c r="NFO1193" s="10"/>
      <c r="NFP1193" s="10"/>
      <c r="NFQ1193" s="10"/>
      <c r="NFR1193" s="10"/>
      <c r="NFS1193" s="10"/>
      <c r="NFT1193" s="10"/>
      <c r="NFU1193" s="10"/>
      <c r="NFV1193" s="10"/>
      <c r="NFW1193" s="10"/>
      <c r="NFX1193" s="10"/>
      <c r="NFY1193" s="10"/>
      <c r="NFZ1193" s="10"/>
      <c r="NGA1193" s="10"/>
      <c r="NGB1193" s="10"/>
      <c r="NGC1193" s="10"/>
      <c r="NGD1193" s="10"/>
      <c r="NGE1193" s="10"/>
      <c r="NGF1193" s="10"/>
      <c r="NGG1193" s="10"/>
      <c r="NGH1193" s="10"/>
      <c r="NGI1193" s="10"/>
      <c r="NGJ1193" s="10"/>
      <c r="NGK1193" s="10"/>
      <c r="NGL1193" s="10"/>
      <c r="NGM1193" s="10"/>
      <c r="NGN1193" s="10"/>
      <c r="NGO1193" s="10"/>
      <c r="NGP1193" s="10"/>
      <c r="NGQ1193" s="10"/>
      <c r="NGR1193" s="10"/>
      <c r="NGS1193" s="10"/>
      <c r="NGT1193" s="10"/>
      <c r="NGU1193" s="10"/>
      <c r="NGV1193" s="10"/>
      <c r="NGW1193" s="10"/>
      <c r="NGX1193" s="10"/>
      <c r="NGY1193" s="10"/>
      <c r="NGZ1193" s="10"/>
      <c r="NHA1193" s="10"/>
      <c r="NHB1193" s="10"/>
      <c r="NHC1193" s="10"/>
      <c r="NHD1193" s="10"/>
      <c r="NHE1193" s="10"/>
      <c r="NHF1193" s="10"/>
      <c r="NHG1193" s="10"/>
      <c r="NHH1193" s="10"/>
      <c r="NHI1193" s="10"/>
      <c r="NHJ1193" s="10"/>
      <c r="NHK1193" s="10"/>
      <c r="NHL1193" s="10"/>
      <c r="NHM1193" s="10"/>
      <c r="NHN1193" s="10"/>
      <c r="NHO1193" s="10"/>
      <c r="NHP1193" s="10"/>
      <c r="NHQ1193" s="10"/>
      <c r="NHR1193" s="10"/>
      <c r="NHS1193" s="10"/>
      <c r="NHT1193" s="10"/>
      <c r="NHU1193" s="10"/>
      <c r="NHV1193" s="10"/>
      <c r="NHW1193" s="10"/>
      <c r="NHX1193" s="10"/>
      <c r="NHY1193" s="10"/>
      <c r="NHZ1193" s="10"/>
      <c r="NIA1193" s="10"/>
      <c r="NIB1193" s="10"/>
      <c r="NIC1193" s="10"/>
      <c r="NID1193" s="10"/>
      <c r="NIE1193" s="10"/>
      <c r="NIF1193" s="10"/>
      <c r="NIG1193" s="10"/>
      <c r="NIH1193" s="10"/>
      <c r="NII1193" s="10"/>
      <c r="NIJ1193" s="10"/>
      <c r="NIK1193" s="10"/>
      <c r="NIL1193" s="10"/>
      <c r="NIM1193" s="10"/>
      <c r="NIN1193" s="10"/>
      <c r="NIO1193" s="10"/>
      <c r="NIP1193" s="10"/>
      <c r="NIQ1193" s="10"/>
      <c r="NIR1193" s="10"/>
      <c r="NIS1193" s="10"/>
      <c r="NIT1193" s="10"/>
      <c r="NIU1193" s="10"/>
      <c r="NIV1193" s="10"/>
      <c r="NIW1193" s="10"/>
      <c r="NIX1193" s="10"/>
      <c r="NIY1193" s="10"/>
      <c r="NIZ1193" s="10"/>
      <c r="NJA1193" s="10"/>
      <c r="NJB1193" s="10"/>
      <c r="NJC1193" s="10"/>
      <c r="NJD1193" s="10"/>
      <c r="NJE1193" s="10"/>
      <c r="NJF1193" s="10"/>
      <c r="NJG1193" s="10"/>
      <c r="NJH1193" s="10"/>
      <c r="NJI1193" s="10"/>
      <c r="NJJ1193" s="10"/>
      <c r="NJK1193" s="10"/>
      <c r="NJL1193" s="10"/>
      <c r="NJM1193" s="10"/>
      <c r="NJN1193" s="10"/>
      <c r="NJO1193" s="10"/>
      <c r="NJP1193" s="10"/>
      <c r="NJQ1193" s="10"/>
      <c r="NJR1193" s="10"/>
      <c r="NJS1193" s="10"/>
      <c r="NJT1193" s="10"/>
      <c r="NJU1193" s="10"/>
      <c r="NJV1193" s="10"/>
      <c r="NJW1193" s="10"/>
      <c r="NJX1193" s="10"/>
      <c r="NJY1193" s="10"/>
      <c r="NJZ1193" s="10"/>
      <c r="NKA1193" s="10"/>
      <c r="NKB1193" s="10"/>
      <c r="NKC1193" s="10"/>
      <c r="NKD1193" s="10"/>
      <c r="NKE1193" s="10"/>
      <c r="NKF1193" s="10"/>
      <c r="NKG1193" s="10"/>
      <c r="NKH1193" s="10"/>
      <c r="NKI1193" s="10"/>
      <c r="NKJ1193" s="10"/>
      <c r="NKK1193" s="10"/>
      <c r="NKL1193" s="10"/>
      <c r="NKM1193" s="10"/>
      <c r="NKN1193" s="10"/>
      <c r="NKO1193" s="10"/>
      <c r="NKP1193" s="10"/>
      <c r="NKQ1193" s="10"/>
      <c r="NKR1193" s="10"/>
      <c r="NKS1193" s="10"/>
      <c r="NKT1193" s="10"/>
      <c r="NKU1193" s="10"/>
      <c r="NKV1193" s="10"/>
      <c r="NKW1193" s="10"/>
      <c r="NKX1193" s="10"/>
      <c r="NKY1193" s="10"/>
      <c r="NKZ1193" s="10"/>
      <c r="NLA1193" s="10"/>
      <c r="NLB1193" s="10"/>
      <c r="NLC1193" s="10"/>
      <c r="NLD1193" s="10"/>
      <c r="NLE1193" s="10"/>
      <c r="NLF1193" s="10"/>
      <c r="NLG1193" s="10"/>
      <c r="NLH1193" s="10"/>
      <c r="NLI1193" s="10"/>
      <c r="NLJ1193" s="10"/>
      <c r="NLK1193" s="10"/>
      <c r="NLL1193" s="10"/>
      <c r="NLM1193" s="10"/>
      <c r="NLN1193" s="10"/>
      <c r="NLO1193" s="10"/>
      <c r="NLP1193" s="10"/>
      <c r="NLQ1193" s="10"/>
      <c r="NLR1193" s="10"/>
      <c r="NLS1193" s="10"/>
      <c r="NLT1193" s="10"/>
      <c r="NLU1193" s="10"/>
      <c r="NLV1193" s="10"/>
      <c r="NLW1193" s="10"/>
      <c r="NLX1193" s="10"/>
      <c r="NLY1193" s="10"/>
      <c r="NLZ1193" s="10"/>
      <c r="NMA1193" s="10"/>
      <c r="NMB1193" s="10"/>
      <c r="NMC1193" s="10"/>
      <c r="NMD1193" s="10"/>
      <c r="NME1193" s="10"/>
      <c r="NMF1193" s="10"/>
      <c r="NMG1193" s="10"/>
      <c r="NMH1193" s="10"/>
      <c r="NMI1193" s="10"/>
      <c r="NMJ1193" s="10"/>
      <c r="NMK1193" s="10"/>
      <c r="NML1193" s="10"/>
      <c r="NMM1193" s="10"/>
      <c r="NMN1193" s="10"/>
      <c r="NMO1193" s="10"/>
      <c r="NMP1193" s="10"/>
      <c r="NMQ1193" s="10"/>
      <c r="NMR1193" s="10"/>
      <c r="NMS1193" s="10"/>
      <c r="NMT1193" s="10"/>
      <c r="NMU1193" s="10"/>
      <c r="NMV1193" s="10"/>
      <c r="NMW1193" s="10"/>
      <c r="NMX1193" s="10"/>
      <c r="NMY1193" s="10"/>
      <c r="NMZ1193" s="10"/>
      <c r="NNA1193" s="10"/>
      <c r="NNB1193" s="10"/>
      <c r="NNC1193" s="10"/>
      <c r="NND1193" s="10"/>
      <c r="NNE1193" s="10"/>
      <c r="NNF1193" s="10"/>
      <c r="NNG1193" s="10"/>
      <c r="NNH1193" s="10"/>
      <c r="NNI1193" s="10"/>
      <c r="NNJ1193" s="10"/>
      <c r="NNK1193" s="10"/>
      <c r="NNL1193" s="10"/>
      <c r="NNM1193" s="10"/>
      <c r="NNN1193" s="10"/>
      <c r="NNO1193" s="10"/>
      <c r="NNP1193" s="10"/>
      <c r="NNQ1193" s="10"/>
      <c r="NNR1193" s="10"/>
      <c r="NNS1193" s="10"/>
      <c r="NNT1193" s="10"/>
      <c r="NNU1193" s="10"/>
      <c r="NNV1193" s="10"/>
      <c r="NNW1193" s="10"/>
      <c r="NNX1193" s="10"/>
      <c r="NNY1193" s="10"/>
      <c r="NNZ1193" s="10"/>
      <c r="NOA1193" s="10"/>
      <c r="NOB1193" s="10"/>
      <c r="NOC1193" s="10"/>
      <c r="NOD1193" s="10"/>
      <c r="NOE1193" s="10"/>
      <c r="NOF1193" s="10"/>
      <c r="NOG1193" s="10"/>
      <c r="NOH1193" s="10"/>
      <c r="NOI1193" s="10"/>
      <c r="NOJ1193" s="10"/>
      <c r="NOK1193" s="10"/>
      <c r="NOL1193" s="10"/>
      <c r="NOM1193" s="10"/>
      <c r="NON1193" s="10"/>
      <c r="NOO1193" s="10"/>
      <c r="NOP1193" s="10"/>
      <c r="NOQ1193" s="10"/>
      <c r="NOR1193" s="10"/>
      <c r="NOS1193" s="10"/>
      <c r="NOT1193" s="10"/>
      <c r="NOU1193" s="10"/>
      <c r="NOV1193" s="10"/>
      <c r="NOW1193" s="10"/>
      <c r="NOX1193" s="10"/>
      <c r="NOY1193" s="10"/>
      <c r="NOZ1193" s="10"/>
      <c r="NPA1193" s="10"/>
      <c r="NPB1193" s="10"/>
      <c r="NPC1193" s="10"/>
      <c r="NPD1193" s="10"/>
      <c r="NPE1193" s="10"/>
      <c r="NPF1193" s="10"/>
      <c r="NPG1193" s="10"/>
      <c r="NPH1193" s="10"/>
      <c r="NPI1193" s="10"/>
      <c r="NPJ1193" s="10"/>
      <c r="NPK1193" s="10"/>
      <c r="NPL1193" s="10"/>
      <c r="NPM1193" s="10"/>
      <c r="NPN1193" s="10"/>
      <c r="NPO1193" s="10"/>
      <c r="NPP1193" s="10"/>
      <c r="NPQ1193" s="10"/>
      <c r="NPR1193" s="10"/>
      <c r="NPS1193" s="10"/>
      <c r="NPT1193" s="10"/>
      <c r="NPU1193" s="10"/>
      <c r="NPV1193" s="10"/>
      <c r="NPW1193" s="10"/>
      <c r="NPX1193" s="10"/>
      <c r="NPY1193" s="10"/>
      <c r="NPZ1193" s="10"/>
      <c r="NQA1193" s="10"/>
      <c r="NQB1193" s="10"/>
      <c r="NQC1193" s="10"/>
      <c r="NQD1193" s="10"/>
      <c r="NQE1193" s="10"/>
      <c r="NQF1193" s="10"/>
      <c r="NQG1193" s="10"/>
      <c r="NQH1193" s="10"/>
      <c r="NQI1193" s="10"/>
      <c r="NQJ1193" s="10"/>
      <c r="NQK1193" s="10"/>
      <c r="NQL1193" s="10"/>
      <c r="NQM1193" s="10"/>
      <c r="NQN1193" s="10"/>
      <c r="NQO1193" s="10"/>
      <c r="NQP1193" s="10"/>
      <c r="NQQ1193" s="10"/>
      <c r="NQR1193" s="10"/>
      <c r="NQS1193" s="10"/>
      <c r="NQT1193" s="10"/>
      <c r="NQU1193" s="10"/>
      <c r="NQV1193" s="10"/>
      <c r="NQW1193" s="10"/>
      <c r="NQX1193" s="10"/>
      <c r="NQY1193" s="10"/>
      <c r="NQZ1193" s="10"/>
      <c r="NRA1193" s="10"/>
      <c r="NRB1193" s="10"/>
      <c r="NRC1193" s="10"/>
      <c r="NRD1193" s="10"/>
      <c r="NRE1193" s="10"/>
      <c r="NRF1193" s="10"/>
      <c r="NRG1193" s="10"/>
      <c r="NRH1193" s="10"/>
      <c r="NRI1193" s="10"/>
      <c r="NRJ1193" s="10"/>
      <c r="NRK1193" s="10"/>
      <c r="NRL1193" s="10"/>
      <c r="NRM1193" s="10"/>
      <c r="NRN1193" s="10"/>
      <c r="NRO1193" s="10"/>
      <c r="NRP1193" s="10"/>
      <c r="NRQ1193" s="10"/>
      <c r="NRR1193" s="10"/>
      <c r="NRS1193" s="10"/>
      <c r="NRT1193" s="10"/>
      <c r="NRU1193" s="10"/>
      <c r="NRV1193" s="10"/>
      <c r="NRW1193" s="10"/>
      <c r="NRX1193" s="10"/>
      <c r="NRY1193" s="10"/>
      <c r="NRZ1193" s="10"/>
      <c r="NSA1193" s="10"/>
      <c r="NSB1193" s="10"/>
      <c r="NSC1193" s="10"/>
      <c r="NSD1193" s="10"/>
      <c r="NSE1193" s="10"/>
      <c r="NSF1193" s="10"/>
      <c r="NSG1193" s="10"/>
      <c r="NSH1193" s="10"/>
      <c r="NSI1193" s="10"/>
      <c r="NSJ1193" s="10"/>
      <c r="NSK1193" s="10"/>
      <c r="NSL1193" s="10"/>
      <c r="NSM1193" s="10"/>
      <c r="NSN1193" s="10"/>
      <c r="NSO1193" s="10"/>
      <c r="NSP1193" s="10"/>
      <c r="NSQ1193" s="10"/>
      <c r="NSR1193" s="10"/>
      <c r="NSS1193" s="10"/>
      <c r="NST1193" s="10"/>
      <c r="NSU1193" s="10"/>
      <c r="NSV1193" s="10"/>
      <c r="NSW1193" s="10"/>
      <c r="NSX1193" s="10"/>
      <c r="NSY1193" s="10"/>
      <c r="NSZ1193" s="10"/>
      <c r="NTA1193" s="10"/>
      <c r="NTB1193" s="10"/>
      <c r="NTC1193" s="10"/>
      <c r="NTD1193" s="10"/>
      <c r="NTE1193" s="10"/>
      <c r="NTF1193" s="10"/>
      <c r="NTG1193" s="10"/>
      <c r="NTH1193" s="10"/>
      <c r="NTI1193" s="10"/>
      <c r="NTJ1193" s="10"/>
      <c r="NTK1193" s="10"/>
      <c r="NTL1193" s="10"/>
      <c r="NTM1193" s="10"/>
      <c r="NTN1193" s="10"/>
      <c r="NTO1193" s="10"/>
      <c r="NTP1193" s="10"/>
      <c r="NTQ1193" s="10"/>
      <c r="NTR1193" s="10"/>
      <c r="NTS1193" s="10"/>
      <c r="NTT1193" s="10"/>
      <c r="NTU1193" s="10"/>
      <c r="NTV1193" s="10"/>
      <c r="NTW1193" s="10"/>
      <c r="NTX1193" s="10"/>
      <c r="NTY1193" s="10"/>
      <c r="NTZ1193" s="10"/>
      <c r="NUA1193" s="10"/>
      <c r="NUB1193" s="10"/>
      <c r="NUC1193" s="10"/>
      <c r="NUD1193" s="10"/>
      <c r="NUE1193" s="10"/>
      <c r="NUF1193" s="10"/>
      <c r="NUG1193" s="10"/>
      <c r="NUH1193" s="10"/>
      <c r="NUI1193" s="10"/>
      <c r="NUJ1193" s="10"/>
      <c r="NUK1193" s="10"/>
      <c r="NUL1193" s="10"/>
      <c r="NUM1193" s="10"/>
      <c r="NUN1193" s="10"/>
      <c r="NUO1193" s="10"/>
      <c r="NUP1193" s="10"/>
      <c r="NUQ1193" s="10"/>
      <c r="NUR1193" s="10"/>
      <c r="NUS1193" s="10"/>
      <c r="NUT1193" s="10"/>
      <c r="NUU1193" s="10"/>
      <c r="NUV1193" s="10"/>
      <c r="NUW1193" s="10"/>
      <c r="NUX1193" s="10"/>
      <c r="NUY1193" s="10"/>
      <c r="NUZ1193" s="10"/>
      <c r="NVA1193" s="10"/>
      <c r="NVB1193" s="10"/>
      <c r="NVC1193" s="10"/>
      <c r="NVD1193" s="10"/>
      <c r="NVE1193" s="10"/>
      <c r="NVF1193" s="10"/>
      <c r="NVG1193" s="10"/>
      <c r="NVH1193" s="10"/>
      <c r="NVI1193" s="10"/>
      <c r="NVJ1193" s="10"/>
      <c r="NVK1193" s="10"/>
      <c r="NVL1193" s="10"/>
      <c r="NVM1193" s="10"/>
      <c r="NVN1193" s="10"/>
      <c r="NVO1193" s="10"/>
      <c r="NVP1193" s="10"/>
      <c r="NVQ1193" s="10"/>
      <c r="NVR1193" s="10"/>
      <c r="NVS1193" s="10"/>
      <c r="NVT1193" s="10"/>
      <c r="NVU1193" s="10"/>
      <c r="NVV1193" s="10"/>
      <c r="NVW1193" s="10"/>
      <c r="NVX1193" s="10"/>
      <c r="NVY1193" s="10"/>
      <c r="NVZ1193" s="10"/>
      <c r="NWA1193" s="10"/>
      <c r="NWB1193" s="10"/>
      <c r="NWC1193" s="10"/>
      <c r="NWD1193" s="10"/>
      <c r="NWE1193" s="10"/>
      <c r="NWF1193" s="10"/>
      <c r="NWG1193" s="10"/>
      <c r="NWH1193" s="10"/>
      <c r="NWI1193" s="10"/>
      <c r="NWJ1193" s="10"/>
      <c r="NWK1193" s="10"/>
      <c r="NWL1193" s="10"/>
      <c r="NWM1193" s="10"/>
      <c r="NWN1193" s="10"/>
      <c r="NWO1193" s="10"/>
      <c r="NWP1193" s="10"/>
      <c r="NWQ1193" s="10"/>
      <c r="NWR1193" s="10"/>
      <c r="NWS1193" s="10"/>
      <c r="NWT1193" s="10"/>
      <c r="NWU1193" s="10"/>
      <c r="NWV1193" s="10"/>
      <c r="NWW1193" s="10"/>
      <c r="NWX1193" s="10"/>
      <c r="NWY1193" s="10"/>
      <c r="NWZ1193" s="10"/>
      <c r="NXA1193" s="10"/>
      <c r="NXB1193" s="10"/>
      <c r="NXC1193" s="10"/>
      <c r="NXD1193" s="10"/>
      <c r="NXE1193" s="10"/>
      <c r="NXF1193" s="10"/>
      <c r="NXG1193" s="10"/>
      <c r="NXH1193" s="10"/>
      <c r="NXI1193" s="10"/>
      <c r="NXJ1193" s="10"/>
      <c r="NXK1193" s="10"/>
      <c r="NXL1193" s="10"/>
      <c r="NXM1193" s="10"/>
      <c r="NXN1193" s="10"/>
      <c r="NXO1193" s="10"/>
      <c r="NXP1193" s="10"/>
      <c r="NXQ1193" s="10"/>
      <c r="NXR1193" s="10"/>
      <c r="NXS1193" s="10"/>
      <c r="NXT1193" s="10"/>
      <c r="NXU1193" s="10"/>
      <c r="NXV1193" s="10"/>
      <c r="NXW1193" s="10"/>
      <c r="NXX1193" s="10"/>
      <c r="NXY1193" s="10"/>
      <c r="NXZ1193" s="10"/>
      <c r="NYA1193" s="10"/>
      <c r="NYB1193" s="10"/>
      <c r="NYC1193" s="10"/>
      <c r="NYD1193" s="10"/>
      <c r="NYE1193" s="10"/>
      <c r="NYF1193" s="10"/>
      <c r="NYG1193" s="10"/>
      <c r="NYH1193" s="10"/>
      <c r="NYI1193" s="10"/>
      <c r="NYJ1193" s="10"/>
      <c r="NYK1193" s="10"/>
      <c r="NYL1193" s="10"/>
      <c r="NYM1193" s="10"/>
      <c r="NYN1193" s="10"/>
      <c r="NYO1193" s="10"/>
      <c r="NYP1193" s="10"/>
      <c r="NYQ1193" s="10"/>
      <c r="NYR1193" s="10"/>
      <c r="NYS1193" s="10"/>
      <c r="NYT1193" s="10"/>
      <c r="NYU1193" s="10"/>
      <c r="NYV1193" s="10"/>
      <c r="NYW1193" s="10"/>
      <c r="NYX1193" s="10"/>
      <c r="NYY1193" s="10"/>
      <c r="NYZ1193" s="10"/>
      <c r="NZA1193" s="10"/>
      <c r="NZB1193" s="10"/>
      <c r="NZC1193" s="10"/>
      <c r="NZD1193" s="10"/>
      <c r="NZE1193" s="10"/>
      <c r="NZF1193" s="10"/>
      <c r="NZG1193" s="10"/>
      <c r="NZH1193" s="10"/>
      <c r="NZI1193" s="10"/>
      <c r="NZJ1193" s="10"/>
      <c r="NZK1193" s="10"/>
      <c r="NZL1193" s="10"/>
      <c r="NZM1193" s="10"/>
      <c r="NZN1193" s="10"/>
      <c r="NZO1193" s="10"/>
      <c r="NZP1193" s="10"/>
      <c r="NZQ1193" s="10"/>
      <c r="NZR1193" s="10"/>
      <c r="NZS1193" s="10"/>
      <c r="NZT1193" s="10"/>
      <c r="NZU1193" s="10"/>
      <c r="NZV1193" s="10"/>
      <c r="NZW1193" s="10"/>
      <c r="NZX1193" s="10"/>
      <c r="NZY1193" s="10"/>
      <c r="NZZ1193" s="10"/>
      <c r="OAA1193" s="10"/>
      <c r="OAB1193" s="10"/>
      <c r="OAC1193" s="10"/>
      <c r="OAD1193" s="10"/>
      <c r="OAE1193" s="10"/>
      <c r="OAF1193" s="10"/>
      <c r="OAG1193" s="10"/>
      <c r="OAH1193" s="10"/>
      <c r="OAI1193" s="10"/>
      <c r="OAJ1193" s="10"/>
      <c r="OAK1193" s="10"/>
      <c r="OAL1193" s="10"/>
      <c r="OAM1193" s="10"/>
      <c r="OAN1193" s="10"/>
      <c r="OAO1193" s="10"/>
      <c r="OAP1193" s="10"/>
      <c r="OAQ1193" s="10"/>
      <c r="OAR1193" s="10"/>
      <c r="OAS1193" s="10"/>
      <c r="OAT1193" s="10"/>
      <c r="OAU1193" s="10"/>
      <c r="OAV1193" s="10"/>
      <c r="OAW1193" s="10"/>
      <c r="OAX1193" s="10"/>
      <c r="OAY1193" s="10"/>
      <c r="OAZ1193" s="10"/>
      <c r="OBA1193" s="10"/>
      <c r="OBB1193" s="10"/>
      <c r="OBC1193" s="10"/>
      <c r="OBD1193" s="10"/>
      <c r="OBE1193" s="10"/>
      <c r="OBF1193" s="10"/>
      <c r="OBG1193" s="10"/>
      <c r="OBH1193" s="10"/>
      <c r="OBI1193" s="10"/>
      <c r="OBJ1193" s="10"/>
      <c r="OBK1193" s="10"/>
      <c r="OBL1193" s="10"/>
      <c r="OBM1193" s="10"/>
      <c r="OBN1193" s="10"/>
      <c r="OBO1193" s="10"/>
      <c r="OBP1193" s="10"/>
      <c r="OBQ1193" s="10"/>
      <c r="OBR1193" s="10"/>
      <c r="OBS1193" s="10"/>
      <c r="OBT1193" s="10"/>
      <c r="OBU1193" s="10"/>
      <c r="OBV1193" s="10"/>
      <c r="OBW1193" s="10"/>
      <c r="OBX1193" s="10"/>
      <c r="OBY1193" s="10"/>
      <c r="OBZ1193" s="10"/>
      <c r="OCA1193" s="10"/>
      <c r="OCB1193" s="10"/>
      <c r="OCC1193" s="10"/>
      <c r="OCD1193" s="10"/>
      <c r="OCE1193" s="10"/>
      <c r="OCF1193" s="10"/>
      <c r="OCG1193" s="10"/>
      <c r="OCH1193" s="10"/>
      <c r="OCI1193" s="10"/>
      <c r="OCJ1193" s="10"/>
      <c r="OCK1193" s="10"/>
      <c r="OCL1193" s="10"/>
      <c r="OCM1193" s="10"/>
      <c r="OCN1193" s="10"/>
      <c r="OCO1193" s="10"/>
      <c r="OCP1193" s="10"/>
      <c r="OCQ1193" s="10"/>
      <c r="OCR1193" s="10"/>
      <c r="OCS1193" s="10"/>
      <c r="OCT1193" s="10"/>
      <c r="OCU1193" s="10"/>
      <c r="OCV1193" s="10"/>
      <c r="OCW1193" s="10"/>
      <c r="OCX1193" s="10"/>
      <c r="OCY1193" s="10"/>
      <c r="OCZ1193" s="10"/>
      <c r="ODA1193" s="10"/>
      <c r="ODB1193" s="10"/>
      <c r="ODC1193" s="10"/>
      <c r="ODD1193" s="10"/>
      <c r="ODE1193" s="10"/>
      <c r="ODF1193" s="10"/>
      <c r="ODG1193" s="10"/>
      <c r="ODH1193" s="10"/>
      <c r="ODI1193" s="10"/>
      <c r="ODJ1193" s="10"/>
      <c r="ODK1193" s="10"/>
      <c r="ODL1193" s="10"/>
      <c r="ODM1193" s="10"/>
      <c r="ODN1193" s="10"/>
      <c r="ODO1193" s="10"/>
      <c r="ODP1193" s="10"/>
      <c r="ODQ1193" s="10"/>
      <c r="ODR1193" s="10"/>
      <c r="ODS1193" s="10"/>
      <c r="ODT1193" s="10"/>
      <c r="ODU1193" s="10"/>
      <c r="ODV1193" s="10"/>
      <c r="ODW1193" s="10"/>
      <c r="ODX1193" s="10"/>
      <c r="ODY1193" s="10"/>
      <c r="ODZ1193" s="10"/>
      <c r="OEA1193" s="10"/>
      <c r="OEB1193" s="10"/>
      <c r="OEC1193" s="10"/>
      <c r="OED1193" s="10"/>
      <c r="OEE1193" s="10"/>
      <c r="OEF1193" s="10"/>
      <c r="OEG1193" s="10"/>
      <c r="OEH1193" s="10"/>
      <c r="OEI1193" s="10"/>
      <c r="OEJ1193" s="10"/>
      <c r="OEK1193" s="10"/>
      <c r="OEL1193" s="10"/>
      <c r="OEM1193" s="10"/>
      <c r="OEN1193" s="10"/>
      <c r="OEO1193" s="10"/>
      <c r="OEP1193" s="10"/>
      <c r="OEQ1193" s="10"/>
      <c r="OER1193" s="10"/>
      <c r="OES1193" s="10"/>
      <c r="OET1193" s="10"/>
      <c r="OEU1193" s="10"/>
      <c r="OEV1193" s="10"/>
      <c r="OEW1193" s="10"/>
      <c r="OEX1193" s="10"/>
      <c r="OEY1193" s="10"/>
      <c r="OEZ1193" s="10"/>
      <c r="OFA1193" s="10"/>
      <c r="OFB1193" s="10"/>
      <c r="OFC1193" s="10"/>
      <c r="OFD1193" s="10"/>
      <c r="OFE1193" s="10"/>
      <c r="OFF1193" s="10"/>
      <c r="OFG1193" s="10"/>
      <c r="OFH1193" s="10"/>
      <c r="OFI1193" s="10"/>
      <c r="OFJ1193" s="10"/>
      <c r="OFK1193" s="10"/>
      <c r="OFL1193" s="10"/>
      <c r="OFM1193" s="10"/>
      <c r="OFN1193" s="10"/>
      <c r="OFO1193" s="10"/>
      <c r="OFP1193" s="10"/>
      <c r="OFQ1193" s="10"/>
      <c r="OFR1193" s="10"/>
      <c r="OFS1193" s="10"/>
      <c r="OFT1193" s="10"/>
      <c r="OFU1193" s="10"/>
      <c r="OFV1193" s="10"/>
      <c r="OFW1193" s="10"/>
      <c r="OFX1193" s="10"/>
      <c r="OFY1193" s="10"/>
      <c r="OFZ1193" s="10"/>
      <c r="OGA1193" s="10"/>
      <c r="OGB1193" s="10"/>
      <c r="OGC1193" s="10"/>
      <c r="OGD1193" s="10"/>
      <c r="OGE1193" s="10"/>
      <c r="OGF1193" s="10"/>
      <c r="OGG1193" s="10"/>
      <c r="OGH1193" s="10"/>
      <c r="OGI1193" s="10"/>
      <c r="OGJ1193" s="10"/>
      <c r="OGK1193" s="10"/>
      <c r="OGL1193" s="10"/>
      <c r="OGM1193" s="10"/>
      <c r="OGN1193" s="10"/>
      <c r="OGO1193" s="10"/>
      <c r="OGP1193" s="10"/>
      <c r="OGQ1193" s="10"/>
      <c r="OGR1193" s="10"/>
      <c r="OGS1193" s="10"/>
      <c r="OGT1193" s="10"/>
      <c r="OGU1193" s="10"/>
      <c r="OGV1193" s="10"/>
      <c r="OGW1193" s="10"/>
      <c r="OGX1193" s="10"/>
      <c r="OGY1193" s="10"/>
      <c r="OGZ1193" s="10"/>
      <c r="OHA1193" s="10"/>
      <c r="OHB1193" s="10"/>
      <c r="OHC1193" s="10"/>
      <c r="OHD1193" s="10"/>
      <c r="OHE1193" s="10"/>
      <c r="OHF1193" s="10"/>
      <c r="OHG1193" s="10"/>
      <c r="OHH1193" s="10"/>
      <c r="OHI1193" s="10"/>
      <c r="OHJ1193" s="10"/>
      <c r="OHK1193" s="10"/>
      <c r="OHL1193" s="10"/>
      <c r="OHM1193" s="10"/>
      <c r="OHN1193" s="10"/>
      <c r="OHO1193" s="10"/>
      <c r="OHP1193" s="10"/>
      <c r="OHQ1193" s="10"/>
      <c r="OHR1193" s="10"/>
      <c r="OHS1193" s="10"/>
      <c r="OHT1193" s="10"/>
      <c r="OHU1193" s="10"/>
      <c r="OHV1193" s="10"/>
      <c r="OHW1193" s="10"/>
      <c r="OHX1193" s="10"/>
      <c r="OHY1193" s="10"/>
      <c r="OHZ1193" s="10"/>
      <c r="OIA1193" s="10"/>
      <c r="OIB1193" s="10"/>
      <c r="OIC1193" s="10"/>
      <c r="OID1193" s="10"/>
      <c r="OIE1193" s="10"/>
      <c r="OIF1193" s="10"/>
      <c r="OIG1193" s="10"/>
      <c r="OIH1193" s="10"/>
      <c r="OII1193" s="10"/>
      <c r="OIJ1193" s="10"/>
      <c r="OIK1193" s="10"/>
      <c r="OIL1193" s="10"/>
      <c r="OIM1193" s="10"/>
      <c r="OIN1193" s="10"/>
      <c r="OIO1193" s="10"/>
      <c r="OIP1193" s="10"/>
      <c r="OIQ1193" s="10"/>
      <c r="OIR1193" s="10"/>
      <c r="OIS1193" s="10"/>
      <c r="OIT1193" s="10"/>
      <c r="OIU1193" s="10"/>
      <c r="OIV1193" s="10"/>
      <c r="OIW1193" s="10"/>
      <c r="OIX1193" s="10"/>
      <c r="OIY1193" s="10"/>
      <c r="OIZ1193" s="10"/>
      <c r="OJA1193" s="10"/>
      <c r="OJB1193" s="10"/>
      <c r="OJC1193" s="10"/>
      <c r="OJD1193" s="10"/>
      <c r="OJE1193" s="10"/>
      <c r="OJF1193" s="10"/>
      <c r="OJG1193" s="10"/>
      <c r="OJH1193" s="10"/>
      <c r="OJI1193" s="10"/>
      <c r="OJJ1193" s="10"/>
      <c r="OJK1193" s="10"/>
      <c r="OJL1193" s="10"/>
      <c r="OJM1193" s="10"/>
      <c r="OJN1193" s="10"/>
      <c r="OJO1193" s="10"/>
      <c r="OJP1193" s="10"/>
      <c r="OJQ1193" s="10"/>
      <c r="OJR1193" s="10"/>
      <c r="OJS1193" s="10"/>
      <c r="OJT1193" s="10"/>
      <c r="OJU1193" s="10"/>
      <c r="OJV1193" s="10"/>
      <c r="OJW1193" s="10"/>
      <c r="OJX1193" s="10"/>
      <c r="OJY1193" s="10"/>
      <c r="OJZ1193" s="10"/>
      <c r="OKA1193" s="10"/>
      <c r="OKB1193" s="10"/>
      <c r="OKC1193" s="10"/>
      <c r="OKD1193" s="10"/>
      <c r="OKE1193" s="10"/>
      <c r="OKF1193" s="10"/>
      <c r="OKG1193" s="10"/>
      <c r="OKH1193" s="10"/>
      <c r="OKI1193" s="10"/>
      <c r="OKJ1193" s="10"/>
      <c r="OKK1193" s="10"/>
      <c r="OKL1193" s="10"/>
      <c r="OKM1193" s="10"/>
      <c r="OKN1193" s="10"/>
      <c r="OKO1193" s="10"/>
      <c r="OKP1193" s="10"/>
      <c r="OKQ1193" s="10"/>
      <c r="OKR1193" s="10"/>
      <c r="OKS1193" s="10"/>
      <c r="OKT1193" s="10"/>
      <c r="OKU1193" s="10"/>
      <c r="OKV1193" s="10"/>
      <c r="OKW1193" s="10"/>
      <c r="OKX1193" s="10"/>
      <c r="OKY1193" s="10"/>
      <c r="OKZ1193" s="10"/>
      <c r="OLA1193" s="10"/>
      <c r="OLB1193" s="10"/>
      <c r="OLC1193" s="10"/>
      <c r="OLD1193" s="10"/>
      <c r="OLE1193" s="10"/>
      <c r="OLF1193" s="10"/>
      <c r="OLG1193" s="10"/>
      <c r="OLH1193" s="10"/>
      <c r="OLI1193" s="10"/>
      <c r="OLJ1193" s="10"/>
      <c r="OLK1193" s="10"/>
      <c r="OLL1193" s="10"/>
      <c r="OLM1193" s="10"/>
      <c r="OLN1193" s="10"/>
      <c r="OLO1193" s="10"/>
      <c r="OLP1193" s="10"/>
      <c r="OLQ1193" s="10"/>
      <c r="OLR1193" s="10"/>
      <c r="OLS1193" s="10"/>
      <c r="OLT1193" s="10"/>
      <c r="OLU1193" s="10"/>
      <c r="OLV1193" s="10"/>
      <c r="OLW1193" s="10"/>
      <c r="OLX1193" s="10"/>
      <c r="OLY1193" s="10"/>
      <c r="OLZ1193" s="10"/>
      <c r="OMA1193" s="10"/>
      <c r="OMB1193" s="10"/>
      <c r="OMC1193" s="10"/>
      <c r="OMD1193" s="10"/>
      <c r="OME1193" s="10"/>
      <c r="OMF1193" s="10"/>
      <c r="OMG1193" s="10"/>
      <c r="OMH1193" s="10"/>
      <c r="OMI1193" s="10"/>
      <c r="OMJ1193" s="10"/>
      <c r="OMK1193" s="10"/>
      <c r="OML1193" s="10"/>
      <c r="OMM1193" s="10"/>
      <c r="OMN1193" s="10"/>
      <c r="OMO1193" s="10"/>
      <c r="OMP1193" s="10"/>
      <c r="OMQ1193" s="10"/>
      <c r="OMR1193" s="10"/>
      <c r="OMS1193" s="10"/>
      <c r="OMT1193" s="10"/>
      <c r="OMU1193" s="10"/>
      <c r="OMV1193" s="10"/>
      <c r="OMW1193" s="10"/>
      <c r="OMX1193" s="10"/>
      <c r="OMY1193" s="10"/>
      <c r="OMZ1193" s="10"/>
      <c r="ONA1193" s="10"/>
      <c r="ONB1193" s="10"/>
      <c r="ONC1193" s="10"/>
      <c r="OND1193" s="10"/>
      <c r="ONE1193" s="10"/>
      <c r="ONF1193" s="10"/>
      <c r="ONG1193" s="10"/>
      <c r="ONH1193" s="10"/>
      <c r="ONI1193" s="10"/>
      <c r="ONJ1193" s="10"/>
      <c r="ONK1193" s="10"/>
      <c r="ONL1193" s="10"/>
      <c r="ONM1193" s="10"/>
      <c r="ONN1193" s="10"/>
      <c r="ONO1193" s="10"/>
      <c r="ONP1193" s="10"/>
      <c r="ONQ1193" s="10"/>
      <c r="ONR1193" s="10"/>
      <c r="ONS1193" s="10"/>
      <c r="ONT1193" s="10"/>
      <c r="ONU1193" s="10"/>
      <c r="ONV1193" s="10"/>
      <c r="ONW1193" s="10"/>
      <c r="ONX1193" s="10"/>
      <c r="ONY1193" s="10"/>
      <c r="ONZ1193" s="10"/>
      <c r="OOA1193" s="10"/>
      <c r="OOB1193" s="10"/>
      <c r="OOC1193" s="10"/>
      <c r="OOD1193" s="10"/>
      <c r="OOE1193" s="10"/>
      <c r="OOF1193" s="10"/>
      <c r="OOG1193" s="10"/>
      <c r="OOH1193" s="10"/>
      <c r="OOI1193" s="10"/>
      <c r="OOJ1193" s="10"/>
      <c r="OOK1193" s="10"/>
      <c r="OOL1193" s="10"/>
      <c r="OOM1193" s="10"/>
      <c r="OON1193" s="10"/>
      <c r="OOO1193" s="10"/>
      <c r="OOP1193" s="10"/>
      <c r="OOQ1193" s="10"/>
      <c r="OOR1193" s="10"/>
      <c r="OOS1193" s="10"/>
      <c r="OOT1193" s="10"/>
      <c r="OOU1193" s="10"/>
      <c r="OOV1193" s="10"/>
      <c r="OOW1193" s="10"/>
      <c r="OOX1193" s="10"/>
      <c r="OOY1193" s="10"/>
      <c r="OOZ1193" s="10"/>
      <c r="OPA1193" s="10"/>
      <c r="OPB1193" s="10"/>
      <c r="OPC1193" s="10"/>
      <c r="OPD1193" s="10"/>
      <c r="OPE1193" s="10"/>
      <c r="OPF1193" s="10"/>
      <c r="OPG1193" s="10"/>
      <c r="OPH1193" s="10"/>
      <c r="OPI1193" s="10"/>
      <c r="OPJ1193" s="10"/>
      <c r="OPK1193" s="10"/>
      <c r="OPL1193" s="10"/>
      <c r="OPM1193" s="10"/>
      <c r="OPN1193" s="10"/>
      <c r="OPO1193" s="10"/>
      <c r="OPP1193" s="10"/>
      <c r="OPQ1193" s="10"/>
      <c r="OPR1193" s="10"/>
      <c r="OPS1193" s="10"/>
      <c r="OPT1193" s="10"/>
      <c r="OPU1193" s="10"/>
      <c r="OPV1193" s="10"/>
      <c r="OPW1193" s="10"/>
      <c r="OPX1193" s="10"/>
      <c r="OPY1193" s="10"/>
      <c r="OPZ1193" s="10"/>
      <c r="OQA1193" s="10"/>
      <c r="OQB1193" s="10"/>
      <c r="OQC1193" s="10"/>
      <c r="OQD1193" s="10"/>
      <c r="OQE1193" s="10"/>
      <c r="OQF1193" s="10"/>
      <c r="OQG1193" s="10"/>
      <c r="OQH1193" s="10"/>
      <c r="OQI1193" s="10"/>
      <c r="OQJ1193" s="10"/>
      <c r="OQK1193" s="10"/>
      <c r="OQL1193" s="10"/>
      <c r="OQM1193" s="10"/>
      <c r="OQN1193" s="10"/>
      <c r="OQO1193" s="10"/>
      <c r="OQP1193" s="10"/>
      <c r="OQQ1193" s="10"/>
      <c r="OQR1193" s="10"/>
      <c r="OQS1193" s="10"/>
      <c r="OQT1193" s="10"/>
      <c r="OQU1193" s="10"/>
      <c r="OQV1193" s="10"/>
      <c r="OQW1193" s="10"/>
      <c r="OQX1193" s="10"/>
      <c r="OQY1193" s="10"/>
      <c r="OQZ1193" s="10"/>
      <c r="ORA1193" s="10"/>
      <c r="ORB1193" s="10"/>
      <c r="ORC1193" s="10"/>
      <c r="ORD1193" s="10"/>
      <c r="ORE1193" s="10"/>
      <c r="ORF1193" s="10"/>
      <c r="ORG1193" s="10"/>
      <c r="ORH1193" s="10"/>
      <c r="ORI1193" s="10"/>
      <c r="ORJ1193" s="10"/>
      <c r="ORK1193" s="10"/>
      <c r="ORL1193" s="10"/>
      <c r="ORM1193" s="10"/>
      <c r="ORN1193" s="10"/>
      <c r="ORO1193" s="10"/>
      <c r="ORP1193" s="10"/>
      <c r="ORQ1193" s="10"/>
      <c r="ORR1193" s="10"/>
      <c r="ORS1193" s="10"/>
      <c r="ORT1193" s="10"/>
      <c r="ORU1193" s="10"/>
      <c r="ORV1193" s="10"/>
      <c r="ORW1193" s="10"/>
      <c r="ORX1193" s="10"/>
      <c r="ORY1193" s="10"/>
      <c r="ORZ1193" s="10"/>
      <c r="OSA1193" s="10"/>
      <c r="OSB1193" s="10"/>
      <c r="OSC1193" s="10"/>
      <c r="OSD1193" s="10"/>
      <c r="OSE1193" s="10"/>
      <c r="OSF1193" s="10"/>
      <c r="OSG1193" s="10"/>
      <c r="OSH1193" s="10"/>
      <c r="OSI1193" s="10"/>
      <c r="OSJ1193" s="10"/>
      <c r="OSK1193" s="10"/>
      <c r="OSL1193" s="10"/>
      <c r="OSM1193" s="10"/>
      <c r="OSN1193" s="10"/>
      <c r="OSO1193" s="10"/>
      <c r="OSP1193" s="10"/>
      <c r="OSQ1193" s="10"/>
      <c r="OSR1193" s="10"/>
      <c r="OSS1193" s="10"/>
      <c r="OST1193" s="10"/>
      <c r="OSU1193" s="10"/>
      <c r="OSV1193" s="10"/>
      <c r="OSW1193" s="10"/>
      <c r="OSX1193" s="10"/>
      <c r="OSY1193" s="10"/>
      <c r="OSZ1193" s="10"/>
      <c r="OTA1193" s="10"/>
      <c r="OTB1193" s="10"/>
      <c r="OTC1193" s="10"/>
      <c r="OTD1193" s="10"/>
      <c r="OTE1193" s="10"/>
      <c r="OTF1193" s="10"/>
      <c r="OTG1193" s="10"/>
      <c r="OTH1193" s="10"/>
      <c r="OTI1193" s="10"/>
      <c r="OTJ1193" s="10"/>
      <c r="OTK1193" s="10"/>
      <c r="OTL1193" s="10"/>
      <c r="OTM1193" s="10"/>
      <c r="OTN1193" s="10"/>
      <c r="OTO1193" s="10"/>
      <c r="OTP1193" s="10"/>
      <c r="OTQ1193" s="10"/>
      <c r="OTR1193" s="10"/>
      <c r="OTS1193" s="10"/>
      <c r="OTT1193" s="10"/>
      <c r="OTU1193" s="10"/>
      <c r="OTV1193" s="10"/>
      <c r="OTW1193" s="10"/>
      <c r="OTX1193" s="10"/>
      <c r="OTY1193" s="10"/>
      <c r="OTZ1193" s="10"/>
      <c r="OUA1193" s="10"/>
      <c r="OUB1193" s="10"/>
      <c r="OUC1193" s="10"/>
      <c r="OUD1193" s="10"/>
      <c r="OUE1193" s="10"/>
      <c r="OUF1193" s="10"/>
      <c r="OUG1193" s="10"/>
      <c r="OUH1193" s="10"/>
      <c r="OUI1193" s="10"/>
      <c r="OUJ1193" s="10"/>
      <c r="OUK1193" s="10"/>
      <c r="OUL1193" s="10"/>
      <c r="OUM1193" s="10"/>
      <c r="OUN1193" s="10"/>
      <c r="OUO1193" s="10"/>
      <c r="OUP1193" s="10"/>
      <c r="OUQ1193" s="10"/>
      <c r="OUR1193" s="10"/>
      <c r="OUS1193" s="10"/>
      <c r="OUT1193" s="10"/>
      <c r="OUU1193" s="10"/>
      <c r="OUV1193" s="10"/>
      <c r="OUW1193" s="10"/>
      <c r="OUX1193" s="10"/>
      <c r="OUY1193" s="10"/>
      <c r="OUZ1193" s="10"/>
      <c r="OVA1193" s="10"/>
      <c r="OVB1193" s="10"/>
      <c r="OVC1193" s="10"/>
      <c r="OVD1193" s="10"/>
      <c r="OVE1193" s="10"/>
      <c r="OVF1193" s="10"/>
      <c r="OVG1193" s="10"/>
      <c r="OVH1193" s="10"/>
      <c r="OVI1193" s="10"/>
      <c r="OVJ1193" s="10"/>
      <c r="OVK1193" s="10"/>
      <c r="OVL1193" s="10"/>
      <c r="OVM1193" s="10"/>
      <c r="OVN1193" s="10"/>
      <c r="OVO1193" s="10"/>
      <c r="OVP1193" s="10"/>
      <c r="OVQ1193" s="10"/>
      <c r="OVR1193" s="10"/>
      <c r="OVS1193" s="10"/>
      <c r="OVT1193" s="10"/>
      <c r="OVU1193" s="10"/>
      <c r="OVV1193" s="10"/>
      <c r="OVW1193" s="10"/>
      <c r="OVX1193" s="10"/>
      <c r="OVY1193" s="10"/>
      <c r="OVZ1193" s="10"/>
      <c r="OWA1193" s="10"/>
      <c r="OWB1193" s="10"/>
      <c r="OWC1193" s="10"/>
      <c r="OWD1193" s="10"/>
      <c r="OWE1193" s="10"/>
      <c r="OWF1193" s="10"/>
      <c r="OWG1193" s="10"/>
      <c r="OWH1193" s="10"/>
      <c r="OWI1193" s="10"/>
      <c r="OWJ1193" s="10"/>
      <c r="OWK1193" s="10"/>
      <c r="OWL1193" s="10"/>
      <c r="OWM1193" s="10"/>
      <c r="OWN1193" s="10"/>
      <c r="OWO1193" s="10"/>
      <c r="OWP1193" s="10"/>
      <c r="OWQ1193" s="10"/>
      <c r="OWR1193" s="10"/>
      <c r="OWS1193" s="10"/>
      <c r="OWT1193" s="10"/>
      <c r="OWU1193" s="10"/>
      <c r="OWV1193" s="10"/>
      <c r="OWW1193" s="10"/>
      <c r="OWX1193" s="10"/>
      <c r="OWY1193" s="10"/>
      <c r="OWZ1193" s="10"/>
      <c r="OXA1193" s="10"/>
      <c r="OXB1193" s="10"/>
      <c r="OXC1193" s="10"/>
      <c r="OXD1193" s="10"/>
      <c r="OXE1193" s="10"/>
      <c r="OXF1193" s="10"/>
      <c r="OXG1193" s="10"/>
      <c r="OXH1193" s="10"/>
      <c r="OXI1193" s="10"/>
      <c r="OXJ1193" s="10"/>
      <c r="OXK1193" s="10"/>
      <c r="OXL1193" s="10"/>
      <c r="OXM1193" s="10"/>
      <c r="OXN1193" s="10"/>
      <c r="OXO1193" s="10"/>
      <c r="OXP1193" s="10"/>
      <c r="OXQ1193" s="10"/>
      <c r="OXR1193" s="10"/>
      <c r="OXS1193" s="10"/>
      <c r="OXT1193" s="10"/>
      <c r="OXU1193" s="10"/>
      <c r="OXV1193" s="10"/>
      <c r="OXW1193" s="10"/>
      <c r="OXX1193" s="10"/>
      <c r="OXY1193" s="10"/>
      <c r="OXZ1193" s="10"/>
      <c r="OYA1193" s="10"/>
      <c r="OYB1193" s="10"/>
      <c r="OYC1193" s="10"/>
      <c r="OYD1193" s="10"/>
      <c r="OYE1193" s="10"/>
      <c r="OYF1193" s="10"/>
      <c r="OYG1193" s="10"/>
      <c r="OYH1193" s="10"/>
      <c r="OYI1193" s="10"/>
      <c r="OYJ1193" s="10"/>
      <c r="OYK1193" s="10"/>
      <c r="OYL1193" s="10"/>
      <c r="OYM1193" s="10"/>
      <c r="OYN1193" s="10"/>
      <c r="OYO1193" s="10"/>
      <c r="OYP1193" s="10"/>
      <c r="OYQ1193" s="10"/>
      <c r="OYR1193" s="10"/>
      <c r="OYS1193" s="10"/>
      <c r="OYT1193" s="10"/>
      <c r="OYU1193" s="10"/>
      <c r="OYV1193" s="10"/>
      <c r="OYW1193" s="10"/>
      <c r="OYX1193" s="10"/>
      <c r="OYY1193" s="10"/>
      <c r="OYZ1193" s="10"/>
      <c r="OZA1193" s="10"/>
      <c r="OZB1193" s="10"/>
      <c r="OZC1193" s="10"/>
      <c r="OZD1193" s="10"/>
      <c r="OZE1193" s="10"/>
      <c r="OZF1193" s="10"/>
      <c r="OZG1193" s="10"/>
      <c r="OZH1193" s="10"/>
      <c r="OZI1193" s="10"/>
      <c r="OZJ1193" s="10"/>
      <c r="OZK1193" s="10"/>
      <c r="OZL1193" s="10"/>
      <c r="OZM1193" s="10"/>
      <c r="OZN1193" s="10"/>
      <c r="OZO1193" s="10"/>
      <c r="OZP1193" s="10"/>
      <c r="OZQ1193" s="10"/>
      <c r="OZR1193" s="10"/>
      <c r="OZS1193" s="10"/>
      <c r="OZT1193" s="10"/>
      <c r="OZU1193" s="10"/>
      <c r="OZV1193" s="10"/>
      <c r="OZW1193" s="10"/>
      <c r="OZX1193" s="10"/>
      <c r="OZY1193" s="10"/>
      <c r="OZZ1193" s="10"/>
      <c r="PAA1193" s="10"/>
      <c r="PAB1193" s="10"/>
      <c r="PAC1193" s="10"/>
      <c r="PAD1193" s="10"/>
      <c r="PAE1193" s="10"/>
      <c r="PAF1193" s="10"/>
      <c r="PAG1193" s="10"/>
      <c r="PAH1193" s="10"/>
      <c r="PAI1193" s="10"/>
      <c r="PAJ1193" s="10"/>
      <c r="PAK1193" s="10"/>
      <c r="PAL1193" s="10"/>
      <c r="PAM1193" s="10"/>
      <c r="PAN1193" s="10"/>
      <c r="PAO1193" s="10"/>
      <c r="PAP1193" s="10"/>
      <c r="PAQ1193" s="10"/>
      <c r="PAR1193" s="10"/>
      <c r="PAS1193" s="10"/>
      <c r="PAT1193" s="10"/>
      <c r="PAU1193" s="10"/>
      <c r="PAV1193" s="10"/>
      <c r="PAW1193" s="10"/>
      <c r="PAX1193" s="10"/>
      <c r="PAY1193" s="10"/>
      <c r="PAZ1193" s="10"/>
      <c r="PBA1193" s="10"/>
      <c r="PBB1193" s="10"/>
      <c r="PBC1193" s="10"/>
      <c r="PBD1193" s="10"/>
      <c r="PBE1193" s="10"/>
      <c r="PBF1193" s="10"/>
      <c r="PBG1193" s="10"/>
      <c r="PBH1193" s="10"/>
      <c r="PBI1193" s="10"/>
      <c r="PBJ1193" s="10"/>
      <c r="PBK1193" s="10"/>
      <c r="PBL1193" s="10"/>
      <c r="PBM1193" s="10"/>
      <c r="PBN1193" s="10"/>
      <c r="PBO1193" s="10"/>
      <c r="PBP1193" s="10"/>
      <c r="PBQ1193" s="10"/>
      <c r="PBR1193" s="10"/>
      <c r="PBS1193" s="10"/>
      <c r="PBT1193" s="10"/>
      <c r="PBU1193" s="10"/>
      <c r="PBV1193" s="10"/>
      <c r="PBW1193" s="10"/>
      <c r="PBX1193" s="10"/>
      <c r="PBY1193" s="10"/>
      <c r="PBZ1193" s="10"/>
      <c r="PCA1193" s="10"/>
      <c r="PCB1193" s="10"/>
      <c r="PCC1193" s="10"/>
      <c r="PCD1193" s="10"/>
      <c r="PCE1193" s="10"/>
      <c r="PCF1193" s="10"/>
      <c r="PCG1193" s="10"/>
      <c r="PCH1193" s="10"/>
      <c r="PCI1193" s="10"/>
      <c r="PCJ1193" s="10"/>
      <c r="PCK1193" s="10"/>
      <c r="PCL1193" s="10"/>
      <c r="PCM1193" s="10"/>
      <c r="PCN1193" s="10"/>
      <c r="PCO1193" s="10"/>
      <c r="PCP1193" s="10"/>
      <c r="PCQ1193" s="10"/>
      <c r="PCR1193" s="10"/>
      <c r="PCS1193" s="10"/>
      <c r="PCT1193" s="10"/>
      <c r="PCU1193" s="10"/>
      <c r="PCV1193" s="10"/>
      <c r="PCW1193" s="10"/>
      <c r="PCX1193" s="10"/>
      <c r="PCY1193" s="10"/>
      <c r="PCZ1193" s="10"/>
      <c r="PDA1193" s="10"/>
      <c r="PDB1193" s="10"/>
      <c r="PDC1193" s="10"/>
      <c r="PDD1193" s="10"/>
      <c r="PDE1193" s="10"/>
      <c r="PDF1193" s="10"/>
      <c r="PDG1193" s="10"/>
      <c r="PDH1193" s="10"/>
      <c r="PDI1193" s="10"/>
      <c r="PDJ1193" s="10"/>
      <c r="PDK1193" s="10"/>
      <c r="PDL1193" s="10"/>
      <c r="PDM1193" s="10"/>
      <c r="PDN1193" s="10"/>
      <c r="PDO1193" s="10"/>
      <c r="PDP1193" s="10"/>
      <c r="PDQ1193" s="10"/>
      <c r="PDR1193" s="10"/>
      <c r="PDS1193" s="10"/>
      <c r="PDT1193" s="10"/>
      <c r="PDU1193" s="10"/>
      <c r="PDV1193" s="10"/>
      <c r="PDW1193" s="10"/>
      <c r="PDX1193" s="10"/>
      <c r="PDY1193" s="10"/>
      <c r="PDZ1193" s="10"/>
      <c r="PEA1193" s="10"/>
      <c r="PEB1193" s="10"/>
      <c r="PEC1193" s="10"/>
      <c r="PED1193" s="10"/>
      <c r="PEE1193" s="10"/>
      <c r="PEF1193" s="10"/>
      <c r="PEG1193" s="10"/>
      <c r="PEH1193" s="10"/>
      <c r="PEI1193" s="10"/>
      <c r="PEJ1193" s="10"/>
      <c r="PEK1193" s="10"/>
      <c r="PEL1193" s="10"/>
      <c r="PEM1193" s="10"/>
      <c r="PEN1193" s="10"/>
      <c r="PEO1193" s="10"/>
      <c r="PEP1193" s="10"/>
      <c r="PEQ1193" s="10"/>
      <c r="PER1193" s="10"/>
      <c r="PES1193" s="10"/>
      <c r="PET1193" s="10"/>
      <c r="PEU1193" s="10"/>
      <c r="PEV1193" s="10"/>
      <c r="PEW1193" s="10"/>
      <c r="PEX1193" s="10"/>
      <c r="PEY1193" s="10"/>
      <c r="PEZ1193" s="10"/>
      <c r="PFA1193" s="10"/>
      <c r="PFB1193" s="10"/>
      <c r="PFC1193" s="10"/>
      <c r="PFD1193" s="10"/>
      <c r="PFE1193" s="10"/>
      <c r="PFF1193" s="10"/>
      <c r="PFG1193" s="10"/>
      <c r="PFH1193" s="10"/>
      <c r="PFI1193" s="10"/>
      <c r="PFJ1193" s="10"/>
      <c r="PFK1193" s="10"/>
      <c r="PFL1193" s="10"/>
      <c r="PFM1193" s="10"/>
      <c r="PFN1193" s="10"/>
      <c r="PFO1193" s="10"/>
      <c r="PFP1193" s="10"/>
      <c r="PFQ1193" s="10"/>
      <c r="PFR1193" s="10"/>
      <c r="PFS1193" s="10"/>
      <c r="PFT1193" s="10"/>
      <c r="PFU1193" s="10"/>
      <c r="PFV1193" s="10"/>
      <c r="PFW1193" s="10"/>
      <c r="PFX1193" s="10"/>
      <c r="PFY1193" s="10"/>
      <c r="PFZ1193" s="10"/>
      <c r="PGA1193" s="10"/>
      <c r="PGB1193" s="10"/>
      <c r="PGC1193" s="10"/>
      <c r="PGD1193" s="10"/>
      <c r="PGE1193" s="10"/>
      <c r="PGF1193" s="10"/>
      <c r="PGG1193" s="10"/>
      <c r="PGH1193" s="10"/>
      <c r="PGI1193" s="10"/>
      <c r="PGJ1193" s="10"/>
      <c r="PGK1193" s="10"/>
      <c r="PGL1193" s="10"/>
      <c r="PGM1193" s="10"/>
      <c r="PGN1193" s="10"/>
      <c r="PGO1193" s="10"/>
      <c r="PGP1193" s="10"/>
      <c r="PGQ1193" s="10"/>
      <c r="PGR1193" s="10"/>
      <c r="PGS1193" s="10"/>
      <c r="PGT1193" s="10"/>
      <c r="PGU1193" s="10"/>
      <c r="PGV1193" s="10"/>
      <c r="PGW1193" s="10"/>
      <c r="PGX1193" s="10"/>
      <c r="PGY1193" s="10"/>
      <c r="PGZ1193" s="10"/>
      <c r="PHA1193" s="10"/>
      <c r="PHB1193" s="10"/>
      <c r="PHC1193" s="10"/>
      <c r="PHD1193" s="10"/>
      <c r="PHE1193" s="10"/>
      <c r="PHF1193" s="10"/>
      <c r="PHG1193" s="10"/>
      <c r="PHH1193" s="10"/>
      <c r="PHI1193" s="10"/>
      <c r="PHJ1193" s="10"/>
      <c r="PHK1193" s="10"/>
      <c r="PHL1193" s="10"/>
      <c r="PHM1193" s="10"/>
      <c r="PHN1193" s="10"/>
      <c r="PHO1193" s="10"/>
      <c r="PHP1193" s="10"/>
      <c r="PHQ1193" s="10"/>
      <c r="PHR1193" s="10"/>
      <c r="PHS1193" s="10"/>
      <c r="PHT1193" s="10"/>
      <c r="PHU1193" s="10"/>
      <c r="PHV1193" s="10"/>
      <c r="PHW1193" s="10"/>
      <c r="PHX1193" s="10"/>
      <c r="PHY1193" s="10"/>
      <c r="PHZ1193" s="10"/>
      <c r="PIA1193" s="10"/>
      <c r="PIB1193" s="10"/>
      <c r="PIC1193" s="10"/>
      <c r="PID1193" s="10"/>
      <c r="PIE1193" s="10"/>
      <c r="PIF1193" s="10"/>
      <c r="PIG1193" s="10"/>
      <c r="PIH1193" s="10"/>
      <c r="PII1193" s="10"/>
      <c r="PIJ1193" s="10"/>
      <c r="PIK1193" s="10"/>
      <c r="PIL1193" s="10"/>
      <c r="PIM1193" s="10"/>
      <c r="PIN1193" s="10"/>
      <c r="PIO1193" s="10"/>
      <c r="PIP1193" s="10"/>
      <c r="PIQ1193" s="10"/>
      <c r="PIR1193" s="10"/>
      <c r="PIS1193" s="10"/>
      <c r="PIT1193" s="10"/>
      <c r="PIU1193" s="10"/>
      <c r="PIV1193" s="10"/>
      <c r="PIW1193" s="10"/>
      <c r="PIX1193" s="10"/>
      <c r="PIY1193" s="10"/>
      <c r="PIZ1193" s="10"/>
      <c r="PJA1193" s="10"/>
      <c r="PJB1193" s="10"/>
      <c r="PJC1193" s="10"/>
      <c r="PJD1193" s="10"/>
      <c r="PJE1193" s="10"/>
      <c r="PJF1193" s="10"/>
      <c r="PJG1193" s="10"/>
      <c r="PJH1193" s="10"/>
      <c r="PJI1193" s="10"/>
      <c r="PJJ1193" s="10"/>
      <c r="PJK1193" s="10"/>
      <c r="PJL1193" s="10"/>
      <c r="PJM1193" s="10"/>
      <c r="PJN1193" s="10"/>
      <c r="PJO1193" s="10"/>
      <c r="PJP1193" s="10"/>
      <c r="PJQ1193" s="10"/>
      <c r="PJR1193" s="10"/>
      <c r="PJS1193" s="10"/>
      <c r="PJT1193" s="10"/>
      <c r="PJU1193" s="10"/>
      <c r="PJV1193" s="10"/>
      <c r="PJW1193" s="10"/>
      <c r="PJX1193" s="10"/>
      <c r="PJY1193" s="10"/>
      <c r="PJZ1193" s="10"/>
      <c r="PKA1193" s="10"/>
      <c r="PKB1193" s="10"/>
      <c r="PKC1193" s="10"/>
      <c r="PKD1193" s="10"/>
      <c r="PKE1193" s="10"/>
      <c r="PKF1193" s="10"/>
      <c r="PKG1193" s="10"/>
      <c r="PKH1193" s="10"/>
      <c r="PKI1193" s="10"/>
      <c r="PKJ1193" s="10"/>
      <c r="PKK1193" s="10"/>
      <c r="PKL1193" s="10"/>
      <c r="PKM1193" s="10"/>
      <c r="PKN1193" s="10"/>
      <c r="PKO1193" s="10"/>
      <c r="PKP1193" s="10"/>
      <c r="PKQ1193" s="10"/>
      <c r="PKR1193" s="10"/>
      <c r="PKS1193" s="10"/>
      <c r="PKT1193" s="10"/>
      <c r="PKU1193" s="10"/>
      <c r="PKV1193" s="10"/>
      <c r="PKW1193" s="10"/>
      <c r="PKX1193" s="10"/>
      <c r="PKY1193" s="10"/>
      <c r="PKZ1193" s="10"/>
      <c r="PLA1193" s="10"/>
      <c r="PLB1193" s="10"/>
      <c r="PLC1193" s="10"/>
      <c r="PLD1193" s="10"/>
      <c r="PLE1193" s="10"/>
      <c r="PLF1193" s="10"/>
      <c r="PLG1193" s="10"/>
      <c r="PLH1193" s="10"/>
      <c r="PLI1193" s="10"/>
      <c r="PLJ1193" s="10"/>
      <c r="PLK1193" s="10"/>
      <c r="PLL1193" s="10"/>
      <c r="PLM1193" s="10"/>
      <c r="PLN1193" s="10"/>
      <c r="PLO1193" s="10"/>
      <c r="PLP1193" s="10"/>
      <c r="PLQ1193" s="10"/>
      <c r="PLR1193" s="10"/>
      <c r="PLS1193" s="10"/>
      <c r="PLT1193" s="10"/>
      <c r="PLU1193" s="10"/>
      <c r="PLV1193" s="10"/>
      <c r="PLW1193" s="10"/>
      <c r="PLX1193" s="10"/>
      <c r="PLY1193" s="10"/>
      <c r="PLZ1193" s="10"/>
      <c r="PMA1193" s="10"/>
      <c r="PMB1193" s="10"/>
      <c r="PMC1193" s="10"/>
      <c r="PMD1193" s="10"/>
      <c r="PME1193" s="10"/>
      <c r="PMF1193" s="10"/>
      <c r="PMG1193" s="10"/>
      <c r="PMH1193" s="10"/>
      <c r="PMI1193" s="10"/>
      <c r="PMJ1193" s="10"/>
      <c r="PMK1193" s="10"/>
      <c r="PML1193" s="10"/>
      <c r="PMM1193" s="10"/>
      <c r="PMN1193" s="10"/>
      <c r="PMO1193" s="10"/>
      <c r="PMP1193" s="10"/>
      <c r="PMQ1193" s="10"/>
      <c r="PMR1193" s="10"/>
      <c r="PMS1193" s="10"/>
      <c r="PMT1193" s="10"/>
      <c r="PMU1193" s="10"/>
      <c r="PMV1193" s="10"/>
      <c r="PMW1193" s="10"/>
      <c r="PMX1193" s="10"/>
      <c r="PMY1193" s="10"/>
      <c r="PMZ1193" s="10"/>
      <c r="PNA1193" s="10"/>
      <c r="PNB1193" s="10"/>
      <c r="PNC1193" s="10"/>
      <c r="PND1193" s="10"/>
      <c r="PNE1193" s="10"/>
      <c r="PNF1193" s="10"/>
      <c r="PNG1193" s="10"/>
      <c r="PNH1193" s="10"/>
      <c r="PNI1193" s="10"/>
      <c r="PNJ1193" s="10"/>
      <c r="PNK1193" s="10"/>
      <c r="PNL1193" s="10"/>
      <c r="PNM1193" s="10"/>
      <c r="PNN1193" s="10"/>
      <c r="PNO1193" s="10"/>
      <c r="PNP1193" s="10"/>
      <c r="PNQ1193" s="10"/>
      <c r="PNR1193" s="10"/>
      <c r="PNS1193" s="10"/>
      <c r="PNT1193" s="10"/>
      <c r="PNU1193" s="10"/>
      <c r="PNV1193" s="10"/>
      <c r="PNW1193" s="10"/>
      <c r="PNX1193" s="10"/>
      <c r="PNY1193" s="10"/>
      <c r="PNZ1193" s="10"/>
      <c r="POA1193" s="10"/>
      <c r="POB1193" s="10"/>
      <c r="POC1193" s="10"/>
      <c r="POD1193" s="10"/>
      <c r="POE1193" s="10"/>
      <c r="POF1193" s="10"/>
      <c r="POG1193" s="10"/>
      <c r="POH1193" s="10"/>
      <c r="POI1193" s="10"/>
      <c r="POJ1193" s="10"/>
      <c r="POK1193" s="10"/>
      <c r="POL1193" s="10"/>
      <c r="POM1193" s="10"/>
      <c r="PON1193" s="10"/>
      <c r="POO1193" s="10"/>
      <c r="POP1193" s="10"/>
      <c r="POQ1193" s="10"/>
      <c r="POR1193" s="10"/>
      <c r="POS1193" s="10"/>
      <c r="POT1193" s="10"/>
      <c r="POU1193" s="10"/>
      <c r="POV1193" s="10"/>
      <c r="POW1193" s="10"/>
      <c r="POX1193" s="10"/>
      <c r="POY1193" s="10"/>
      <c r="POZ1193" s="10"/>
      <c r="PPA1193" s="10"/>
      <c r="PPB1193" s="10"/>
      <c r="PPC1193" s="10"/>
      <c r="PPD1193" s="10"/>
      <c r="PPE1193" s="10"/>
      <c r="PPF1193" s="10"/>
      <c r="PPG1193" s="10"/>
      <c r="PPH1193" s="10"/>
      <c r="PPI1193" s="10"/>
      <c r="PPJ1193" s="10"/>
      <c r="PPK1193" s="10"/>
      <c r="PPL1193" s="10"/>
      <c r="PPM1193" s="10"/>
      <c r="PPN1193" s="10"/>
      <c r="PPO1193" s="10"/>
      <c r="PPP1193" s="10"/>
      <c r="PPQ1193" s="10"/>
      <c r="PPR1193" s="10"/>
      <c r="PPS1193" s="10"/>
      <c r="PPT1193" s="10"/>
      <c r="PPU1193" s="10"/>
      <c r="PPV1193" s="10"/>
      <c r="PPW1193" s="10"/>
      <c r="PPX1193" s="10"/>
      <c r="PPY1193" s="10"/>
      <c r="PPZ1193" s="10"/>
      <c r="PQA1193" s="10"/>
      <c r="PQB1193" s="10"/>
      <c r="PQC1193" s="10"/>
      <c r="PQD1193" s="10"/>
      <c r="PQE1193" s="10"/>
      <c r="PQF1193" s="10"/>
      <c r="PQG1193" s="10"/>
      <c r="PQH1193" s="10"/>
      <c r="PQI1193" s="10"/>
      <c r="PQJ1193" s="10"/>
      <c r="PQK1193" s="10"/>
      <c r="PQL1193" s="10"/>
      <c r="PQM1193" s="10"/>
      <c r="PQN1193" s="10"/>
      <c r="PQO1193" s="10"/>
      <c r="PQP1193" s="10"/>
      <c r="PQQ1193" s="10"/>
      <c r="PQR1193" s="10"/>
      <c r="PQS1193" s="10"/>
      <c r="PQT1193" s="10"/>
      <c r="PQU1193" s="10"/>
      <c r="PQV1193" s="10"/>
      <c r="PQW1193" s="10"/>
      <c r="PQX1193" s="10"/>
      <c r="PQY1193" s="10"/>
      <c r="PQZ1193" s="10"/>
      <c r="PRA1193" s="10"/>
      <c r="PRB1193" s="10"/>
      <c r="PRC1193" s="10"/>
      <c r="PRD1193" s="10"/>
      <c r="PRE1193" s="10"/>
      <c r="PRF1193" s="10"/>
      <c r="PRG1193" s="10"/>
      <c r="PRH1193" s="10"/>
      <c r="PRI1193" s="10"/>
      <c r="PRJ1193" s="10"/>
      <c r="PRK1193" s="10"/>
      <c r="PRL1193" s="10"/>
      <c r="PRM1193" s="10"/>
      <c r="PRN1193" s="10"/>
      <c r="PRO1193" s="10"/>
      <c r="PRP1193" s="10"/>
      <c r="PRQ1193" s="10"/>
      <c r="PRR1193" s="10"/>
      <c r="PRS1193" s="10"/>
      <c r="PRT1193" s="10"/>
      <c r="PRU1193" s="10"/>
      <c r="PRV1193" s="10"/>
      <c r="PRW1193" s="10"/>
      <c r="PRX1193" s="10"/>
      <c r="PRY1193" s="10"/>
      <c r="PRZ1193" s="10"/>
      <c r="PSA1193" s="10"/>
      <c r="PSB1193" s="10"/>
      <c r="PSC1193" s="10"/>
      <c r="PSD1193" s="10"/>
      <c r="PSE1193" s="10"/>
      <c r="PSF1193" s="10"/>
      <c r="PSG1193" s="10"/>
      <c r="PSH1193" s="10"/>
      <c r="PSI1193" s="10"/>
      <c r="PSJ1193" s="10"/>
      <c r="PSK1193" s="10"/>
      <c r="PSL1193" s="10"/>
      <c r="PSM1193" s="10"/>
      <c r="PSN1193" s="10"/>
      <c r="PSO1193" s="10"/>
      <c r="PSP1193" s="10"/>
      <c r="PSQ1193" s="10"/>
      <c r="PSR1193" s="10"/>
      <c r="PSS1193" s="10"/>
      <c r="PST1193" s="10"/>
      <c r="PSU1193" s="10"/>
      <c r="PSV1193" s="10"/>
      <c r="PSW1193" s="10"/>
      <c r="PSX1193" s="10"/>
      <c r="PSY1193" s="10"/>
      <c r="PSZ1193" s="10"/>
      <c r="PTA1193" s="10"/>
      <c r="PTB1193" s="10"/>
      <c r="PTC1193" s="10"/>
      <c r="PTD1193" s="10"/>
      <c r="PTE1193" s="10"/>
      <c r="PTF1193" s="10"/>
      <c r="PTG1193" s="10"/>
      <c r="PTH1193" s="10"/>
      <c r="PTI1193" s="10"/>
      <c r="PTJ1193" s="10"/>
      <c r="PTK1193" s="10"/>
      <c r="PTL1193" s="10"/>
      <c r="PTM1193" s="10"/>
      <c r="PTN1193" s="10"/>
      <c r="PTO1193" s="10"/>
      <c r="PTP1193" s="10"/>
      <c r="PTQ1193" s="10"/>
      <c r="PTR1193" s="10"/>
      <c r="PTS1193" s="10"/>
      <c r="PTT1193" s="10"/>
      <c r="PTU1193" s="10"/>
      <c r="PTV1193" s="10"/>
      <c r="PTW1193" s="10"/>
      <c r="PTX1193" s="10"/>
      <c r="PTY1193" s="10"/>
      <c r="PTZ1193" s="10"/>
      <c r="PUA1193" s="10"/>
      <c r="PUB1193" s="10"/>
      <c r="PUC1193" s="10"/>
      <c r="PUD1193" s="10"/>
      <c r="PUE1193" s="10"/>
      <c r="PUF1193" s="10"/>
      <c r="PUG1193" s="10"/>
      <c r="PUH1193" s="10"/>
      <c r="PUI1193" s="10"/>
      <c r="PUJ1193" s="10"/>
      <c r="PUK1193" s="10"/>
      <c r="PUL1193" s="10"/>
      <c r="PUM1193" s="10"/>
      <c r="PUN1193" s="10"/>
      <c r="PUO1193" s="10"/>
      <c r="PUP1193" s="10"/>
      <c r="PUQ1193" s="10"/>
      <c r="PUR1193" s="10"/>
      <c r="PUS1193" s="10"/>
      <c r="PUT1193" s="10"/>
      <c r="PUU1193" s="10"/>
      <c r="PUV1193" s="10"/>
      <c r="PUW1193" s="10"/>
      <c r="PUX1193" s="10"/>
      <c r="PUY1193" s="10"/>
      <c r="PUZ1193" s="10"/>
      <c r="PVA1193" s="10"/>
      <c r="PVB1193" s="10"/>
      <c r="PVC1193" s="10"/>
      <c r="PVD1193" s="10"/>
      <c r="PVE1193" s="10"/>
      <c r="PVF1193" s="10"/>
      <c r="PVG1193" s="10"/>
      <c r="PVH1193" s="10"/>
      <c r="PVI1193" s="10"/>
      <c r="PVJ1193" s="10"/>
      <c r="PVK1193" s="10"/>
      <c r="PVL1193" s="10"/>
      <c r="PVM1193" s="10"/>
      <c r="PVN1193" s="10"/>
      <c r="PVO1193" s="10"/>
      <c r="PVP1193" s="10"/>
      <c r="PVQ1193" s="10"/>
      <c r="PVR1193" s="10"/>
      <c r="PVS1193" s="10"/>
      <c r="PVT1193" s="10"/>
      <c r="PVU1193" s="10"/>
      <c r="PVV1193" s="10"/>
      <c r="PVW1193" s="10"/>
      <c r="PVX1193" s="10"/>
      <c r="PVY1193" s="10"/>
      <c r="PVZ1193" s="10"/>
      <c r="PWA1193" s="10"/>
      <c r="PWB1193" s="10"/>
      <c r="PWC1193" s="10"/>
      <c r="PWD1193" s="10"/>
      <c r="PWE1193" s="10"/>
      <c r="PWF1193" s="10"/>
      <c r="PWG1193" s="10"/>
      <c r="PWH1193" s="10"/>
      <c r="PWI1193" s="10"/>
      <c r="PWJ1193" s="10"/>
      <c r="PWK1193" s="10"/>
      <c r="PWL1193" s="10"/>
      <c r="PWM1193" s="10"/>
      <c r="PWN1193" s="10"/>
      <c r="PWO1193" s="10"/>
      <c r="PWP1193" s="10"/>
      <c r="PWQ1193" s="10"/>
      <c r="PWR1193" s="10"/>
      <c r="PWS1193" s="10"/>
      <c r="PWT1193" s="10"/>
      <c r="PWU1193" s="10"/>
      <c r="PWV1193" s="10"/>
      <c r="PWW1193" s="10"/>
      <c r="PWX1193" s="10"/>
      <c r="PWY1193" s="10"/>
      <c r="PWZ1193" s="10"/>
      <c r="PXA1193" s="10"/>
      <c r="PXB1193" s="10"/>
      <c r="PXC1193" s="10"/>
      <c r="PXD1193" s="10"/>
      <c r="PXE1193" s="10"/>
      <c r="PXF1193" s="10"/>
      <c r="PXG1193" s="10"/>
      <c r="PXH1193" s="10"/>
      <c r="PXI1193" s="10"/>
      <c r="PXJ1193" s="10"/>
      <c r="PXK1193" s="10"/>
      <c r="PXL1193" s="10"/>
      <c r="PXM1193" s="10"/>
      <c r="PXN1193" s="10"/>
      <c r="PXO1193" s="10"/>
      <c r="PXP1193" s="10"/>
      <c r="PXQ1193" s="10"/>
      <c r="PXR1193" s="10"/>
      <c r="PXS1193" s="10"/>
      <c r="PXT1193" s="10"/>
      <c r="PXU1193" s="10"/>
      <c r="PXV1193" s="10"/>
      <c r="PXW1193" s="10"/>
      <c r="PXX1193" s="10"/>
      <c r="PXY1193" s="10"/>
      <c r="PXZ1193" s="10"/>
      <c r="PYA1193" s="10"/>
      <c r="PYB1193" s="10"/>
      <c r="PYC1193" s="10"/>
      <c r="PYD1193" s="10"/>
      <c r="PYE1193" s="10"/>
      <c r="PYF1193" s="10"/>
      <c r="PYG1193" s="10"/>
      <c r="PYH1193" s="10"/>
      <c r="PYI1193" s="10"/>
      <c r="PYJ1193" s="10"/>
      <c r="PYK1193" s="10"/>
      <c r="PYL1193" s="10"/>
      <c r="PYM1193" s="10"/>
      <c r="PYN1193" s="10"/>
      <c r="PYO1193" s="10"/>
      <c r="PYP1193" s="10"/>
      <c r="PYQ1193" s="10"/>
      <c r="PYR1193" s="10"/>
      <c r="PYS1193" s="10"/>
      <c r="PYT1193" s="10"/>
      <c r="PYU1193" s="10"/>
      <c r="PYV1193" s="10"/>
      <c r="PYW1193" s="10"/>
      <c r="PYX1193" s="10"/>
      <c r="PYY1193" s="10"/>
      <c r="PYZ1193" s="10"/>
      <c r="PZA1193" s="10"/>
      <c r="PZB1193" s="10"/>
      <c r="PZC1193" s="10"/>
      <c r="PZD1193" s="10"/>
      <c r="PZE1193" s="10"/>
      <c r="PZF1193" s="10"/>
      <c r="PZG1193" s="10"/>
      <c r="PZH1193" s="10"/>
      <c r="PZI1193" s="10"/>
      <c r="PZJ1193" s="10"/>
      <c r="PZK1193" s="10"/>
      <c r="PZL1193" s="10"/>
      <c r="PZM1193" s="10"/>
      <c r="PZN1193" s="10"/>
      <c r="PZO1193" s="10"/>
      <c r="PZP1193" s="10"/>
      <c r="PZQ1193" s="10"/>
      <c r="PZR1193" s="10"/>
      <c r="PZS1193" s="10"/>
      <c r="PZT1193" s="10"/>
      <c r="PZU1193" s="10"/>
      <c r="PZV1193" s="10"/>
      <c r="PZW1193" s="10"/>
      <c r="PZX1193" s="10"/>
      <c r="PZY1193" s="10"/>
      <c r="PZZ1193" s="10"/>
      <c r="QAA1193" s="10"/>
      <c r="QAB1193" s="10"/>
      <c r="QAC1193" s="10"/>
      <c r="QAD1193" s="10"/>
      <c r="QAE1193" s="10"/>
      <c r="QAF1193" s="10"/>
      <c r="QAG1193" s="10"/>
      <c r="QAH1193" s="10"/>
      <c r="QAI1193" s="10"/>
      <c r="QAJ1193" s="10"/>
      <c r="QAK1193" s="10"/>
      <c r="QAL1193" s="10"/>
      <c r="QAM1193" s="10"/>
      <c r="QAN1193" s="10"/>
      <c r="QAO1193" s="10"/>
      <c r="QAP1193" s="10"/>
      <c r="QAQ1193" s="10"/>
      <c r="QAR1193" s="10"/>
      <c r="QAS1193" s="10"/>
      <c r="QAT1193" s="10"/>
      <c r="QAU1193" s="10"/>
      <c r="QAV1193" s="10"/>
      <c r="QAW1193" s="10"/>
      <c r="QAX1193" s="10"/>
      <c r="QAY1193" s="10"/>
      <c r="QAZ1193" s="10"/>
      <c r="QBA1193" s="10"/>
      <c r="QBB1193" s="10"/>
      <c r="QBC1193" s="10"/>
      <c r="QBD1193" s="10"/>
      <c r="QBE1193" s="10"/>
      <c r="QBF1193" s="10"/>
      <c r="QBG1193" s="10"/>
      <c r="QBH1193" s="10"/>
      <c r="QBI1193" s="10"/>
      <c r="QBJ1193" s="10"/>
      <c r="QBK1193" s="10"/>
      <c r="QBL1193" s="10"/>
      <c r="QBM1193" s="10"/>
      <c r="QBN1193" s="10"/>
      <c r="QBO1193" s="10"/>
      <c r="QBP1193" s="10"/>
      <c r="QBQ1193" s="10"/>
      <c r="QBR1193" s="10"/>
      <c r="QBS1193" s="10"/>
      <c r="QBT1193" s="10"/>
      <c r="QBU1193" s="10"/>
      <c r="QBV1193" s="10"/>
      <c r="QBW1193" s="10"/>
      <c r="QBX1193" s="10"/>
      <c r="QBY1193" s="10"/>
      <c r="QBZ1193" s="10"/>
      <c r="QCA1193" s="10"/>
      <c r="QCB1193" s="10"/>
      <c r="QCC1193" s="10"/>
      <c r="QCD1193" s="10"/>
      <c r="QCE1193" s="10"/>
      <c r="QCF1193" s="10"/>
      <c r="QCG1193" s="10"/>
      <c r="QCH1193" s="10"/>
      <c r="QCI1193" s="10"/>
      <c r="QCJ1193" s="10"/>
      <c r="QCK1193" s="10"/>
      <c r="QCL1193" s="10"/>
      <c r="QCM1193" s="10"/>
      <c r="QCN1193" s="10"/>
      <c r="QCO1193" s="10"/>
      <c r="QCP1193" s="10"/>
      <c r="QCQ1193" s="10"/>
      <c r="QCR1193" s="10"/>
      <c r="QCS1193" s="10"/>
      <c r="QCT1193" s="10"/>
      <c r="QCU1193" s="10"/>
      <c r="QCV1193" s="10"/>
      <c r="QCW1193" s="10"/>
      <c r="QCX1193" s="10"/>
      <c r="QCY1193" s="10"/>
      <c r="QCZ1193" s="10"/>
      <c r="QDA1193" s="10"/>
      <c r="QDB1193" s="10"/>
      <c r="QDC1193" s="10"/>
      <c r="QDD1193" s="10"/>
      <c r="QDE1193" s="10"/>
      <c r="QDF1193" s="10"/>
      <c r="QDG1193" s="10"/>
      <c r="QDH1193" s="10"/>
      <c r="QDI1193" s="10"/>
      <c r="QDJ1193" s="10"/>
      <c r="QDK1193" s="10"/>
      <c r="QDL1193" s="10"/>
      <c r="QDM1193" s="10"/>
      <c r="QDN1193" s="10"/>
      <c r="QDO1193" s="10"/>
      <c r="QDP1193" s="10"/>
      <c r="QDQ1193" s="10"/>
      <c r="QDR1193" s="10"/>
      <c r="QDS1193" s="10"/>
      <c r="QDT1193" s="10"/>
      <c r="QDU1193" s="10"/>
      <c r="QDV1193" s="10"/>
      <c r="QDW1193" s="10"/>
      <c r="QDX1193" s="10"/>
      <c r="QDY1193" s="10"/>
      <c r="QDZ1193" s="10"/>
      <c r="QEA1193" s="10"/>
      <c r="QEB1193" s="10"/>
      <c r="QEC1193" s="10"/>
      <c r="QED1193" s="10"/>
      <c r="QEE1193" s="10"/>
      <c r="QEF1193" s="10"/>
      <c r="QEG1193" s="10"/>
      <c r="QEH1193" s="10"/>
      <c r="QEI1193" s="10"/>
      <c r="QEJ1193" s="10"/>
      <c r="QEK1193" s="10"/>
      <c r="QEL1193" s="10"/>
      <c r="QEM1193" s="10"/>
      <c r="QEN1193" s="10"/>
      <c r="QEO1193" s="10"/>
      <c r="QEP1193" s="10"/>
      <c r="QEQ1193" s="10"/>
      <c r="QER1193" s="10"/>
      <c r="QES1193" s="10"/>
      <c r="QET1193" s="10"/>
      <c r="QEU1193" s="10"/>
      <c r="QEV1193" s="10"/>
      <c r="QEW1193" s="10"/>
      <c r="QEX1193" s="10"/>
      <c r="QEY1193" s="10"/>
      <c r="QEZ1193" s="10"/>
      <c r="QFA1193" s="10"/>
      <c r="QFB1193" s="10"/>
      <c r="QFC1193" s="10"/>
      <c r="QFD1193" s="10"/>
      <c r="QFE1193" s="10"/>
      <c r="QFF1193" s="10"/>
      <c r="QFG1193" s="10"/>
      <c r="QFH1193" s="10"/>
      <c r="QFI1193" s="10"/>
      <c r="QFJ1193" s="10"/>
      <c r="QFK1193" s="10"/>
      <c r="QFL1193" s="10"/>
      <c r="QFM1193" s="10"/>
      <c r="QFN1193" s="10"/>
      <c r="QFO1193" s="10"/>
      <c r="QFP1193" s="10"/>
      <c r="QFQ1193" s="10"/>
      <c r="QFR1193" s="10"/>
      <c r="QFS1193" s="10"/>
      <c r="QFT1193" s="10"/>
      <c r="QFU1193" s="10"/>
      <c r="QFV1193" s="10"/>
      <c r="QFW1193" s="10"/>
      <c r="QFX1193" s="10"/>
      <c r="QFY1193" s="10"/>
      <c r="QFZ1193" s="10"/>
      <c r="QGA1193" s="10"/>
      <c r="QGB1193" s="10"/>
      <c r="QGC1193" s="10"/>
      <c r="QGD1193" s="10"/>
      <c r="QGE1193" s="10"/>
      <c r="QGF1193" s="10"/>
      <c r="QGG1193" s="10"/>
      <c r="QGH1193" s="10"/>
      <c r="QGI1193" s="10"/>
      <c r="QGJ1193" s="10"/>
      <c r="QGK1193" s="10"/>
      <c r="QGL1193" s="10"/>
      <c r="QGM1193" s="10"/>
      <c r="QGN1193" s="10"/>
      <c r="QGO1193" s="10"/>
      <c r="QGP1193" s="10"/>
      <c r="QGQ1193" s="10"/>
      <c r="QGR1193" s="10"/>
      <c r="QGS1193" s="10"/>
      <c r="QGT1193" s="10"/>
      <c r="QGU1193" s="10"/>
      <c r="QGV1193" s="10"/>
      <c r="QGW1193" s="10"/>
      <c r="QGX1193" s="10"/>
      <c r="QGY1193" s="10"/>
      <c r="QGZ1193" s="10"/>
      <c r="QHA1193" s="10"/>
      <c r="QHB1193" s="10"/>
      <c r="QHC1193" s="10"/>
      <c r="QHD1193" s="10"/>
      <c r="QHE1193" s="10"/>
      <c r="QHF1193" s="10"/>
      <c r="QHG1193" s="10"/>
      <c r="QHH1193" s="10"/>
      <c r="QHI1193" s="10"/>
      <c r="QHJ1193" s="10"/>
      <c r="QHK1193" s="10"/>
      <c r="QHL1193" s="10"/>
      <c r="QHM1193" s="10"/>
      <c r="QHN1193" s="10"/>
      <c r="QHO1193" s="10"/>
      <c r="QHP1193" s="10"/>
      <c r="QHQ1193" s="10"/>
      <c r="QHR1193" s="10"/>
      <c r="QHS1193" s="10"/>
      <c r="QHT1193" s="10"/>
      <c r="QHU1193" s="10"/>
      <c r="QHV1193" s="10"/>
      <c r="QHW1193" s="10"/>
      <c r="QHX1193" s="10"/>
      <c r="QHY1193" s="10"/>
      <c r="QHZ1193" s="10"/>
      <c r="QIA1193" s="10"/>
      <c r="QIB1193" s="10"/>
      <c r="QIC1193" s="10"/>
      <c r="QID1193" s="10"/>
      <c r="QIE1193" s="10"/>
      <c r="QIF1193" s="10"/>
      <c r="QIG1193" s="10"/>
      <c r="QIH1193" s="10"/>
      <c r="QII1193" s="10"/>
      <c r="QIJ1193" s="10"/>
      <c r="QIK1193" s="10"/>
      <c r="QIL1193" s="10"/>
      <c r="QIM1193" s="10"/>
      <c r="QIN1193" s="10"/>
      <c r="QIO1193" s="10"/>
      <c r="QIP1193" s="10"/>
      <c r="QIQ1193" s="10"/>
      <c r="QIR1193" s="10"/>
      <c r="QIS1193" s="10"/>
      <c r="QIT1193" s="10"/>
      <c r="QIU1193" s="10"/>
      <c r="QIV1193" s="10"/>
      <c r="QIW1193" s="10"/>
      <c r="QIX1193" s="10"/>
      <c r="QIY1193" s="10"/>
      <c r="QIZ1193" s="10"/>
      <c r="QJA1193" s="10"/>
      <c r="QJB1193" s="10"/>
      <c r="QJC1193" s="10"/>
      <c r="QJD1193" s="10"/>
      <c r="QJE1193" s="10"/>
      <c r="QJF1193" s="10"/>
      <c r="QJG1193" s="10"/>
      <c r="QJH1193" s="10"/>
      <c r="QJI1193" s="10"/>
      <c r="QJJ1193" s="10"/>
      <c r="QJK1193" s="10"/>
      <c r="QJL1193" s="10"/>
      <c r="QJM1193" s="10"/>
      <c r="QJN1193" s="10"/>
      <c r="QJO1193" s="10"/>
      <c r="QJP1193" s="10"/>
      <c r="QJQ1193" s="10"/>
      <c r="QJR1193" s="10"/>
      <c r="QJS1193" s="10"/>
      <c r="QJT1193" s="10"/>
      <c r="QJU1193" s="10"/>
      <c r="QJV1193" s="10"/>
      <c r="QJW1193" s="10"/>
      <c r="QJX1193" s="10"/>
      <c r="QJY1193" s="10"/>
      <c r="QJZ1193" s="10"/>
      <c r="QKA1193" s="10"/>
      <c r="QKB1193" s="10"/>
      <c r="QKC1193" s="10"/>
      <c r="QKD1193" s="10"/>
      <c r="QKE1193" s="10"/>
      <c r="QKF1193" s="10"/>
      <c r="QKG1193" s="10"/>
      <c r="QKH1193" s="10"/>
      <c r="QKI1193" s="10"/>
      <c r="QKJ1193" s="10"/>
      <c r="QKK1193" s="10"/>
      <c r="QKL1193" s="10"/>
      <c r="QKM1193" s="10"/>
      <c r="QKN1193" s="10"/>
      <c r="QKO1193" s="10"/>
      <c r="QKP1193" s="10"/>
      <c r="QKQ1193" s="10"/>
      <c r="QKR1193" s="10"/>
      <c r="QKS1193" s="10"/>
      <c r="QKT1193" s="10"/>
      <c r="QKU1193" s="10"/>
      <c r="QKV1193" s="10"/>
      <c r="QKW1193" s="10"/>
      <c r="QKX1193" s="10"/>
      <c r="QKY1193" s="10"/>
      <c r="QKZ1193" s="10"/>
      <c r="QLA1193" s="10"/>
      <c r="QLB1193" s="10"/>
      <c r="QLC1193" s="10"/>
      <c r="QLD1193" s="10"/>
      <c r="QLE1193" s="10"/>
      <c r="QLF1193" s="10"/>
      <c r="QLG1193" s="10"/>
      <c r="QLH1193" s="10"/>
      <c r="QLI1193" s="10"/>
      <c r="QLJ1193" s="10"/>
      <c r="QLK1193" s="10"/>
      <c r="QLL1193" s="10"/>
      <c r="QLM1193" s="10"/>
      <c r="QLN1193" s="10"/>
      <c r="QLO1193" s="10"/>
      <c r="QLP1193" s="10"/>
      <c r="QLQ1193" s="10"/>
      <c r="QLR1193" s="10"/>
      <c r="QLS1193" s="10"/>
      <c r="QLT1193" s="10"/>
      <c r="QLU1193" s="10"/>
      <c r="QLV1193" s="10"/>
      <c r="QLW1193" s="10"/>
      <c r="QLX1193" s="10"/>
      <c r="QLY1193" s="10"/>
      <c r="QLZ1193" s="10"/>
      <c r="QMA1193" s="10"/>
      <c r="QMB1193" s="10"/>
      <c r="QMC1193" s="10"/>
      <c r="QMD1193" s="10"/>
      <c r="QME1193" s="10"/>
      <c r="QMF1193" s="10"/>
      <c r="QMG1193" s="10"/>
      <c r="QMH1193" s="10"/>
      <c r="QMI1193" s="10"/>
      <c r="QMJ1193" s="10"/>
      <c r="QMK1193" s="10"/>
      <c r="QML1193" s="10"/>
      <c r="QMM1193" s="10"/>
      <c r="QMN1193" s="10"/>
      <c r="QMO1193" s="10"/>
      <c r="QMP1193" s="10"/>
      <c r="QMQ1193" s="10"/>
      <c r="QMR1193" s="10"/>
      <c r="QMS1193" s="10"/>
      <c r="QMT1193" s="10"/>
      <c r="QMU1193" s="10"/>
      <c r="QMV1193" s="10"/>
      <c r="QMW1193" s="10"/>
      <c r="QMX1193" s="10"/>
      <c r="QMY1193" s="10"/>
      <c r="QMZ1193" s="10"/>
      <c r="QNA1193" s="10"/>
      <c r="QNB1193" s="10"/>
      <c r="QNC1193" s="10"/>
      <c r="QND1193" s="10"/>
      <c r="QNE1193" s="10"/>
      <c r="QNF1193" s="10"/>
      <c r="QNG1193" s="10"/>
      <c r="QNH1193" s="10"/>
      <c r="QNI1193" s="10"/>
      <c r="QNJ1193" s="10"/>
      <c r="QNK1193" s="10"/>
      <c r="QNL1193" s="10"/>
      <c r="QNM1193" s="10"/>
      <c r="QNN1193" s="10"/>
      <c r="QNO1193" s="10"/>
      <c r="QNP1193" s="10"/>
      <c r="QNQ1193" s="10"/>
      <c r="QNR1193" s="10"/>
      <c r="QNS1193" s="10"/>
      <c r="QNT1193" s="10"/>
      <c r="QNU1193" s="10"/>
      <c r="QNV1193" s="10"/>
      <c r="QNW1193" s="10"/>
      <c r="QNX1193" s="10"/>
      <c r="QNY1193" s="10"/>
      <c r="QNZ1193" s="10"/>
      <c r="QOA1193" s="10"/>
      <c r="QOB1193" s="10"/>
      <c r="QOC1193" s="10"/>
      <c r="QOD1193" s="10"/>
      <c r="QOE1193" s="10"/>
      <c r="QOF1193" s="10"/>
      <c r="QOG1193" s="10"/>
      <c r="QOH1193" s="10"/>
      <c r="QOI1193" s="10"/>
      <c r="QOJ1193" s="10"/>
      <c r="QOK1193" s="10"/>
      <c r="QOL1193" s="10"/>
      <c r="QOM1193" s="10"/>
      <c r="QON1193" s="10"/>
      <c r="QOO1193" s="10"/>
      <c r="QOP1193" s="10"/>
      <c r="QOQ1193" s="10"/>
      <c r="QOR1193" s="10"/>
      <c r="QOS1193" s="10"/>
      <c r="QOT1193" s="10"/>
      <c r="QOU1193" s="10"/>
      <c r="QOV1193" s="10"/>
      <c r="QOW1193" s="10"/>
      <c r="QOX1193" s="10"/>
      <c r="QOY1193" s="10"/>
      <c r="QOZ1193" s="10"/>
      <c r="QPA1193" s="10"/>
      <c r="QPB1193" s="10"/>
      <c r="QPC1193" s="10"/>
      <c r="QPD1193" s="10"/>
      <c r="QPE1193" s="10"/>
      <c r="QPF1193" s="10"/>
      <c r="QPG1193" s="10"/>
      <c r="QPH1193" s="10"/>
      <c r="QPI1193" s="10"/>
      <c r="QPJ1193" s="10"/>
      <c r="QPK1193" s="10"/>
      <c r="QPL1193" s="10"/>
      <c r="QPM1193" s="10"/>
      <c r="QPN1193" s="10"/>
      <c r="QPO1193" s="10"/>
      <c r="QPP1193" s="10"/>
      <c r="QPQ1193" s="10"/>
      <c r="QPR1193" s="10"/>
      <c r="QPS1193" s="10"/>
      <c r="QPT1193" s="10"/>
      <c r="QPU1193" s="10"/>
      <c r="QPV1193" s="10"/>
      <c r="QPW1193" s="10"/>
      <c r="QPX1193" s="10"/>
      <c r="QPY1193" s="10"/>
      <c r="QPZ1193" s="10"/>
      <c r="QQA1193" s="10"/>
      <c r="QQB1193" s="10"/>
      <c r="QQC1193" s="10"/>
      <c r="QQD1193" s="10"/>
      <c r="QQE1193" s="10"/>
      <c r="QQF1193" s="10"/>
      <c r="QQG1193" s="10"/>
      <c r="QQH1193" s="10"/>
      <c r="QQI1193" s="10"/>
      <c r="QQJ1193" s="10"/>
      <c r="QQK1193" s="10"/>
      <c r="QQL1193" s="10"/>
      <c r="QQM1193" s="10"/>
      <c r="QQN1193" s="10"/>
      <c r="QQO1193" s="10"/>
      <c r="QQP1193" s="10"/>
      <c r="QQQ1193" s="10"/>
      <c r="QQR1193" s="10"/>
      <c r="QQS1193" s="10"/>
      <c r="QQT1193" s="10"/>
      <c r="QQU1193" s="10"/>
      <c r="QQV1193" s="10"/>
      <c r="QQW1193" s="10"/>
      <c r="QQX1193" s="10"/>
      <c r="QQY1193" s="10"/>
      <c r="QQZ1193" s="10"/>
      <c r="QRA1193" s="10"/>
      <c r="QRB1193" s="10"/>
      <c r="QRC1193" s="10"/>
      <c r="QRD1193" s="10"/>
      <c r="QRE1193" s="10"/>
      <c r="QRF1193" s="10"/>
      <c r="QRG1193" s="10"/>
      <c r="QRH1193" s="10"/>
      <c r="QRI1193" s="10"/>
      <c r="QRJ1193" s="10"/>
      <c r="QRK1193" s="10"/>
      <c r="QRL1193" s="10"/>
      <c r="QRM1193" s="10"/>
      <c r="QRN1193" s="10"/>
      <c r="QRO1193" s="10"/>
      <c r="QRP1193" s="10"/>
      <c r="QRQ1193" s="10"/>
      <c r="QRR1193" s="10"/>
      <c r="QRS1193" s="10"/>
      <c r="QRT1193" s="10"/>
      <c r="QRU1193" s="10"/>
      <c r="QRV1193" s="10"/>
      <c r="QRW1193" s="10"/>
      <c r="QRX1193" s="10"/>
      <c r="QRY1193" s="10"/>
      <c r="QRZ1193" s="10"/>
      <c r="QSA1193" s="10"/>
      <c r="QSB1193" s="10"/>
      <c r="QSC1193" s="10"/>
      <c r="QSD1193" s="10"/>
      <c r="QSE1193" s="10"/>
      <c r="QSF1193" s="10"/>
      <c r="QSG1193" s="10"/>
      <c r="QSH1193" s="10"/>
      <c r="QSI1193" s="10"/>
      <c r="QSJ1193" s="10"/>
      <c r="QSK1193" s="10"/>
      <c r="QSL1193" s="10"/>
      <c r="QSM1193" s="10"/>
      <c r="QSN1193" s="10"/>
      <c r="QSO1193" s="10"/>
      <c r="QSP1193" s="10"/>
      <c r="QSQ1193" s="10"/>
      <c r="QSR1193" s="10"/>
      <c r="QSS1193" s="10"/>
      <c r="QST1193" s="10"/>
      <c r="QSU1193" s="10"/>
      <c r="QSV1193" s="10"/>
      <c r="QSW1193" s="10"/>
      <c r="QSX1193" s="10"/>
      <c r="QSY1193" s="10"/>
      <c r="QSZ1193" s="10"/>
      <c r="QTA1193" s="10"/>
      <c r="QTB1193" s="10"/>
      <c r="QTC1193" s="10"/>
      <c r="QTD1193" s="10"/>
      <c r="QTE1193" s="10"/>
      <c r="QTF1193" s="10"/>
      <c r="QTG1193" s="10"/>
      <c r="QTH1193" s="10"/>
      <c r="QTI1193" s="10"/>
      <c r="QTJ1193" s="10"/>
      <c r="QTK1193" s="10"/>
      <c r="QTL1193" s="10"/>
      <c r="QTM1193" s="10"/>
      <c r="QTN1193" s="10"/>
      <c r="QTO1193" s="10"/>
      <c r="QTP1193" s="10"/>
      <c r="QTQ1193" s="10"/>
      <c r="QTR1193" s="10"/>
      <c r="QTS1193" s="10"/>
      <c r="QTT1193" s="10"/>
      <c r="QTU1193" s="10"/>
      <c r="QTV1193" s="10"/>
      <c r="QTW1193" s="10"/>
      <c r="QTX1193" s="10"/>
      <c r="QTY1193" s="10"/>
      <c r="QTZ1193" s="10"/>
      <c r="QUA1193" s="10"/>
      <c r="QUB1193" s="10"/>
      <c r="QUC1193" s="10"/>
      <c r="QUD1193" s="10"/>
      <c r="QUE1193" s="10"/>
      <c r="QUF1193" s="10"/>
      <c r="QUG1193" s="10"/>
      <c r="QUH1193" s="10"/>
      <c r="QUI1193" s="10"/>
      <c r="QUJ1193" s="10"/>
      <c r="QUK1193" s="10"/>
      <c r="QUL1193" s="10"/>
      <c r="QUM1193" s="10"/>
      <c r="QUN1193" s="10"/>
      <c r="QUO1193" s="10"/>
      <c r="QUP1193" s="10"/>
      <c r="QUQ1193" s="10"/>
      <c r="QUR1193" s="10"/>
      <c r="QUS1193" s="10"/>
      <c r="QUT1193" s="10"/>
      <c r="QUU1193" s="10"/>
      <c r="QUV1193" s="10"/>
      <c r="QUW1193" s="10"/>
      <c r="QUX1193" s="10"/>
      <c r="QUY1193" s="10"/>
      <c r="QUZ1193" s="10"/>
      <c r="QVA1193" s="10"/>
      <c r="QVB1193" s="10"/>
      <c r="QVC1193" s="10"/>
      <c r="QVD1193" s="10"/>
      <c r="QVE1193" s="10"/>
      <c r="QVF1193" s="10"/>
      <c r="QVG1193" s="10"/>
      <c r="QVH1193" s="10"/>
      <c r="QVI1193" s="10"/>
      <c r="QVJ1193" s="10"/>
      <c r="QVK1193" s="10"/>
      <c r="QVL1193" s="10"/>
      <c r="QVM1193" s="10"/>
      <c r="QVN1193" s="10"/>
      <c r="QVO1193" s="10"/>
      <c r="QVP1193" s="10"/>
      <c r="QVQ1193" s="10"/>
      <c r="QVR1193" s="10"/>
      <c r="QVS1193" s="10"/>
      <c r="QVT1193" s="10"/>
      <c r="QVU1193" s="10"/>
      <c r="QVV1193" s="10"/>
      <c r="QVW1193" s="10"/>
      <c r="QVX1193" s="10"/>
      <c r="QVY1193" s="10"/>
      <c r="QVZ1193" s="10"/>
      <c r="QWA1193" s="10"/>
      <c r="QWB1193" s="10"/>
      <c r="QWC1193" s="10"/>
      <c r="QWD1193" s="10"/>
      <c r="QWE1193" s="10"/>
      <c r="QWF1193" s="10"/>
      <c r="QWG1193" s="10"/>
      <c r="QWH1193" s="10"/>
      <c r="QWI1193" s="10"/>
      <c r="QWJ1193" s="10"/>
      <c r="QWK1193" s="10"/>
      <c r="QWL1193" s="10"/>
      <c r="QWM1193" s="10"/>
      <c r="QWN1193" s="10"/>
      <c r="QWO1193" s="10"/>
      <c r="QWP1193" s="10"/>
      <c r="QWQ1193" s="10"/>
      <c r="QWR1193" s="10"/>
      <c r="QWS1193" s="10"/>
      <c r="QWT1193" s="10"/>
      <c r="QWU1193" s="10"/>
      <c r="QWV1193" s="10"/>
      <c r="QWW1193" s="10"/>
      <c r="QWX1193" s="10"/>
      <c r="QWY1193" s="10"/>
      <c r="QWZ1193" s="10"/>
      <c r="QXA1193" s="10"/>
      <c r="QXB1193" s="10"/>
      <c r="QXC1193" s="10"/>
      <c r="QXD1193" s="10"/>
      <c r="QXE1193" s="10"/>
      <c r="QXF1193" s="10"/>
      <c r="QXG1193" s="10"/>
      <c r="QXH1193" s="10"/>
      <c r="QXI1193" s="10"/>
      <c r="QXJ1193" s="10"/>
      <c r="QXK1193" s="10"/>
      <c r="QXL1193" s="10"/>
      <c r="QXM1193" s="10"/>
      <c r="QXN1193" s="10"/>
      <c r="QXO1193" s="10"/>
      <c r="QXP1193" s="10"/>
      <c r="QXQ1193" s="10"/>
      <c r="QXR1193" s="10"/>
      <c r="QXS1193" s="10"/>
      <c r="QXT1193" s="10"/>
      <c r="QXU1193" s="10"/>
      <c r="QXV1193" s="10"/>
      <c r="QXW1193" s="10"/>
      <c r="QXX1193" s="10"/>
      <c r="QXY1193" s="10"/>
      <c r="QXZ1193" s="10"/>
      <c r="QYA1193" s="10"/>
      <c r="QYB1193" s="10"/>
      <c r="QYC1193" s="10"/>
      <c r="QYD1193" s="10"/>
      <c r="QYE1193" s="10"/>
      <c r="QYF1193" s="10"/>
      <c r="QYG1193" s="10"/>
      <c r="QYH1193" s="10"/>
      <c r="QYI1193" s="10"/>
      <c r="QYJ1193" s="10"/>
      <c r="QYK1193" s="10"/>
      <c r="QYL1193" s="10"/>
      <c r="QYM1193" s="10"/>
      <c r="QYN1193" s="10"/>
      <c r="QYO1193" s="10"/>
      <c r="QYP1193" s="10"/>
      <c r="QYQ1193" s="10"/>
      <c r="QYR1193" s="10"/>
      <c r="QYS1193" s="10"/>
      <c r="QYT1193" s="10"/>
      <c r="QYU1193" s="10"/>
      <c r="QYV1193" s="10"/>
      <c r="QYW1193" s="10"/>
      <c r="QYX1193" s="10"/>
      <c r="QYY1193" s="10"/>
      <c r="QYZ1193" s="10"/>
      <c r="QZA1193" s="10"/>
      <c r="QZB1193" s="10"/>
      <c r="QZC1193" s="10"/>
      <c r="QZD1193" s="10"/>
      <c r="QZE1193" s="10"/>
      <c r="QZF1193" s="10"/>
      <c r="QZG1193" s="10"/>
      <c r="QZH1193" s="10"/>
      <c r="QZI1193" s="10"/>
      <c r="QZJ1193" s="10"/>
      <c r="QZK1193" s="10"/>
      <c r="QZL1193" s="10"/>
      <c r="QZM1193" s="10"/>
      <c r="QZN1193" s="10"/>
      <c r="QZO1193" s="10"/>
      <c r="QZP1193" s="10"/>
      <c r="QZQ1193" s="10"/>
      <c r="QZR1193" s="10"/>
      <c r="QZS1193" s="10"/>
      <c r="QZT1193" s="10"/>
      <c r="QZU1193" s="10"/>
      <c r="QZV1193" s="10"/>
      <c r="QZW1193" s="10"/>
      <c r="QZX1193" s="10"/>
      <c r="QZY1193" s="10"/>
      <c r="QZZ1193" s="10"/>
      <c r="RAA1193" s="10"/>
      <c r="RAB1193" s="10"/>
      <c r="RAC1193" s="10"/>
      <c r="RAD1193" s="10"/>
      <c r="RAE1193" s="10"/>
      <c r="RAF1193" s="10"/>
      <c r="RAG1193" s="10"/>
      <c r="RAH1193" s="10"/>
      <c r="RAI1193" s="10"/>
      <c r="RAJ1193" s="10"/>
      <c r="RAK1193" s="10"/>
      <c r="RAL1193" s="10"/>
      <c r="RAM1193" s="10"/>
      <c r="RAN1193" s="10"/>
      <c r="RAO1193" s="10"/>
      <c r="RAP1193" s="10"/>
      <c r="RAQ1193" s="10"/>
      <c r="RAR1193" s="10"/>
      <c r="RAS1193" s="10"/>
      <c r="RAT1193" s="10"/>
      <c r="RAU1193" s="10"/>
      <c r="RAV1193" s="10"/>
      <c r="RAW1193" s="10"/>
      <c r="RAX1193" s="10"/>
      <c r="RAY1193" s="10"/>
      <c r="RAZ1193" s="10"/>
      <c r="RBA1193" s="10"/>
      <c r="RBB1193" s="10"/>
      <c r="RBC1193" s="10"/>
      <c r="RBD1193" s="10"/>
      <c r="RBE1193" s="10"/>
      <c r="RBF1193" s="10"/>
      <c r="RBG1193" s="10"/>
      <c r="RBH1193" s="10"/>
      <c r="RBI1193" s="10"/>
      <c r="RBJ1193" s="10"/>
      <c r="RBK1193" s="10"/>
      <c r="RBL1193" s="10"/>
      <c r="RBM1193" s="10"/>
      <c r="RBN1193" s="10"/>
      <c r="RBO1193" s="10"/>
      <c r="RBP1193" s="10"/>
      <c r="RBQ1193" s="10"/>
      <c r="RBR1193" s="10"/>
      <c r="RBS1193" s="10"/>
      <c r="RBT1193" s="10"/>
      <c r="RBU1193" s="10"/>
      <c r="RBV1193" s="10"/>
      <c r="RBW1193" s="10"/>
      <c r="RBX1193" s="10"/>
      <c r="RBY1193" s="10"/>
      <c r="RBZ1193" s="10"/>
      <c r="RCA1193" s="10"/>
      <c r="RCB1193" s="10"/>
      <c r="RCC1193" s="10"/>
      <c r="RCD1193" s="10"/>
      <c r="RCE1193" s="10"/>
      <c r="RCF1193" s="10"/>
      <c r="RCG1193" s="10"/>
      <c r="RCH1193" s="10"/>
      <c r="RCI1193" s="10"/>
      <c r="RCJ1193" s="10"/>
      <c r="RCK1193" s="10"/>
      <c r="RCL1193" s="10"/>
      <c r="RCM1193" s="10"/>
      <c r="RCN1193" s="10"/>
      <c r="RCO1193" s="10"/>
      <c r="RCP1193" s="10"/>
      <c r="RCQ1193" s="10"/>
      <c r="RCR1193" s="10"/>
      <c r="RCS1193" s="10"/>
      <c r="RCT1193" s="10"/>
      <c r="RCU1193" s="10"/>
      <c r="RCV1193" s="10"/>
      <c r="RCW1193" s="10"/>
      <c r="RCX1193" s="10"/>
      <c r="RCY1193" s="10"/>
      <c r="RCZ1193" s="10"/>
      <c r="RDA1193" s="10"/>
      <c r="RDB1193" s="10"/>
      <c r="RDC1193" s="10"/>
      <c r="RDD1193" s="10"/>
      <c r="RDE1193" s="10"/>
      <c r="RDF1193" s="10"/>
      <c r="RDG1193" s="10"/>
      <c r="RDH1193" s="10"/>
      <c r="RDI1193" s="10"/>
      <c r="RDJ1193" s="10"/>
      <c r="RDK1193" s="10"/>
      <c r="RDL1193" s="10"/>
      <c r="RDM1193" s="10"/>
      <c r="RDN1193" s="10"/>
      <c r="RDO1193" s="10"/>
      <c r="RDP1193" s="10"/>
      <c r="RDQ1193" s="10"/>
      <c r="RDR1193" s="10"/>
      <c r="RDS1193" s="10"/>
      <c r="RDT1193" s="10"/>
      <c r="RDU1193" s="10"/>
      <c r="RDV1193" s="10"/>
      <c r="RDW1193" s="10"/>
      <c r="RDX1193" s="10"/>
      <c r="RDY1193" s="10"/>
      <c r="RDZ1193" s="10"/>
      <c r="REA1193" s="10"/>
      <c r="REB1193" s="10"/>
      <c r="REC1193" s="10"/>
      <c r="RED1193" s="10"/>
      <c r="REE1193" s="10"/>
      <c r="REF1193" s="10"/>
      <c r="REG1193" s="10"/>
      <c r="REH1193" s="10"/>
      <c r="REI1193" s="10"/>
      <c r="REJ1193" s="10"/>
      <c r="REK1193" s="10"/>
      <c r="REL1193" s="10"/>
      <c r="REM1193" s="10"/>
      <c r="REN1193" s="10"/>
      <c r="REO1193" s="10"/>
      <c r="REP1193" s="10"/>
      <c r="REQ1193" s="10"/>
      <c r="RER1193" s="10"/>
      <c r="RES1193" s="10"/>
      <c r="RET1193" s="10"/>
      <c r="REU1193" s="10"/>
      <c r="REV1193" s="10"/>
      <c r="REW1193" s="10"/>
      <c r="REX1193" s="10"/>
      <c r="REY1193" s="10"/>
      <c r="REZ1193" s="10"/>
      <c r="RFA1193" s="10"/>
      <c r="RFB1193" s="10"/>
      <c r="RFC1193" s="10"/>
      <c r="RFD1193" s="10"/>
      <c r="RFE1193" s="10"/>
      <c r="RFF1193" s="10"/>
      <c r="RFG1193" s="10"/>
      <c r="RFH1193" s="10"/>
      <c r="RFI1193" s="10"/>
      <c r="RFJ1193" s="10"/>
      <c r="RFK1193" s="10"/>
      <c r="RFL1193" s="10"/>
      <c r="RFM1193" s="10"/>
      <c r="RFN1193" s="10"/>
      <c r="RFO1193" s="10"/>
      <c r="RFP1193" s="10"/>
      <c r="RFQ1193" s="10"/>
      <c r="RFR1193" s="10"/>
      <c r="RFS1193" s="10"/>
      <c r="RFT1193" s="10"/>
      <c r="RFU1193" s="10"/>
      <c r="RFV1193" s="10"/>
      <c r="RFW1193" s="10"/>
      <c r="RFX1193" s="10"/>
      <c r="RFY1193" s="10"/>
      <c r="RFZ1193" s="10"/>
      <c r="RGA1193" s="10"/>
      <c r="RGB1193" s="10"/>
      <c r="RGC1193" s="10"/>
      <c r="RGD1193" s="10"/>
      <c r="RGE1193" s="10"/>
      <c r="RGF1193" s="10"/>
      <c r="RGG1193" s="10"/>
      <c r="RGH1193" s="10"/>
      <c r="RGI1193" s="10"/>
      <c r="RGJ1193" s="10"/>
      <c r="RGK1193" s="10"/>
      <c r="RGL1193" s="10"/>
      <c r="RGM1193" s="10"/>
      <c r="RGN1193" s="10"/>
      <c r="RGO1193" s="10"/>
      <c r="RGP1193" s="10"/>
      <c r="RGQ1193" s="10"/>
      <c r="RGR1193" s="10"/>
      <c r="RGS1193" s="10"/>
      <c r="RGT1193" s="10"/>
      <c r="RGU1193" s="10"/>
      <c r="RGV1193" s="10"/>
      <c r="RGW1193" s="10"/>
      <c r="RGX1193" s="10"/>
      <c r="RGY1193" s="10"/>
      <c r="RGZ1193" s="10"/>
      <c r="RHA1193" s="10"/>
      <c r="RHB1193" s="10"/>
      <c r="RHC1193" s="10"/>
      <c r="RHD1193" s="10"/>
      <c r="RHE1193" s="10"/>
      <c r="RHF1193" s="10"/>
      <c r="RHG1193" s="10"/>
      <c r="RHH1193" s="10"/>
      <c r="RHI1193" s="10"/>
      <c r="RHJ1193" s="10"/>
      <c r="RHK1193" s="10"/>
      <c r="RHL1193" s="10"/>
      <c r="RHM1193" s="10"/>
      <c r="RHN1193" s="10"/>
      <c r="RHO1193" s="10"/>
      <c r="RHP1193" s="10"/>
      <c r="RHQ1193" s="10"/>
      <c r="RHR1193" s="10"/>
      <c r="RHS1193" s="10"/>
      <c r="RHT1193" s="10"/>
      <c r="RHU1193" s="10"/>
      <c r="RHV1193" s="10"/>
      <c r="RHW1193" s="10"/>
      <c r="RHX1193" s="10"/>
      <c r="RHY1193" s="10"/>
      <c r="RHZ1193" s="10"/>
      <c r="RIA1193" s="10"/>
      <c r="RIB1193" s="10"/>
      <c r="RIC1193" s="10"/>
      <c r="RID1193" s="10"/>
      <c r="RIE1193" s="10"/>
      <c r="RIF1193" s="10"/>
      <c r="RIG1193" s="10"/>
      <c r="RIH1193" s="10"/>
      <c r="RII1193" s="10"/>
      <c r="RIJ1193" s="10"/>
      <c r="RIK1193" s="10"/>
      <c r="RIL1193" s="10"/>
      <c r="RIM1193" s="10"/>
      <c r="RIN1193" s="10"/>
      <c r="RIO1193" s="10"/>
      <c r="RIP1193" s="10"/>
      <c r="RIQ1193" s="10"/>
      <c r="RIR1193" s="10"/>
      <c r="RIS1193" s="10"/>
      <c r="RIT1193" s="10"/>
      <c r="RIU1193" s="10"/>
      <c r="RIV1193" s="10"/>
      <c r="RIW1193" s="10"/>
      <c r="RIX1193" s="10"/>
      <c r="RIY1193" s="10"/>
      <c r="RIZ1193" s="10"/>
      <c r="RJA1193" s="10"/>
      <c r="RJB1193" s="10"/>
      <c r="RJC1193" s="10"/>
      <c r="RJD1193" s="10"/>
      <c r="RJE1193" s="10"/>
      <c r="RJF1193" s="10"/>
      <c r="RJG1193" s="10"/>
      <c r="RJH1193" s="10"/>
      <c r="RJI1193" s="10"/>
      <c r="RJJ1193" s="10"/>
      <c r="RJK1193" s="10"/>
      <c r="RJL1193" s="10"/>
      <c r="RJM1193" s="10"/>
      <c r="RJN1193" s="10"/>
      <c r="RJO1193" s="10"/>
      <c r="RJP1193" s="10"/>
      <c r="RJQ1193" s="10"/>
      <c r="RJR1193" s="10"/>
      <c r="RJS1193" s="10"/>
      <c r="RJT1193" s="10"/>
      <c r="RJU1193" s="10"/>
      <c r="RJV1193" s="10"/>
      <c r="RJW1193" s="10"/>
      <c r="RJX1193" s="10"/>
      <c r="RJY1193" s="10"/>
      <c r="RJZ1193" s="10"/>
      <c r="RKA1193" s="10"/>
      <c r="RKB1193" s="10"/>
      <c r="RKC1193" s="10"/>
      <c r="RKD1193" s="10"/>
      <c r="RKE1193" s="10"/>
      <c r="RKF1193" s="10"/>
      <c r="RKG1193" s="10"/>
      <c r="RKH1193" s="10"/>
      <c r="RKI1193" s="10"/>
      <c r="RKJ1193" s="10"/>
      <c r="RKK1193" s="10"/>
      <c r="RKL1193" s="10"/>
      <c r="RKM1193" s="10"/>
      <c r="RKN1193" s="10"/>
      <c r="RKO1193" s="10"/>
      <c r="RKP1193" s="10"/>
      <c r="RKQ1193" s="10"/>
      <c r="RKR1193" s="10"/>
      <c r="RKS1193" s="10"/>
      <c r="RKT1193" s="10"/>
      <c r="RKU1193" s="10"/>
      <c r="RKV1193" s="10"/>
      <c r="RKW1193" s="10"/>
      <c r="RKX1193" s="10"/>
      <c r="RKY1193" s="10"/>
      <c r="RKZ1193" s="10"/>
      <c r="RLA1193" s="10"/>
      <c r="RLB1193" s="10"/>
      <c r="RLC1193" s="10"/>
      <c r="RLD1193" s="10"/>
      <c r="RLE1193" s="10"/>
      <c r="RLF1193" s="10"/>
      <c r="RLG1193" s="10"/>
      <c r="RLH1193" s="10"/>
      <c r="RLI1193" s="10"/>
      <c r="RLJ1193" s="10"/>
      <c r="RLK1193" s="10"/>
      <c r="RLL1193" s="10"/>
      <c r="RLM1193" s="10"/>
      <c r="RLN1193" s="10"/>
      <c r="RLO1193" s="10"/>
      <c r="RLP1193" s="10"/>
      <c r="RLQ1193" s="10"/>
      <c r="RLR1193" s="10"/>
      <c r="RLS1193" s="10"/>
      <c r="RLT1193" s="10"/>
      <c r="RLU1193" s="10"/>
      <c r="RLV1193" s="10"/>
      <c r="RLW1193" s="10"/>
      <c r="RLX1193" s="10"/>
      <c r="RLY1193" s="10"/>
      <c r="RLZ1193" s="10"/>
      <c r="RMA1193" s="10"/>
      <c r="RMB1193" s="10"/>
      <c r="RMC1193" s="10"/>
      <c r="RMD1193" s="10"/>
      <c r="RME1193" s="10"/>
      <c r="RMF1193" s="10"/>
      <c r="RMG1193" s="10"/>
      <c r="RMH1193" s="10"/>
      <c r="RMI1193" s="10"/>
      <c r="RMJ1193" s="10"/>
      <c r="RMK1193" s="10"/>
      <c r="RML1193" s="10"/>
      <c r="RMM1193" s="10"/>
      <c r="RMN1193" s="10"/>
      <c r="RMO1193" s="10"/>
      <c r="RMP1193" s="10"/>
      <c r="RMQ1193" s="10"/>
      <c r="RMR1193" s="10"/>
      <c r="RMS1193" s="10"/>
      <c r="RMT1193" s="10"/>
      <c r="RMU1193" s="10"/>
      <c r="RMV1193" s="10"/>
      <c r="RMW1193" s="10"/>
      <c r="RMX1193" s="10"/>
      <c r="RMY1193" s="10"/>
      <c r="RMZ1193" s="10"/>
      <c r="RNA1193" s="10"/>
      <c r="RNB1193" s="10"/>
      <c r="RNC1193" s="10"/>
      <c r="RND1193" s="10"/>
      <c r="RNE1193" s="10"/>
      <c r="RNF1193" s="10"/>
      <c r="RNG1193" s="10"/>
      <c r="RNH1193" s="10"/>
      <c r="RNI1193" s="10"/>
      <c r="RNJ1193" s="10"/>
      <c r="RNK1193" s="10"/>
      <c r="RNL1193" s="10"/>
      <c r="RNM1193" s="10"/>
      <c r="RNN1193" s="10"/>
      <c r="RNO1193" s="10"/>
      <c r="RNP1193" s="10"/>
      <c r="RNQ1193" s="10"/>
      <c r="RNR1193" s="10"/>
      <c r="RNS1193" s="10"/>
      <c r="RNT1193" s="10"/>
      <c r="RNU1193" s="10"/>
      <c r="RNV1193" s="10"/>
      <c r="RNW1193" s="10"/>
      <c r="RNX1193" s="10"/>
      <c r="RNY1193" s="10"/>
      <c r="RNZ1193" s="10"/>
      <c r="ROA1193" s="10"/>
      <c r="ROB1193" s="10"/>
      <c r="ROC1193" s="10"/>
      <c r="ROD1193" s="10"/>
      <c r="ROE1193" s="10"/>
      <c r="ROF1193" s="10"/>
      <c r="ROG1193" s="10"/>
      <c r="ROH1193" s="10"/>
      <c r="ROI1193" s="10"/>
      <c r="ROJ1193" s="10"/>
      <c r="ROK1193" s="10"/>
      <c r="ROL1193" s="10"/>
      <c r="ROM1193" s="10"/>
      <c r="RON1193" s="10"/>
      <c r="ROO1193" s="10"/>
      <c r="ROP1193" s="10"/>
      <c r="ROQ1193" s="10"/>
      <c r="ROR1193" s="10"/>
      <c r="ROS1193" s="10"/>
      <c r="ROT1193" s="10"/>
      <c r="ROU1193" s="10"/>
      <c r="ROV1193" s="10"/>
      <c r="ROW1193" s="10"/>
      <c r="ROX1193" s="10"/>
      <c r="ROY1193" s="10"/>
      <c r="ROZ1193" s="10"/>
      <c r="RPA1193" s="10"/>
      <c r="RPB1193" s="10"/>
      <c r="RPC1193" s="10"/>
      <c r="RPD1193" s="10"/>
      <c r="RPE1193" s="10"/>
      <c r="RPF1193" s="10"/>
      <c r="RPG1193" s="10"/>
      <c r="RPH1193" s="10"/>
      <c r="RPI1193" s="10"/>
      <c r="RPJ1193" s="10"/>
      <c r="RPK1193" s="10"/>
      <c r="RPL1193" s="10"/>
      <c r="RPM1193" s="10"/>
      <c r="RPN1193" s="10"/>
      <c r="RPO1193" s="10"/>
      <c r="RPP1193" s="10"/>
      <c r="RPQ1193" s="10"/>
      <c r="RPR1193" s="10"/>
      <c r="RPS1193" s="10"/>
      <c r="RPT1193" s="10"/>
      <c r="RPU1193" s="10"/>
      <c r="RPV1193" s="10"/>
      <c r="RPW1193" s="10"/>
      <c r="RPX1193" s="10"/>
      <c r="RPY1193" s="10"/>
      <c r="RPZ1193" s="10"/>
      <c r="RQA1193" s="10"/>
      <c r="RQB1193" s="10"/>
      <c r="RQC1193" s="10"/>
      <c r="RQD1193" s="10"/>
      <c r="RQE1193" s="10"/>
      <c r="RQF1193" s="10"/>
      <c r="RQG1193" s="10"/>
      <c r="RQH1193" s="10"/>
      <c r="RQI1193" s="10"/>
      <c r="RQJ1193" s="10"/>
      <c r="RQK1193" s="10"/>
      <c r="RQL1193" s="10"/>
      <c r="RQM1193" s="10"/>
      <c r="RQN1193" s="10"/>
      <c r="RQO1193" s="10"/>
      <c r="RQP1193" s="10"/>
      <c r="RQQ1193" s="10"/>
      <c r="RQR1193" s="10"/>
      <c r="RQS1193" s="10"/>
      <c r="RQT1193" s="10"/>
      <c r="RQU1193" s="10"/>
      <c r="RQV1193" s="10"/>
      <c r="RQW1193" s="10"/>
      <c r="RQX1193" s="10"/>
      <c r="RQY1193" s="10"/>
      <c r="RQZ1193" s="10"/>
      <c r="RRA1193" s="10"/>
      <c r="RRB1193" s="10"/>
      <c r="RRC1193" s="10"/>
      <c r="RRD1193" s="10"/>
      <c r="RRE1193" s="10"/>
      <c r="RRF1193" s="10"/>
      <c r="RRG1193" s="10"/>
      <c r="RRH1193" s="10"/>
      <c r="RRI1193" s="10"/>
      <c r="RRJ1193" s="10"/>
      <c r="RRK1193" s="10"/>
      <c r="RRL1193" s="10"/>
      <c r="RRM1193" s="10"/>
      <c r="RRN1193" s="10"/>
      <c r="RRO1193" s="10"/>
      <c r="RRP1193" s="10"/>
      <c r="RRQ1193" s="10"/>
      <c r="RRR1193" s="10"/>
      <c r="RRS1193" s="10"/>
      <c r="RRT1193" s="10"/>
      <c r="RRU1193" s="10"/>
      <c r="RRV1193" s="10"/>
      <c r="RRW1193" s="10"/>
      <c r="RRX1193" s="10"/>
      <c r="RRY1193" s="10"/>
      <c r="RRZ1193" s="10"/>
      <c r="RSA1193" s="10"/>
      <c r="RSB1193" s="10"/>
      <c r="RSC1193" s="10"/>
      <c r="RSD1193" s="10"/>
      <c r="RSE1193" s="10"/>
      <c r="RSF1193" s="10"/>
      <c r="RSG1193" s="10"/>
      <c r="RSH1193" s="10"/>
      <c r="RSI1193" s="10"/>
      <c r="RSJ1193" s="10"/>
      <c r="RSK1193" s="10"/>
      <c r="RSL1193" s="10"/>
      <c r="RSM1193" s="10"/>
      <c r="RSN1193" s="10"/>
      <c r="RSO1193" s="10"/>
      <c r="RSP1193" s="10"/>
      <c r="RSQ1193" s="10"/>
      <c r="RSR1193" s="10"/>
      <c r="RSS1193" s="10"/>
      <c r="RST1193" s="10"/>
      <c r="RSU1193" s="10"/>
      <c r="RSV1193" s="10"/>
      <c r="RSW1193" s="10"/>
      <c r="RSX1193" s="10"/>
      <c r="RSY1193" s="10"/>
      <c r="RSZ1193" s="10"/>
      <c r="RTA1193" s="10"/>
      <c r="RTB1193" s="10"/>
      <c r="RTC1193" s="10"/>
      <c r="RTD1193" s="10"/>
      <c r="RTE1193" s="10"/>
      <c r="RTF1193" s="10"/>
      <c r="RTG1193" s="10"/>
      <c r="RTH1193" s="10"/>
      <c r="RTI1193" s="10"/>
      <c r="RTJ1193" s="10"/>
      <c r="RTK1193" s="10"/>
      <c r="RTL1193" s="10"/>
      <c r="RTM1193" s="10"/>
      <c r="RTN1193" s="10"/>
      <c r="RTO1193" s="10"/>
      <c r="RTP1193" s="10"/>
      <c r="RTQ1193" s="10"/>
      <c r="RTR1193" s="10"/>
      <c r="RTS1193" s="10"/>
      <c r="RTT1193" s="10"/>
      <c r="RTU1193" s="10"/>
      <c r="RTV1193" s="10"/>
      <c r="RTW1193" s="10"/>
      <c r="RTX1193" s="10"/>
      <c r="RTY1193" s="10"/>
      <c r="RTZ1193" s="10"/>
      <c r="RUA1193" s="10"/>
      <c r="RUB1193" s="10"/>
      <c r="RUC1193" s="10"/>
      <c r="RUD1193" s="10"/>
      <c r="RUE1193" s="10"/>
      <c r="RUF1193" s="10"/>
      <c r="RUG1193" s="10"/>
      <c r="RUH1193" s="10"/>
      <c r="RUI1193" s="10"/>
      <c r="RUJ1193" s="10"/>
      <c r="RUK1193" s="10"/>
      <c r="RUL1193" s="10"/>
      <c r="RUM1193" s="10"/>
      <c r="RUN1193" s="10"/>
      <c r="RUO1193" s="10"/>
      <c r="RUP1193" s="10"/>
      <c r="RUQ1193" s="10"/>
      <c r="RUR1193" s="10"/>
      <c r="RUS1193" s="10"/>
      <c r="RUT1193" s="10"/>
      <c r="RUU1193" s="10"/>
      <c r="RUV1193" s="10"/>
      <c r="RUW1193" s="10"/>
      <c r="RUX1193" s="10"/>
      <c r="RUY1193" s="10"/>
      <c r="RUZ1193" s="10"/>
      <c r="RVA1193" s="10"/>
      <c r="RVB1193" s="10"/>
      <c r="RVC1193" s="10"/>
      <c r="RVD1193" s="10"/>
      <c r="RVE1193" s="10"/>
      <c r="RVF1193" s="10"/>
      <c r="RVG1193" s="10"/>
      <c r="RVH1193" s="10"/>
      <c r="RVI1193" s="10"/>
      <c r="RVJ1193" s="10"/>
      <c r="RVK1193" s="10"/>
      <c r="RVL1193" s="10"/>
      <c r="RVM1193" s="10"/>
      <c r="RVN1193" s="10"/>
      <c r="RVO1193" s="10"/>
      <c r="RVP1193" s="10"/>
      <c r="RVQ1193" s="10"/>
      <c r="RVR1193" s="10"/>
      <c r="RVS1193" s="10"/>
      <c r="RVT1193" s="10"/>
      <c r="RVU1193" s="10"/>
      <c r="RVV1193" s="10"/>
      <c r="RVW1193" s="10"/>
      <c r="RVX1193" s="10"/>
      <c r="RVY1193" s="10"/>
      <c r="RVZ1193" s="10"/>
      <c r="RWA1193" s="10"/>
      <c r="RWB1193" s="10"/>
      <c r="RWC1193" s="10"/>
      <c r="RWD1193" s="10"/>
      <c r="RWE1193" s="10"/>
      <c r="RWF1193" s="10"/>
      <c r="RWG1193" s="10"/>
      <c r="RWH1193" s="10"/>
      <c r="RWI1193" s="10"/>
      <c r="RWJ1193" s="10"/>
      <c r="RWK1193" s="10"/>
      <c r="RWL1193" s="10"/>
      <c r="RWM1193" s="10"/>
      <c r="RWN1193" s="10"/>
      <c r="RWO1193" s="10"/>
      <c r="RWP1193" s="10"/>
      <c r="RWQ1193" s="10"/>
      <c r="RWR1193" s="10"/>
      <c r="RWS1193" s="10"/>
      <c r="RWT1193" s="10"/>
      <c r="RWU1193" s="10"/>
      <c r="RWV1193" s="10"/>
      <c r="RWW1193" s="10"/>
      <c r="RWX1193" s="10"/>
      <c r="RWY1193" s="10"/>
      <c r="RWZ1193" s="10"/>
      <c r="RXA1193" s="10"/>
      <c r="RXB1193" s="10"/>
      <c r="RXC1193" s="10"/>
      <c r="RXD1193" s="10"/>
      <c r="RXE1193" s="10"/>
      <c r="RXF1193" s="10"/>
      <c r="RXG1193" s="10"/>
      <c r="RXH1193" s="10"/>
      <c r="RXI1193" s="10"/>
      <c r="RXJ1193" s="10"/>
      <c r="RXK1193" s="10"/>
      <c r="RXL1193" s="10"/>
      <c r="RXM1193" s="10"/>
      <c r="RXN1193" s="10"/>
      <c r="RXO1193" s="10"/>
      <c r="RXP1193" s="10"/>
      <c r="RXQ1193" s="10"/>
      <c r="RXR1193" s="10"/>
      <c r="RXS1193" s="10"/>
      <c r="RXT1193" s="10"/>
      <c r="RXU1193" s="10"/>
      <c r="RXV1193" s="10"/>
      <c r="RXW1193" s="10"/>
      <c r="RXX1193" s="10"/>
      <c r="RXY1193" s="10"/>
      <c r="RXZ1193" s="10"/>
      <c r="RYA1193" s="10"/>
      <c r="RYB1193" s="10"/>
      <c r="RYC1193" s="10"/>
      <c r="RYD1193" s="10"/>
      <c r="RYE1193" s="10"/>
      <c r="RYF1193" s="10"/>
      <c r="RYG1193" s="10"/>
      <c r="RYH1193" s="10"/>
      <c r="RYI1193" s="10"/>
      <c r="RYJ1193" s="10"/>
      <c r="RYK1193" s="10"/>
      <c r="RYL1193" s="10"/>
      <c r="RYM1193" s="10"/>
      <c r="RYN1193" s="10"/>
      <c r="RYO1193" s="10"/>
      <c r="RYP1193" s="10"/>
      <c r="RYQ1193" s="10"/>
      <c r="RYR1193" s="10"/>
      <c r="RYS1193" s="10"/>
      <c r="RYT1193" s="10"/>
      <c r="RYU1193" s="10"/>
      <c r="RYV1193" s="10"/>
      <c r="RYW1193" s="10"/>
      <c r="RYX1193" s="10"/>
      <c r="RYY1193" s="10"/>
      <c r="RYZ1193" s="10"/>
      <c r="RZA1193" s="10"/>
      <c r="RZB1193" s="10"/>
      <c r="RZC1193" s="10"/>
      <c r="RZD1193" s="10"/>
      <c r="RZE1193" s="10"/>
      <c r="RZF1193" s="10"/>
      <c r="RZG1193" s="10"/>
      <c r="RZH1193" s="10"/>
      <c r="RZI1193" s="10"/>
      <c r="RZJ1193" s="10"/>
      <c r="RZK1193" s="10"/>
      <c r="RZL1193" s="10"/>
      <c r="RZM1193" s="10"/>
      <c r="RZN1193" s="10"/>
      <c r="RZO1193" s="10"/>
      <c r="RZP1193" s="10"/>
      <c r="RZQ1193" s="10"/>
      <c r="RZR1193" s="10"/>
      <c r="RZS1193" s="10"/>
      <c r="RZT1193" s="10"/>
      <c r="RZU1193" s="10"/>
      <c r="RZV1193" s="10"/>
      <c r="RZW1193" s="10"/>
      <c r="RZX1193" s="10"/>
      <c r="RZY1193" s="10"/>
      <c r="RZZ1193" s="10"/>
      <c r="SAA1193" s="10"/>
      <c r="SAB1193" s="10"/>
      <c r="SAC1193" s="10"/>
      <c r="SAD1193" s="10"/>
      <c r="SAE1193" s="10"/>
      <c r="SAF1193" s="10"/>
      <c r="SAG1193" s="10"/>
      <c r="SAH1193" s="10"/>
      <c r="SAI1193" s="10"/>
      <c r="SAJ1193" s="10"/>
      <c r="SAK1193" s="10"/>
      <c r="SAL1193" s="10"/>
      <c r="SAM1193" s="10"/>
      <c r="SAN1193" s="10"/>
      <c r="SAO1193" s="10"/>
      <c r="SAP1193" s="10"/>
      <c r="SAQ1193" s="10"/>
      <c r="SAR1193" s="10"/>
      <c r="SAS1193" s="10"/>
      <c r="SAT1193" s="10"/>
      <c r="SAU1193" s="10"/>
      <c r="SAV1193" s="10"/>
      <c r="SAW1193" s="10"/>
      <c r="SAX1193" s="10"/>
      <c r="SAY1193" s="10"/>
      <c r="SAZ1193" s="10"/>
      <c r="SBA1193" s="10"/>
      <c r="SBB1193" s="10"/>
      <c r="SBC1193" s="10"/>
      <c r="SBD1193" s="10"/>
      <c r="SBE1193" s="10"/>
      <c r="SBF1193" s="10"/>
      <c r="SBG1193" s="10"/>
      <c r="SBH1193" s="10"/>
      <c r="SBI1193" s="10"/>
      <c r="SBJ1193" s="10"/>
      <c r="SBK1193" s="10"/>
      <c r="SBL1193" s="10"/>
      <c r="SBM1193" s="10"/>
      <c r="SBN1193" s="10"/>
      <c r="SBO1193" s="10"/>
      <c r="SBP1193" s="10"/>
      <c r="SBQ1193" s="10"/>
      <c r="SBR1193" s="10"/>
      <c r="SBS1193" s="10"/>
      <c r="SBT1193" s="10"/>
      <c r="SBU1193" s="10"/>
      <c r="SBV1193" s="10"/>
      <c r="SBW1193" s="10"/>
      <c r="SBX1193" s="10"/>
      <c r="SBY1193" s="10"/>
      <c r="SBZ1193" s="10"/>
      <c r="SCA1193" s="10"/>
      <c r="SCB1193" s="10"/>
      <c r="SCC1193" s="10"/>
      <c r="SCD1193" s="10"/>
      <c r="SCE1193" s="10"/>
      <c r="SCF1193" s="10"/>
      <c r="SCG1193" s="10"/>
      <c r="SCH1193" s="10"/>
      <c r="SCI1193" s="10"/>
      <c r="SCJ1193" s="10"/>
      <c r="SCK1193" s="10"/>
      <c r="SCL1193" s="10"/>
      <c r="SCM1193" s="10"/>
      <c r="SCN1193" s="10"/>
      <c r="SCO1193" s="10"/>
      <c r="SCP1193" s="10"/>
      <c r="SCQ1193" s="10"/>
      <c r="SCR1193" s="10"/>
      <c r="SCS1193" s="10"/>
      <c r="SCT1193" s="10"/>
      <c r="SCU1193" s="10"/>
      <c r="SCV1193" s="10"/>
      <c r="SCW1193" s="10"/>
      <c r="SCX1193" s="10"/>
      <c r="SCY1193" s="10"/>
      <c r="SCZ1193" s="10"/>
      <c r="SDA1193" s="10"/>
      <c r="SDB1193" s="10"/>
      <c r="SDC1193" s="10"/>
      <c r="SDD1193" s="10"/>
      <c r="SDE1193" s="10"/>
      <c r="SDF1193" s="10"/>
      <c r="SDG1193" s="10"/>
      <c r="SDH1193" s="10"/>
      <c r="SDI1193" s="10"/>
      <c r="SDJ1193" s="10"/>
      <c r="SDK1193" s="10"/>
      <c r="SDL1193" s="10"/>
      <c r="SDM1193" s="10"/>
      <c r="SDN1193" s="10"/>
      <c r="SDO1193" s="10"/>
      <c r="SDP1193" s="10"/>
      <c r="SDQ1193" s="10"/>
      <c r="SDR1193" s="10"/>
      <c r="SDS1193" s="10"/>
      <c r="SDT1193" s="10"/>
      <c r="SDU1193" s="10"/>
      <c r="SDV1193" s="10"/>
      <c r="SDW1193" s="10"/>
      <c r="SDX1193" s="10"/>
      <c r="SDY1193" s="10"/>
      <c r="SDZ1193" s="10"/>
      <c r="SEA1193" s="10"/>
      <c r="SEB1193" s="10"/>
      <c r="SEC1193" s="10"/>
      <c r="SED1193" s="10"/>
      <c r="SEE1193" s="10"/>
      <c r="SEF1193" s="10"/>
      <c r="SEG1193" s="10"/>
      <c r="SEH1193" s="10"/>
      <c r="SEI1193" s="10"/>
      <c r="SEJ1193" s="10"/>
      <c r="SEK1193" s="10"/>
      <c r="SEL1193" s="10"/>
      <c r="SEM1193" s="10"/>
      <c r="SEN1193" s="10"/>
      <c r="SEO1193" s="10"/>
      <c r="SEP1193" s="10"/>
      <c r="SEQ1193" s="10"/>
      <c r="SER1193" s="10"/>
      <c r="SES1193" s="10"/>
      <c r="SET1193" s="10"/>
      <c r="SEU1193" s="10"/>
      <c r="SEV1193" s="10"/>
      <c r="SEW1193" s="10"/>
      <c r="SEX1193" s="10"/>
      <c r="SEY1193" s="10"/>
      <c r="SEZ1193" s="10"/>
      <c r="SFA1193" s="10"/>
      <c r="SFB1193" s="10"/>
      <c r="SFC1193" s="10"/>
      <c r="SFD1193" s="10"/>
      <c r="SFE1193" s="10"/>
      <c r="SFF1193" s="10"/>
      <c r="SFG1193" s="10"/>
      <c r="SFH1193" s="10"/>
      <c r="SFI1193" s="10"/>
      <c r="SFJ1193" s="10"/>
      <c r="SFK1193" s="10"/>
      <c r="SFL1193" s="10"/>
      <c r="SFM1193" s="10"/>
      <c r="SFN1193" s="10"/>
      <c r="SFO1193" s="10"/>
      <c r="SFP1193" s="10"/>
      <c r="SFQ1193" s="10"/>
      <c r="SFR1193" s="10"/>
      <c r="SFS1193" s="10"/>
      <c r="SFT1193" s="10"/>
      <c r="SFU1193" s="10"/>
      <c r="SFV1193" s="10"/>
      <c r="SFW1193" s="10"/>
      <c r="SFX1193" s="10"/>
      <c r="SFY1193" s="10"/>
      <c r="SFZ1193" s="10"/>
      <c r="SGA1193" s="10"/>
      <c r="SGB1193" s="10"/>
      <c r="SGC1193" s="10"/>
      <c r="SGD1193" s="10"/>
      <c r="SGE1193" s="10"/>
      <c r="SGF1193" s="10"/>
      <c r="SGG1193" s="10"/>
      <c r="SGH1193" s="10"/>
      <c r="SGI1193" s="10"/>
      <c r="SGJ1193" s="10"/>
      <c r="SGK1193" s="10"/>
      <c r="SGL1193" s="10"/>
      <c r="SGM1193" s="10"/>
      <c r="SGN1193" s="10"/>
      <c r="SGO1193" s="10"/>
      <c r="SGP1193" s="10"/>
      <c r="SGQ1193" s="10"/>
      <c r="SGR1193" s="10"/>
      <c r="SGS1193" s="10"/>
      <c r="SGT1193" s="10"/>
      <c r="SGU1193" s="10"/>
      <c r="SGV1193" s="10"/>
      <c r="SGW1193" s="10"/>
      <c r="SGX1193" s="10"/>
      <c r="SGY1193" s="10"/>
      <c r="SGZ1193" s="10"/>
      <c r="SHA1193" s="10"/>
      <c r="SHB1193" s="10"/>
      <c r="SHC1193" s="10"/>
      <c r="SHD1193" s="10"/>
      <c r="SHE1193" s="10"/>
      <c r="SHF1193" s="10"/>
      <c r="SHG1193" s="10"/>
      <c r="SHH1193" s="10"/>
      <c r="SHI1193" s="10"/>
      <c r="SHJ1193" s="10"/>
      <c r="SHK1193" s="10"/>
      <c r="SHL1193" s="10"/>
      <c r="SHM1193" s="10"/>
      <c r="SHN1193" s="10"/>
      <c r="SHO1193" s="10"/>
      <c r="SHP1193" s="10"/>
      <c r="SHQ1193" s="10"/>
      <c r="SHR1193" s="10"/>
      <c r="SHS1193" s="10"/>
      <c r="SHT1193" s="10"/>
      <c r="SHU1193" s="10"/>
      <c r="SHV1193" s="10"/>
      <c r="SHW1193" s="10"/>
      <c r="SHX1193" s="10"/>
      <c r="SHY1193" s="10"/>
      <c r="SHZ1193" s="10"/>
      <c r="SIA1193" s="10"/>
      <c r="SIB1193" s="10"/>
      <c r="SIC1193" s="10"/>
      <c r="SID1193" s="10"/>
      <c r="SIE1193" s="10"/>
      <c r="SIF1193" s="10"/>
      <c r="SIG1193" s="10"/>
      <c r="SIH1193" s="10"/>
      <c r="SII1193" s="10"/>
      <c r="SIJ1193" s="10"/>
      <c r="SIK1193" s="10"/>
      <c r="SIL1193" s="10"/>
      <c r="SIM1193" s="10"/>
      <c r="SIN1193" s="10"/>
      <c r="SIO1193" s="10"/>
      <c r="SIP1193" s="10"/>
      <c r="SIQ1193" s="10"/>
      <c r="SIR1193" s="10"/>
      <c r="SIS1193" s="10"/>
      <c r="SIT1193" s="10"/>
      <c r="SIU1193" s="10"/>
      <c r="SIV1193" s="10"/>
      <c r="SIW1193" s="10"/>
      <c r="SIX1193" s="10"/>
      <c r="SIY1193" s="10"/>
      <c r="SIZ1193" s="10"/>
      <c r="SJA1193" s="10"/>
      <c r="SJB1193" s="10"/>
      <c r="SJC1193" s="10"/>
      <c r="SJD1193" s="10"/>
      <c r="SJE1193" s="10"/>
      <c r="SJF1193" s="10"/>
      <c r="SJG1193" s="10"/>
      <c r="SJH1193" s="10"/>
      <c r="SJI1193" s="10"/>
      <c r="SJJ1193" s="10"/>
      <c r="SJK1193" s="10"/>
      <c r="SJL1193" s="10"/>
      <c r="SJM1193" s="10"/>
      <c r="SJN1193" s="10"/>
      <c r="SJO1193" s="10"/>
      <c r="SJP1193" s="10"/>
      <c r="SJQ1193" s="10"/>
      <c r="SJR1193" s="10"/>
      <c r="SJS1193" s="10"/>
      <c r="SJT1193" s="10"/>
      <c r="SJU1193" s="10"/>
      <c r="SJV1193" s="10"/>
      <c r="SJW1193" s="10"/>
      <c r="SJX1193" s="10"/>
      <c r="SJY1193" s="10"/>
      <c r="SJZ1193" s="10"/>
      <c r="SKA1193" s="10"/>
      <c r="SKB1193" s="10"/>
      <c r="SKC1193" s="10"/>
      <c r="SKD1193" s="10"/>
      <c r="SKE1193" s="10"/>
      <c r="SKF1193" s="10"/>
      <c r="SKG1193" s="10"/>
      <c r="SKH1193" s="10"/>
      <c r="SKI1193" s="10"/>
      <c r="SKJ1193" s="10"/>
      <c r="SKK1193" s="10"/>
      <c r="SKL1193" s="10"/>
      <c r="SKM1193" s="10"/>
      <c r="SKN1193" s="10"/>
      <c r="SKO1193" s="10"/>
      <c r="SKP1193" s="10"/>
      <c r="SKQ1193" s="10"/>
      <c r="SKR1193" s="10"/>
      <c r="SKS1193" s="10"/>
      <c r="SKT1193" s="10"/>
      <c r="SKU1193" s="10"/>
      <c r="SKV1193" s="10"/>
      <c r="SKW1193" s="10"/>
      <c r="SKX1193" s="10"/>
      <c r="SKY1193" s="10"/>
      <c r="SKZ1193" s="10"/>
      <c r="SLA1193" s="10"/>
      <c r="SLB1193" s="10"/>
      <c r="SLC1193" s="10"/>
      <c r="SLD1193" s="10"/>
      <c r="SLE1193" s="10"/>
      <c r="SLF1193" s="10"/>
      <c r="SLG1193" s="10"/>
      <c r="SLH1193" s="10"/>
      <c r="SLI1193" s="10"/>
      <c r="SLJ1193" s="10"/>
      <c r="SLK1193" s="10"/>
      <c r="SLL1193" s="10"/>
      <c r="SLM1193" s="10"/>
      <c r="SLN1193" s="10"/>
      <c r="SLO1193" s="10"/>
      <c r="SLP1193" s="10"/>
      <c r="SLQ1193" s="10"/>
      <c r="SLR1193" s="10"/>
      <c r="SLS1193" s="10"/>
      <c r="SLT1193" s="10"/>
      <c r="SLU1193" s="10"/>
      <c r="SLV1193" s="10"/>
      <c r="SLW1193" s="10"/>
      <c r="SLX1193" s="10"/>
      <c r="SLY1193" s="10"/>
      <c r="SLZ1193" s="10"/>
      <c r="SMA1193" s="10"/>
      <c r="SMB1193" s="10"/>
      <c r="SMC1193" s="10"/>
      <c r="SMD1193" s="10"/>
      <c r="SME1193" s="10"/>
      <c r="SMF1193" s="10"/>
      <c r="SMG1193" s="10"/>
      <c r="SMH1193" s="10"/>
      <c r="SMI1193" s="10"/>
      <c r="SMJ1193" s="10"/>
      <c r="SMK1193" s="10"/>
      <c r="SML1193" s="10"/>
      <c r="SMM1193" s="10"/>
      <c r="SMN1193" s="10"/>
      <c r="SMO1193" s="10"/>
      <c r="SMP1193" s="10"/>
      <c r="SMQ1193" s="10"/>
      <c r="SMR1193" s="10"/>
      <c r="SMS1193" s="10"/>
      <c r="SMT1193" s="10"/>
      <c r="SMU1193" s="10"/>
      <c r="SMV1193" s="10"/>
      <c r="SMW1193" s="10"/>
      <c r="SMX1193" s="10"/>
      <c r="SMY1193" s="10"/>
      <c r="SMZ1193" s="10"/>
      <c r="SNA1193" s="10"/>
      <c r="SNB1193" s="10"/>
      <c r="SNC1193" s="10"/>
      <c r="SND1193" s="10"/>
      <c r="SNE1193" s="10"/>
      <c r="SNF1193" s="10"/>
      <c r="SNG1193" s="10"/>
      <c r="SNH1193" s="10"/>
      <c r="SNI1193" s="10"/>
      <c r="SNJ1193" s="10"/>
      <c r="SNK1193" s="10"/>
      <c r="SNL1193" s="10"/>
      <c r="SNM1193" s="10"/>
      <c r="SNN1193" s="10"/>
      <c r="SNO1193" s="10"/>
      <c r="SNP1193" s="10"/>
      <c r="SNQ1193" s="10"/>
      <c r="SNR1193" s="10"/>
      <c r="SNS1193" s="10"/>
      <c r="SNT1193" s="10"/>
      <c r="SNU1193" s="10"/>
      <c r="SNV1193" s="10"/>
      <c r="SNW1193" s="10"/>
      <c r="SNX1193" s="10"/>
      <c r="SNY1193" s="10"/>
      <c r="SNZ1193" s="10"/>
      <c r="SOA1193" s="10"/>
      <c r="SOB1193" s="10"/>
      <c r="SOC1193" s="10"/>
      <c r="SOD1193" s="10"/>
      <c r="SOE1193" s="10"/>
      <c r="SOF1193" s="10"/>
      <c r="SOG1193" s="10"/>
      <c r="SOH1193" s="10"/>
      <c r="SOI1193" s="10"/>
      <c r="SOJ1193" s="10"/>
      <c r="SOK1193" s="10"/>
      <c r="SOL1193" s="10"/>
      <c r="SOM1193" s="10"/>
      <c r="SON1193" s="10"/>
      <c r="SOO1193" s="10"/>
      <c r="SOP1193" s="10"/>
      <c r="SOQ1193" s="10"/>
      <c r="SOR1193" s="10"/>
      <c r="SOS1193" s="10"/>
      <c r="SOT1193" s="10"/>
      <c r="SOU1193" s="10"/>
      <c r="SOV1193" s="10"/>
      <c r="SOW1193" s="10"/>
      <c r="SOX1193" s="10"/>
      <c r="SOY1193" s="10"/>
      <c r="SOZ1193" s="10"/>
      <c r="SPA1193" s="10"/>
      <c r="SPB1193" s="10"/>
      <c r="SPC1193" s="10"/>
      <c r="SPD1193" s="10"/>
      <c r="SPE1193" s="10"/>
      <c r="SPF1193" s="10"/>
      <c r="SPG1193" s="10"/>
      <c r="SPH1193" s="10"/>
      <c r="SPI1193" s="10"/>
      <c r="SPJ1193" s="10"/>
      <c r="SPK1193" s="10"/>
      <c r="SPL1193" s="10"/>
      <c r="SPM1193" s="10"/>
      <c r="SPN1193" s="10"/>
      <c r="SPO1193" s="10"/>
      <c r="SPP1193" s="10"/>
      <c r="SPQ1193" s="10"/>
      <c r="SPR1193" s="10"/>
      <c r="SPS1193" s="10"/>
      <c r="SPT1193" s="10"/>
      <c r="SPU1193" s="10"/>
      <c r="SPV1193" s="10"/>
      <c r="SPW1193" s="10"/>
      <c r="SPX1193" s="10"/>
      <c r="SPY1193" s="10"/>
      <c r="SPZ1193" s="10"/>
      <c r="SQA1193" s="10"/>
      <c r="SQB1193" s="10"/>
      <c r="SQC1193" s="10"/>
      <c r="SQD1193" s="10"/>
      <c r="SQE1193" s="10"/>
      <c r="SQF1193" s="10"/>
      <c r="SQG1193" s="10"/>
      <c r="SQH1193" s="10"/>
      <c r="SQI1193" s="10"/>
      <c r="SQJ1193" s="10"/>
      <c r="SQK1193" s="10"/>
      <c r="SQL1193" s="10"/>
      <c r="SQM1193" s="10"/>
      <c r="SQN1193" s="10"/>
      <c r="SQO1193" s="10"/>
      <c r="SQP1193" s="10"/>
      <c r="SQQ1193" s="10"/>
      <c r="SQR1193" s="10"/>
      <c r="SQS1193" s="10"/>
      <c r="SQT1193" s="10"/>
      <c r="SQU1193" s="10"/>
      <c r="SQV1193" s="10"/>
      <c r="SQW1193" s="10"/>
      <c r="SQX1193" s="10"/>
      <c r="SQY1193" s="10"/>
      <c r="SQZ1193" s="10"/>
      <c r="SRA1193" s="10"/>
      <c r="SRB1193" s="10"/>
      <c r="SRC1193" s="10"/>
      <c r="SRD1193" s="10"/>
      <c r="SRE1193" s="10"/>
      <c r="SRF1193" s="10"/>
      <c r="SRG1193" s="10"/>
      <c r="SRH1193" s="10"/>
      <c r="SRI1193" s="10"/>
      <c r="SRJ1193" s="10"/>
      <c r="SRK1193" s="10"/>
      <c r="SRL1193" s="10"/>
      <c r="SRM1193" s="10"/>
      <c r="SRN1193" s="10"/>
      <c r="SRO1193" s="10"/>
      <c r="SRP1193" s="10"/>
      <c r="SRQ1193" s="10"/>
      <c r="SRR1193" s="10"/>
      <c r="SRS1193" s="10"/>
      <c r="SRT1193" s="10"/>
      <c r="SRU1193" s="10"/>
      <c r="SRV1193" s="10"/>
      <c r="SRW1193" s="10"/>
      <c r="SRX1193" s="10"/>
      <c r="SRY1193" s="10"/>
      <c r="SRZ1193" s="10"/>
      <c r="SSA1193" s="10"/>
      <c r="SSB1193" s="10"/>
      <c r="SSC1193" s="10"/>
      <c r="SSD1193" s="10"/>
      <c r="SSE1193" s="10"/>
      <c r="SSF1193" s="10"/>
      <c r="SSG1193" s="10"/>
      <c r="SSH1193" s="10"/>
      <c r="SSI1193" s="10"/>
      <c r="SSJ1193" s="10"/>
      <c r="SSK1193" s="10"/>
      <c r="SSL1193" s="10"/>
      <c r="SSM1193" s="10"/>
      <c r="SSN1193" s="10"/>
      <c r="SSO1193" s="10"/>
      <c r="SSP1193" s="10"/>
      <c r="SSQ1193" s="10"/>
      <c r="SSR1193" s="10"/>
      <c r="SSS1193" s="10"/>
      <c r="SST1193" s="10"/>
      <c r="SSU1193" s="10"/>
      <c r="SSV1193" s="10"/>
      <c r="SSW1193" s="10"/>
      <c r="SSX1193" s="10"/>
      <c r="SSY1193" s="10"/>
      <c r="SSZ1193" s="10"/>
      <c r="STA1193" s="10"/>
      <c r="STB1193" s="10"/>
      <c r="STC1193" s="10"/>
      <c r="STD1193" s="10"/>
      <c r="STE1193" s="10"/>
      <c r="STF1193" s="10"/>
      <c r="STG1193" s="10"/>
      <c r="STH1193" s="10"/>
      <c r="STI1193" s="10"/>
      <c r="STJ1193" s="10"/>
      <c r="STK1193" s="10"/>
      <c r="STL1193" s="10"/>
      <c r="STM1193" s="10"/>
      <c r="STN1193" s="10"/>
      <c r="STO1193" s="10"/>
      <c r="STP1193" s="10"/>
      <c r="STQ1193" s="10"/>
      <c r="STR1193" s="10"/>
      <c r="STS1193" s="10"/>
      <c r="STT1193" s="10"/>
      <c r="STU1193" s="10"/>
      <c r="STV1193" s="10"/>
      <c r="STW1193" s="10"/>
      <c r="STX1193" s="10"/>
      <c r="STY1193" s="10"/>
      <c r="STZ1193" s="10"/>
      <c r="SUA1193" s="10"/>
      <c r="SUB1193" s="10"/>
      <c r="SUC1193" s="10"/>
      <c r="SUD1193" s="10"/>
      <c r="SUE1193" s="10"/>
      <c r="SUF1193" s="10"/>
      <c r="SUG1193" s="10"/>
      <c r="SUH1193" s="10"/>
      <c r="SUI1193" s="10"/>
      <c r="SUJ1193" s="10"/>
      <c r="SUK1193" s="10"/>
      <c r="SUL1193" s="10"/>
      <c r="SUM1193" s="10"/>
      <c r="SUN1193" s="10"/>
      <c r="SUO1193" s="10"/>
      <c r="SUP1193" s="10"/>
      <c r="SUQ1193" s="10"/>
      <c r="SUR1193" s="10"/>
      <c r="SUS1193" s="10"/>
      <c r="SUT1193" s="10"/>
      <c r="SUU1193" s="10"/>
      <c r="SUV1193" s="10"/>
      <c r="SUW1193" s="10"/>
      <c r="SUX1193" s="10"/>
      <c r="SUY1193" s="10"/>
      <c r="SUZ1193" s="10"/>
      <c r="SVA1193" s="10"/>
      <c r="SVB1193" s="10"/>
      <c r="SVC1193" s="10"/>
      <c r="SVD1193" s="10"/>
      <c r="SVE1193" s="10"/>
      <c r="SVF1193" s="10"/>
      <c r="SVG1193" s="10"/>
      <c r="SVH1193" s="10"/>
      <c r="SVI1193" s="10"/>
      <c r="SVJ1193" s="10"/>
      <c r="SVK1193" s="10"/>
      <c r="SVL1193" s="10"/>
      <c r="SVM1193" s="10"/>
      <c r="SVN1193" s="10"/>
      <c r="SVO1193" s="10"/>
      <c r="SVP1193" s="10"/>
      <c r="SVQ1193" s="10"/>
      <c r="SVR1193" s="10"/>
      <c r="SVS1193" s="10"/>
      <c r="SVT1193" s="10"/>
      <c r="SVU1193" s="10"/>
      <c r="SVV1193" s="10"/>
      <c r="SVW1193" s="10"/>
      <c r="SVX1193" s="10"/>
      <c r="SVY1193" s="10"/>
      <c r="SVZ1193" s="10"/>
      <c r="SWA1193" s="10"/>
      <c r="SWB1193" s="10"/>
      <c r="SWC1193" s="10"/>
      <c r="SWD1193" s="10"/>
      <c r="SWE1193" s="10"/>
      <c r="SWF1193" s="10"/>
      <c r="SWG1193" s="10"/>
      <c r="SWH1193" s="10"/>
      <c r="SWI1193" s="10"/>
      <c r="SWJ1193" s="10"/>
      <c r="SWK1193" s="10"/>
      <c r="SWL1193" s="10"/>
      <c r="SWM1193" s="10"/>
      <c r="SWN1193" s="10"/>
      <c r="SWO1193" s="10"/>
      <c r="SWP1193" s="10"/>
      <c r="SWQ1193" s="10"/>
      <c r="SWR1193" s="10"/>
      <c r="SWS1193" s="10"/>
      <c r="SWT1193" s="10"/>
      <c r="SWU1193" s="10"/>
      <c r="SWV1193" s="10"/>
      <c r="SWW1193" s="10"/>
      <c r="SWX1193" s="10"/>
      <c r="SWY1193" s="10"/>
      <c r="SWZ1193" s="10"/>
      <c r="SXA1193" s="10"/>
      <c r="SXB1193" s="10"/>
      <c r="SXC1193" s="10"/>
      <c r="SXD1193" s="10"/>
      <c r="SXE1193" s="10"/>
      <c r="SXF1193" s="10"/>
      <c r="SXG1193" s="10"/>
      <c r="SXH1193" s="10"/>
      <c r="SXI1193" s="10"/>
      <c r="SXJ1193" s="10"/>
      <c r="SXK1193" s="10"/>
      <c r="SXL1193" s="10"/>
      <c r="SXM1193" s="10"/>
      <c r="SXN1193" s="10"/>
      <c r="SXO1193" s="10"/>
      <c r="SXP1193" s="10"/>
      <c r="SXQ1193" s="10"/>
      <c r="SXR1193" s="10"/>
      <c r="SXS1193" s="10"/>
      <c r="SXT1193" s="10"/>
      <c r="SXU1193" s="10"/>
      <c r="SXV1193" s="10"/>
      <c r="SXW1193" s="10"/>
      <c r="SXX1193" s="10"/>
      <c r="SXY1193" s="10"/>
      <c r="SXZ1193" s="10"/>
      <c r="SYA1193" s="10"/>
      <c r="SYB1193" s="10"/>
      <c r="SYC1193" s="10"/>
      <c r="SYD1193" s="10"/>
      <c r="SYE1193" s="10"/>
      <c r="SYF1193" s="10"/>
      <c r="SYG1193" s="10"/>
      <c r="SYH1193" s="10"/>
      <c r="SYI1193" s="10"/>
      <c r="SYJ1193" s="10"/>
      <c r="SYK1193" s="10"/>
      <c r="SYL1193" s="10"/>
      <c r="SYM1193" s="10"/>
      <c r="SYN1193" s="10"/>
      <c r="SYO1193" s="10"/>
      <c r="SYP1193" s="10"/>
      <c r="SYQ1193" s="10"/>
      <c r="SYR1193" s="10"/>
      <c r="SYS1193" s="10"/>
      <c r="SYT1193" s="10"/>
      <c r="SYU1193" s="10"/>
      <c r="SYV1193" s="10"/>
      <c r="SYW1193" s="10"/>
      <c r="SYX1193" s="10"/>
      <c r="SYY1193" s="10"/>
      <c r="SYZ1193" s="10"/>
      <c r="SZA1193" s="10"/>
      <c r="SZB1193" s="10"/>
      <c r="SZC1193" s="10"/>
      <c r="SZD1193" s="10"/>
      <c r="SZE1193" s="10"/>
      <c r="SZF1193" s="10"/>
      <c r="SZG1193" s="10"/>
      <c r="SZH1193" s="10"/>
      <c r="SZI1193" s="10"/>
      <c r="SZJ1193" s="10"/>
      <c r="SZK1193" s="10"/>
      <c r="SZL1193" s="10"/>
      <c r="SZM1193" s="10"/>
      <c r="SZN1193" s="10"/>
      <c r="SZO1193" s="10"/>
      <c r="SZP1193" s="10"/>
      <c r="SZQ1193" s="10"/>
      <c r="SZR1193" s="10"/>
      <c r="SZS1193" s="10"/>
      <c r="SZT1193" s="10"/>
      <c r="SZU1193" s="10"/>
      <c r="SZV1193" s="10"/>
      <c r="SZW1193" s="10"/>
      <c r="SZX1193" s="10"/>
      <c r="SZY1193" s="10"/>
      <c r="SZZ1193" s="10"/>
      <c r="TAA1193" s="10"/>
      <c r="TAB1193" s="10"/>
      <c r="TAC1193" s="10"/>
      <c r="TAD1193" s="10"/>
      <c r="TAE1193" s="10"/>
      <c r="TAF1193" s="10"/>
      <c r="TAG1193" s="10"/>
      <c r="TAH1193" s="10"/>
      <c r="TAI1193" s="10"/>
      <c r="TAJ1193" s="10"/>
      <c r="TAK1193" s="10"/>
      <c r="TAL1193" s="10"/>
      <c r="TAM1193" s="10"/>
      <c r="TAN1193" s="10"/>
      <c r="TAO1193" s="10"/>
      <c r="TAP1193" s="10"/>
      <c r="TAQ1193" s="10"/>
      <c r="TAR1193" s="10"/>
      <c r="TAS1193" s="10"/>
      <c r="TAT1193" s="10"/>
      <c r="TAU1193" s="10"/>
      <c r="TAV1193" s="10"/>
      <c r="TAW1193" s="10"/>
      <c r="TAX1193" s="10"/>
      <c r="TAY1193" s="10"/>
      <c r="TAZ1193" s="10"/>
      <c r="TBA1193" s="10"/>
      <c r="TBB1193" s="10"/>
      <c r="TBC1193" s="10"/>
      <c r="TBD1193" s="10"/>
      <c r="TBE1193" s="10"/>
      <c r="TBF1193" s="10"/>
      <c r="TBG1193" s="10"/>
      <c r="TBH1193" s="10"/>
      <c r="TBI1193" s="10"/>
      <c r="TBJ1193" s="10"/>
      <c r="TBK1193" s="10"/>
      <c r="TBL1193" s="10"/>
      <c r="TBM1193" s="10"/>
      <c r="TBN1193" s="10"/>
      <c r="TBO1193" s="10"/>
      <c r="TBP1193" s="10"/>
      <c r="TBQ1193" s="10"/>
      <c r="TBR1193" s="10"/>
      <c r="TBS1193" s="10"/>
      <c r="TBT1193" s="10"/>
      <c r="TBU1193" s="10"/>
      <c r="TBV1193" s="10"/>
      <c r="TBW1193" s="10"/>
      <c r="TBX1193" s="10"/>
      <c r="TBY1193" s="10"/>
      <c r="TBZ1193" s="10"/>
      <c r="TCA1193" s="10"/>
      <c r="TCB1193" s="10"/>
      <c r="TCC1193" s="10"/>
      <c r="TCD1193" s="10"/>
      <c r="TCE1193" s="10"/>
      <c r="TCF1193" s="10"/>
      <c r="TCG1193" s="10"/>
      <c r="TCH1193" s="10"/>
      <c r="TCI1193" s="10"/>
      <c r="TCJ1193" s="10"/>
      <c r="TCK1193" s="10"/>
      <c r="TCL1193" s="10"/>
      <c r="TCM1193" s="10"/>
      <c r="TCN1193" s="10"/>
      <c r="TCO1193" s="10"/>
      <c r="TCP1193" s="10"/>
      <c r="TCQ1193" s="10"/>
      <c r="TCR1193" s="10"/>
      <c r="TCS1193" s="10"/>
      <c r="TCT1193" s="10"/>
      <c r="TCU1193" s="10"/>
      <c r="TCV1193" s="10"/>
      <c r="TCW1193" s="10"/>
      <c r="TCX1193" s="10"/>
      <c r="TCY1193" s="10"/>
      <c r="TCZ1193" s="10"/>
      <c r="TDA1193" s="10"/>
      <c r="TDB1193" s="10"/>
      <c r="TDC1193" s="10"/>
      <c r="TDD1193" s="10"/>
      <c r="TDE1193" s="10"/>
      <c r="TDF1193" s="10"/>
      <c r="TDG1193" s="10"/>
      <c r="TDH1193" s="10"/>
      <c r="TDI1193" s="10"/>
      <c r="TDJ1193" s="10"/>
      <c r="TDK1193" s="10"/>
      <c r="TDL1193" s="10"/>
      <c r="TDM1193" s="10"/>
      <c r="TDN1193" s="10"/>
      <c r="TDO1193" s="10"/>
      <c r="TDP1193" s="10"/>
      <c r="TDQ1193" s="10"/>
      <c r="TDR1193" s="10"/>
      <c r="TDS1193" s="10"/>
      <c r="TDT1193" s="10"/>
      <c r="TDU1193" s="10"/>
      <c r="TDV1193" s="10"/>
      <c r="TDW1193" s="10"/>
      <c r="TDX1193" s="10"/>
      <c r="TDY1193" s="10"/>
      <c r="TDZ1193" s="10"/>
      <c r="TEA1193" s="10"/>
      <c r="TEB1193" s="10"/>
      <c r="TEC1193" s="10"/>
      <c r="TED1193" s="10"/>
      <c r="TEE1193" s="10"/>
      <c r="TEF1193" s="10"/>
      <c r="TEG1193" s="10"/>
      <c r="TEH1193" s="10"/>
      <c r="TEI1193" s="10"/>
      <c r="TEJ1193" s="10"/>
      <c r="TEK1193" s="10"/>
      <c r="TEL1193" s="10"/>
      <c r="TEM1193" s="10"/>
      <c r="TEN1193" s="10"/>
      <c r="TEO1193" s="10"/>
      <c r="TEP1193" s="10"/>
      <c r="TEQ1193" s="10"/>
      <c r="TER1193" s="10"/>
      <c r="TES1193" s="10"/>
      <c r="TET1193" s="10"/>
      <c r="TEU1193" s="10"/>
      <c r="TEV1193" s="10"/>
      <c r="TEW1193" s="10"/>
      <c r="TEX1193" s="10"/>
      <c r="TEY1193" s="10"/>
      <c r="TEZ1193" s="10"/>
      <c r="TFA1193" s="10"/>
      <c r="TFB1193" s="10"/>
      <c r="TFC1193" s="10"/>
      <c r="TFD1193" s="10"/>
      <c r="TFE1193" s="10"/>
      <c r="TFF1193" s="10"/>
      <c r="TFG1193" s="10"/>
      <c r="TFH1193" s="10"/>
      <c r="TFI1193" s="10"/>
      <c r="TFJ1193" s="10"/>
      <c r="TFK1193" s="10"/>
      <c r="TFL1193" s="10"/>
      <c r="TFM1193" s="10"/>
      <c r="TFN1193" s="10"/>
      <c r="TFO1193" s="10"/>
      <c r="TFP1193" s="10"/>
      <c r="TFQ1193" s="10"/>
      <c r="TFR1193" s="10"/>
      <c r="TFS1193" s="10"/>
      <c r="TFT1193" s="10"/>
      <c r="TFU1193" s="10"/>
      <c r="TFV1193" s="10"/>
      <c r="TFW1193" s="10"/>
      <c r="TFX1193" s="10"/>
      <c r="TFY1193" s="10"/>
      <c r="TFZ1193" s="10"/>
      <c r="TGA1193" s="10"/>
      <c r="TGB1193" s="10"/>
      <c r="TGC1193" s="10"/>
      <c r="TGD1193" s="10"/>
      <c r="TGE1193" s="10"/>
      <c r="TGF1193" s="10"/>
      <c r="TGG1193" s="10"/>
      <c r="TGH1193" s="10"/>
      <c r="TGI1193" s="10"/>
      <c r="TGJ1193" s="10"/>
      <c r="TGK1193" s="10"/>
      <c r="TGL1193" s="10"/>
      <c r="TGM1193" s="10"/>
      <c r="TGN1193" s="10"/>
      <c r="TGO1193" s="10"/>
      <c r="TGP1193" s="10"/>
      <c r="TGQ1193" s="10"/>
      <c r="TGR1193" s="10"/>
      <c r="TGS1193" s="10"/>
      <c r="TGT1193" s="10"/>
      <c r="TGU1193" s="10"/>
      <c r="TGV1193" s="10"/>
      <c r="TGW1193" s="10"/>
      <c r="TGX1193" s="10"/>
      <c r="TGY1193" s="10"/>
      <c r="TGZ1193" s="10"/>
      <c r="THA1193" s="10"/>
      <c r="THB1193" s="10"/>
      <c r="THC1193" s="10"/>
      <c r="THD1193" s="10"/>
      <c r="THE1193" s="10"/>
      <c r="THF1193" s="10"/>
      <c r="THG1193" s="10"/>
      <c r="THH1193" s="10"/>
      <c r="THI1193" s="10"/>
      <c r="THJ1193" s="10"/>
      <c r="THK1193" s="10"/>
      <c r="THL1193" s="10"/>
      <c r="THM1193" s="10"/>
      <c r="THN1193" s="10"/>
      <c r="THO1193" s="10"/>
      <c r="THP1193" s="10"/>
      <c r="THQ1193" s="10"/>
      <c r="THR1193" s="10"/>
      <c r="THS1193" s="10"/>
      <c r="THT1193" s="10"/>
      <c r="THU1193" s="10"/>
      <c r="THV1193" s="10"/>
      <c r="THW1193" s="10"/>
      <c r="THX1193" s="10"/>
      <c r="THY1193" s="10"/>
      <c r="THZ1193" s="10"/>
      <c r="TIA1193" s="10"/>
      <c r="TIB1193" s="10"/>
      <c r="TIC1193" s="10"/>
      <c r="TID1193" s="10"/>
      <c r="TIE1193" s="10"/>
      <c r="TIF1193" s="10"/>
      <c r="TIG1193" s="10"/>
      <c r="TIH1193" s="10"/>
      <c r="TII1193" s="10"/>
      <c r="TIJ1193" s="10"/>
      <c r="TIK1193" s="10"/>
      <c r="TIL1193" s="10"/>
      <c r="TIM1193" s="10"/>
      <c r="TIN1193" s="10"/>
      <c r="TIO1193" s="10"/>
      <c r="TIP1193" s="10"/>
      <c r="TIQ1193" s="10"/>
      <c r="TIR1193" s="10"/>
      <c r="TIS1193" s="10"/>
      <c r="TIT1193" s="10"/>
      <c r="TIU1193" s="10"/>
      <c r="TIV1193" s="10"/>
      <c r="TIW1193" s="10"/>
      <c r="TIX1193" s="10"/>
      <c r="TIY1193" s="10"/>
      <c r="TIZ1193" s="10"/>
      <c r="TJA1193" s="10"/>
      <c r="TJB1193" s="10"/>
      <c r="TJC1193" s="10"/>
      <c r="TJD1193" s="10"/>
      <c r="TJE1193" s="10"/>
      <c r="TJF1193" s="10"/>
      <c r="TJG1193" s="10"/>
      <c r="TJH1193" s="10"/>
      <c r="TJI1193" s="10"/>
      <c r="TJJ1193" s="10"/>
      <c r="TJK1193" s="10"/>
      <c r="TJL1193" s="10"/>
      <c r="TJM1193" s="10"/>
      <c r="TJN1193" s="10"/>
      <c r="TJO1193" s="10"/>
      <c r="TJP1193" s="10"/>
      <c r="TJQ1193" s="10"/>
      <c r="TJR1193" s="10"/>
      <c r="TJS1193" s="10"/>
      <c r="TJT1193" s="10"/>
      <c r="TJU1193" s="10"/>
      <c r="TJV1193" s="10"/>
      <c r="TJW1193" s="10"/>
      <c r="TJX1193" s="10"/>
      <c r="TJY1193" s="10"/>
      <c r="TJZ1193" s="10"/>
      <c r="TKA1193" s="10"/>
      <c r="TKB1193" s="10"/>
      <c r="TKC1193" s="10"/>
      <c r="TKD1193" s="10"/>
      <c r="TKE1193" s="10"/>
      <c r="TKF1193" s="10"/>
      <c r="TKG1193" s="10"/>
      <c r="TKH1193" s="10"/>
      <c r="TKI1193" s="10"/>
      <c r="TKJ1193" s="10"/>
      <c r="TKK1193" s="10"/>
      <c r="TKL1193" s="10"/>
      <c r="TKM1193" s="10"/>
      <c r="TKN1193" s="10"/>
      <c r="TKO1193" s="10"/>
      <c r="TKP1193" s="10"/>
      <c r="TKQ1193" s="10"/>
      <c r="TKR1193" s="10"/>
      <c r="TKS1193" s="10"/>
      <c r="TKT1193" s="10"/>
      <c r="TKU1193" s="10"/>
      <c r="TKV1193" s="10"/>
      <c r="TKW1193" s="10"/>
      <c r="TKX1193" s="10"/>
      <c r="TKY1193" s="10"/>
      <c r="TKZ1193" s="10"/>
      <c r="TLA1193" s="10"/>
      <c r="TLB1193" s="10"/>
      <c r="TLC1193" s="10"/>
      <c r="TLD1193" s="10"/>
      <c r="TLE1193" s="10"/>
      <c r="TLF1193" s="10"/>
      <c r="TLG1193" s="10"/>
      <c r="TLH1193" s="10"/>
      <c r="TLI1193" s="10"/>
      <c r="TLJ1193" s="10"/>
      <c r="TLK1193" s="10"/>
      <c r="TLL1193" s="10"/>
      <c r="TLM1193" s="10"/>
      <c r="TLN1193" s="10"/>
      <c r="TLO1193" s="10"/>
      <c r="TLP1193" s="10"/>
      <c r="TLQ1193" s="10"/>
      <c r="TLR1193" s="10"/>
      <c r="TLS1193" s="10"/>
      <c r="TLT1193" s="10"/>
      <c r="TLU1193" s="10"/>
      <c r="TLV1193" s="10"/>
      <c r="TLW1193" s="10"/>
      <c r="TLX1193" s="10"/>
      <c r="TLY1193" s="10"/>
      <c r="TLZ1193" s="10"/>
      <c r="TMA1193" s="10"/>
      <c r="TMB1193" s="10"/>
      <c r="TMC1193" s="10"/>
      <c r="TMD1193" s="10"/>
      <c r="TME1193" s="10"/>
      <c r="TMF1193" s="10"/>
      <c r="TMG1193" s="10"/>
      <c r="TMH1193" s="10"/>
      <c r="TMI1193" s="10"/>
      <c r="TMJ1193" s="10"/>
      <c r="TMK1193" s="10"/>
      <c r="TML1193" s="10"/>
      <c r="TMM1193" s="10"/>
      <c r="TMN1193" s="10"/>
      <c r="TMO1193" s="10"/>
      <c r="TMP1193" s="10"/>
      <c r="TMQ1193" s="10"/>
      <c r="TMR1193" s="10"/>
      <c r="TMS1193" s="10"/>
      <c r="TMT1193" s="10"/>
      <c r="TMU1193" s="10"/>
      <c r="TMV1193" s="10"/>
      <c r="TMW1193" s="10"/>
      <c r="TMX1193" s="10"/>
      <c r="TMY1193" s="10"/>
      <c r="TMZ1193" s="10"/>
      <c r="TNA1193" s="10"/>
      <c r="TNB1193" s="10"/>
      <c r="TNC1193" s="10"/>
      <c r="TND1193" s="10"/>
      <c r="TNE1193" s="10"/>
      <c r="TNF1193" s="10"/>
      <c r="TNG1193" s="10"/>
      <c r="TNH1193" s="10"/>
      <c r="TNI1193" s="10"/>
      <c r="TNJ1193" s="10"/>
      <c r="TNK1193" s="10"/>
      <c r="TNL1193" s="10"/>
      <c r="TNM1193" s="10"/>
      <c r="TNN1193" s="10"/>
      <c r="TNO1193" s="10"/>
      <c r="TNP1193" s="10"/>
      <c r="TNQ1193" s="10"/>
      <c r="TNR1193" s="10"/>
      <c r="TNS1193" s="10"/>
      <c r="TNT1193" s="10"/>
      <c r="TNU1193" s="10"/>
      <c r="TNV1193" s="10"/>
      <c r="TNW1193" s="10"/>
      <c r="TNX1193" s="10"/>
      <c r="TNY1193" s="10"/>
      <c r="TNZ1193" s="10"/>
      <c r="TOA1193" s="10"/>
      <c r="TOB1193" s="10"/>
      <c r="TOC1193" s="10"/>
      <c r="TOD1193" s="10"/>
      <c r="TOE1193" s="10"/>
      <c r="TOF1193" s="10"/>
      <c r="TOG1193" s="10"/>
      <c r="TOH1193" s="10"/>
      <c r="TOI1193" s="10"/>
      <c r="TOJ1193" s="10"/>
      <c r="TOK1193" s="10"/>
      <c r="TOL1193" s="10"/>
      <c r="TOM1193" s="10"/>
      <c r="TON1193" s="10"/>
      <c r="TOO1193" s="10"/>
      <c r="TOP1193" s="10"/>
      <c r="TOQ1193" s="10"/>
      <c r="TOR1193" s="10"/>
      <c r="TOS1193" s="10"/>
      <c r="TOT1193" s="10"/>
      <c r="TOU1193" s="10"/>
      <c r="TOV1193" s="10"/>
      <c r="TOW1193" s="10"/>
      <c r="TOX1193" s="10"/>
      <c r="TOY1193" s="10"/>
      <c r="TOZ1193" s="10"/>
      <c r="TPA1193" s="10"/>
      <c r="TPB1193" s="10"/>
      <c r="TPC1193" s="10"/>
      <c r="TPD1193" s="10"/>
      <c r="TPE1193" s="10"/>
      <c r="TPF1193" s="10"/>
      <c r="TPG1193" s="10"/>
      <c r="TPH1193" s="10"/>
      <c r="TPI1193" s="10"/>
      <c r="TPJ1193" s="10"/>
      <c r="TPK1193" s="10"/>
      <c r="TPL1193" s="10"/>
      <c r="TPM1193" s="10"/>
      <c r="TPN1193" s="10"/>
      <c r="TPO1193" s="10"/>
      <c r="TPP1193" s="10"/>
      <c r="TPQ1193" s="10"/>
      <c r="TPR1193" s="10"/>
      <c r="TPS1193" s="10"/>
      <c r="TPT1193" s="10"/>
      <c r="TPU1193" s="10"/>
      <c r="TPV1193" s="10"/>
      <c r="TPW1193" s="10"/>
      <c r="TPX1193" s="10"/>
      <c r="TPY1193" s="10"/>
      <c r="TPZ1193" s="10"/>
      <c r="TQA1193" s="10"/>
      <c r="TQB1193" s="10"/>
      <c r="TQC1193" s="10"/>
      <c r="TQD1193" s="10"/>
      <c r="TQE1193" s="10"/>
      <c r="TQF1193" s="10"/>
      <c r="TQG1193" s="10"/>
      <c r="TQH1193" s="10"/>
      <c r="TQI1193" s="10"/>
      <c r="TQJ1193" s="10"/>
      <c r="TQK1193" s="10"/>
      <c r="TQL1193" s="10"/>
      <c r="TQM1193" s="10"/>
      <c r="TQN1193" s="10"/>
      <c r="TQO1193" s="10"/>
      <c r="TQP1193" s="10"/>
      <c r="TQQ1193" s="10"/>
      <c r="TQR1193" s="10"/>
      <c r="TQS1193" s="10"/>
      <c r="TQT1193" s="10"/>
      <c r="TQU1193" s="10"/>
      <c r="TQV1193" s="10"/>
      <c r="TQW1193" s="10"/>
      <c r="TQX1193" s="10"/>
      <c r="TQY1193" s="10"/>
      <c r="TQZ1193" s="10"/>
      <c r="TRA1193" s="10"/>
      <c r="TRB1193" s="10"/>
      <c r="TRC1193" s="10"/>
      <c r="TRD1193" s="10"/>
      <c r="TRE1193" s="10"/>
      <c r="TRF1193" s="10"/>
      <c r="TRG1193" s="10"/>
      <c r="TRH1193" s="10"/>
      <c r="TRI1193" s="10"/>
      <c r="TRJ1193" s="10"/>
      <c r="TRK1193" s="10"/>
      <c r="TRL1193" s="10"/>
      <c r="TRM1193" s="10"/>
      <c r="TRN1193" s="10"/>
      <c r="TRO1193" s="10"/>
      <c r="TRP1193" s="10"/>
      <c r="TRQ1193" s="10"/>
      <c r="TRR1193" s="10"/>
      <c r="TRS1193" s="10"/>
      <c r="TRT1193" s="10"/>
      <c r="TRU1193" s="10"/>
      <c r="TRV1193" s="10"/>
      <c r="TRW1193" s="10"/>
      <c r="TRX1193" s="10"/>
      <c r="TRY1193" s="10"/>
      <c r="TRZ1193" s="10"/>
      <c r="TSA1193" s="10"/>
      <c r="TSB1193" s="10"/>
      <c r="TSC1193" s="10"/>
      <c r="TSD1193" s="10"/>
      <c r="TSE1193" s="10"/>
      <c r="TSF1193" s="10"/>
      <c r="TSG1193" s="10"/>
      <c r="TSH1193" s="10"/>
      <c r="TSI1193" s="10"/>
      <c r="TSJ1193" s="10"/>
      <c r="TSK1193" s="10"/>
      <c r="TSL1193" s="10"/>
      <c r="TSM1193" s="10"/>
      <c r="TSN1193" s="10"/>
      <c r="TSO1193" s="10"/>
      <c r="TSP1193" s="10"/>
      <c r="TSQ1193" s="10"/>
      <c r="TSR1193" s="10"/>
      <c r="TSS1193" s="10"/>
      <c r="TST1193" s="10"/>
      <c r="TSU1193" s="10"/>
      <c r="TSV1193" s="10"/>
      <c r="TSW1193" s="10"/>
      <c r="TSX1193" s="10"/>
      <c r="TSY1193" s="10"/>
      <c r="TSZ1193" s="10"/>
      <c r="TTA1193" s="10"/>
      <c r="TTB1193" s="10"/>
      <c r="TTC1193" s="10"/>
      <c r="TTD1193" s="10"/>
      <c r="TTE1193" s="10"/>
      <c r="TTF1193" s="10"/>
      <c r="TTG1193" s="10"/>
      <c r="TTH1193" s="10"/>
      <c r="TTI1193" s="10"/>
      <c r="TTJ1193" s="10"/>
      <c r="TTK1193" s="10"/>
      <c r="TTL1193" s="10"/>
      <c r="TTM1193" s="10"/>
      <c r="TTN1193" s="10"/>
      <c r="TTO1193" s="10"/>
      <c r="TTP1193" s="10"/>
      <c r="TTQ1193" s="10"/>
      <c r="TTR1193" s="10"/>
      <c r="TTS1193" s="10"/>
      <c r="TTT1193" s="10"/>
      <c r="TTU1193" s="10"/>
      <c r="TTV1193" s="10"/>
      <c r="TTW1193" s="10"/>
      <c r="TTX1193" s="10"/>
      <c r="TTY1193" s="10"/>
      <c r="TTZ1193" s="10"/>
      <c r="TUA1193" s="10"/>
      <c r="TUB1193" s="10"/>
      <c r="TUC1193" s="10"/>
      <c r="TUD1193" s="10"/>
      <c r="TUE1193" s="10"/>
      <c r="TUF1193" s="10"/>
      <c r="TUG1193" s="10"/>
      <c r="TUH1193" s="10"/>
      <c r="TUI1193" s="10"/>
      <c r="TUJ1193" s="10"/>
      <c r="TUK1193" s="10"/>
      <c r="TUL1193" s="10"/>
      <c r="TUM1193" s="10"/>
      <c r="TUN1193" s="10"/>
      <c r="TUO1193" s="10"/>
      <c r="TUP1193" s="10"/>
      <c r="TUQ1193" s="10"/>
      <c r="TUR1193" s="10"/>
      <c r="TUS1193" s="10"/>
      <c r="TUT1193" s="10"/>
      <c r="TUU1193" s="10"/>
      <c r="TUV1193" s="10"/>
      <c r="TUW1193" s="10"/>
      <c r="TUX1193" s="10"/>
      <c r="TUY1193" s="10"/>
      <c r="TUZ1193" s="10"/>
      <c r="TVA1193" s="10"/>
      <c r="TVB1193" s="10"/>
      <c r="TVC1193" s="10"/>
      <c r="TVD1193" s="10"/>
      <c r="TVE1193" s="10"/>
      <c r="TVF1193" s="10"/>
      <c r="TVG1193" s="10"/>
      <c r="TVH1193" s="10"/>
      <c r="TVI1193" s="10"/>
      <c r="TVJ1193" s="10"/>
      <c r="TVK1193" s="10"/>
      <c r="TVL1193" s="10"/>
      <c r="TVM1193" s="10"/>
      <c r="TVN1193" s="10"/>
      <c r="TVO1193" s="10"/>
      <c r="TVP1193" s="10"/>
      <c r="TVQ1193" s="10"/>
      <c r="TVR1193" s="10"/>
      <c r="TVS1193" s="10"/>
      <c r="TVT1193" s="10"/>
      <c r="TVU1193" s="10"/>
      <c r="TVV1193" s="10"/>
      <c r="TVW1193" s="10"/>
      <c r="TVX1193" s="10"/>
      <c r="TVY1193" s="10"/>
      <c r="TVZ1193" s="10"/>
      <c r="TWA1193" s="10"/>
      <c r="TWB1193" s="10"/>
      <c r="TWC1193" s="10"/>
      <c r="TWD1193" s="10"/>
      <c r="TWE1193" s="10"/>
      <c r="TWF1193" s="10"/>
      <c r="TWG1193" s="10"/>
      <c r="TWH1193" s="10"/>
      <c r="TWI1193" s="10"/>
      <c r="TWJ1193" s="10"/>
      <c r="TWK1193" s="10"/>
      <c r="TWL1193" s="10"/>
      <c r="TWM1193" s="10"/>
      <c r="TWN1193" s="10"/>
      <c r="TWO1193" s="10"/>
      <c r="TWP1193" s="10"/>
      <c r="TWQ1193" s="10"/>
      <c r="TWR1193" s="10"/>
      <c r="TWS1193" s="10"/>
      <c r="TWT1193" s="10"/>
      <c r="TWU1193" s="10"/>
      <c r="TWV1193" s="10"/>
      <c r="TWW1193" s="10"/>
      <c r="TWX1193" s="10"/>
      <c r="TWY1193" s="10"/>
      <c r="TWZ1193" s="10"/>
      <c r="TXA1193" s="10"/>
      <c r="TXB1193" s="10"/>
      <c r="TXC1193" s="10"/>
      <c r="TXD1193" s="10"/>
      <c r="TXE1193" s="10"/>
      <c r="TXF1193" s="10"/>
      <c r="TXG1193" s="10"/>
      <c r="TXH1193" s="10"/>
      <c r="TXI1193" s="10"/>
      <c r="TXJ1193" s="10"/>
      <c r="TXK1193" s="10"/>
      <c r="TXL1193" s="10"/>
      <c r="TXM1193" s="10"/>
      <c r="TXN1193" s="10"/>
      <c r="TXO1193" s="10"/>
      <c r="TXP1193" s="10"/>
      <c r="TXQ1193" s="10"/>
      <c r="TXR1193" s="10"/>
      <c r="TXS1193" s="10"/>
      <c r="TXT1193" s="10"/>
      <c r="TXU1193" s="10"/>
      <c r="TXV1193" s="10"/>
      <c r="TXW1193" s="10"/>
      <c r="TXX1193" s="10"/>
      <c r="TXY1193" s="10"/>
      <c r="TXZ1193" s="10"/>
      <c r="TYA1193" s="10"/>
      <c r="TYB1193" s="10"/>
      <c r="TYC1193" s="10"/>
      <c r="TYD1193" s="10"/>
      <c r="TYE1193" s="10"/>
      <c r="TYF1193" s="10"/>
      <c r="TYG1193" s="10"/>
      <c r="TYH1193" s="10"/>
      <c r="TYI1193" s="10"/>
      <c r="TYJ1193" s="10"/>
      <c r="TYK1193" s="10"/>
      <c r="TYL1193" s="10"/>
      <c r="TYM1193" s="10"/>
      <c r="TYN1193" s="10"/>
      <c r="TYO1193" s="10"/>
      <c r="TYP1193" s="10"/>
      <c r="TYQ1193" s="10"/>
      <c r="TYR1193" s="10"/>
      <c r="TYS1193" s="10"/>
      <c r="TYT1193" s="10"/>
      <c r="TYU1193" s="10"/>
      <c r="TYV1193" s="10"/>
      <c r="TYW1193" s="10"/>
      <c r="TYX1193" s="10"/>
      <c r="TYY1193" s="10"/>
      <c r="TYZ1193" s="10"/>
      <c r="TZA1193" s="10"/>
      <c r="TZB1193" s="10"/>
      <c r="TZC1193" s="10"/>
      <c r="TZD1193" s="10"/>
      <c r="TZE1193" s="10"/>
      <c r="TZF1193" s="10"/>
      <c r="TZG1193" s="10"/>
      <c r="TZH1193" s="10"/>
      <c r="TZI1193" s="10"/>
      <c r="TZJ1193" s="10"/>
      <c r="TZK1193" s="10"/>
      <c r="TZL1193" s="10"/>
      <c r="TZM1193" s="10"/>
      <c r="TZN1193" s="10"/>
      <c r="TZO1193" s="10"/>
      <c r="TZP1193" s="10"/>
      <c r="TZQ1193" s="10"/>
      <c r="TZR1193" s="10"/>
      <c r="TZS1193" s="10"/>
      <c r="TZT1193" s="10"/>
      <c r="TZU1193" s="10"/>
      <c r="TZV1193" s="10"/>
      <c r="TZW1193" s="10"/>
      <c r="TZX1193" s="10"/>
      <c r="TZY1193" s="10"/>
      <c r="TZZ1193" s="10"/>
      <c r="UAA1193" s="10"/>
      <c r="UAB1193" s="10"/>
      <c r="UAC1193" s="10"/>
      <c r="UAD1193" s="10"/>
      <c r="UAE1193" s="10"/>
      <c r="UAF1193" s="10"/>
      <c r="UAG1193" s="10"/>
      <c r="UAH1193" s="10"/>
      <c r="UAI1193" s="10"/>
      <c r="UAJ1193" s="10"/>
      <c r="UAK1193" s="10"/>
      <c r="UAL1193" s="10"/>
      <c r="UAM1193" s="10"/>
      <c r="UAN1193" s="10"/>
      <c r="UAO1193" s="10"/>
      <c r="UAP1193" s="10"/>
      <c r="UAQ1193" s="10"/>
      <c r="UAR1193" s="10"/>
      <c r="UAS1193" s="10"/>
      <c r="UAT1193" s="10"/>
      <c r="UAU1193" s="10"/>
      <c r="UAV1193" s="10"/>
      <c r="UAW1193" s="10"/>
      <c r="UAX1193" s="10"/>
      <c r="UAY1193" s="10"/>
      <c r="UAZ1193" s="10"/>
      <c r="UBA1193" s="10"/>
      <c r="UBB1193" s="10"/>
      <c r="UBC1193" s="10"/>
      <c r="UBD1193" s="10"/>
      <c r="UBE1193" s="10"/>
      <c r="UBF1193" s="10"/>
      <c r="UBG1193" s="10"/>
      <c r="UBH1193" s="10"/>
      <c r="UBI1193" s="10"/>
      <c r="UBJ1193" s="10"/>
      <c r="UBK1193" s="10"/>
      <c r="UBL1193" s="10"/>
      <c r="UBM1193" s="10"/>
      <c r="UBN1193" s="10"/>
      <c r="UBO1193" s="10"/>
      <c r="UBP1193" s="10"/>
      <c r="UBQ1193" s="10"/>
      <c r="UBR1193" s="10"/>
      <c r="UBS1193" s="10"/>
      <c r="UBT1193" s="10"/>
      <c r="UBU1193" s="10"/>
      <c r="UBV1193" s="10"/>
      <c r="UBW1193" s="10"/>
      <c r="UBX1193" s="10"/>
      <c r="UBY1193" s="10"/>
      <c r="UBZ1193" s="10"/>
      <c r="UCA1193" s="10"/>
      <c r="UCB1193" s="10"/>
      <c r="UCC1193" s="10"/>
      <c r="UCD1193" s="10"/>
      <c r="UCE1193" s="10"/>
      <c r="UCF1193" s="10"/>
      <c r="UCG1193" s="10"/>
      <c r="UCH1193" s="10"/>
      <c r="UCI1193" s="10"/>
      <c r="UCJ1193" s="10"/>
      <c r="UCK1193" s="10"/>
      <c r="UCL1193" s="10"/>
      <c r="UCM1193" s="10"/>
      <c r="UCN1193" s="10"/>
      <c r="UCO1193" s="10"/>
      <c r="UCP1193" s="10"/>
      <c r="UCQ1193" s="10"/>
      <c r="UCR1193" s="10"/>
      <c r="UCS1193" s="10"/>
      <c r="UCT1193" s="10"/>
      <c r="UCU1193" s="10"/>
      <c r="UCV1193" s="10"/>
      <c r="UCW1193" s="10"/>
      <c r="UCX1193" s="10"/>
      <c r="UCY1193" s="10"/>
      <c r="UCZ1193" s="10"/>
      <c r="UDA1193" s="10"/>
      <c r="UDB1193" s="10"/>
      <c r="UDC1193" s="10"/>
      <c r="UDD1193" s="10"/>
      <c r="UDE1193" s="10"/>
      <c r="UDF1193" s="10"/>
      <c r="UDG1193" s="10"/>
      <c r="UDH1193" s="10"/>
      <c r="UDI1193" s="10"/>
      <c r="UDJ1193" s="10"/>
      <c r="UDK1193" s="10"/>
      <c r="UDL1193" s="10"/>
      <c r="UDM1193" s="10"/>
      <c r="UDN1193" s="10"/>
      <c r="UDO1193" s="10"/>
      <c r="UDP1193" s="10"/>
      <c r="UDQ1193" s="10"/>
      <c r="UDR1193" s="10"/>
      <c r="UDS1193" s="10"/>
      <c r="UDT1193" s="10"/>
      <c r="UDU1193" s="10"/>
      <c r="UDV1193" s="10"/>
      <c r="UDW1193" s="10"/>
      <c r="UDX1193" s="10"/>
      <c r="UDY1193" s="10"/>
      <c r="UDZ1193" s="10"/>
      <c r="UEA1193" s="10"/>
      <c r="UEB1193" s="10"/>
      <c r="UEC1193" s="10"/>
      <c r="UED1193" s="10"/>
      <c r="UEE1193" s="10"/>
      <c r="UEF1193" s="10"/>
      <c r="UEG1193" s="10"/>
      <c r="UEH1193" s="10"/>
      <c r="UEI1193" s="10"/>
      <c r="UEJ1193" s="10"/>
      <c r="UEK1193" s="10"/>
      <c r="UEL1193" s="10"/>
      <c r="UEM1193" s="10"/>
      <c r="UEN1193" s="10"/>
      <c r="UEO1193" s="10"/>
      <c r="UEP1193" s="10"/>
      <c r="UEQ1193" s="10"/>
      <c r="UER1193" s="10"/>
      <c r="UES1193" s="10"/>
      <c r="UET1193" s="10"/>
      <c r="UEU1193" s="10"/>
      <c r="UEV1193" s="10"/>
      <c r="UEW1193" s="10"/>
      <c r="UEX1193" s="10"/>
      <c r="UEY1193" s="10"/>
      <c r="UEZ1193" s="10"/>
      <c r="UFA1193" s="10"/>
      <c r="UFB1193" s="10"/>
      <c r="UFC1193" s="10"/>
      <c r="UFD1193" s="10"/>
      <c r="UFE1193" s="10"/>
      <c r="UFF1193" s="10"/>
      <c r="UFG1193" s="10"/>
      <c r="UFH1193" s="10"/>
      <c r="UFI1193" s="10"/>
      <c r="UFJ1193" s="10"/>
      <c r="UFK1193" s="10"/>
      <c r="UFL1193" s="10"/>
      <c r="UFM1193" s="10"/>
      <c r="UFN1193" s="10"/>
      <c r="UFO1193" s="10"/>
      <c r="UFP1193" s="10"/>
      <c r="UFQ1193" s="10"/>
      <c r="UFR1193" s="10"/>
      <c r="UFS1193" s="10"/>
      <c r="UFT1193" s="10"/>
      <c r="UFU1193" s="10"/>
      <c r="UFV1193" s="10"/>
      <c r="UFW1193" s="10"/>
      <c r="UFX1193" s="10"/>
      <c r="UFY1193" s="10"/>
      <c r="UFZ1193" s="10"/>
      <c r="UGA1193" s="10"/>
      <c r="UGB1193" s="10"/>
      <c r="UGC1193" s="10"/>
      <c r="UGD1193" s="10"/>
      <c r="UGE1193" s="10"/>
      <c r="UGF1193" s="10"/>
      <c r="UGG1193" s="10"/>
      <c r="UGH1193" s="10"/>
      <c r="UGI1193" s="10"/>
      <c r="UGJ1193" s="10"/>
      <c r="UGK1193" s="10"/>
      <c r="UGL1193" s="10"/>
      <c r="UGM1193" s="10"/>
      <c r="UGN1193" s="10"/>
      <c r="UGO1193" s="10"/>
      <c r="UGP1193" s="10"/>
      <c r="UGQ1193" s="10"/>
      <c r="UGR1193" s="10"/>
      <c r="UGS1193" s="10"/>
      <c r="UGT1193" s="10"/>
      <c r="UGU1193" s="10"/>
      <c r="UGV1193" s="10"/>
      <c r="UGW1193" s="10"/>
      <c r="UGX1193" s="10"/>
      <c r="UGY1193" s="10"/>
      <c r="UGZ1193" s="10"/>
      <c r="UHA1193" s="10"/>
      <c r="UHB1193" s="10"/>
      <c r="UHC1193" s="10"/>
      <c r="UHD1193" s="10"/>
      <c r="UHE1193" s="10"/>
      <c r="UHF1193" s="10"/>
      <c r="UHG1193" s="10"/>
      <c r="UHH1193" s="10"/>
      <c r="UHI1193" s="10"/>
      <c r="UHJ1193" s="10"/>
      <c r="UHK1193" s="10"/>
      <c r="UHL1193" s="10"/>
      <c r="UHM1193" s="10"/>
      <c r="UHN1193" s="10"/>
      <c r="UHO1193" s="10"/>
      <c r="UHP1193" s="10"/>
      <c r="UHQ1193" s="10"/>
      <c r="UHR1193" s="10"/>
      <c r="UHS1193" s="10"/>
      <c r="UHT1193" s="10"/>
      <c r="UHU1193" s="10"/>
      <c r="UHV1193" s="10"/>
      <c r="UHW1193" s="10"/>
      <c r="UHX1193" s="10"/>
      <c r="UHY1193" s="10"/>
      <c r="UHZ1193" s="10"/>
      <c r="UIA1193" s="10"/>
      <c r="UIB1193" s="10"/>
      <c r="UIC1193" s="10"/>
      <c r="UID1193" s="10"/>
      <c r="UIE1193" s="10"/>
      <c r="UIF1193" s="10"/>
      <c r="UIG1193" s="10"/>
      <c r="UIH1193" s="10"/>
      <c r="UII1193" s="10"/>
      <c r="UIJ1193" s="10"/>
      <c r="UIK1193" s="10"/>
      <c r="UIL1193" s="10"/>
      <c r="UIM1193" s="10"/>
      <c r="UIN1193" s="10"/>
      <c r="UIO1193" s="10"/>
      <c r="UIP1193" s="10"/>
      <c r="UIQ1193" s="10"/>
      <c r="UIR1193" s="10"/>
      <c r="UIS1193" s="10"/>
      <c r="UIT1193" s="10"/>
      <c r="UIU1193" s="10"/>
      <c r="UIV1193" s="10"/>
      <c r="UIW1193" s="10"/>
      <c r="UIX1193" s="10"/>
      <c r="UIY1193" s="10"/>
      <c r="UIZ1193" s="10"/>
      <c r="UJA1193" s="10"/>
      <c r="UJB1193" s="10"/>
      <c r="UJC1193" s="10"/>
      <c r="UJD1193" s="10"/>
      <c r="UJE1193" s="10"/>
      <c r="UJF1193" s="10"/>
      <c r="UJG1193" s="10"/>
      <c r="UJH1193" s="10"/>
      <c r="UJI1193" s="10"/>
      <c r="UJJ1193" s="10"/>
      <c r="UJK1193" s="10"/>
      <c r="UJL1193" s="10"/>
      <c r="UJM1193" s="10"/>
      <c r="UJN1193" s="10"/>
      <c r="UJO1193" s="10"/>
      <c r="UJP1193" s="10"/>
      <c r="UJQ1193" s="10"/>
      <c r="UJR1193" s="10"/>
      <c r="UJS1193" s="10"/>
      <c r="UJT1193" s="10"/>
      <c r="UJU1193" s="10"/>
      <c r="UJV1193" s="10"/>
      <c r="UJW1193" s="10"/>
      <c r="UJX1193" s="10"/>
      <c r="UJY1193" s="10"/>
      <c r="UJZ1193" s="10"/>
      <c r="UKA1193" s="10"/>
      <c r="UKB1193" s="10"/>
      <c r="UKC1193" s="10"/>
      <c r="UKD1193" s="10"/>
      <c r="UKE1193" s="10"/>
      <c r="UKF1193" s="10"/>
      <c r="UKG1193" s="10"/>
      <c r="UKH1193" s="10"/>
      <c r="UKI1193" s="10"/>
      <c r="UKJ1193" s="10"/>
      <c r="UKK1193" s="10"/>
      <c r="UKL1193" s="10"/>
      <c r="UKM1193" s="10"/>
      <c r="UKN1193" s="10"/>
      <c r="UKO1193" s="10"/>
      <c r="UKP1193" s="10"/>
      <c r="UKQ1193" s="10"/>
      <c r="UKR1193" s="10"/>
      <c r="UKS1193" s="10"/>
      <c r="UKT1193" s="10"/>
      <c r="UKU1193" s="10"/>
      <c r="UKV1193" s="10"/>
      <c r="UKW1193" s="10"/>
      <c r="UKX1193" s="10"/>
      <c r="UKY1193" s="10"/>
      <c r="UKZ1193" s="10"/>
      <c r="ULA1193" s="10"/>
      <c r="ULB1193" s="10"/>
      <c r="ULC1193" s="10"/>
      <c r="ULD1193" s="10"/>
      <c r="ULE1193" s="10"/>
      <c r="ULF1193" s="10"/>
      <c r="ULG1193" s="10"/>
      <c r="ULH1193" s="10"/>
      <c r="ULI1193" s="10"/>
      <c r="ULJ1193" s="10"/>
      <c r="ULK1193" s="10"/>
      <c r="ULL1193" s="10"/>
      <c r="ULM1193" s="10"/>
      <c r="ULN1193" s="10"/>
      <c r="ULO1193" s="10"/>
      <c r="ULP1193" s="10"/>
      <c r="ULQ1193" s="10"/>
      <c r="ULR1193" s="10"/>
      <c r="ULS1193" s="10"/>
      <c r="ULT1193" s="10"/>
      <c r="ULU1193" s="10"/>
      <c r="ULV1193" s="10"/>
      <c r="ULW1193" s="10"/>
      <c r="ULX1193" s="10"/>
      <c r="ULY1193" s="10"/>
      <c r="ULZ1193" s="10"/>
      <c r="UMA1193" s="10"/>
      <c r="UMB1193" s="10"/>
      <c r="UMC1193" s="10"/>
      <c r="UMD1193" s="10"/>
      <c r="UME1193" s="10"/>
      <c r="UMF1193" s="10"/>
      <c r="UMG1193" s="10"/>
      <c r="UMH1193" s="10"/>
      <c r="UMI1193" s="10"/>
      <c r="UMJ1193" s="10"/>
      <c r="UMK1193" s="10"/>
      <c r="UML1193" s="10"/>
      <c r="UMM1193" s="10"/>
      <c r="UMN1193" s="10"/>
      <c r="UMO1193" s="10"/>
      <c r="UMP1193" s="10"/>
      <c r="UMQ1193" s="10"/>
      <c r="UMR1193" s="10"/>
      <c r="UMS1193" s="10"/>
      <c r="UMT1193" s="10"/>
      <c r="UMU1193" s="10"/>
      <c r="UMV1193" s="10"/>
      <c r="UMW1193" s="10"/>
      <c r="UMX1193" s="10"/>
      <c r="UMY1193" s="10"/>
      <c r="UMZ1193" s="10"/>
      <c r="UNA1193" s="10"/>
      <c r="UNB1193" s="10"/>
      <c r="UNC1193" s="10"/>
      <c r="UND1193" s="10"/>
      <c r="UNE1193" s="10"/>
      <c r="UNF1193" s="10"/>
      <c r="UNG1193" s="10"/>
      <c r="UNH1193" s="10"/>
      <c r="UNI1193" s="10"/>
      <c r="UNJ1193" s="10"/>
      <c r="UNK1193" s="10"/>
      <c r="UNL1193" s="10"/>
      <c r="UNM1193" s="10"/>
      <c r="UNN1193" s="10"/>
      <c r="UNO1193" s="10"/>
      <c r="UNP1193" s="10"/>
      <c r="UNQ1193" s="10"/>
      <c r="UNR1193" s="10"/>
      <c r="UNS1193" s="10"/>
      <c r="UNT1193" s="10"/>
      <c r="UNU1193" s="10"/>
      <c r="UNV1193" s="10"/>
      <c r="UNW1193" s="10"/>
      <c r="UNX1193" s="10"/>
      <c r="UNY1193" s="10"/>
      <c r="UNZ1193" s="10"/>
      <c r="UOA1193" s="10"/>
      <c r="UOB1193" s="10"/>
      <c r="UOC1193" s="10"/>
      <c r="UOD1193" s="10"/>
      <c r="UOE1193" s="10"/>
      <c r="UOF1193" s="10"/>
      <c r="UOG1193" s="10"/>
      <c r="UOH1193" s="10"/>
      <c r="UOI1193" s="10"/>
      <c r="UOJ1193" s="10"/>
      <c r="UOK1193" s="10"/>
      <c r="UOL1193" s="10"/>
      <c r="UOM1193" s="10"/>
      <c r="UON1193" s="10"/>
      <c r="UOO1193" s="10"/>
      <c r="UOP1193" s="10"/>
      <c r="UOQ1193" s="10"/>
      <c r="UOR1193" s="10"/>
      <c r="UOS1193" s="10"/>
      <c r="UOT1193" s="10"/>
      <c r="UOU1193" s="10"/>
      <c r="UOV1193" s="10"/>
      <c r="UOW1193" s="10"/>
      <c r="UOX1193" s="10"/>
      <c r="UOY1193" s="10"/>
      <c r="UOZ1193" s="10"/>
      <c r="UPA1193" s="10"/>
      <c r="UPB1193" s="10"/>
      <c r="UPC1193" s="10"/>
      <c r="UPD1193" s="10"/>
      <c r="UPE1193" s="10"/>
      <c r="UPF1193" s="10"/>
      <c r="UPG1193" s="10"/>
      <c r="UPH1193" s="10"/>
      <c r="UPI1193" s="10"/>
      <c r="UPJ1193" s="10"/>
      <c r="UPK1193" s="10"/>
      <c r="UPL1193" s="10"/>
      <c r="UPM1193" s="10"/>
      <c r="UPN1193" s="10"/>
      <c r="UPO1193" s="10"/>
      <c r="UPP1193" s="10"/>
      <c r="UPQ1193" s="10"/>
      <c r="UPR1193" s="10"/>
      <c r="UPS1193" s="10"/>
      <c r="UPT1193" s="10"/>
      <c r="UPU1193" s="10"/>
      <c r="UPV1193" s="10"/>
      <c r="UPW1193" s="10"/>
      <c r="UPX1193" s="10"/>
      <c r="UPY1193" s="10"/>
      <c r="UPZ1193" s="10"/>
      <c r="UQA1193" s="10"/>
      <c r="UQB1193" s="10"/>
      <c r="UQC1193" s="10"/>
      <c r="UQD1193" s="10"/>
      <c r="UQE1193" s="10"/>
      <c r="UQF1193" s="10"/>
      <c r="UQG1193" s="10"/>
      <c r="UQH1193" s="10"/>
      <c r="UQI1193" s="10"/>
      <c r="UQJ1193" s="10"/>
      <c r="UQK1193" s="10"/>
      <c r="UQL1193" s="10"/>
      <c r="UQM1193" s="10"/>
      <c r="UQN1193" s="10"/>
      <c r="UQO1193" s="10"/>
      <c r="UQP1193" s="10"/>
      <c r="UQQ1193" s="10"/>
      <c r="UQR1193" s="10"/>
      <c r="UQS1193" s="10"/>
      <c r="UQT1193" s="10"/>
      <c r="UQU1193" s="10"/>
      <c r="UQV1193" s="10"/>
      <c r="UQW1193" s="10"/>
      <c r="UQX1193" s="10"/>
      <c r="UQY1193" s="10"/>
      <c r="UQZ1193" s="10"/>
      <c r="URA1193" s="10"/>
      <c r="URB1193" s="10"/>
      <c r="URC1193" s="10"/>
      <c r="URD1193" s="10"/>
      <c r="URE1193" s="10"/>
      <c r="URF1193" s="10"/>
      <c r="URG1193" s="10"/>
      <c r="URH1193" s="10"/>
      <c r="URI1193" s="10"/>
      <c r="URJ1193" s="10"/>
      <c r="URK1193" s="10"/>
      <c r="URL1193" s="10"/>
      <c r="URM1193" s="10"/>
      <c r="URN1193" s="10"/>
      <c r="URO1193" s="10"/>
      <c r="URP1193" s="10"/>
      <c r="URQ1193" s="10"/>
      <c r="URR1193" s="10"/>
      <c r="URS1193" s="10"/>
      <c r="URT1193" s="10"/>
      <c r="URU1193" s="10"/>
      <c r="URV1193" s="10"/>
      <c r="URW1193" s="10"/>
      <c r="URX1193" s="10"/>
      <c r="URY1193" s="10"/>
      <c r="URZ1193" s="10"/>
      <c r="USA1193" s="10"/>
      <c r="USB1193" s="10"/>
      <c r="USC1193" s="10"/>
      <c r="USD1193" s="10"/>
      <c r="USE1193" s="10"/>
      <c r="USF1193" s="10"/>
      <c r="USG1193" s="10"/>
      <c r="USH1193" s="10"/>
      <c r="USI1193" s="10"/>
      <c r="USJ1193" s="10"/>
      <c r="USK1193" s="10"/>
      <c r="USL1193" s="10"/>
      <c r="USM1193" s="10"/>
      <c r="USN1193" s="10"/>
      <c r="USO1193" s="10"/>
      <c r="USP1193" s="10"/>
      <c r="USQ1193" s="10"/>
      <c r="USR1193" s="10"/>
      <c r="USS1193" s="10"/>
      <c r="UST1193" s="10"/>
      <c r="USU1193" s="10"/>
      <c r="USV1193" s="10"/>
      <c r="USW1193" s="10"/>
      <c r="USX1193" s="10"/>
      <c r="USY1193" s="10"/>
      <c r="USZ1193" s="10"/>
      <c r="UTA1193" s="10"/>
      <c r="UTB1193" s="10"/>
      <c r="UTC1193" s="10"/>
      <c r="UTD1193" s="10"/>
      <c r="UTE1193" s="10"/>
      <c r="UTF1193" s="10"/>
      <c r="UTG1193" s="10"/>
      <c r="UTH1193" s="10"/>
      <c r="UTI1193" s="10"/>
      <c r="UTJ1193" s="10"/>
      <c r="UTK1193" s="10"/>
      <c r="UTL1193" s="10"/>
      <c r="UTM1193" s="10"/>
      <c r="UTN1193" s="10"/>
      <c r="UTO1193" s="10"/>
      <c r="UTP1193" s="10"/>
      <c r="UTQ1193" s="10"/>
      <c r="UTR1193" s="10"/>
      <c r="UTS1193" s="10"/>
      <c r="UTT1193" s="10"/>
      <c r="UTU1193" s="10"/>
      <c r="UTV1193" s="10"/>
      <c r="UTW1193" s="10"/>
      <c r="UTX1193" s="10"/>
      <c r="UTY1193" s="10"/>
      <c r="UTZ1193" s="10"/>
      <c r="UUA1193" s="10"/>
      <c r="UUB1193" s="10"/>
      <c r="UUC1193" s="10"/>
      <c r="UUD1193" s="10"/>
      <c r="UUE1193" s="10"/>
      <c r="UUF1193" s="10"/>
      <c r="UUG1193" s="10"/>
      <c r="UUH1193" s="10"/>
      <c r="UUI1193" s="10"/>
      <c r="UUJ1193" s="10"/>
      <c r="UUK1193" s="10"/>
      <c r="UUL1193" s="10"/>
      <c r="UUM1193" s="10"/>
      <c r="UUN1193" s="10"/>
      <c r="UUO1193" s="10"/>
      <c r="UUP1193" s="10"/>
      <c r="UUQ1193" s="10"/>
      <c r="UUR1193" s="10"/>
      <c r="UUS1193" s="10"/>
      <c r="UUT1193" s="10"/>
      <c r="UUU1193" s="10"/>
      <c r="UUV1193" s="10"/>
      <c r="UUW1193" s="10"/>
      <c r="UUX1193" s="10"/>
      <c r="UUY1193" s="10"/>
      <c r="UUZ1193" s="10"/>
      <c r="UVA1193" s="10"/>
      <c r="UVB1193" s="10"/>
      <c r="UVC1193" s="10"/>
      <c r="UVD1193" s="10"/>
      <c r="UVE1193" s="10"/>
      <c r="UVF1193" s="10"/>
      <c r="UVG1193" s="10"/>
      <c r="UVH1193" s="10"/>
      <c r="UVI1193" s="10"/>
      <c r="UVJ1193" s="10"/>
      <c r="UVK1193" s="10"/>
      <c r="UVL1193" s="10"/>
      <c r="UVM1193" s="10"/>
      <c r="UVN1193" s="10"/>
      <c r="UVO1193" s="10"/>
      <c r="UVP1193" s="10"/>
      <c r="UVQ1193" s="10"/>
      <c r="UVR1193" s="10"/>
      <c r="UVS1193" s="10"/>
      <c r="UVT1193" s="10"/>
      <c r="UVU1193" s="10"/>
      <c r="UVV1193" s="10"/>
      <c r="UVW1193" s="10"/>
      <c r="UVX1193" s="10"/>
      <c r="UVY1193" s="10"/>
      <c r="UVZ1193" s="10"/>
      <c r="UWA1193" s="10"/>
      <c r="UWB1193" s="10"/>
      <c r="UWC1193" s="10"/>
      <c r="UWD1193" s="10"/>
      <c r="UWE1193" s="10"/>
      <c r="UWF1193" s="10"/>
      <c r="UWG1193" s="10"/>
      <c r="UWH1193" s="10"/>
      <c r="UWI1193" s="10"/>
      <c r="UWJ1193" s="10"/>
      <c r="UWK1193" s="10"/>
      <c r="UWL1193" s="10"/>
      <c r="UWM1193" s="10"/>
      <c r="UWN1193" s="10"/>
      <c r="UWO1193" s="10"/>
      <c r="UWP1193" s="10"/>
      <c r="UWQ1193" s="10"/>
      <c r="UWR1193" s="10"/>
      <c r="UWS1193" s="10"/>
      <c r="UWT1193" s="10"/>
      <c r="UWU1193" s="10"/>
      <c r="UWV1193" s="10"/>
      <c r="UWW1193" s="10"/>
      <c r="UWX1193" s="10"/>
      <c r="UWY1193" s="10"/>
      <c r="UWZ1193" s="10"/>
      <c r="UXA1193" s="10"/>
      <c r="UXB1193" s="10"/>
      <c r="UXC1193" s="10"/>
      <c r="UXD1193" s="10"/>
      <c r="UXE1193" s="10"/>
      <c r="UXF1193" s="10"/>
      <c r="UXG1193" s="10"/>
      <c r="UXH1193" s="10"/>
      <c r="UXI1193" s="10"/>
      <c r="UXJ1193" s="10"/>
      <c r="UXK1193" s="10"/>
      <c r="UXL1193" s="10"/>
      <c r="UXM1193" s="10"/>
      <c r="UXN1193" s="10"/>
      <c r="UXO1193" s="10"/>
      <c r="UXP1193" s="10"/>
      <c r="UXQ1193" s="10"/>
      <c r="UXR1193" s="10"/>
      <c r="UXS1193" s="10"/>
      <c r="UXT1193" s="10"/>
      <c r="UXU1193" s="10"/>
      <c r="UXV1193" s="10"/>
      <c r="UXW1193" s="10"/>
      <c r="UXX1193" s="10"/>
      <c r="UXY1193" s="10"/>
      <c r="UXZ1193" s="10"/>
      <c r="UYA1193" s="10"/>
      <c r="UYB1193" s="10"/>
      <c r="UYC1193" s="10"/>
      <c r="UYD1193" s="10"/>
      <c r="UYE1193" s="10"/>
      <c r="UYF1193" s="10"/>
      <c r="UYG1193" s="10"/>
      <c r="UYH1193" s="10"/>
      <c r="UYI1193" s="10"/>
      <c r="UYJ1193" s="10"/>
      <c r="UYK1193" s="10"/>
      <c r="UYL1193" s="10"/>
      <c r="UYM1193" s="10"/>
      <c r="UYN1193" s="10"/>
      <c r="UYO1193" s="10"/>
      <c r="UYP1193" s="10"/>
      <c r="UYQ1193" s="10"/>
      <c r="UYR1193" s="10"/>
      <c r="UYS1193" s="10"/>
      <c r="UYT1193" s="10"/>
      <c r="UYU1193" s="10"/>
      <c r="UYV1193" s="10"/>
      <c r="UYW1193" s="10"/>
      <c r="UYX1193" s="10"/>
      <c r="UYY1193" s="10"/>
      <c r="UYZ1193" s="10"/>
      <c r="UZA1193" s="10"/>
      <c r="UZB1193" s="10"/>
      <c r="UZC1193" s="10"/>
      <c r="UZD1193" s="10"/>
      <c r="UZE1193" s="10"/>
      <c r="UZF1193" s="10"/>
      <c r="UZG1193" s="10"/>
      <c r="UZH1193" s="10"/>
      <c r="UZI1193" s="10"/>
      <c r="UZJ1193" s="10"/>
      <c r="UZK1193" s="10"/>
      <c r="UZL1193" s="10"/>
      <c r="UZM1193" s="10"/>
      <c r="UZN1193" s="10"/>
      <c r="UZO1193" s="10"/>
      <c r="UZP1193" s="10"/>
      <c r="UZQ1193" s="10"/>
      <c r="UZR1193" s="10"/>
      <c r="UZS1193" s="10"/>
      <c r="UZT1193" s="10"/>
      <c r="UZU1193" s="10"/>
      <c r="UZV1193" s="10"/>
      <c r="UZW1193" s="10"/>
      <c r="UZX1193" s="10"/>
      <c r="UZY1193" s="10"/>
      <c r="UZZ1193" s="10"/>
      <c r="VAA1193" s="10"/>
      <c r="VAB1193" s="10"/>
      <c r="VAC1193" s="10"/>
      <c r="VAD1193" s="10"/>
      <c r="VAE1193" s="10"/>
      <c r="VAF1193" s="10"/>
      <c r="VAG1193" s="10"/>
      <c r="VAH1193" s="10"/>
      <c r="VAI1193" s="10"/>
      <c r="VAJ1193" s="10"/>
      <c r="VAK1193" s="10"/>
      <c r="VAL1193" s="10"/>
      <c r="VAM1193" s="10"/>
      <c r="VAN1193" s="10"/>
      <c r="VAO1193" s="10"/>
      <c r="VAP1193" s="10"/>
      <c r="VAQ1193" s="10"/>
      <c r="VAR1193" s="10"/>
      <c r="VAS1193" s="10"/>
      <c r="VAT1193" s="10"/>
      <c r="VAU1193" s="10"/>
      <c r="VAV1193" s="10"/>
      <c r="VAW1193" s="10"/>
      <c r="VAX1193" s="10"/>
      <c r="VAY1193" s="10"/>
      <c r="VAZ1193" s="10"/>
      <c r="VBA1193" s="10"/>
      <c r="VBB1193" s="10"/>
      <c r="VBC1193" s="10"/>
      <c r="VBD1193" s="10"/>
      <c r="VBE1193" s="10"/>
      <c r="VBF1193" s="10"/>
      <c r="VBG1193" s="10"/>
      <c r="VBH1193" s="10"/>
      <c r="VBI1193" s="10"/>
      <c r="VBJ1193" s="10"/>
      <c r="VBK1193" s="10"/>
      <c r="VBL1193" s="10"/>
      <c r="VBM1193" s="10"/>
      <c r="VBN1193" s="10"/>
      <c r="VBO1193" s="10"/>
      <c r="VBP1193" s="10"/>
      <c r="VBQ1193" s="10"/>
      <c r="VBR1193" s="10"/>
      <c r="VBS1193" s="10"/>
      <c r="VBT1193" s="10"/>
      <c r="VBU1193" s="10"/>
      <c r="VBV1193" s="10"/>
      <c r="VBW1193" s="10"/>
      <c r="VBX1193" s="10"/>
      <c r="VBY1193" s="10"/>
      <c r="VBZ1193" s="10"/>
      <c r="VCA1193" s="10"/>
      <c r="VCB1193" s="10"/>
      <c r="VCC1193" s="10"/>
      <c r="VCD1193" s="10"/>
      <c r="VCE1193" s="10"/>
      <c r="VCF1193" s="10"/>
      <c r="VCG1193" s="10"/>
      <c r="VCH1193" s="10"/>
      <c r="VCI1193" s="10"/>
      <c r="VCJ1193" s="10"/>
      <c r="VCK1193" s="10"/>
      <c r="VCL1193" s="10"/>
      <c r="VCM1193" s="10"/>
      <c r="VCN1193" s="10"/>
      <c r="VCO1193" s="10"/>
      <c r="VCP1193" s="10"/>
      <c r="VCQ1193" s="10"/>
      <c r="VCR1193" s="10"/>
      <c r="VCS1193" s="10"/>
      <c r="VCT1193" s="10"/>
      <c r="VCU1193" s="10"/>
      <c r="VCV1193" s="10"/>
      <c r="VCW1193" s="10"/>
      <c r="VCX1193" s="10"/>
      <c r="VCY1193" s="10"/>
      <c r="VCZ1193" s="10"/>
      <c r="VDA1193" s="10"/>
      <c r="VDB1193" s="10"/>
      <c r="VDC1193" s="10"/>
      <c r="VDD1193" s="10"/>
      <c r="VDE1193" s="10"/>
      <c r="VDF1193" s="10"/>
      <c r="VDG1193" s="10"/>
      <c r="VDH1193" s="10"/>
      <c r="VDI1193" s="10"/>
      <c r="VDJ1193" s="10"/>
      <c r="VDK1193" s="10"/>
      <c r="VDL1193" s="10"/>
      <c r="VDM1193" s="10"/>
      <c r="VDN1193" s="10"/>
      <c r="VDO1193" s="10"/>
      <c r="VDP1193" s="10"/>
      <c r="VDQ1193" s="10"/>
      <c r="VDR1193" s="10"/>
      <c r="VDS1193" s="10"/>
      <c r="VDT1193" s="10"/>
      <c r="VDU1193" s="10"/>
      <c r="VDV1193" s="10"/>
      <c r="VDW1193" s="10"/>
      <c r="VDX1193" s="10"/>
      <c r="VDY1193" s="10"/>
      <c r="VDZ1193" s="10"/>
      <c r="VEA1193" s="10"/>
      <c r="VEB1193" s="10"/>
      <c r="VEC1193" s="10"/>
      <c r="VED1193" s="10"/>
      <c r="VEE1193" s="10"/>
      <c r="VEF1193" s="10"/>
      <c r="VEG1193" s="10"/>
      <c r="VEH1193" s="10"/>
      <c r="VEI1193" s="10"/>
      <c r="VEJ1193" s="10"/>
      <c r="VEK1193" s="10"/>
      <c r="VEL1193" s="10"/>
      <c r="VEM1193" s="10"/>
      <c r="VEN1193" s="10"/>
      <c r="VEO1193" s="10"/>
      <c r="VEP1193" s="10"/>
      <c r="VEQ1193" s="10"/>
      <c r="VER1193" s="10"/>
      <c r="VES1193" s="10"/>
      <c r="VET1193" s="10"/>
      <c r="VEU1193" s="10"/>
      <c r="VEV1193" s="10"/>
      <c r="VEW1193" s="10"/>
      <c r="VEX1193" s="10"/>
      <c r="VEY1193" s="10"/>
      <c r="VEZ1193" s="10"/>
      <c r="VFA1193" s="10"/>
      <c r="VFB1193" s="10"/>
      <c r="VFC1193" s="10"/>
      <c r="VFD1193" s="10"/>
      <c r="VFE1193" s="10"/>
      <c r="VFF1193" s="10"/>
      <c r="VFG1193" s="10"/>
      <c r="VFH1193" s="10"/>
      <c r="VFI1193" s="10"/>
      <c r="VFJ1193" s="10"/>
      <c r="VFK1193" s="10"/>
      <c r="VFL1193" s="10"/>
      <c r="VFM1193" s="10"/>
      <c r="VFN1193" s="10"/>
      <c r="VFO1193" s="10"/>
      <c r="VFP1193" s="10"/>
      <c r="VFQ1193" s="10"/>
      <c r="VFR1193" s="10"/>
      <c r="VFS1193" s="10"/>
      <c r="VFT1193" s="10"/>
      <c r="VFU1193" s="10"/>
      <c r="VFV1193" s="10"/>
      <c r="VFW1193" s="10"/>
      <c r="VFX1193" s="10"/>
      <c r="VFY1193" s="10"/>
      <c r="VFZ1193" s="10"/>
      <c r="VGA1193" s="10"/>
      <c r="VGB1193" s="10"/>
      <c r="VGC1193" s="10"/>
      <c r="VGD1193" s="10"/>
      <c r="VGE1193" s="10"/>
      <c r="VGF1193" s="10"/>
      <c r="VGG1193" s="10"/>
      <c r="VGH1193" s="10"/>
      <c r="VGI1193" s="10"/>
      <c r="VGJ1193" s="10"/>
      <c r="VGK1193" s="10"/>
      <c r="VGL1193" s="10"/>
      <c r="VGM1193" s="10"/>
      <c r="VGN1193" s="10"/>
      <c r="VGO1193" s="10"/>
      <c r="VGP1193" s="10"/>
      <c r="VGQ1193" s="10"/>
      <c r="VGR1193" s="10"/>
      <c r="VGS1193" s="10"/>
      <c r="VGT1193" s="10"/>
      <c r="VGU1193" s="10"/>
      <c r="VGV1193" s="10"/>
      <c r="VGW1193" s="10"/>
      <c r="VGX1193" s="10"/>
      <c r="VGY1193" s="10"/>
      <c r="VGZ1193" s="10"/>
      <c r="VHA1193" s="10"/>
      <c r="VHB1193" s="10"/>
      <c r="VHC1193" s="10"/>
      <c r="VHD1193" s="10"/>
      <c r="VHE1193" s="10"/>
      <c r="VHF1193" s="10"/>
      <c r="VHG1193" s="10"/>
      <c r="VHH1193" s="10"/>
      <c r="VHI1193" s="10"/>
      <c r="VHJ1193" s="10"/>
      <c r="VHK1193" s="10"/>
      <c r="VHL1193" s="10"/>
      <c r="VHM1193" s="10"/>
      <c r="VHN1193" s="10"/>
      <c r="VHO1193" s="10"/>
      <c r="VHP1193" s="10"/>
      <c r="VHQ1193" s="10"/>
      <c r="VHR1193" s="10"/>
      <c r="VHS1193" s="10"/>
      <c r="VHT1193" s="10"/>
      <c r="VHU1193" s="10"/>
      <c r="VHV1193" s="10"/>
      <c r="VHW1193" s="10"/>
      <c r="VHX1193" s="10"/>
      <c r="VHY1193" s="10"/>
      <c r="VHZ1193" s="10"/>
      <c r="VIA1193" s="10"/>
      <c r="VIB1193" s="10"/>
      <c r="VIC1193" s="10"/>
      <c r="VID1193" s="10"/>
      <c r="VIE1193" s="10"/>
      <c r="VIF1193" s="10"/>
      <c r="VIG1193" s="10"/>
      <c r="VIH1193" s="10"/>
      <c r="VII1193" s="10"/>
      <c r="VIJ1193" s="10"/>
      <c r="VIK1193" s="10"/>
      <c r="VIL1193" s="10"/>
      <c r="VIM1193" s="10"/>
      <c r="VIN1193" s="10"/>
      <c r="VIO1193" s="10"/>
      <c r="VIP1193" s="10"/>
      <c r="VIQ1193" s="10"/>
      <c r="VIR1193" s="10"/>
      <c r="VIS1193" s="10"/>
      <c r="VIT1193" s="10"/>
      <c r="VIU1193" s="10"/>
      <c r="VIV1193" s="10"/>
      <c r="VIW1193" s="10"/>
      <c r="VIX1193" s="10"/>
      <c r="VIY1193" s="10"/>
      <c r="VIZ1193" s="10"/>
      <c r="VJA1193" s="10"/>
      <c r="VJB1193" s="10"/>
      <c r="VJC1193" s="10"/>
      <c r="VJD1193" s="10"/>
      <c r="VJE1193" s="10"/>
      <c r="VJF1193" s="10"/>
      <c r="VJG1193" s="10"/>
      <c r="VJH1193" s="10"/>
      <c r="VJI1193" s="10"/>
      <c r="VJJ1193" s="10"/>
      <c r="VJK1193" s="10"/>
      <c r="VJL1193" s="10"/>
      <c r="VJM1193" s="10"/>
      <c r="VJN1193" s="10"/>
      <c r="VJO1193" s="10"/>
      <c r="VJP1193" s="10"/>
      <c r="VJQ1193" s="10"/>
      <c r="VJR1193" s="10"/>
      <c r="VJS1193" s="10"/>
      <c r="VJT1193" s="10"/>
      <c r="VJU1193" s="10"/>
      <c r="VJV1193" s="10"/>
      <c r="VJW1193" s="10"/>
      <c r="VJX1193" s="10"/>
      <c r="VJY1193" s="10"/>
      <c r="VJZ1193" s="10"/>
      <c r="VKA1193" s="10"/>
      <c r="VKB1193" s="10"/>
      <c r="VKC1193" s="10"/>
      <c r="VKD1193" s="10"/>
      <c r="VKE1193" s="10"/>
      <c r="VKF1193" s="10"/>
      <c r="VKG1193" s="10"/>
      <c r="VKH1193" s="10"/>
      <c r="VKI1193" s="10"/>
      <c r="VKJ1193" s="10"/>
      <c r="VKK1193" s="10"/>
      <c r="VKL1193" s="10"/>
      <c r="VKM1193" s="10"/>
      <c r="VKN1193" s="10"/>
      <c r="VKO1193" s="10"/>
      <c r="VKP1193" s="10"/>
      <c r="VKQ1193" s="10"/>
      <c r="VKR1193" s="10"/>
      <c r="VKS1193" s="10"/>
      <c r="VKT1193" s="10"/>
      <c r="VKU1193" s="10"/>
      <c r="VKV1193" s="10"/>
      <c r="VKW1193" s="10"/>
      <c r="VKX1193" s="10"/>
      <c r="VKY1193" s="10"/>
      <c r="VKZ1193" s="10"/>
      <c r="VLA1193" s="10"/>
      <c r="VLB1193" s="10"/>
      <c r="VLC1193" s="10"/>
      <c r="VLD1193" s="10"/>
      <c r="VLE1193" s="10"/>
      <c r="VLF1193" s="10"/>
      <c r="VLG1193" s="10"/>
      <c r="VLH1193" s="10"/>
      <c r="VLI1193" s="10"/>
      <c r="VLJ1193" s="10"/>
      <c r="VLK1193" s="10"/>
      <c r="VLL1193" s="10"/>
      <c r="VLM1193" s="10"/>
      <c r="VLN1193" s="10"/>
      <c r="VLO1193" s="10"/>
      <c r="VLP1193" s="10"/>
      <c r="VLQ1193" s="10"/>
      <c r="VLR1193" s="10"/>
      <c r="VLS1193" s="10"/>
      <c r="VLT1193" s="10"/>
      <c r="VLU1193" s="10"/>
      <c r="VLV1193" s="10"/>
      <c r="VLW1193" s="10"/>
      <c r="VLX1193" s="10"/>
      <c r="VLY1193" s="10"/>
      <c r="VLZ1193" s="10"/>
      <c r="VMA1193" s="10"/>
      <c r="VMB1193" s="10"/>
      <c r="VMC1193" s="10"/>
      <c r="VMD1193" s="10"/>
      <c r="VME1193" s="10"/>
      <c r="VMF1193" s="10"/>
      <c r="VMG1193" s="10"/>
      <c r="VMH1193" s="10"/>
      <c r="VMI1193" s="10"/>
      <c r="VMJ1193" s="10"/>
      <c r="VMK1193" s="10"/>
      <c r="VML1193" s="10"/>
      <c r="VMM1193" s="10"/>
      <c r="VMN1193" s="10"/>
      <c r="VMO1193" s="10"/>
      <c r="VMP1193" s="10"/>
      <c r="VMQ1193" s="10"/>
      <c r="VMR1193" s="10"/>
      <c r="VMS1193" s="10"/>
      <c r="VMT1193" s="10"/>
      <c r="VMU1193" s="10"/>
      <c r="VMV1193" s="10"/>
      <c r="VMW1193" s="10"/>
      <c r="VMX1193" s="10"/>
      <c r="VMY1193" s="10"/>
      <c r="VMZ1193" s="10"/>
      <c r="VNA1193" s="10"/>
      <c r="VNB1193" s="10"/>
      <c r="VNC1193" s="10"/>
      <c r="VND1193" s="10"/>
      <c r="VNE1193" s="10"/>
      <c r="VNF1193" s="10"/>
      <c r="VNG1193" s="10"/>
      <c r="VNH1193" s="10"/>
      <c r="VNI1193" s="10"/>
      <c r="VNJ1193" s="10"/>
      <c r="VNK1193" s="10"/>
      <c r="VNL1193" s="10"/>
      <c r="VNM1193" s="10"/>
      <c r="VNN1193" s="10"/>
      <c r="VNO1193" s="10"/>
      <c r="VNP1193" s="10"/>
      <c r="VNQ1193" s="10"/>
      <c r="VNR1193" s="10"/>
      <c r="VNS1193" s="10"/>
      <c r="VNT1193" s="10"/>
      <c r="VNU1193" s="10"/>
      <c r="VNV1193" s="10"/>
      <c r="VNW1193" s="10"/>
      <c r="VNX1193" s="10"/>
      <c r="VNY1193" s="10"/>
      <c r="VNZ1193" s="10"/>
      <c r="VOA1193" s="10"/>
      <c r="VOB1193" s="10"/>
      <c r="VOC1193" s="10"/>
      <c r="VOD1193" s="10"/>
      <c r="VOE1193" s="10"/>
      <c r="VOF1193" s="10"/>
      <c r="VOG1193" s="10"/>
      <c r="VOH1193" s="10"/>
      <c r="VOI1193" s="10"/>
      <c r="VOJ1193" s="10"/>
      <c r="VOK1193" s="10"/>
      <c r="VOL1193" s="10"/>
      <c r="VOM1193" s="10"/>
      <c r="VON1193" s="10"/>
      <c r="VOO1193" s="10"/>
      <c r="VOP1193" s="10"/>
      <c r="VOQ1193" s="10"/>
      <c r="VOR1193" s="10"/>
      <c r="VOS1193" s="10"/>
      <c r="VOT1193" s="10"/>
      <c r="VOU1193" s="10"/>
      <c r="VOV1193" s="10"/>
      <c r="VOW1193" s="10"/>
      <c r="VOX1193" s="10"/>
      <c r="VOY1193" s="10"/>
      <c r="VOZ1193" s="10"/>
      <c r="VPA1193" s="10"/>
      <c r="VPB1193" s="10"/>
      <c r="VPC1193" s="10"/>
      <c r="VPD1193" s="10"/>
      <c r="VPE1193" s="10"/>
      <c r="VPF1193" s="10"/>
      <c r="VPG1193" s="10"/>
      <c r="VPH1193" s="10"/>
      <c r="VPI1193" s="10"/>
      <c r="VPJ1193" s="10"/>
      <c r="VPK1193" s="10"/>
      <c r="VPL1193" s="10"/>
      <c r="VPM1193" s="10"/>
      <c r="VPN1193" s="10"/>
      <c r="VPO1193" s="10"/>
      <c r="VPP1193" s="10"/>
      <c r="VPQ1193" s="10"/>
      <c r="VPR1193" s="10"/>
      <c r="VPS1193" s="10"/>
      <c r="VPT1193" s="10"/>
      <c r="VPU1193" s="10"/>
      <c r="VPV1193" s="10"/>
      <c r="VPW1193" s="10"/>
      <c r="VPX1193" s="10"/>
      <c r="VPY1193" s="10"/>
      <c r="VPZ1193" s="10"/>
      <c r="VQA1193" s="10"/>
      <c r="VQB1193" s="10"/>
      <c r="VQC1193" s="10"/>
      <c r="VQD1193" s="10"/>
      <c r="VQE1193" s="10"/>
      <c r="VQF1193" s="10"/>
      <c r="VQG1193" s="10"/>
      <c r="VQH1193" s="10"/>
      <c r="VQI1193" s="10"/>
      <c r="VQJ1193" s="10"/>
      <c r="VQK1193" s="10"/>
      <c r="VQL1193" s="10"/>
      <c r="VQM1193" s="10"/>
      <c r="VQN1193" s="10"/>
      <c r="VQO1193" s="10"/>
      <c r="VQP1193" s="10"/>
      <c r="VQQ1193" s="10"/>
      <c r="VQR1193" s="10"/>
      <c r="VQS1193" s="10"/>
      <c r="VQT1193" s="10"/>
      <c r="VQU1193" s="10"/>
      <c r="VQV1193" s="10"/>
      <c r="VQW1193" s="10"/>
      <c r="VQX1193" s="10"/>
      <c r="VQY1193" s="10"/>
      <c r="VQZ1193" s="10"/>
      <c r="VRA1193" s="10"/>
      <c r="VRB1193" s="10"/>
      <c r="VRC1193" s="10"/>
      <c r="VRD1193" s="10"/>
      <c r="VRE1193" s="10"/>
      <c r="VRF1193" s="10"/>
      <c r="VRG1193" s="10"/>
      <c r="VRH1193" s="10"/>
      <c r="VRI1193" s="10"/>
      <c r="VRJ1193" s="10"/>
      <c r="VRK1193" s="10"/>
      <c r="VRL1193" s="10"/>
      <c r="VRM1193" s="10"/>
      <c r="VRN1193" s="10"/>
      <c r="VRO1193" s="10"/>
      <c r="VRP1193" s="10"/>
      <c r="VRQ1193" s="10"/>
      <c r="VRR1193" s="10"/>
      <c r="VRS1193" s="10"/>
      <c r="VRT1193" s="10"/>
      <c r="VRU1193" s="10"/>
      <c r="VRV1193" s="10"/>
      <c r="VRW1193" s="10"/>
      <c r="VRX1193" s="10"/>
      <c r="VRY1193" s="10"/>
      <c r="VRZ1193" s="10"/>
      <c r="VSA1193" s="10"/>
      <c r="VSB1193" s="10"/>
      <c r="VSC1193" s="10"/>
      <c r="VSD1193" s="10"/>
      <c r="VSE1193" s="10"/>
      <c r="VSF1193" s="10"/>
      <c r="VSG1193" s="10"/>
      <c r="VSH1193" s="10"/>
      <c r="VSI1193" s="10"/>
      <c r="VSJ1193" s="10"/>
      <c r="VSK1193" s="10"/>
      <c r="VSL1193" s="10"/>
      <c r="VSM1193" s="10"/>
      <c r="VSN1193" s="10"/>
      <c r="VSO1193" s="10"/>
      <c r="VSP1193" s="10"/>
      <c r="VSQ1193" s="10"/>
      <c r="VSR1193" s="10"/>
      <c r="VSS1193" s="10"/>
      <c r="VST1193" s="10"/>
      <c r="VSU1193" s="10"/>
      <c r="VSV1193" s="10"/>
      <c r="VSW1193" s="10"/>
      <c r="VSX1193" s="10"/>
      <c r="VSY1193" s="10"/>
      <c r="VSZ1193" s="10"/>
      <c r="VTA1193" s="10"/>
      <c r="VTB1193" s="10"/>
      <c r="VTC1193" s="10"/>
      <c r="VTD1193" s="10"/>
      <c r="VTE1193" s="10"/>
      <c r="VTF1193" s="10"/>
      <c r="VTG1193" s="10"/>
      <c r="VTH1193" s="10"/>
      <c r="VTI1193" s="10"/>
      <c r="VTJ1193" s="10"/>
      <c r="VTK1193" s="10"/>
      <c r="VTL1193" s="10"/>
      <c r="VTM1193" s="10"/>
      <c r="VTN1193" s="10"/>
      <c r="VTO1193" s="10"/>
      <c r="VTP1193" s="10"/>
      <c r="VTQ1193" s="10"/>
      <c r="VTR1193" s="10"/>
      <c r="VTS1193" s="10"/>
      <c r="VTT1193" s="10"/>
      <c r="VTU1193" s="10"/>
      <c r="VTV1193" s="10"/>
      <c r="VTW1193" s="10"/>
      <c r="VTX1193" s="10"/>
      <c r="VTY1193" s="10"/>
      <c r="VTZ1193" s="10"/>
      <c r="VUA1193" s="10"/>
      <c r="VUB1193" s="10"/>
      <c r="VUC1193" s="10"/>
      <c r="VUD1193" s="10"/>
      <c r="VUE1193" s="10"/>
      <c r="VUF1193" s="10"/>
      <c r="VUG1193" s="10"/>
      <c r="VUH1193" s="10"/>
      <c r="VUI1193" s="10"/>
      <c r="VUJ1193" s="10"/>
      <c r="VUK1193" s="10"/>
      <c r="VUL1193" s="10"/>
      <c r="VUM1193" s="10"/>
      <c r="VUN1193" s="10"/>
      <c r="VUO1193" s="10"/>
      <c r="VUP1193" s="10"/>
      <c r="VUQ1193" s="10"/>
      <c r="VUR1193" s="10"/>
      <c r="VUS1193" s="10"/>
      <c r="VUT1193" s="10"/>
      <c r="VUU1193" s="10"/>
      <c r="VUV1193" s="10"/>
      <c r="VUW1193" s="10"/>
      <c r="VUX1193" s="10"/>
      <c r="VUY1193" s="10"/>
      <c r="VUZ1193" s="10"/>
      <c r="VVA1193" s="10"/>
      <c r="VVB1193" s="10"/>
      <c r="VVC1193" s="10"/>
      <c r="VVD1193" s="10"/>
      <c r="VVE1193" s="10"/>
      <c r="VVF1193" s="10"/>
      <c r="VVG1193" s="10"/>
      <c r="VVH1193" s="10"/>
      <c r="VVI1193" s="10"/>
      <c r="VVJ1193" s="10"/>
      <c r="VVK1193" s="10"/>
      <c r="VVL1193" s="10"/>
      <c r="VVM1193" s="10"/>
      <c r="VVN1193" s="10"/>
      <c r="VVO1193" s="10"/>
      <c r="VVP1193" s="10"/>
      <c r="VVQ1193" s="10"/>
      <c r="VVR1193" s="10"/>
      <c r="VVS1193" s="10"/>
      <c r="VVT1193" s="10"/>
      <c r="VVU1193" s="10"/>
      <c r="VVV1193" s="10"/>
      <c r="VVW1193" s="10"/>
      <c r="VVX1193" s="10"/>
      <c r="VVY1193" s="10"/>
      <c r="VVZ1193" s="10"/>
      <c r="VWA1193" s="10"/>
      <c r="VWB1193" s="10"/>
      <c r="VWC1193" s="10"/>
      <c r="VWD1193" s="10"/>
      <c r="VWE1193" s="10"/>
      <c r="VWF1193" s="10"/>
      <c r="VWG1193" s="10"/>
      <c r="VWH1193" s="10"/>
      <c r="VWI1193" s="10"/>
      <c r="VWJ1193" s="10"/>
      <c r="VWK1193" s="10"/>
      <c r="VWL1193" s="10"/>
      <c r="VWM1193" s="10"/>
      <c r="VWN1193" s="10"/>
      <c r="VWO1193" s="10"/>
      <c r="VWP1193" s="10"/>
      <c r="VWQ1193" s="10"/>
      <c r="VWR1193" s="10"/>
      <c r="VWS1193" s="10"/>
      <c r="VWT1193" s="10"/>
      <c r="VWU1193" s="10"/>
      <c r="VWV1193" s="10"/>
      <c r="VWW1193" s="10"/>
      <c r="VWX1193" s="10"/>
      <c r="VWY1193" s="10"/>
      <c r="VWZ1193" s="10"/>
      <c r="VXA1193" s="10"/>
      <c r="VXB1193" s="10"/>
      <c r="VXC1193" s="10"/>
      <c r="VXD1193" s="10"/>
      <c r="VXE1193" s="10"/>
      <c r="VXF1193" s="10"/>
      <c r="VXG1193" s="10"/>
      <c r="VXH1193" s="10"/>
      <c r="VXI1193" s="10"/>
      <c r="VXJ1193" s="10"/>
      <c r="VXK1193" s="10"/>
      <c r="VXL1193" s="10"/>
      <c r="VXM1193" s="10"/>
      <c r="VXN1193" s="10"/>
      <c r="VXO1193" s="10"/>
      <c r="VXP1193" s="10"/>
      <c r="VXQ1193" s="10"/>
      <c r="VXR1193" s="10"/>
      <c r="VXS1193" s="10"/>
      <c r="VXT1193" s="10"/>
      <c r="VXU1193" s="10"/>
      <c r="VXV1193" s="10"/>
      <c r="VXW1193" s="10"/>
      <c r="VXX1193" s="10"/>
      <c r="VXY1193" s="10"/>
      <c r="VXZ1193" s="10"/>
      <c r="VYA1193" s="10"/>
      <c r="VYB1193" s="10"/>
      <c r="VYC1193" s="10"/>
      <c r="VYD1193" s="10"/>
      <c r="VYE1193" s="10"/>
      <c r="VYF1193" s="10"/>
      <c r="VYG1193" s="10"/>
      <c r="VYH1193" s="10"/>
      <c r="VYI1193" s="10"/>
      <c r="VYJ1193" s="10"/>
      <c r="VYK1193" s="10"/>
      <c r="VYL1193" s="10"/>
      <c r="VYM1193" s="10"/>
      <c r="VYN1193" s="10"/>
      <c r="VYO1193" s="10"/>
      <c r="VYP1193" s="10"/>
      <c r="VYQ1193" s="10"/>
      <c r="VYR1193" s="10"/>
      <c r="VYS1193" s="10"/>
      <c r="VYT1193" s="10"/>
      <c r="VYU1193" s="10"/>
      <c r="VYV1193" s="10"/>
      <c r="VYW1193" s="10"/>
      <c r="VYX1193" s="10"/>
      <c r="VYY1193" s="10"/>
      <c r="VYZ1193" s="10"/>
      <c r="VZA1193" s="10"/>
      <c r="VZB1193" s="10"/>
      <c r="VZC1193" s="10"/>
      <c r="VZD1193" s="10"/>
      <c r="VZE1193" s="10"/>
      <c r="VZF1193" s="10"/>
      <c r="VZG1193" s="10"/>
      <c r="VZH1193" s="10"/>
      <c r="VZI1193" s="10"/>
      <c r="VZJ1193" s="10"/>
      <c r="VZK1193" s="10"/>
      <c r="VZL1193" s="10"/>
      <c r="VZM1193" s="10"/>
      <c r="VZN1193" s="10"/>
      <c r="VZO1193" s="10"/>
      <c r="VZP1193" s="10"/>
      <c r="VZQ1193" s="10"/>
      <c r="VZR1193" s="10"/>
      <c r="VZS1193" s="10"/>
      <c r="VZT1193" s="10"/>
      <c r="VZU1193" s="10"/>
      <c r="VZV1193" s="10"/>
      <c r="VZW1193" s="10"/>
      <c r="VZX1193" s="10"/>
      <c r="VZY1193" s="10"/>
      <c r="VZZ1193" s="10"/>
      <c r="WAA1193" s="10"/>
      <c r="WAB1193" s="10"/>
      <c r="WAC1193" s="10"/>
      <c r="WAD1193" s="10"/>
      <c r="WAE1193" s="10"/>
      <c r="WAF1193" s="10"/>
      <c r="WAG1193" s="10"/>
      <c r="WAH1193" s="10"/>
      <c r="WAI1193" s="10"/>
      <c r="WAJ1193" s="10"/>
      <c r="WAK1193" s="10"/>
      <c r="WAL1193" s="10"/>
      <c r="WAM1193" s="10"/>
      <c r="WAN1193" s="10"/>
      <c r="WAO1193" s="10"/>
      <c r="WAP1193" s="10"/>
      <c r="WAQ1193" s="10"/>
      <c r="WAR1193" s="10"/>
      <c r="WAS1193" s="10"/>
      <c r="WAT1193" s="10"/>
      <c r="WAU1193" s="10"/>
      <c r="WAV1193" s="10"/>
      <c r="WAW1193" s="10"/>
      <c r="WAX1193" s="10"/>
      <c r="WAY1193" s="10"/>
      <c r="WAZ1193" s="10"/>
      <c r="WBA1193" s="10"/>
      <c r="WBB1193" s="10"/>
      <c r="WBC1193" s="10"/>
      <c r="WBD1193" s="10"/>
      <c r="WBE1193" s="10"/>
      <c r="WBF1193" s="10"/>
      <c r="WBG1193" s="10"/>
      <c r="WBH1193" s="10"/>
      <c r="WBI1193" s="10"/>
      <c r="WBJ1193" s="10"/>
      <c r="WBK1193" s="10"/>
      <c r="WBL1193" s="10"/>
      <c r="WBM1193" s="10"/>
      <c r="WBN1193" s="10"/>
      <c r="WBO1193" s="10"/>
      <c r="WBP1193" s="10"/>
      <c r="WBQ1193" s="10"/>
      <c r="WBR1193" s="10"/>
      <c r="WBS1193" s="10"/>
      <c r="WBT1193" s="10"/>
      <c r="WBU1193" s="10"/>
      <c r="WBV1193" s="10"/>
      <c r="WBW1193" s="10"/>
      <c r="WBX1193" s="10"/>
      <c r="WBY1193" s="10"/>
      <c r="WBZ1193" s="10"/>
      <c r="WCA1193" s="10"/>
      <c r="WCB1193" s="10"/>
      <c r="WCC1193" s="10"/>
      <c r="WCD1193" s="10"/>
      <c r="WCE1193" s="10"/>
      <c r="WCF1193" s="10"/>
      <c r="WCG1193" s="10"/>
      <c r="WCH1193" s="10"/>
      <c r="WCI1193" s="10"/>
      <c r="WCJ1193" s="10"/>
      <c r="WCK1193" s="10"/>
      <c r="WCL1193" s="10"/>
      <c r="WCM1193" s="10"/>
      <c r="WCN1193" s="10"/>
      <c r="WCO1193" s="10"/>
      <c r="WCP1193" s="10"/>
      <c r="WCQ1193" s="10"/>
      <c r="WCR1193" s="10"/>
      <c r="WCS1193" s="10"/>
      <c r="WCT1193" s="10"/>
      <c r="WCU1193" s="10"/>
      <c r="WCV1193" s="10"/>
      <c r="WCW1193" s="10"/>
      <c r="WCX1193" s="10"/>
      <c r="WCY1193" s="10"/>
      <c r="WCZ1193" s="10"/>
      <c r="WDA1193" s="10"/>
      <c r="WDB1193" s="10"/>
      <c r="WDC1193" s="10"/>
      <c r="WDD1193" s="10"/>
      <c r="WDE1193" s="10"/>
      <c r="WDF1193" s="10"/>
      <c r="WDG1193" s="10"/>
      <c r="WDH1193" s="10"/>
      <c r="WDI1193" s="10"/>
      <c r="WDJ1193" s="10"/>
      <c r="WDK1193" s="10"/>
      <c r="WDL1193" s="10"/>
      <c r="WDM1193" s="10"/>
      <c r="WDN1193" s="10"/>
      <c r="WDO1193" s="10"/>
      <c r="WDP1193" s="10"/>
      <c r="WDQ1193" s="10"/>
      <c r="WDR1193" s="10"/>
      <c r="WDS1193" s="10"/>
      <c r="WDT1193" s="10"/>
      <c r="WDU1193" s="10"/>
      <c r="WDV1193" s="10"/>
      <c r="WDW1193" s="10"/>
      <c r="WDX1193" s="10"/>
      <c r="WDY1193" s="10"/>
      <c r="WDZ1193" s="10"/>
      <c r="WEA1193" s="10"/>
      <c r="WEB1193" s="10"/>
      <c r="WEC1193" s="10"/>
      <c r="WED1193" s="10"/>
      <c r="WEE1193" s="10"/>
      <c r="WEF1193" s="10"/>
      <c r="WEG1193" s="10"/>
      <c r="WEH1193" s="10"/>
      <c r="WEI1193" s="10"/>
      <c r="WEJ1193" s="10"/>
      <c r="WEK1193" s="10"/>
      <c r="WEL1193" s="10"/>
      <c r="WEM1193" s="10"/>
      <c r="WEN1193" s="10"/>
      <c r="WEO1193" s="10"/>
      <c r="WEP1193" s="10"/>
      <c r="WEQ1193" s="10"/>
      <c r="WER1193" s="10"/>
      <c r="WES1193" s="10"/>
      <c r="WET1193" s="10"/>
      <c r="WEU1193" s="10"/>
      <c r="WEV1193" s="10"/>
      <c r="WEW1193" s="10"/>
      <c r="WEX1193" s="10"/>
      <c r="WEY1193" s="10"/>
      <c r="WEZ1193" s="10"/>
      <c r="WFA1193" s="10"/>
      <c r="WFB1193" s="10"/>
      <c r="WFC1193" s="10"/>
      <c r="WFD1193" s="10"/>
      <c r="WFE1193" s="10"/>
      <c r="WFF1193" s="10"/>
      <c r="WFG1193" s="10"/>
      <c r="WFH1193" s="10"/>
      <c r="WFI1193" s="10"/>
      <c r="WFJ1193" s="10"/>
      <c r="WFK1193" s="10"/>
      <c r="WFL1193" s="10"/>
      <c r="WFM1193" s="10"/>
      <c r="WFN1193" s="10"/>
      <c r="WFO1193" s="10"/>
      <c r="WFP1193" s="10"/>
      <c r="WFQ1193" s="10"/>
      <c r="WFR1193" s="10"/>
      <c r="WFS1193" s="10"/>
      <c r="WFT1193" s="10"/>
      <c r="WFU1193" s="10"/>
      <c r="WFV1193" s="10"/>
      <c r="WFW1193" s="10"/>
      <c r="WFX1193" s="10"/>
      <c r="WFY1193" s="10"/>
      <c r="WFZ1193" s="10"/>
      <c r="WGA1193" s="10"/>
      <c r="WGB1193" s="10"/>
      <c r="WGC1193" s="10"/>
      <c r="WGD1193" s="10"/>
      <c r="WGE1193" s="10"/>
      <c r="WGF1193" s="10"/>
      <c r="WGG1193" s="10"/>
      <c r="WGH1193" s="10"/>
      <c r="WGI1193" s="10"/>
      <c r="WGJ1193" s="10"/>
      <c r="WGK1193" s="10"/>
      <c r="WGL1193" s="10"/>
      <c r="WGM1193" s="10"/>
      <c r="WGN1193" s="10"/>
      <c r="WGO1193" s="10"/>
      <c r="WGP1193" s="10"/>
      <c r="WGQ1193" s="10"/>
      <c r="WGR1193" s="10"/>
      <c r="WGS1193" s="10"/>
      <c r="WGT1193" s="10"/>
      <c r="WGU1193" s="10"/>
      <c r="WGV1193" s="10"/>
      <c r="WGW1193" s="10"/>
      <c r="WGX1193" s="10"/>
      <c r="WGY1193" s="10"/>
      <c r="WGZ1193" s="10"/>
      <c r="WHA1193" s="10"/>
      <c r="WHB1193" s="10"/>
      <c r="WHC1193" s="10"/>
      <c r="WHD1193" s="10"/>
      <c r="WHE1193" s="10"/>
      <c r="WHF1193" s="10"/>
      <c r="WHG1193" s="10"/>
      <c r="WHH1193" s="10"/>
      <c r="WHI1193" s="10"/>
      <c r="WHJ1193" s="10"/>
      <c r="WHK1193" s="10"/>
      <c r="WHL1193" s="10"/>
      <c r="WHM1193" s="10"/>
      <c r="WHN1193" s="10"/>
      <c r="WHO1193" s="10"/>
      <c r="WHP1193" s="10"/>
      <c r="WHQ1193" s="10"/>
      <c r="WHR1193" s="10"/>
      <c r="WHS1193" s="10"/>
      <c r="WHT1193" s="10"/>
      <c r="WHU1193" s="10"/>
      <c r="WHV1193" s="10"/>
      <c r="WHW1193" s="10"/>
      <c r="WHX1193" s="10"/>
      <c r="WHY1193" s="10"/>
      <c r="WHZ1193" s="10"/>
      <c r="WIA1193" s="10"/>
      <c r="WIB1193" s="10"/>
      <c r="WIC1193" s="10"/>
      <c r="WID1193" s="10"/>
      <c r="WIE1193" s="10"/>
      <c r="WIF1193" s="10"/>
      <c r="WIG1193" s="10"/>
      <c r="WIH1193" s="10"/>
      <c r="WII1193" s="10"/>
      <c r="WIJ1193" s="10"/>
      <c r="WIK1193" s="10"/>
      <c r="WIL1193" s="10"/>
      <c r="WIM1193" s="10"/>
      <c r="WIN1193" s="10"/>
      <c r="WIO1193" s="10"/>
      <c r="WIP1193" s="10"/>
      <c r="WIQ1193" s="10"/>
      <c r="WIR1193" s="10"/>
      <c r="WIS1193" s="10"/>
      <c r="WIT1193" s="10"/>
      <c r="WIU1193" s="10"/>
      <c r="WIV1193" s="10"/>
      <c r="WIW1193" s="10"/>
      <c r="WIX1193" s="10"/>
      <c r="WIY1193" s="10"/>
      <c r="WIZ1193" s="10"/>
      <c r="WJA1193" s="10"/>
      <c r="WJB1193" s="10"/>
      <c r="WJC1193" s="10"/>
      <c r="WJD1193" s="10"/>
      <c r="WJE1193" s="10"/>
      <c r="WJF1193" s="10"/>
      <c r="WJG1193" s="10"/>
      <c r="WJH1193" s="10"/>
      <c r="WJI1193" s="10"/>
      <c r="WJJ1193" s="10"/>
      <c r="WJK1193" s="10"/>
      <c r="WJL1193" s="10"/>
      <c r="WJM1193" s="10"/>
      <c r="WJN1193" s="10"/>
      <c r="WJO1193" s="10"/>
      <c r="WJP1193" s="10"/>
      <c r="WJQ1193" s="10"/>
      <c r="WJR1193" s="10"/>
      <c r="WJS1193" s="10"/>
      <c r="WJT1193" s="10"/>
      <c r="WJU1193" s="10"/>
      <c r="WJV1193" s="10"/>
      <c r="WJW1193" s="10"/>
      <c r="WJX1193" s="10"/>
      <c r="WJY1193" s="10"/>
      <c r="WJZ1193" s="10"/>
      <c r="WKA1193" s="10"/>
      <c r="WKB1193" s="10"/>
      <c r="WKC1193" s="10"/>
      <c r="WKD1193" s="10"/>
      <c r="WKE1193" s="10"/>
      <c r="WKF1193" s="10"/>
      <c r="WKG1193" s="10"/>
      <c r="WKH1193" s="10"/>
      <c r="WKI1193" s="10"/>
      <c r="WKJ1193" s="10"/>
      <c r="WKK1193" s="10"/>
      <c r="WKL1193" s="10"/>
      <c r="WKM1193" s="10"/>
      <c r="WKN1193" s="10"/>
      <c r="WKO1193" s="10"/>
      <c r="WKP1193" s="10"/>
      <c r="WKQ1193" s="10"/>
      <c r="WKR1193" s="10"/>
      <c r="WKS1193" s="10"/>
      <c r="WKT1193" s="10"/>
      <c r="WKU1193" s="10"/>
      <c r="WKV1193" s="10"/>
      <c r="WKW1193" s="10"/>
      <c r="WKX1193" s="10"/>
      <c r="WKY1193" s="10"/>
      <c r="WKZ1193" s="10"/>
      <c r="WLA1193" s="10"/>
      <c r="WLB1193" s="10"/>
      <c r="WLC1193" s="10"/>
      <c r="WLD1193" s="10"/>
      <c r="WLE1193" s="10"/>
      <c r="WLF1193" s="10"/>
      <c r="WLG1193" s="10"/>
      <c r="WLH1193" s="10"/>
      <c r="WLI1193" s="10"/>
      <c r="WLJ1193" s="10"/>
      <c r="WLK1193" s="10"/>
      <c r="WLL1193" s="10"/>
      <c r="WLM1193" s="10"/>
      <c r="WLN1193" s="10"/>
      <c r="WLO1193" s="10"/>
      <c r="WLP1193" s="10"/>
      <c r="WLQ1193" s="10"/>
      <c r="WLR1193" s="10"/>
      <c r="WLS1193" s="10"/>
      <c r="WLT1193" s="10"/>
      <c r="WLU1193" s="10"/>
      <c r="WLV1193" s="10"/>
      <c r="WLW1193" s="10"/>
      <c r="WLX1193" s="10"/>
      <c r="WLY1193" s="10"/>
      <c r="WLZ1193" s="10"/>
      <c r="WMA1193" s="10"/>
      <c r="WMB1193" s="10"/>
      <c r="WMC1193" s="10"/>
      <c r="WMD1193" s="10"/>
      <c r="WME1193" s="10"/>
      <c r="WMF1193" s="10"/>
      <c r="WMG1193" s="10"/>
      <c r="WMH1193" s="10"/>
      <c r="WMI1193" s="10"/>
      <c r="WMJ1193" s="10"/>
      <c r="WMK1193" s="10"/>
      <c r="WML1193" s="10"/>
      <c r="WMM1193" s="10"/>
      <c r="WMN1193" s="10"/>
      <c r="WMO1193" s="10"/>
      <c r="WMP1193" s="10"/>
      <c r="WMQ1193" s="10"/>
      <c r="WMR1193" s="10"/>
      <c r="WMS1193" s="10"/>
      <c r="WMT1193" s="10"/>
      <c r="WMU1193" s="10"/>
      <c r="WMV1193" s="10"/>
      <c r="WMW1193" s="10"/>
      <c r="WMX1193" s="10"/>
      <c r="WMY1193" s="10"/>
      <c r="WMZ1193" s="10"/>
      <c r="WNA1193" s="10"/>
      <c r="WNB1193" s="10"/>
      <c r="WNC1193" s="10"/>
      <c r="WND1193" s="10"/>
      <c r="WNE1193" s="10"/>
      <c r="WNF1193" s="10"/>
      <c r="WNG1193" s="10"/>
      <c r="WNH1193" s="10"/>
      <c r="WNI1193" s="10"/>
      <c r="WNJ1193" s="10"/>
      <c r="WNK1193" s="10"/>
      <c r="WNL1193" s="10"/>
      <c r="WNM1193" s="10"/>
      <c r="WNN1193" s="10"/>
      <c r="WNO1193" s="10"/>
      <c r="WNP1193" s="10"/>
      <c r="WNQ1193" s="10"/>
      <c r="WNR1193" s="10"/>
      <c r="WNS1193" s="10"/>
      <c r="WNT1193" s="10"/>
      <c r="WNU1193" s="10"/>
      <c r="WNV1193" s="10"/>
      <c r="WNW1193" s="10"/>
      <c r="WNX1193" s="10"/>
      <c r="WNY1193" s="10"/>
      <c r="WNZ1193" s="10"/>
      <c r="WOA1193" s="10"/>
      <c r="WOB1193" s="10"/>
      <c r="WOC1193" s="10"/>
      <c r="WOD1193" s="10"/>
      <c r="WOE1193" s="10"/>
      <c r="WOF1193" s="10"/>
      <c r="WOG1193" s="10"/>
      <c r="WOH1193" s="10"/>
      <c r="WOI1193" s="10"/>
      <c r="WOJ1193" s="10"/>
      <c r="WOK1193" s="10"/>
      <c r="WOL1193" s="10"/>
      <c r="WOM1193" s="10"/>
      <c r="WON1193" s="10"/>
      <c r="WOO1193" s="10"/>
      <c r="WOP1193" s="10"/>
      <c r="WOQ1193" s="10"/>
      <c r="WOR1193" s="10"/>
      <c r="WOS1193" s="10"/>
      <c r="WOT1193" s="10"/>
      <c r="WOU1193" s="10"/>
      <c r="WOV1193" s="10"/>
      <c r="WOW1193" s="10"/>
      <c r="WOX1193" s="10"/>
      <c r="WOY1193" s="10"/>
      <c r="WOZ1193" s="10"/>
      <c r="WPA1193" s="10"/>
      <c r="WPB1193" s="10"/>
      <c r="WPC1193" s="10"/>
      <c r="WPD1193" s="10"/>
      <c r="WPE1193" s="10"/>
      <c r="WPF1193" s="10"/>
      <c r="WPG1193" s="10"/>
      <c r="WPH1193" s="10"/>
      <c r="WPI1193" s="10"/>
      <c r="WPJ1193" s="10"/>
      <c r="WPK1193" s="10"/>
      <c r="WPL1193" s="10"/>
      <c r="WPM1193" s="10"/>
      <c r="WPN1193" s="10"/>
      <c r="WPO1193" s="10"/>
      <c r="WPP1193" s="10"/>
      <c r="WPQ1193" s="10"/>
      <c r="WPR1193" s="10"/>
      <c r="WPS1193" s="10"/>
      <c r="WPT1193" s="10"/>
      <c r="WPU1193" s="10"/>
      <c r="WPV1193" s="10"/>
      <c r="WPW1193" s="10"/>
      <c r="WPX1193" s="10"/>
      <c r="WPY1193" s="10"/>
      <c r="WPZ1193" s="10"/>
      <c r="WQA1193" s="10"/>
      <c r="WQB1193" s="10"/>
      <c r="WQC1193" s="10"/>
      <c r="WQD1193" s="10"/>
      <c r="WQE1193" s="10"/>
      <c r="WQF1193" s="10"/>
      <c r="WQG1193" s="10"/>
      <c r="WQH1193" s="10"/>
      <c r="WQI1193" s="10"/>
      <c r="WQJ1193" s="10"/>
      <c r="WQK1193" s="10"/>
      <c r="WQL1193" s="10"/>
      <c r="WQM1193" s="10"/>
      <c r="WQN1193" s="10"/>
      <c r="WQO1193" s="10"/>
      <c r="WQP1193" s="10"/>
      <c r="WQQ1193" s="10"/>
      <c r="WQR1193" s="10"/>
      <c r="WQS1193" s="10"/>
      <c r="WQT1193" s="10"/>
      <c r="WQU1193" s="10"/>
      <c r="WQV1193" s="10"/>
      <c r="WQW1193" s="10"/>
      <c r="WQX1193" s="10"/>
      <c r="WQY1193" s="10"/>
      <c r="WQZ1193" s="10"/>
      <c r="WRA1193" s="10"/>
      <c r="WRB1193" s="10"/>
      <c r="WRC1193" s="10"/>
      <c r="WRD1193" s="10"/>
      <c r="WRE1193" s="10"/>
      <c r="WRF1193" s="10"/>
      <c r="WRG1193" s="10"/>
      <c r="WRH1193" s="10"/>
      <c r="WRI1193" s="10"/>
      <c r="WRJ1193" s="10"/>
      <c r="WRK1193" s="10"/>
      <c r="WRL1193" s="10"/>
      <c r="WRM1193" s="10"/>
      <c r="WRN1193" s="10"/>
      <c r="WRO1193" s="10"/>
      <c r="WRP1193" s="10"/>
      <c r="WRQ1193" s="10"/>
      <c r="WRR1193" s="10"/>
      <c r="WRS1193" s="10"/>
      <c r="WRT1193" s="10"/>
      <c r="WRU1193" s="10"/>
      <c r="WRV1193" s="10"/>
      <c r="WRW1193" s="10"/>
      <c r="WRX1193" s="10"/>
      <c r="WRY1193" s="10"/>
      <c r="WRZ1193" s="10"/>
      <c r="WSA1193" s="10"/>
      <c r="WSB1193" s="10"/>
      <c r="WSC1193" s="10"/>
      <c r="WSD1193" s="10"/>
      <c r="WSE1193" s="10"/>
      <c r="WSF1193" s="10"/>
      <c r="WSG1193" s="10"/>
      <c r="WSH1193" s="10"/>
      <c r="WSI1193" s="10"/>
      <c r="WSJ1193" s="10"/>
      <c r="WSK1193" s="10"/>
      <c r="WSL1193" s="10"/>
      <c r="WSM1193" s="10"/>
      <c r="WSN1193" s="10"/>
      <c r="WSO1193" s="10"/>
      <c r="WSP1193" s="10"/>
      <c r="WSQ1193" s="10"/>
      <c r="WSR1193" s="10"/>
      <c r="WSS1193" s="10"/>
      <c r="WST1193" s="10"/>
      <c r="WSU1193" s="10"/>
      <c r="WSV1193" s="10"/>
      <c r="WSW1193" s="10"/>
      <c r="WSX1193" s="10"/>
      <c r="WSY1193" s="10"/>
      <c r="WSZ1193" s="10"/>
      <c r="WTA1193" s="10"/>
      <c r="WTB1193" s="10"/>
      <c r="WTC1193" s="10"/>
      <c r="WTD1193" s="10"/>
      <c r="WTE1193" s="10"/>
      <c r="WTF1193" s="10"/>
      <c r="WTG1193" s="10"/>
      <c r="WTH1193" s="10"/>
      <c r="WTI1193" s="10"/>
      <c r="WTJ1193" s="10"/>
      <c r="WTK1193" s="10"/>
      <c r="WTL1193" s="10"/>
      <c r="WTM1193" s="10"/>
      <c r="WTN1193" s="10"/>
      <c r="WTO1193" s="10"/>
      <c r="WTP1193" s="10"/>
      <c r="WTQ1193" s="10"/>
      <c r="WTR1193" s="10"/>
      <c r="WTS1193" s="10"/>
      <c r="WTT1193" s="10"/>
      <c r="WTU1193" s="10"/>
      <c r="WTV1193" s="10"/>
      <c r="WTW1193" s="10"/>
      <c r="WTX1193" s="10"/>
      <c r="WTY1193" s="10"/>
      <c r="WTZ1193" s="10"/>
      <c r="WUA1193" s="10"/>
      <c r="WUB1193" s="10"/>
      <c r="WUC1193" s="10"/>
      <c r="WUD1193" s="10"/>
      <c r="WUE1193" s="10"/>
      <c r="WUF1193" s="10"/>
      <c r="WUG1193" s="10"/>
      <c r="WUH1193" s="10"/>
      <c r="WUI1193" s="10"/>
      <c r="WUJ1193" s="10"/>
      <c r="WUK1193" s="10"/>
      <c r="WUL1193" s="10"/>
      <c r="WUM1193" s="10"/>
      <c r="WUN1193" s="10"/>
      <c r="WUO1193" s="10"/>
      <c r="WUP1193" s="10"/>
      <c r="WUQ1193" s="10"/>
      <c r="WUR1193" s="10"/>
      <c r="WUS1193" s="10"/>
      <c r="WUT1193" s="10"/>
      <c r="WUU1193" s="10"/>
      <c r="WUV1193" s="10"/>
      <c r="WUW1193" s="10"/>
      <c r="WUX1193" s="10"/>
      <c r="WUY1193" s="10"/>
      <c r="WUZ1193" s="10"/>
      <c r="WVA1193" s="10"/>
      <c r="WVB1193" s="10"/>
      <c r="WVC1193" s="10"/>
      <c r="WVD1193" s="10"/>
      <c r="WVE1193" s="10"/>
      <c r="WVF1193" s="10"/>
      <c r="WVG1193" s="10"/>
      <c r="WVH1193" s="10"/>
      <c r="WVI1193" s="10"/>
      <c r="WVJ1193" s="10"/>
      <c r="WVK1193" s="10"/>
      <c r="WVL1193" s="10"/>
      <c r="WVM1193" s="10"/>
      <c r="WVN1193" s="10"/>
      <c r="WVO1193" s="10"/>
      <c r="WVP1193" s="10"/>
      <c r="WVQ1193" s="10"/>
      <c r="WVR1193" s="10"/>
      <c r="WVS1193" s="10"/>
      <c r="WVT1193" s="10"/>
      <c r="WVU1193" s="10"/>
      <c r="WVV1193" s="10"/>
      <c r="WVW1193" s="10"/>
      <c r="WVX1193" s="10"/>
      <c r="WVY1193" s="10"/>
      <c r="WVZ1193" s="10"/>
      <c r="WWA1193" s="10"/>
      <c r="WWB1193" s="10"/>
      <c r="WWC1193" s="10"/>
      <c r="WWD1193" s="10"/>
      <c r="WWE1193" s="10"/>
      <c r="WWF1193" s="10"/>
      <c r="WWG1193" s="10"/>
      <c r="WWH1193" s="10"/>
      <c r="WWI1193" s="10"/>
      <c r="WWJ1193" s="10"/>
      <c r="WWK1193" s="10"/>
      <c r="WWL1193" s="10"/>
      <c r="WWM1193" s="10"/>
      <c r="WWN1193" s="10"/>
      <c r="WWO1193" s="10"/>
      <c r="WWP1193" s="10"/>
      <c r="WWQ1193" s="10"/>
      <c r="WWR1193" s="10"/>
      <c r="WWS1193" s="10"/>
      <c r="WWT1193" s="10"/>
      <c r="WWU1193" s="10"/>
      <c r="WWV1193" s="10"/>
      <c r="WWW1193" s="10"/>
      <c r="WWX1193" s="10"/>
      <c r="WWY1193" s="10"/>
      <c r="WWZ1193" s="10"/>
      <c r="WXA1193" s="10"/>
      <c r="WXB1193" s="10"/>
      <c r="WXC1193" s="10"/>
      <c r="WXD1193" s="10"/>
      <c r="WXE1193" s="10"/>
      <c r="WXF1193" s="10"/>
      <c r="WXG1193" s="10"/>
      <c r="WXH1193" s="10"/>
      <c r="WXI1193" s="10"/>
      <c r="WXJ1193" s="10"/>
      <c r="WXK1193" s="10"/>
      <c r="WXL1193" s="10"/>
      <c r="WXM1193" s="10"/>
      <c r="WXN1193" s="10"/>
      <c r="WXO1193" s="10"/>
      <c r="WXP1193" s="10"/>
      <c r="WXQ1193" s="10"/>
      <c r="WXR1193" s="10"/>
      <c r="WXS1193" s="10"/>
      <c r="WXT1193" s="10"/>
      <c r="WXU1193" s="10"/>
      <c r="WXV1193" s="10"/>
      <c r="WXW1193" s="10"/>
      <c r="WXX1193" s="10"/>
      <c r="WXY1193" s="10"/>
      <c r="WXZ1193" s="10"/>
      <c r="WYA1193" s="10"/>
      <c r="WYB1193" s="10"/>
      <c r="WYC1193" s="10"/>
      <c r="WYD1193" s="10"/>
      <c r="WYE1193" s="10"/>
      <c r="WYF1193" s="10"/>
      <c r="WYG1193" s="10"/>
      <c r="WYH1193" s="10"/>
      <c r="WYI1193" s="10"/>
      <c r="WYJ1193" s="10"/>
      <c r="WYK1193" s="10"/>
      <c r="WYL1193" s="10"/>
      <c r="WYM1193" s="10"/>
      <c r="WYN1193" s="10"/>
      <c r="WYO1193" s="10"/>
      <c r="WYP1193" s="10"/>
      <c r="WYQ1193" s="10"/>
      <c r="WYR1193" s="10"/>
      <c r="WYS1193" s="10"/>
      <c r="WYT1193" s="10"/>
      <c r="WYU1193" s="10"/>
      <c r="WYV1193" s="10"/>
      <c r="WYW1193" s="10"/>
      <c r="WYX1193" s="10"/>
      <c r="WYY1193" s="10"/>
      <c r="WYZ1193" s="10"/>
      <c r="WZA1193" s="10"/>
      <c r="WZB1193" s="10"/>
      <c r="WZC1193" s="10"/>
      <c r="WZD1193" s="10"/>
      <c r="WZE1193" s="10"/>
      <c r="WZF1193" s="10"/>
      <c r="WZG1193" s="10"/>
      <c r="WZH1193" s="10"/>
      <c r="WZI1193" s="10"/>
      <c r="WZJ1193" s="10"/>
      <c r="WZK1193" s="10"/>
      <c r="WZL1193" s="10"/>
      <c r="WZM1193" s="10"/>
      <c r="WZN1193" s="10"/>
      <c r="WZO1193" s="10"/>
      <c r="WZP1193" s="10"/>
      <c r="WZQ1193" s="10"/>
      <c r="WZR1193" s="10"/>
      <c r="WZS1193" s="10"/>
      <c r="WZT1193" s="10"/>
      <c r="WZU1193" s="10"/>
      <c r="WZV1193" s="10"/>
      <c r="WZW1193" s="10"/>
      <c r="WZX1193" s="10"/>
      <c r="WZY1193" s="10"/>
      <c r="WZZ1193" s="10"/>
      <c r="XAA1193" s="10"/>
      <c r="XAB1193" s="10"/>
      <c r="XAC1193" s="10"/>
      <c r="XAD1193" s="10"/>
      <c r="XAE1193" s="10"/>
      <c r="XAF1193" s="10"/>
      <c r="XAG1193" s="10"/>
      <c r="XAH1193" s="10"/>
      <c r="XAI1193" s="10"/>
      <c r="XAJ1193" s="10"/>
      <c r="XAK1193" s="10"/>
      <c r="XAL1193" s="10"/>
      <c r="XAM1193" s="10"/>
      <c r="XAN1193" s="10"/>
      <c r="XAO1193" s="10"/>
      <c r="XAP1193" s="10"/>
      <c r="XAQ1193" s="10"/>
      <c r="XAR1193" s="10"/>
      <c r="XAS1193" s="10"/>
      <c r="XAT1193" s="10"/>
      <c r="XAU1193" s="10"/>
      <c r="XAV1193" s="10"/>
      <c r="XAW1193" s="10"/>
      <c r="XAX1193" s="10"/>
      <c r="XAY1193" s="10"/>
      <c r="XAZ1193" s="10"/>
      <c r="XBA1193" s="10"/>
      <c r="XBB1193" s="10"/>
      <c r="XBC1193" s="10"/>
      <c r="XBD1193" s="10"/>
      <c r="XBE1193" s="10"/>
      <c r="XBF1193" s="10"/>
      <c r="XBG1193" s="10"/>
      <c r="XBH1193" s="10"/>
      <c r="XBI1193" s="10"/>
      <c r="XBJ1193" s="10"/>
      <c r="XBK1193" s="10"/>
      <c r="XBL1193" s="10"/>
      <c r="XBM1193" s="10"/>
      <c r="XBN1193" s="10"/>
      <c r="XBO1193" s="10"/>
      <c r="XBP1193" s="10"/>
      <c r="XBQ1193" s="10"/>
      <c r="XBR1193" s="10"/>
      <c r="XBS1193" s="10"/>
      <c r="XBT1193" s="10"/>
      <c r="XBU1193" s="10"/>
      <c r="XBV1193" s="10"/>
      <c r="XBW1193" s="10"/>
      <c r="XBX1193" s="10"/>
      <c r="XBY1193" s="10"/>
      <c r="XBZ1193" s="10"/>
      <c r="XCA1193" s="10"/>
      <c r="XCB1193" s="10"/>
      <c r="XCC1193" s="10"/>
      <c r="XCD1193" s="10"/>
      <c r="XCE1193" s="10"/>
      <c r="XCF1193" s="10"/>
      <c r="XCG1193" s="10"/>
      <c r="XCH1193" s="10"/>
      <c r="XCI1193" s="10"/>
      <c r="XCJ1193" s="10"/>
      <c r="XCK1193" s="10"/>
      <c r="XCL1193" s="10"/>
      <c r="XCM1193" s="10"/>
      <c r="XCN1193" s="10"/>
      <c r="XCO1193" s="10"/>
      <c r="XCP1193" s="10"/>
      <c r="XCQ1193" s="10"/>
      <c r="XCR1193" s="10"/>
      <c r="XCS1193" s="10"/>
      <c r="XCT1193" s="10"/>
      <c r="XCU1193" s="10"/>
      <c r="XCV1193" s="10"/>
      <c r="XCW1193" s="10"/>
      <c r="XCX1193" s="10"/>
      <c r="XCY1193" s="10"/>
      <c r="XCZ1193" s="10"/>
      <c r="XDA1193" s="10"/>
      <c r="XDB1193" s="10"/>
      <c r="XDC1193" s="10"/>
      <c r="XDD1193" s="10"/>
      <c r="XDE1193" s="10"/>
      <c r="XDF1193" s="10"/>
      <c r="XDG1193" s="10"/>
      <c r="XDH1193" s="10"/>
      <c r="XDI1193" s="10"/>
      <c r="XDJ1193" s="10"/>
      <c r="XDK1193" s="10"/>
      <c r="XDL1193" s="10"/>
      <c r="XDM1193" s="10"/>
    </row>
    <row r="1194" spans="1:16341" hidden="1" outlineLevel="1">
      <c r="E1194" s="8" t="s">
        <v>83</v>
      </c>
      <c r="F1194" s="8">
        <v>374</v>
      </c>
      <c r="G1194" s="8" t="s">
        <v>82</v>
      </c>
      <c r="H1194" s="8" t="s">
        <v>66</v>
      </c>
      <c r="I1194" s="8" t="s">
        <v>65</v>
      </c>
      <c r="J1194" s="8">
        <v>1</v>
      </c>
      <c r="K1194" s="8" t="s">
        <v>514</v>
      </c>
      <c r="L1194" s="8">
        <v>3</v>
      </c>
      <c r="M1194" s="8">
        <v>3</v>
      </c>
      <c r="N1194" s="72" t="s">
        <v>731</v>
      </c>
      <c r="O1194" s="98"/>
    </row>
    <row r="1195" spans="1:16341" hidden="1" outlineLevel="1">
      <c r="E1195" s="8" t="s">
        <v>81</v>
      </c>
      <c r="F1195" s="8">
        <v>373</v>
      </c>
      <c r="G1195" s="8" t="s">
        <v>1</v>
      </c>
      <c r="H1195" s="8" t="s">
        <v>78</v>
      </c>
      <c r="I1195" s="8" t="s">
        <v>71</v>
      </c>
      <c r="J1195" s="8">
        <v>1</v>
      </c>
      <c r="K1195" s="8" t="s">
        <v>519</v>
      </c>
      <c r="L1195" s="8">
        <v>8</v>
      </c>
      <c r="M1195" s="8">
        <v>8</v>
      </c>
      <c r="O1195" s="98"/>
    </row>
    <row r="1196" spans="1:16341" hidden="1" outlineLevel="1">
      <c r="E1196" s="8" t="s">
        <v>80</v>
      </c>
      <c r="F1196" s="8">
        <v>337</v>
      </c>
      <c r="G1196" s="8" t="s">
        <v>79</v>
      </c>
      <c r="H1196" s="8" t="s">
        <v>78</v>
      </c>
      <c r="I1196" s="8" t="s">
        <v>71</v>
      </c>
      <c r="J1196" s="8">
        <v>1</v>
      </c>
      <c r="K1196" s="8" t="s">
        <v>518</v>
      </c>
      <c r="L1196" s="8">
        <v>4</v>
      </c>
      <c r="M1196" s="8">
        <v>8</v>
      </c>
      <c r="O1196" s="98"/>
    </row>
    <row r="1197" spans="1:16341" hidden="1" outlineLevel="1">
      <c r="E1197" s="8" t="s">
        <v>77</v>
      </c>
      <c r="F1197" s="8">
        <v>623</v>
      </c>
      <c r="G1197" s="8" t="s">
        <v>76</v>
      </c>
      <c r="H1197" s="8" t="s">
        <v>17</v>
      </c>
      <c r="I1197" s="8" t="s">
        <v>71</v>
      </c>
      <c r="J1197" s="8">
        <v>1</v>
      </c>
      <c r="K1197" s="8" t="s">
        <v>514</v>
      </c>
      <c r="L1197" s="8">
        <v>2</v>
      </c>
      <c r="M1197" s="8">
        <v>2</v>
      </c>
      <c r="N1197" s="70" t="s">
        <v>624</v>
      </c>
      <c r="O1197" s="98"/>
    </row>
    <row r="1198" spans="1:16341" s="151" customFormat="1" hidden="1" outlineLevel="1" collapsed="1">
      <c r="A1198" s="17"/>
      <c r="B1198" s="17"/>
      <c r="C1198" s="17" t="s">
        <v>84</v>
      </c>
      <c r="D1198" s="139" t="s">
        <v>428</v>
      </c>
      <c r="E1198" s="17"/>
      <c r="F1198" s="17"/>
      <c r="G1198" s="17"/>
      <c r="H1198" s="17" t="s">
        <v>17</v>
      </c>
      <c r="I1198" s="17" t="s">
        <v>71</v>
      </c>
      <c r="J1198" s="17">
        <v>10</v>
      </c>
      <c r="K1198" s="17"/>
      <c r="L1198" s="17"/>
      <c r="M1198" s="17"/>
      <c r="N1198" s="138"/>
      <c r="O1198" s="98"/>
      <c r="P1198" s="99"/>
      <c r="Q1198" s="10"/>
      <c r="R1198" s="10"/>
      <c r="S1198" s="10"/>
      <c r="T1198" s="10"/>
      <c r="U1198" s="10"/>
      <c r="V1198" s="10"/>
      <c r="W1198" s="10"/>
      <c r="X1198" s="10"/>
      <c r="Y1198" s="10"/>
      <c r="Z1198" s="10"/>
      <c r="AA1198" s="10"/>
      <c r="AB1198" s="10"/>
      <c r="AC1198" s="10"/>
      <c r="AD1198" s="10"/>
      <c r="AE1198" s="10"/>
      <c r="AF1198" s="10"/>
      <c r="AG1198" s="10"/>
      <c r="AH1198" s="10"/>
      <c r="AI1198" s="10"/>
      <c r="AJ1198" s="10"/>
      <c r="AK1198" s="10"/>
      <c r="AL1198" s="10"/>
      <c r="AM1198" s="10"/>
      <c r="AN1198" s="10"/>
      <c r="AO1198" s="10"/>
      <c r="AP1198" s="10"/>
      <c r="AQ1198" s="10"/>
      <c r="AR1198" s="10"/>
      <c r="AS1198" s="10"/>
      <c r="AT1198" s="10"/>
      <c r="AU1198" s="10"/>
      <c r="AV1198" s="10"/>
      <c r="AW1198" s="10"/>
      <c r="AX1198" s="10"/>
      <c r="AY1198" s="10"/>
      <c r="AZ1198" s="10"/>
      <c r="BA1198" s="10"/>
      <c r="BB1198" s="10"/>
      <c r="BC1198" s="10"/>
      <c r="BD1198" s="10"/>
      <c r="BE1198" s="10"/>
      <c r="BF1198" s="10"/>
      <c r="BG1198" s="10"/>
      <c r="BH1198" s="10"/>
      <c r="BI1198" s="10"/>
      <c r="BJ1198" s="10"/>
      <c r="BK1198" s="10"/>
      <c r="BL1198" s="10"/>
      <c r="BM1198" s="10"/>
      <c r="BN1198" s="10"/>
      <c r="BO1198" s="10"/>
      <c r="BP1198" s="10"/>
      <c r="BQ1198" s="10"/>
      <c r="BR1198" s="10"/>
      <c r="BS1198" s="10"/>
      <c r="BT1198" s="10"/>
      <c r="BU1198" s="10"/>
      <c r="BV1198" s="10"/>
      <c r="BW1198" s="10"/>
      <c r="BX1198" s="10"/>
      <c r="BY1198" s="10"/>
      <c r="BZ1198" s="10"/>
      <c r="CA1198" s="10"/>
      <c r="CB1198" s="10"/>
      <c r="CC1198" s="10"/>
      <c r="CD1198" s="10"/>
      <c r="CE1198" s="10"/>
      <c r="CF1198" s="10"/>
      <c r="CG1198" s="10"/>
      <c r="CH1198" s="10"/>
      <c r="CI1198" s="10"/>
      <c r="CJ1198" s="10"/>
      <c r="CK1198" s="10"/>
      <c r="CL1198" s="10"/>
      <c r="CM1198" s="10"/>
      <c r="CN1198" s="10"/>
      <c r="CO1198" s="10"/>
      <c r="CP1198" s="10"/>
      <c r="CQ1198" s="10"/>
      <c r="CR1198" s="10"/>
      <c r="CS1198" s="10"/>
      <c r="CT1198" s="10"/>
      <c r="CU1198" s="10"/>
      <c r="CV1198" s="10"/>
      <c r="CW1198" s="10"/>
      <c r="CX1198" s="10"/>
      <c r="CY1198" s="10"/>
      <c r="CZ1198" s="10"/>
      <c r="DA1198" s="10"/>
      <c r="DB1198" s="10"/>
      <c r="DC1198" s="10"/>
      <c r="DD1198" s="10"/>
      <c r="DE1198" s="10"/>
      <c r="DF1198" s="10"/>
      <c r="DG1198" s="10"/>
      <c r="DH1198" s="10"/>
      <c r="DI1198" s="10"/>
      <c r="DJ1198" s="10"/>
      <c r="DK1198" s="10"/>
      <c r="DL1198" s="10"/>
      <c r="DM1198" s="10"/>
      <c r="DN1198" s="10"/>
      <c r="DO1198" s="10"/>
      <c r="DP1198" s="10"/>
      <c r="DQ1198" s="10"/>
      <c r="DR1198" s="10"/>
      <c r="DS1198" s="10"/>
      <c r="DT1198" s="10"/>
      <c r="DU1198" s="10"/>
      <c r="DV1198" s="10"/>
      <c r="DW1198" s="10"/>
      <c r="DX1198" s="10"/>
      <c r="DY1198" s="10"/>
      <c r="DZ1198" s="10"/>
      <c r="EA1198" s="10"/>
      <c r="EB1198" s="10"/>
      <c r="EC1198" s="10"/>
      <c r="ED1198" s="10"/>
      <c r="EE1198" s="10"/>
      <c r="EF1198" s="10"/>
      <c r="EG1198" s="10"/>
      <c r="EH1198" s="10"/>
      <c r="EI1198" s="10"/>
      <c r="EJ1198" s="10"/>
      <c r="EK1198" s="10"/>
      <c r="EL1198" s="10"/>
      <c r="EM1198" s="10"/>
      <c r="EN1198" s="10"/>
      <c r="EO1198" s="10"/>
      <c r="EP1198" s="10"/>
      <c r="EQ1198" s="10"/>
      <c r="ER1198" s="10"/>
      <c r="ES1198" s="10"/>
      <c r="ET1198" s="10"/>
      <c r="EU1198" s="10"/>
      <c r="EV1198" s="10"/>
      <c r="EW1198" s="10"/>
      <c r="EX1198" s="10"/>
      <c r="EY1198" s="10"/>
      <c r="EZ1198" s="10"/>
      <c r="FA1198" s="10"/>
      <c r="FB1198" s="10"/>
      <c r="FC1198" s="10"/>
      <c r="FD1198" s="10"/>
      <c r="FE1198" s="10"/>
      <c r="FF1198" s="10"/>
      <c r="FG1198" s="10"/>
      <c r="FH1198" s="10"/>
      <c r="FI1198" s="10"/>
      <c r="FJ1198" s="10"/>
      <c r="FK1198" s="10"/>
      <c r="FL1198" s="10"/>
      <c r="FM1198" s="10"/>
      <c r="FN1198" s="10"/>
      <c r="FO1198" s="10"/>
      <c r="FP1198" s="10"/>
      <c r="FQ1198" s="10"/>
      <c r="FR1198" s="10"/>
      <c r="FS1198" s="10"/>
      <c r="FT1198" s="10"/>
      <c r="FU1198" s="10"/>
      <c r="FV1198" s="10"/>
      <c r="FW1198" s="10"/>
      <c r="FX1198" s="10"/>
      <c r="FY1198" s="10"/>
      <c r="FZ1198" s="10"/>
      <c r="GA1198" s="10"/>
      <c r="GB1198" s="10"/>
      <c r="GC1198" s="10"/>
      <c r="GD1198" s="10"/>
      <c r="GE1198" s="10"/>
      <c r="GF1198" s="10"/>
      <c r="GG1198" s="10"/>
      <c r="GH1198" s="10"/>
      <c r="GI1198" s="10"/>
      <c r="GJ1198" s="10"/>
      <c r="GK1198" s="10"/>
      <c r="GL1198" s="10"/>
      <c r="GM1198" s="10"/>
      <c r="GN1198" s="10"/>
      <c r="GO1198" s="10"/>
      <c r="GP1198" s="10"/>
      <c r="GQ1198" s="10"/>
      <c r="GR1198" s="10"/>
      <c r="GS1198" s="10"/>
      <c r="GT1198" s="10"/>
      <c r="GU1198" s="10"/>
      <c r="GV1198" s="10"/>
      <c r="GW1198" s="10"/>
      <c r="GX1198" s="10"/>
      <c r="GY1198" s="10"/>
      <c r="GZ1198" s="10"/>
      <c r="HA1198" s="10"/>
      <c r="HB1198" s="10"/>
      <c r="HC1198" s="10"/>
      <c r="HD1198" s="10"/>
      <c r="HE1198" s="10"/>
      <c r="HF1198" s="10"/>
      <c r="HG1198" s="10"/>
      <c r="HH1198" s="10"/>
      <c r="HI1198" s="10"/>
      <c r="HJ1198" s="10"/>
      <c r="HK1198" s="10"/>
      <c r="HL1198" s="10"/>
      <c r="HM1198" s="10"/>
      <c r="HN1198" s="10"/>
      <c r="HO1198" s="10"/>
      <c r="HP1198" s="10"/>
      <c r="HQ1198" s="10"/>
      <c r="HR1198" s="10"/>
      <c r="HS1198" s="10"/>
      <c r="HT1198" s="10"/>
      <c r="HU1198" s="10"/>
      <c r="HV1198" s="10"/>
      <c r="HW1198" s="10"/>
      <c r="HX1198" s="10"/>
      <c r="HY1198" s="10"/>
      <c r="HZ1198" s="10"/>
      <c r="IA1198" s="10"/>
      <c r="IB1198" s="10"/>
      <c r="IC1198" s="10"/>
      <c r="ID1198" s="10"/>
      <c r="IE1198" s="10"/>
      <c r="IF1198" s="10"/>
      <c r="IG1198" s="10"/>
      <c r="IH1198" s="10"/>
      <c r="II1198" s="10"/>
      <c r="IJ1198" s="10"/>
      <c r="IK1198" s="10"/>
      <c r="IL1198" s="10"/>
      <c r="IM1198" s="10"/>
      <c r="IN1198" s="10"/>
      <c r="IO1198" s="10"/>
      <c r="IP1198" s="10"/>
      <c r="IQ1198" s="10"/>
      <c r="IR1198" s="10"/>
      <c r="IS1198" s="10"/>
      <c r="IT1198" s="10"/>
      <c r="IU1198" s="10"/>
      <c r="IV1198" s="10"/>
      <c r="IW1198" s="10"/>
      <c r="IX1198" s="10"/>
      <c r="IY1198" s="10"/>
      <c r="IZ1198" s="10"/>
      <c r="JA1198" s="10"/>
      <c r="JB1198" s="10"/>
      <c r="JC1198" s="10"/>
      <c r="JD1198" s="10"/>
      <c r="JE1198" s="10"/>
      <c r="JF1198" s="10"/>
      <c r="JG1198" s="10"/>
      <c r="JH1198" s="10"/>
      <c r="JI1198" s="10"/>
      <c r="JJ1198" s="10"/>
      <c r="JK1198" s="10"/>
      <c r="JL1198" s="10"/>
      <c r="JM1198" s="10"/>
      <c r="JN1198" s="10"/>
      <c r="JO1198" s="10"/>
      <c r="JP1198" s="10"/>
      <c r="JQ1198" s="10"/>
      <c r="JR1198" s="10"/>
      <c r="JS1198" s="10"/>
      <c r="JT1198" s="10"/>
      <c r="JU1198" s="10"/>
      <c r="JV1198" s="10"/>
      <c r="JW1198" s="10"/>
      <c r="JX1198" s="10"/>
      <c r="JY1198" s="10"/>
      <c r="JZ1198" s="10"/>
      <c r="KA1198" s="10"/>
      <c r="KB1198" s="10"/>
      <c r="KC1198" s="10"/>
      <c r="KD1198" s="10"/>
      <c r="KE1198" s="10"/>
      <c r="KF1198" s="10"/>
      <c r="KG1198" s="10"/>
      <c r="KH1198" s="10"/>
      <c r="KI1198" s="10"/>
      <c r="KJ1198" s="10"/>
      <c r="KK1198" s="10"/>
      <c r="KL1198" s="10"/>
      <c r="KM1198" s="10"/>
      <c r="KN1198" s="10"/>
      <c r="KO1198" s="10"/>
      <c r="KP1198" s="10"/>
      <c r="KQ1198" s="10"/>
      <c r="KR1198" s="10"/>
      <c r="KS1198" s="10"/>
      <c r="KT1198" s="10"/>
      <c r="KU1198" s="10"/>
      <c r="KV1198" s="10"/>
      <c r="KW1198" s="10"/>
      <c r="KX1198" s="10"/>
      <c r="KY1198" s="10"/>
      <c r="KZ1198" s="10"/>
      <c r="LA1198" s="10"/>
      <c r="LB1198" s="10"/>
      <c r="LC1198" s="10"/>
      <c r="LD1198" s="10"/>
      <c r="LE1198" s="10"/>
      <c r="LF1198" s="10"/>
      <c r="LG1198" s="10"/>
      <c r="LH1198" s="10"/>
      <c r="LI1198" s="10"/>
      <c r="LJ1198" s="10"/>
      <c r="LK1198" s="10"/>
      <c r="LL1198" s="10"/>
      <c r="LM1198" s="10"/>
      <c r="LN1198" s="10"/>
      <c r="LO1198" s="10"/>
      <c r="LP1198" s="10"/>
      <c r="LQ1198" s="10"/>
      <c r="LR1198" s="10"/>
      <c r="LS1198" s="10"/>
      <c r="LT1198" s="10"/>
      <c r="LU1198" s="10"/>
      <c r="LV1198" s="10"/>
      <c r="LW1198" s="10"/>
      <c r="LX1198" s="10"/>
      <c r="LY1198" s="10"/>
      <c r="LZ1198" s="10"/>
      <c r="MA1198" s="10"/>
      <c r="MB1198" s="10"/>
      <c r="MC1198" s="10"/>
      <c r="MD1198" s="10"/>
      <c r="ME1198" s="10"/>
      <c r="MF1198" s="10"/>
      <c r="MG1198" s="10"/>
      <c r="MH1198" s="10"/>
      <c r="MI1198" s="10"/>
      <c r="MJ1198" s="10"/>
      <c r="MK1198" s="10"/>
      <c r="ML1198" s="10"/>
      <c r="MM1198" s="10"/>
      <c r="MN1198" s="10"/>
      <c r="MO1198" s="10"/>
      <c r="MP1198" s="10"/>
      <c r="MQ1198" s="10"/>
      <c r="MR1198" s="10"/>
      <c r="MS1198" s="10"/>
      <c r="MT1198" s="10"/>
      <c r="MU1198" s="10"/>
      <c r="MV1198" s="10"/>
      <c r="MW1198" s="10"/>
      <c r="MX1198" s="10"/>
      <c r="MY1198" s="10"/>
      <c r="MZ1198" s="10"/>
      <c r="NA1198" s="10"/>
      <c r="NB1198" s="10"/>
      <c r="NC1198" s="10"/>
      <c r="ND1198" s="10"/>
      <c r="NE1198" s="10"/>
      <c r="NF1198" s="10"/>
      <c r="NG1198" s="10"/>
      <c r="NH1198" s="10"/>
      <c r="NI1198" s="10"/>
      <c r="NJ1198" s="10"/>
      <c r="NK1198" s="10"/>
      <c r="NL1198" s="10"/>
      <c r="NM1198" s="10"/>
      <c r="NN1198" s="10"/>
      <c r="NO1198" s="10"/>
      <c r="NP1198" s="10"/>
      <c r="NQ1198" s="10"/>
      <c r="NR1198" s="10"/>
      <c r="NS1198" s="10"/>
      <c r="NT1198" s="10"/>
      <c r="NU1198" s="10"/>
      <c r="NV1198" s="10"/>
      <c r="NW1198" s="10"/>
      <c r="NX1198" s="10"/>
      <c r="NY1198" s="10"/>
      <c r="NZ1198" s="10"/>
      <c r="OA1198" s="10"/>
      <c r="OB1198" s="10"/>
      <c r="OC1198" s="10"/>
      <c r="OD1198" s="10"/>
      <c r="OE1198" s="10"/>
      <c r="OF1198" s="10"/>
      <c r="OG1198" s="10"/>
      <c r="OH1198" s="10"/>
      <c r="OI1198" s="10"/>
      <c r="OJ1198" s="10"/>
      <c r="OK1198" s="10"/>
      <c r="OL1198" s="10"/>
      <c r="OM1198" s="10"/>
      <c r="ON1198" s="10"/>
      <c r="OO1198" s="10"/>
      <c r="OP1198" s="10"/>
      <c r="OQ1198" s="10"/>
      <c r="OR1198" s="10"/>
      <c r="OS1198" s="10"/>
      <c r="OT1198" s="10"/>
      <c r="OU1198" s="10"/>
      <c r="OV1198" s="10"/>
      <c r="OW1198" s="10"/>
      <c r="OX1198" s="10"/>
      <c r="OY1198" s="10"/>
      <c r="OZ1198" s="10"/>
      <c r="PA1198" s="10"/>
      <c r="PB1198" s="10"/>
      <c r="PC1198" s="10"/>
      <c r="PD1198" s="10"/>
      <c r="PE1198" s="10"/>
      <c r="PF1198" s="10"/>
      <c r="PG1198" s="10"/>
      <c r="PH1198" s="10"/>
      <c r="PI1198" s="10"/>
      <c r="PJ1198" s="10"/>
      <c r="PK1198" s="10"/>
      <c r="PL1198" s="10"/>
      <c r="PM1198" s="10"/>
      <c r="PN1198" s="10"/>
      <c r="PO1198" s="10"/>
      <c r="PP1198" s="10"/>
      <c r="PQ1198" s="10"/>
      <c r="PR1198" s="10"/>
      <c r="PS1198" s="10"/>
      <c r="PT1198" s="10"/>
      <c r="PU1198" s="10"/>
      <c r="PV1198" s="10"/>
      <c r="PW1198" s="10"/>
      <c r="PX1198" s="10"/>
      <c r="PY1198" s="10"/>
      <c r="PZ1198" s="10"/>
      <c r="QA1198" s="10"/>
      <c r="QB1198" s="10"/>
      <c r="QC1198" s="10"/>
      <c r="QD1198" s="10"/>
      <c r="QE1198" s="10"/>
      <c r="QF1198" s="10"/>
      <c r="QG1198" s="10"/>
      <c r="QH1198" s="10"/>
      <c r="QI1198" s="10"/>
      <c r="QJ1198" s="10"/>
      <c r="QK1198" s="10"/>
      <c r="QL1198" s="10"/>
      <c r="QM1198" s="10"/>
      <c r="QN1198" s="10"/>
      <c r="QO1198" s="10"/>
      <c r="QP1198" s="10"/>
      <c r="QQ1198" s="10"/>
      <c r="QR1198" s="10"/>
      <c r="QS1198" s="10"/>
      <c r="QT1198" s="10"/>
      <c r="QU1198" s="10"/>
      <c r="QV1198" s="10"/>
      <c r="QW1198" s="10"/>
      <c r="QX1198" s="10"/>
      <c r="QY1198" s="10"/>
      <c r="QZ1198" s="10"/>
      <c r="RA1198" s="10"/>
      <c r="RB1198" s="10"/>
      <c r="RC1198" s="10"/>
      <c r="RD1198" s="10"/>
      <c r="RE1198" s="10"/>
      <c r="RF1198" s="10"/>
      <c r="RG1198" s="10"/>
      <c r="RH1198" s="10"/>
      <c r="RI1198" s="10"/>
      <c r="RJ1198" s="10"/>
      <c r="RK1198" s="10"/>
      <c r="RL1198" s="10"/>
      <c r="RM1198" s="10"/>
      <c r="RN1198" s="10"/>
      <c r="RO1198" s="10"/>
      <c r="RP1198" s="10"/>
      <c r="RQ1198" s="10"/>
      <c r="RR1198" s="10"/>
      <c r="RS1198" s="10"/>
      <c r="RT1198" s="10"/>
      <c r="RU1198" s="10"/>
      <c r="RV1198" s="10"/>
      <c r="RW1198" s="10"/>
      <c r="RX1198" s="10"/>
      <c r="RY1198" s="10"/>
      <c r="RZ1198" s="10"/>
      <c r="SA1198" s="10"/>
      <c r="SB1198" s="10"/>
      <c r="SC1198" s="10"/>
      <c r="SD1198" s="10"/>
      <c r="SE1198" s="10"/>
      <c r="SF1198" s="10"/>
      <c r="SG1198" s="10"/>
      <c r="SH1198" s="10"/>
      <c r="SI1198" s="10"/>
      <c r="SJ1198" s="10"/>
      <c r="SK1198" s="10"/>
      <c r="SL1198" s="10"/>
      <c r="SM1198" s="10"/>
      <c r="SN1198" s="10"/>
      <c r="SO1198" s="10"/>
      <c r="SP1198" s="10"/>
      <c r="SQ1198" s="10"/>
      <c r="SR1198" s="10"/>
      <c r="SS1198" s="10"/>
      <c r="ST1198" s="10"/>
      <c r="SU1198" s="10"/>
      <c r="SV1198" s="10"/>
      <c r="SW1198" s="10"/>
      <c r="SX1198" s="10"/>
      <c r="SY1198" s="10"/>
      <c r="SZ1198" s="10"/>
      <c r="TA1198" s="10"/>
      <c r="TB1198" s="10"/>
      <c r="TC1198" s="10"/>
      <c r="TD1198" s="10"/>
      <c r="TE1198" s="10"/>
      <c r="TF1198" s="10"/>
      <c r="TG1198" s="10"/>
      <c r="TH1198" s="10"/>
      <c r="TI1198" s="10"/>
      <c r="TJ1198" s="10"/>
      <c r="TK1198" s="10"/>
      <c r="TL1198" s="10"/>
      <c r="TM1198" s="10"/>
      <c r="TN1198" s="10"/>
      <c r="TO1198" s="10"/>
      <c r="TP1198" s="10"/>
      <c r="TQ1198" s="10"/>
      <c r="TR1198" s="10"/>
      <c r="TS1198" s="10"/>
      <c r="TT1198" s="10"/>
      <c r="TU1198" s="10"/>
      <c r="TV1198" s="10"/>
      <c r="TW1198" s="10"/>
      <c r="TX1198" s="10"/>
      <c r="TY1198" s="10"/>
      <c r="TZ1198" s="10"/>
      <c r="UA1198" s="10"/>
      <c r="UB1198" s="10"/>
      <c r="UC1198" s="10"/>
      <c r="UD1198" s="10"/>
      <c r="UE1198" s="10"/>
      <c r="UF1198" s="10"/>
      <c r="UG1198" s="10"/>
      <c r="UH1198" s="10"/>
      <c r="UI1198" s="10"/>
      <c r="UJ1198" s="10"/>
      <c r="UK1198" s="10"/>
      <c r="UL1198" s="10"/>
      <c r="UM1198" s="10"/>
      <c r="UN1198" s="10"/>
      <c r="UO1198" s="10"/>
      <c r="UP1198" s="10"/>
      <c r="UQ1198" s="10"/>
      <c r="UR1198" s="10"/>
      <c r="US1198" s="10"/>
      <c r="UT1198" s="10"/>
      <c r="UU1198" s="10"/>
      <c r="UV1198" s="10"/>
      <c r="UW1198" s="10"/>
      <c r="UX1198" s="10"/>
      <c r="UY1198" s="10"/>
      <c r="UZ1198" s="10"/>
      <c r="VA1198" s="10"/>
      <c r="VB1198" s="10"/>
      <c r="VC1198" s="10"/>
      <c r="VD1198" s="10"/>
      <c r="VE1198" s="10"/>
      <c r="VF1198" s="10"/>
      <c r="VG1198" s="10"/>
      <c r="VH1198" s="10"/>
      <c r="VI1198" s="10"/>
      <c r="VJ1198" s="10"/>
      <c r="VK1198" s="10"/>
      <c r="VL1198" s="10"/>
      <c r="VM1198" s="10"/>
      <c r="VN1198" s="10"/>
      <c r="VO1198" s="10"/>
      <c r="VP1198" s="10"/>
      <c r="VQ1198" s="10"/>
      <c r="VR1198" s="10"/>
      <c r="VS1198" s="10"/>
      <c r="VT1198" s="10"/>
      <c r="VU1198" s="10"/>
      <c r="VV1198" s="10"/>
      <c r="VW1198" s="10"/>
      <c r="VX1198" s="10"/>
      <c r="VY1198" s="10"/>
      <c r="VZ1198" s="10"/>
      <c r="WA1198" s="10"/>
      <c r="WB1198" s="10"/>
      <c r="WC1198" s="10"/>
      <c r="WD1198" s="10"/>
      <c r="WE1198" s="10"/>
      <c r="WF1198" s="10"/>
      <c r="WG1198" s="10"/>
      <c r="WH1198" s="10"/>
      <c r="WI1198" s="10"/>
      <c r="WJ1198" s="10"/>
      <c r="WK1198" s="10"/>
      <c r="WL1198" s="10"/>
      <c r="WM1198" s="10"/>
      <c r="WN1198" s="10"/>
      <c r="WO1198" s="10"/>
      <c r="WP1198" s="10"/>
      <c r="WQ1198" s="10"/>
      <c r="WR1198" s="10"/>
      <c r="WS1198" s="10"/>
      <c r="WT1198" s="10"/>
      <c r="WU1198" s="10"/>
      <c r="WV1198" s="10"/>
      <c r="WW1198" s="10"/>
      <c r="WX1198" s="10"/>
      <c r="WY1198" s="10"/>
      <c r="WZ1198" s="10"/>
      <c r="XA1198" s="10"/>
      <c r="XB1198" s="10"/>
      <c r="XC1198" s="10"/>
      <c r="XD1198" s="10"/>
      <c r="XE1198" s="10"/>
      <c r="XF1198" s="10"/>
      <c r="XG1198" s="10"/>
      <c r="XH1198" s="10"/>
      <c r="XI1198" s="10"/>
      <c r="XJ1198" s="10"/>
      <c r="XK1198" s="10"/>
      <c r="XL1198" s="10"/>
      <c r="XM1198" s="10"/>
      <c r="XN1198" s="10"/>
      <c r="XO1198" s="10"/>
      <c r="XP1198" s="10"/>
      <c r="XQ1198" s="10"/>
      <c r="XR1198" s="10"/>
      <c r="XS1198" s="10"/>
      <c r="XT1198" s="10"/>
      <c r="XU1198" s="10"/>
      <c r="XV1198" s="10"/>
      <c r="XW1198" s="10"/>
      <c r="XX1198" s="10"/>
      <c r="XY1198" s="10"/>
      <c r="XZ1198" s="10"/>
      <c r="YA1198" s="10"/>
      <c r="YB1198" s="10"/>
      <c r="YC1198" s="10"/>
      <c r="YD1198" s="10"/>
      <c r="YE1198" s="10"/>
      <c r="YF1198" s="10"/>
      <c r="YG1198" s="10"/>
      <c r="YH1198" s="10"/>
      <c r="YI1198" s="10"/>
      <c r="YJ1198" s="10"/>
      <c r="YK1198" s="10"/>
      <c r="YL1198" s="10"/>
      <c r="YM1198" s="10"/>
      <c r="YN1198" s="10"/>
      <c r="YO1198" s="10"/>
      <c r="YP1198" s="10"/>
      <c r="YQ1198" s="10"/>
      <c r="YR1198" s="10"/>
      <c r="YS1198" s="10"/>
      <c r="YT1198" s="10"/>
      <c r="YU1198" s="10"/>
      <c r="YV1198" s="10"/>
      <c r="YW1198" s="10"/>
      <c r="YX1198" s="10"/>
      <c r="YY1198" s="10"/>
      <c r="YZ1198" s="10"/>
      <c r="ZA1198" s="10"/>
      <c r="ZB1198" s="10"/>
      <c r="ZC1198" s="10"/>
      <c r="ZD1198" s="10"/>
      <c r="ZE1198" s="10"/>
      <c r="ZF1198" s="10"/>
      <c r="ZG1198" s="10"/>
      <c r="ZH1198" s="10"/>
      <c r="ZI1198" s="10"/>
      <c r="ZJ1198" s="10"/>
      <c r="ZK1198" s="10"/>
      <c r="ZL1198" s="10"/>
      <c r="ZM1198" s="10"/>
      <c r="ZN1198" s="10"/>
      <c r="ZO1198" s="10"/>
      <c r="ZP1198" s="10"/>
      <c r="ZQ1198" s="10"/>
      <c r="ZR1198" s="10"/>
      <c r="ZS1198" s="10"/>
      <c r="ZT1198" s="10"/>
      <c r="ZU1198" s="10"/>
      <c r="ZV1198" s="10"/>
      <c r="ZW1198" s="10"/>
      <c r="ZX1198" s="10"/>
      <c r="ZY1198" s="10"/>
      <c r="ZZ1198" s="10"/>
      <c r="AAA1198" s="10"/>
      <c r="AAB1198" s="10"/>
      <c r="AAC1198" s="10"/>
      <c r="AAD1198" s="10"/>
      <c r="AAE1198" s="10"/>
      <c r="AAF1198" s="10"/>
      <c r="AAG1198" s="10"/>
      <c r="AAH1198" s="10"/>
      <c r="AAI1198" s="10"/>
      <c r="AAJ1198" s="10"/>
      <c r="AAK1198" s="10"/>
      <c r="AAL1198" s="10"/>
      <c r="AAM1198" s="10"/>
      <c r="AAN1198" s="10"/>
      <c r="AAO1198" s="10"/>
      <c r="AAP1198" s="10"/>
      <c r="AAQ1198" s="10"/>
      <c r="AAR1198" s="10"/>
      <c r="AAS1198" s="10"/>
      <c r="AAT1198" s="10"/>
      <c r="AAU1198" s="10"/>
      <c r="AAV1198" s="10"/>
      <c r="AAW1198" s="10"/>
      <c r="AAX1198" s="10"/>
      <c r="AAY1198" s="10"/>
      <c r="AAZ1198" s="10"/>
      <c r="ABA1198" s="10"/>
      <c r="ABB1198" s="10"/>
      <c r="ABC1198" s="10"/>
      <c r="ABD1198" s="10"/>
      <c r="ABE1198" s="10"/>
      <c r="ABF1198" s="10"/>
      <c r="ABG1198" s="10"/>
      <c r="ABH1198" s="10"/>
      <c r="ABI1198" s="10"/>
      <c r="ABJ1198" s="10"/>
      <c r="ABK1198" s="10"/>
      <c r="ABL1198" s="10"/>
      <c r="ABM1198" s="10"/>
      <c r="ABN1198" s="10"/>
      <c r="ABO1198" s="10"/>
      <c r="ABP1198" s="10"/>
      <c r="ABQ1198" s="10"/>
      <c r="ABR1198" s="10"/>
      <c r="ABS1198" s="10"/>
      <c r="ABT1198" s="10"/>
      <c r="ABU1198" s="10"/>
      <c r="ABV1198" s="10"/>
      <c r="ABW1198" s="10"/>
      <c r="ABX1198" s="10"/>
      <c r="ABY1198" s="10"/>
      <c r="ABZ1198" s="10"/>
      <c r="ACA1198" s="10"/>
      <c r="ACB1198" s="10"/>
      <c r="ACC1198" s="10"/>
      <c r="ACD1198" s="10"/>
      <c r="ACE1198" s="10"/>
      <c r="ACF1198" s="10"/>
      <c r="ACG1198" s="10"/>
      <c r="ACH1198" s="10"/>
      <c r="ACI1198" s="10"/>
      <c r="ACJ1198" s="10"/>
      <c r="ACK1198" s="10"/>
      <c r="ACL1198" s="10"/>
      <c r="ACM1198" s="10"/>
      <c r="ACN1198" s="10"/>
      <c r="ACO1198" s="10"/>
      <c r="ACP1198" s="10"/>
      <c r="ACQ1198" s="10"/>
      <c r="ACR1198" s="10"/>
      <c r="ACS1198" s="10"/>
      <c r="ACT1198" s="10"/>
      <c r="ACU1198" s="10"/>
      <c r="ACV1198" s="10"/>
      <c r="ACW1198" s="10"/>
      <c r="ACX1198" s="10"/>
      <c r="ACY1198" s="10"/>
      <c r="ACZ1198" s="10"/>
      <c r="ADA1198" s="10"/>
      <c r="ADB1198" s="10"/>
      <c r="ADC1198" s="10"/>
      <c r="ADD1198" s="10"/>
      <c r="ADE1198" s="10"/>
      <c r="ADF1198" s="10"/>
      <c r="ADG1198" s="10"/>
      <c r="ADH1198" s="10"/>
      <c r="ADI1198" s="10"/>
      <c r="ADJ1198" s="10"/>
      <c r="ADK1198" s="10"/>
      <c r="ADL1198" s="10"/>
      <c r="ADM1198" s="10"/>
      <c r="ADN1198" s="10"/>
      <c r="ADO1198" s="10"/>
      <c r="ADP1198" s="10"/>
      <c r="ADQ1198" s="10"/>
      <c r="ADR1198" s="10"/>
      <c r="ADS1198" s="10"/>
      <c r="ADT1198" s="10"/>
      <c r="ADU1198" s="10"/>
      <c r="ADV1198" s="10"/>
      <c r="ADW1198" s="10"/>
      <c r="ADX1198" s="10"/>
      <c r="ADY1198" s="10"/>
      <c r="ADZ1198" s="10"/>
      <c r="AEA1198" s="10"/>
      <c r="AEB1198" s="10"/>
      <c r="AEC1198" s="10"/>
      <c r="AED1198" s="10"/>
      <c r="AEE1198" s="10"/>
      <c r="AEF1198" s="10"/>
      <c r="AEG1198" s="10"/>
      <c r="AEH1198" s="10"/>
      <c r="AEI1198" s="10"/>
      <c r="AEJ1198" s="10"/>
      <c r="AEK1198" s="10"/>
      <c r="AEL1198" s="10"/>
      <c r="AEM1198" s="10"/>
      <c r="AEN1198" s="10"/>
      <c r="AEO1198" s="10"/>
      <c r="AEP1198" s="10"/>
      <c r="AEQ1198" s="10"/>
      <c r="AER1198" s="10"/>
      <c r="AES1198" s="10"/>
      <c r="AET1198" s="10"/>
      <c r="AEU1198" s="10"/>
      <c r="AEV1198" s="10"/>
      <c r="AEW1198" s="10"/>
      <c r="AEX1198" s="10"/>
      <c r="AEY1198" s="10"/>
      <c r="AEZ1198" s="10"/>
      <c r="AFA1198" s="10"/>
      <c r="AFB1198" s="10"/>
      <c r="AFC1198" s="10"/>
      <c r="AFD1198" s="10"/>
      <c r="AFE1198" s="10"/>
      <c r="AFF1198" s="10"/>
      <c r="AFG1198" s="10"/>
      <c r="AFH1198" s="10"/>
      <c r="AFI1198" s="10"/>
      <c r="AFJ1198" s="10"/>
      <c r="AFK1198" s="10"/>
      <c r="AFL1198" s="10"/>
      <c r="AFM1198" s="10"/>
      <c r="AFN1198" s="10"/>
      <c r="AFO1198" s="10"/>
      <c r="AFP1198" s="10"/>
      <c r="AFQ1198" s="10"/>
      <c r="AFR1198" s="10"/>
      <c r="AFS1198" s="10"/>
      <c r="AFT1198" s="10"/>
      <c r="AFU1198" s="10"/>
      <c r="AFV1198" s="10"/>
      <c r="AFW1198" s="10"/>
      <c r="AFX1198" s="10"/>
      <c r="AFY1198" s="10"/>
      <c r="AFZ1198" s="10"/>
      <c r="AGA1198" s="10"/>
      <c r="AGB1198" s="10"/>
      <c r="AGC1198" s="10"/>
      <c r="AGD1198" s="10"/>
      <c r="AGE1198" s="10"/>
      <c r="AGF1198" s="10"/>
      <c r="AGG1198" s="10"/>
      <c r="AGH1198" s="10"/>
      <c r="AGI1198" s="10"/>
      <c r="AGJ1198" s="10"/>
      <c r="AGK1198" s="10"/>
      <c r="AGL1198" s="10"/>
      <c r="AGM1198" s="10"/>
      <c r="AGN1198" s="10"/>
      <c r="AGO1198" s="10"/>
      <c r="AGP1198" s="10"/>
      <c r="AGQ1198" s="10"/>
      <c r="AGR1198" s="10"/>
      <c r="AGS1198" s="10"/>
      <c r="AGT1198" s="10"/>
      <c r="AGU1198" s="10"/>
      <c r="AGV1198" s="10"/>
      <c r="AGW1198" s="10"/>
      <c r="AGX1198" s="10"/>
      <c r="AGY1198" s="10"/>
      <c r="AGZ1198" s="10"/>
      <c r="AHA1198" s="10"/>
      <c r="AHB1198" s="10"/>
      <c r="AHC1198" s="10"/>
      <c r="AHD1198" s="10"/>
      <c r="AHE1198" s="10"/>
      <c r="AHF1198" s="10"/>
      <c r="AHG1198" s="10"/>
      <c r="AHH1198" s="10"/>
      <c r="AHI1198" s="10"/>
      <c r="AHJ1198" s="10"/>
      <c r="AHK1198" s="10"/>
      <c r="AHL1198" s="10"/>
      <c r="AHM1198" s="10"/>
      <c r="AHN1198" s="10"/>
      <c r="AHO1198" s="10"/>
      <c r="AHP1198" s="10"/>
      <c r="AHQ1198" s="10"/>
      <c r="AHR1198" s="10"/>
      <c r="AHS1198" s="10"/>
      <c r="AHT1198" s="10"/>
      <c r="AHU1198" s="10"/>
      <c r="AHV1198" s="10"/>
      <c r="AHW1198" s="10"/>
      <c r="AHX1198" s="10"/>
      <c r="AHY1198" s="10"/>
      <c r="AHZ1198" s="10"/>
      <c r="AIA1198" s="10"/>
      <c r="AIB1198" s="10"/>
      <c r="AIC1198" s="10"/>
      <c r="AID1198" s="10"/>
      <c r="AIE1198" s="10"/>
      <c r="AIF1198" s="10"/>
      <c r="AIG1198" s="10"/>
      <c r="AIH1198" s="10"/>
      <c r="AII1198" s="10"/>
      <c r="AIJ1198" s="10"/>
      <c r="AIK1198" s="10"/>
      <c r="AIL1198" s="10"/>
      <c r="AIM1198" s="10"/>
      <c r="AIN1198" s="10"/>
      <c r="AIO1198" s="10"/>
      <c r="AIP1198" s="10"/>
      <c r="AIQ1198" s="10"/>
      <c r="AIR1198" s="10"/>
      <c r="AIS1198" s="10"/>
      <c r="AIT1198" s="10"/>
      <c r="AIU1198" s="10"/>
      <c r="AIV1198" s="10"/>
      <c r="AIW1198" s="10"/>
      <c r="AIX1198" s="10"/>
      <c r="AIY1198" s="10"/>
      <c r="AIZ1198" s="10"/>
      <c r="AJA1198" s="10"/>
      <c r="AJB1198" s="10"/>
      <c r="AJC1198" s="10"/>
      <c r="AJD1198" s="10"/>
      <c r="AJE1198" s="10"/>
      <c r="AJF1198" s="10"/>
      <c r="AJG1198" s="10"/>
      <c r="AJH1198" s="10"/>
      <c r="AJI1198" s="10"/>
      <c r="AJJ1198" s="10"/>
      <c r="AJK1198" s="10"/>
      <c r="AJL1198" s="10"/>
      <c r="AJM1198" s="10"/>
      <c r="AJN1198" s="10"/>
      <c r="AJO1198" s="10"/>
      <c r="AJP1198" s="10"/>
      <c r="AJQ1198" s="10"/>
      <c r="AJR1198" s="10"/>
      <c r="AJS1198" s="10"/>
      <c r="AJT1198" s="10"/>
      <c r="AJU1198" s="10"/>
      <c r="AJV1198" s="10"/>
      <c r="AJW1198" s="10"/>
      <c r="AJX1198" s="10"/>
      <c r="AJY1198" s="10"/>
      <c r="AJZ1198" s="10"/>
      <c r="AKA1198" s="10"/>
      <c r="AKB1198" s="10"/>
      <c r="AKC1198" s="10"/>
      <c r="AKD1198" s="10"/>
      <c r="AKE1198" s="10"/>
      <c r="AKF1198" s="10"/>
      <c r="AKG1198" s="10"/>
      <c r="AKH1198" s="10"/>
      <c r="AKI1198" s="10"/>
      <c r="AKJ1198" s="10"/>
      <c r="AKK1198" s="10"/>
      <c r="AKL1198" s="10"/>
      <c r="AKM1198" s="10"/>
      <c r="AKN1198" s="10"/>
      <c r="AKO1198" s="10"/>
      <c r="AKP1198" s="10"/>
      <c r="AKQ1198" s="10"/>
      <c r="AKR1198" s="10"/>
      <c r="AKS1198" s="10"/>
      <c r="AKT1198" s="10"/>
      <c r="AKU1198" s="10"/>
      <c r="AKV1198" s="10"/>
      <c r="AKW1198" s="10"/>
      <c r="AKX1198" s="10"/>
      <c r="AKY1198" s="10"/>
      <c r="AKZ1198" s="10"/>
      <c r="ALA1198" s="10"/>
      <c r="ALB1198" s="10"/>
      <c r="ALC1198" s="10"/>
      <c r="ALD1198" s="10"/>
      <c r="ALE1198" s="10"/>
      <c r="ALF1198" s="10"/>
      <c r="ALG1198" s="10"/>
      <c r="ALH1198" s="10"/>
      <c r="ALI1198" s="10"/>
      <c r="ALJ1198" s="10"/>
      <c r="ALK1198" s="10"/>
      <c r="ALL1198" s="10"/>
      <c r="ALM1198" s="10"/>
      <c r="ALN1198" s="10"/>
      <c r="ALO1198" s="10"/>
      <c r="ALP1198" s="10"/>
      <c r="ALQ1198" s="10"/>
      <c r="ALR1198" s="10"/>
      <c r="ALS1198" s="10"/>
      <c r="ALT1198" s="10"/>
      <c r="ALU1198" s="10"/>
      <c r="ALV1198" s="10"/>
      <c r="ALW1198" s="10"/>
      <c r="ALX1198" s="10"/>
      <c r="ALY1198" s="10"/>
      <c r="ALZ1198" s="10"/>
      <c r="AMA1198" s="10"/>
      <c r="AMB1198" s="10"/>
      <c r="AMC1198" s="10"/>
      <c r="AMD1198" s="10"/>
      <c r="AME1198" s="10"/>
      <c r="AMF1198" s="10"/>
      <c r="AMG1198" s="10"/>
      <c r="AMH1198" s="10"/>
      <c r="AMI1198" s="10"/>
      <c r="AMJ1198" s="10"/>
      <c r="AMK1198" s="10"/>
      <c r="AML1198" s="10"/>
      <c r="AMM1198" s="10"/>
      <c r="AMN1198" s="10"/>
      <c r="AMO1198" s="10"/>
      <c r="AMP1198" s="10"/>
      <c r="AMQ1198" s="10"/>
      <c r="AMR1198" s="10"/>
      <c r="AMS1198" s="10"/>
      <c r="AMT1198" s="10"/>
      <c r="AMU1198" s="10"/>
      <c r="AMV1198" s="10"/>
      <c r="AMW1198" s="10"/>
      <c r="AMX1198" s="10"/>
      <c r="AMY1198" s="10"/>
      <c r="AMZ1198" s="10"/>
      <c r="ANA1198" s="10"/>
      <c r="ANB1198" s="10"/>
      <c r="ANC1198" s="10"/>
      <c r="AND1198" s="10"/>
      <c r="ANE1198" s="10"/>
      <c r="ANF1198" s="10"/>
      <c r="ANG1198" s="10"/>
      <c r="ANH1198" s="10"/>
      <c r="ANI1198" s="10"/>
      <c r="ANJ1198" s="10"/>
      <c r="ANK1198" s="10"/>
      <c r="ANL1198" s="10"/>
      <c r="ANM1198" s="10"/>
      <c r="ANN1198" s="10"/>
      <c r="ANO1198" s="10"/>
      <c r="ANP1198" s="10"/>
      <c r="ANQ1198" s="10"/>
      <c r="ANR1198" s="10"/>
      <c r="ANS1198" s="10"/>
      <c r="ANT1198" s="10"/>
      <c r="ANU1198" s="10"/>
      <c r="ANV1198" s="10"/>
      <c r="ANW1198" s="10"/>
      <c r="ANX1198" s="10"/>
      <c r="ANY1198" s="10"/>
      <c r="ANZ1198" s="10"/>
      <c r="AOA1198" s="10"/>
      <c r="AOB1198" s="10"/>
      <c r="AOC1198" s="10"/>
      <c r="AOD1198" s="10"/>
      <c r="AOE1198" s="10"/>
      <c r="AOF1198" s="10"/>
      <c r="AOG1198" s="10"/>
      <c r="AOH1198" s="10"/>
      <c r="AOI1198" s="10"/>
      <c r="AOJ1198" s="10"/>
      <c r="AOK1198" s="10"/>
      <c r="AOL1198" s="10"/>
      <c r="AOM1198" s="10"/>
      <c r="AON1198" s="10"/>
      <c r="AOO1198" s="10"/>
      <c r="AOP1198" s="10"/>
      <c r="AOQ1198" s="10"/>
      <c r="AOR1198" s="10"/>
      <c r="AOS1198" s="10"/>
      <c r="AOT1198" s="10"/>
      <c r="AOU1198" s="10"/>
      <c r="AOV1198" s="10"/>
      <c r="AOW1198" s="10"/>
      <c r="AOX1198" s="10"/>
      <c r="AOY1198" s="10"/>
      <c r="AOZ1198" s="10"/>
      <c r="APA1198" s="10"/>
      <c r="APB1198" s="10"/>
      <c r="APC1198" s="10"/>
      <c r="APD1198" s="10"/>
      <c r="APE1198" s="10"/>
      <c r="APF1198" s="10"/>
      <c r="APG1198" s="10"/>
      <c r="APH1198" s="10"/>
      <c r="API1198" s="10"/>
      <c r="APJ1198" s="10"/>
      <c r="APK1198" s="10"/>
      <c r="APL1198" s="10"/>
      <c r="APM1198" s="10"/>
      <c r="APN1198" s="10"/>
      <c r="APO1198" s="10"/>
      <c r="APP1198" s="10"/>
      <c r="APQ1198" s="10"/>
      <c r="APR1198" s="10"/>
      <c r="APS1198" s="10"/>
      <c r="APT1198" s="10"/>
      <c r="APU1198" s="10"/>
      <c r="APV1198" s="10"/>
      <c r="APW1198" s="10"/>
      <c r="APX1198" s="10"/>
      <c r="APY1198" s="10"/>
      <c r="APZ1198" s="10"/>
      <c r="AQA1198" s="10"/>
      <c r="AQB1198" s="10"/>
      <c r="AQC1198" s="10"/>
      <c r="AQD1198" s="10"/>
      <c r="AQE1198" s="10"/>
      <c r="AQF1198" s="10"/>
      <c r="AQG1198" s="10"/>
      <c r="AQH1198" s="10"/>
      <c r="AQI1198" s="10"/>
      <c r="AQJ1198" s="10"/>
      <c r="AQK1198" s="10"/>
      <c r="AQL1198" s="10"/>
      <c r="AQM1198" s="10"/>
      <c r="AQN1198" s="10"/>
      <c r="AQO1198" s="10"/>
      <c r="AQP1198" s="10"/>
      <c r="AQQ1198" s="10"/>
      <c r="AQR1198" s="10"/>
      <c r="AQS1198" s="10"/>
      <c r="AQT1198" s="10"/>
      <c r="AQU1198" s="10"/>
      <c r="AQV1198" s="10"/>
      <c r="AQW1198" s="10"/>
      <c r="AQX1198" s="10"/>
      <c r="AQY1198" s="10"/>
      <c r="AQZ1198" s="10"/>
      <c r="ARA1198" s="10"/>
      <c r="ARB1198" s="10"/>
      <c r="ARC1198" s="10"/>
      <c r="ARD1198" s="10"/>
      <c r="ARE1198" s="10"/>
      <c r="ARF1198" s="10"/>
      <c r="ARG1198" s="10"/>
      <c r="ARH1198" s="10"/>
      <c r="ARI1198" s="10"/>
      <c r="ARJ1198" s="10"/>
      <c r="ARK1198" s="10"/>
      <c r="ARL1198" s="10"/>
      <c r="ARM1198" s="10"/>
      <c r="ARN1198" s="10"/>
      <c r="ARO1198" s="10"/>
      <c r="ARP1198" s="10"/>
      <c r="ARQ1198" s="10"/>
      <c r="ARR1198" s="10"/>
      <c r="ARS1198" s="10"/>
      <c r="ART1198" s="10"/>
      <c r="ARU1198" s="10"/>
      <c r="ARV1198" s="10"/>
      <c r="ARW1198" s="10"/>
      <c r="ARX1198" s="10"/>
      <c r="ARY1198" s="10"/>
      <c r="ARZ1198" s="10"/>
      <c r="ASA1198" s="10"/>
      <c r="ASB1198" s="10"/>
      <c r="ASC1198" s="10"/>
      <c r="ASD1198" s="10"/>
      <c r="ASE1198" s="10"/>
      <c r="ASF1198" s="10"/>
      <c r="ASG1198" s="10"/>
      <c r="ASH1198" s="10"/>
      <c r="ASI1198" s="10"/>
      <c r="ASJ1198" s="10"/>
      <c r="ASK1198" s="10"/>
      <c r="ASL1198" s="10"/>
      <c r="ASM1198" s="10"/>
      <c r="ASN1198" s="10"/>
      <c r="ASO1198" s="10"/>
      <c r="ASP1198" s="10"/>
      <c r="ASQ1198" s="10"/>
      <c r="ASR1198" s="10"/>
      <c r="ASS1198" s="10"/>
      <c r="AST1198" s="10"/>
      <c r="ASU1198" s="10"/>
      <c r="ASV1198" s="10"/>
      <c r="ASW1198" s="10"/>
      <c r="ASX1198" s="10"/>
      <c r="ASY1198" s="10"/>
      <c r="ASZ1198" s="10"/>
      <c r="ATA1198" s="10"/>
      <c r="ATB1198" s="10"/>
      <c r="ATC1198" s="10"/>
      <c r="ATD1198" s="10"/>
      <c r="ATE1198" s="10"/>
      <c r="ATF1198" s="10"/>
      <c r="ATG1198" s="10"/>
      <c r="ATH1198" s="10"/>
      <c r="ATI1198" s="10"/>
      <c r="ATJ1198" s="10"/>
      <c r="ATK1198" s="10"/>
      <c r="ATL1198" s="10"/>
      <c r="ATM1198" s="10"/>
      <c r="ATN1198" s="10"/>
      <c r="ATO1198" s="10"/>
      <c r="ATP1198" s="10"/>
      <c r="ATQ1198" s="10"/>
      <c r="ATR1198" s="10"/>
      <c r="ATS1198" s="10"/>
      <c r="ATT1198" s="10"/>
      <c r="ATU1198" s="10"/>
      <c r="ATV1198" s="10"/>
      <c r="ATW1198" s="10"/>
      <c r="ATX1198" s="10"/>
      <c r="ATY1198" s="10"/>
      <c r="ATZ1198" s="10"/>
      <c r="AUA1198" s="10"/>
      <c r="AUB1198" s="10"/>
      <c r="AUC1198" s="10"/>
      <c r="AUD1198" s="10"/>
      <c r="AUE1198" s="10"/>
      <c r="AUF1198" s="10"/>
      <c r="AUG1198" s="10"/>
      <c r="AUH1198" s="10"/>
      <c r="AUI1198" s="10"/>
      <c r="AUJ1198" s="10"/>
      <c r="AUK1198" s="10"/>
      <c r="AUL1198" s="10"/>
      <c r="AUM1198" s="10"/>
      <c r="AUN1198" s="10"/>
      <c r="AUO1198" s="10"/>
      <c r="AUP1198" s="10"/>
      <c r="AUQ1198" s="10"/>
      <c r="AUR1198" s="10"/>
      <c r="AUS1198" s="10"/>
      <c r="AUT1198" s="10"/>
      <c r="AUU1198" s="10"/>
      <c r="AUV1198" s="10"/>
      <c r="AUW1198" s="10"/>
      <c r="AUX1198" s="10"/>
      <c r="AUY1198" s="10"/>
      <c r="AUZ1198" s="10"/>
      <c r="AVA1198" s="10"/>
      <c r="AVB1198" s="10"/>
      <c r="AVC1198" s="10"/>
      <c r="AVD1198" s="10"/>
      <c r="AVE1198" s="10"/>
      <c r="AVF1198" s="10"/>
      <c r="AVG1198" s="10"/>
      <c r="AVH1198" s="10"/>
      <c r="AVI1198" s="10"/>
      <c r="AVJ1198" s="10"/>
      <c r="AVK1198" s="10"/>
      <c r="AVL1198" s="10"/>
      <c r="AVM1198" s="10"/>
      <c r="AVN1198" s="10"/>
      <c r="AVO1198" s="10"/>
      <c r="AVP1198" s="10"/>
      <c r="AVQ1198" s="10"/>
      <c r="AVR1198" s="10"/>
      <c r="AVS1198" s="10"/>
      <c r="AVT1198" s="10"/>
      <c r="AVU1198" s="10"/>
      <c r="AVV1198" s="10"/>
      <c r="AVW1198" s="10"/>
      <c r="AVX1198" s="10"/>
      <c r="AVY1198" s="10"/>
      <c r="AVZ1198" s="10"/>
      <c r="AWA1198" s="10"/>
      <c r="AWB1198" s="10"/>
      <c r="AWC1198" s="10"/>
      <c r="AWD1198" s="10"/>
      <c r="AWE1198" s="10"/>
      <c r="AWF1198" s="10"/>
      <c r="AWG1198" s="10"/>
      <c r="AWH1198" s="10"/>
      <c r="AWI1198" s="10"/>
      <c r="AWJ1198" s="10"/>
      <c r="AWK1198" s="10"/>
      <c r="AWL1198" s="10"/>
      <c r="AWM1198" s="10"/>
      <c r="AWN1198" s="10"/>
      <c r="AWO1198" s="10"/>
      <c r="AWP1198" s="10"/>
      <c r="AWQ1198" s="10"/>
      <c r="AWR1198" s="10"/>
      <c r="AWS1198" s="10"/>
      <c r="AWT1198" s="10"/>
      <c r="AWU1198" s="10"/>
      <c r="AWV1198" s="10"/>
      <c r="AWW1198" s="10"/>
      <c r="AWX1198" s="10"/>
      <c r="AWY1198" s="10"/>
      <c r="AWZ1198" s="10"/>
      <c r="AXA1198" s="10"/>
      <c r="AXB1198" s="10"/>
      <c r="AXC1198" s="10"/>
      <c r="AXD1198" s="10"/>
      <c r="AXE1198" s="10"/>
      <c r="AXF1198" s="10"/>
      <c r="AXG1198" s="10"/>
      <c r="AXH1198" s="10"/>
      <c r="AXI1198" s="10"/>
      <c r="AXJ1198" s="10"/>
      <c r="AXK1198" s="10"/>
      <c r="AXL1198" s="10"/>
      <c r="AXM1198" s="10"/>
      <c r="AXN1198" s="10"/>
      <c r="AXO1198" s="10"/>
      <c r="AXP1198" s="10"/>
      <c r="AXQ1198" s="10"/>
      <c r="AXR1198" s="10"/>
      <c r="AXS1198" s="10"/>
      <c r="AXT1198" s="10"/>
      <c r="AXU1198" s="10"/>
      <c r="AXV1198" s="10"/>
      <c r="AXW1198" s="10"/>
      <c r="AXX1198" s="10"/>
      <c r="AXY1198" s="10"/>
      <c r="AXZ1198" s="10"/>
      <c r="AYA1198" s="10"/>
      <c r="AYB1198" s="10"/>
      <c r="AYC1198" s="10"/>
      <c r="AYD1198" s="10"/>
      <c r="AYE1198" s="10"/>
      <c r="AYF1198" s="10"/>
      <c r="AYG1198" s="10"/>
      <c r="AYH1198" s="10"/>
      <c r="AYI1198" s="10"/>
      <c r="AYJ1198" s="10"/>
      <c r="AYK1198" s="10"/>
      <c r="AYL1198" s="10"/>
      <c r="AYM1198" s="10"/>
      <c r="AYN1198" s="10"/>
      <c r="AYO1198" s="10"/>
      <c r="AYP1198" s="10"/>
      <c r="AYQ1198" s="10"/>
      <c r="AYR1198" s="10"/>
      <c r="AYS1198" s="10"/>
      <c r="AYT1198" s="10"/>
      <c r="AYU1198" s="10"/>
      <c r="AYV1198" s="10"/>
      <c r="AYW1198" s="10"/>
      <c r="AYX1198" s="10"/>
      <c r="AYY1198" s="10"/>
      <c r="AYZ1198" s="10"/>
      <c r="AZA1198" s="10"/>
      <c r="AZB1198" s="10"/>
      <c r="AZC1198" s="10"/>
      <c r="AZD1198" s="10"/>
      <c r="AZE1198" s="10"/>
      <c r="AZF1198" s="10"/>
      <c r="AZG1198" s="10"/>
      <c r="AZH1198" s="10"/>
      <c r="AZI1198" s="10"/>
      <c r="AZJ1198" s="10"/>
      <c r="AZK1198" s="10"/>
      <c r="AZL1198" s="10"/>
      <c r="AZM1198" s="10"/>
      <c r="AZN1198" s="10"/>
      <c r="AZO1198" s="10"/>
      <c r="AZP1198" s="10"/>
      <c r="AZQ1198" s="10"/>
      <c r="AZR1198" s="10"/>
      <c r="AZS1198" s="10"/>
      <c r="AZT1198" s="10"/>
      <c r="AZU1198" s="10"/>
      <c r="AZV1198" s="10"/>
      <c r="AZW1198" s="10"/>
      <c r="AZX1198" s="10"/>
      <c r="AZY1198" s="10"/>
      <c r="AZZ1198" s="10"/>
      <c r="BAA1198" s="10"/>
      <c r="BAB1198" s="10"/>
      <c r="BAC1198" s="10"/>
      <c r="BAD1198" s="10"/>
      <c r="BAE1198" s="10"/>
      <c r="BAF1198" s="10"/>
      <c r="BAG1198" s="10"/>
      <c r="BAH1198" s="10"/>
      <c r="BAI1198" s="10"/>
      <c r="BAJ1198" s="10"/>
      <c r="BAK1198" s="10"/>
      <c r="BAL1198" s="10"/>
      <c r="BAM1198" s="10"/>
      <c r="BAN1198" s="10"/>
      <c r="BAO1198" s="10"/>
      <c r="BAP1198" s="10"/>
      <c r="BAQ1198" s="10"/>
      <c r="BAR1198" s="10"/>
      <c r="BAS1198" s="10"/>
      <c r="BAT1198" s="10"/>
      <c r="BAU1198" s="10"/>
      <c r="BAV1198" s="10"/>
      <c r="BAW1198" s="10"/>
      <c r="BAX1198" s="10"/>
      <c r="BAY1198" s="10"/>
      <c r="BAZ1198" s="10"/>
      <c r="BBA1198" s="10"/>
      <c r="BBB1198" s="10"/>
      <c r="BBC1198" s="10"/>
      <c r="BBD1198" s="10"/>
      <c r="BBE1198" s="10"/>
      <c r="BBF1198" s="10"/>
      <c r="BBG1198" s="10"/>
      <c r="BBH1198" s="10"/>
      <c r="BBI1198" s="10"/>
      <c r="BBJ1198" s="10"/>
      <c r="BBK1198" s="10"/>
      <c r="BBL1198" s="10"/>
      <c r="BBM1198" s="10"/>
      <c r="BBN1198" s="10"/>
      <c r="BBO1198" s="10"/>
      <c r="BBP1198" s="10"/>
      <c r="BBQ1198" s="10"/>
      <c r="BBR1198" s="10"/>
      <c r="BBS1198" s="10"/>
      <c r="BBT1198" s="10"/>
      <c r="BBU1198" s="10"/>
      <c r="BBV1198" s="10"/>
      <c r="BBW1198" s="10"/>
      <c r="BBX1198" s="10"/>
      <c r="BBY1198" s="10"/>
      <c r="BBZ1198" s="10"/>
      <c r="BCA1198" s="10"/>
      <c r="BCB1198" s="10"/>
      <c r="BCC1198" s="10"/>
      <c r="BCD1198" s="10"/>
      <c r="BCE1198" s="10"/>
      <c r="BCF1198" s="10"/>
      <c r="BCG1198" s="10"/>
      <c r="BCH1198" s="10"/>
      <c r="BCI1198" s="10"/>
      <c r="BCJ1198" s="10"/>
      <c r="BCK1198" s="10"/>
      <c r="BCL1198" s="10"/>
      <c r="BCM1198" s="10"/>
      <c r="BCN1198" s="10"/>
      <c r="BCO1198" s="10"/>
      <c r="BCP1198" s="10"/>
      <c r="BCQ1198" s="10"/>
      <c r="BCR1198" s="10"/>
      <c r="BCS1198" s="10"/>
      <c r="BCT1198" s="10"/>
      <c r="BCU1198" s="10"/>
      <c r="BCV1198" s="10"/>
      <c r="BCW1198" s="10"/>
      <c r="BCX1198" s="10"/>
      <c r="BCY1198" s="10"/>
      <c r="BCZ1198" s="10"/>
      <c r="BDA1198" s="10"/>
      <c r="BDB1198" s="10"/>
      <c r="BDC1198" s="10"/>
      <c r="BDD1198" s="10"/>
      <c r="BDE1198" s="10"/>
      <c r="BDF1198" s="10"/>
      <c r="BDG1198" s="10"/>
      <c r="BDH1198" s="10"/>
      <c r="BDI1198" s="10"/>
      <c r="BDJ1198" s="10"/>
      <c r="BDK1198" s="10"/>
      <c r="BDL1198" s="10"/>
      <c r="BDM1198" s="10"/>
      <c r="BDN1198" s="10"/>
      <c r="BDO1198" s="10"/>
      <c r="BDP1198" s="10"/>
      <c r="BDQ1198" s="10"/>
      <c r="BDR1198" s="10"/>
      <c r="BDS1198" s="10"/>
      <c r="BDT1198" s="10"/>
      <c r="BDU1198" s="10"/>
      <c r="BDV1198" s="10"/>
      <c r="BDW1198" s="10"/>
      <c r="BDX1198" s="10"/>
      <c r="BDY1198" s="10"/>
      <c r="BDZ1198" s="10"/>
      <c r="BEA1198" s="10"/>
      <c r="BEB1198" s="10"/>
      <c r="BEC1198" s="10"/>
      <c r="BED1198" s="10"/>
      <c r="BEE1198" s="10"/>
      <c r="BEF1198" s="10"/>
      <c r="BEG1198" s="10"/>
      <c r="BEH1198" s="10"/>
      <c r="BEI1198" s="10"/>
      <c r="BEJ1198" s="10"/>
      <c r="BEK1198" s="10"/>
      <c r="BEL1198" s="10"/>
      <c r="BEM1198" s="10"/>
      <c r="BEN1198" s="10"/>
      <c r="BEO1198" s="10"/>
      <c r="BEP1198" s="10"/>
      <c r="BEQ1198" s="10"/>
      <c r="BER1198" s="10"/>
      <c r="BES1198" s="10"/>
      <c r="BET1198" s="10"/>
      <c r="BEU1198" s="10"/>
      <c r="BEV1198" s="10"/>
      <c r="BEW1198" s="10"/>
      <c r="BEX1198" s="10"/>
      <c r="BEY1198" s="10"/>
      <c r="BEZ1198" s="10"/>
      <c r="BFA1198" s="10"/>
      <c r="BFB1198" s="10"/>
      <c r="BFC1198" s="10"/>
      <c r="BFD1198" s="10"/>
      <c r="BFE1198" s="10"/>
      <c r="BFF1198" s="10"/>
      <c r="BFG1198" s="10"/>
      <c r="BFH1198" s="10"/>
      <c r="BFI1198" s="10"/>
      <c r="BFJ1198" s="10"/>
      <c r="BFK1198" s="10"/>
      <c r="BFL1198" s="10"/>
      <c r="BFM1198" s="10"/>
      <c r="BFN1198" s="10"/>
      <c r="BFO1198" s="10"/>
      <c r="BFP1198" s="10"/>
      <c r="BFQ1198" s="10"/>
      <c r="BFR1198" s="10"/>
      <c r="BFS1198" s="10"/>
      <c r="BFT1198" s="10"/>
      <c r="BFU1198" s="10"/>
      <c r="BFV1198" s="10"/>
      <c r="BFW1198" s="10"/>
      <c r="BFX1198" s="10"/>
      <c r="BFY1198" s="10"/>
      <c r="BFZ1198" s="10"/>
      <c r="BGA1198" s="10"/>
      <c r="BGB1198" s="10"/>
      <c r="BGC1198" s="10"/>
      <c r="BGD1198" s="10"/>
      <c r="BGE1198" s="10"/>
      <c r="BGF1198" s="10"/>
      <c r="BGG1198" s="10"/>
      <c r="BGH1198" s="10"/>
      <c r="BGI1198" s="10"/>
      <c r="BGJ1198" s="10"/>
      <c r="BGK1198" s="10"/>
      <c r="BGL1198" s="10"/>
      <c r="BGM1198" s="10"/>
      <c r="BGN1198" s="10"/>
      <c r="BGO1198" s="10"/>
      <c r="BGP1198" s="10"/>
      <c r="BGQ1198" s="10"/>
      <c r="BGR1198" s="10"/>
      <c r="BGS1198" s="10"/>
      <c r="BGT1198" s="10"/>
      <c r="BGU1198" s="10"/>
      <c r="BGV1198" s="10"/>
      <c r="BGW1198" s="10"/>
      <c r="BGX1198" s="10"/>
      <c r="BGY1198" s="10"/>
      <c r="BGZ1198" s="10"/>
      <c r="BHA1198" s="10"/>
      <c r="BHB1198" s="10"/>
      <c r="BHC1198" s="10"/>
      <c r="BHD1198" s="10"/>
      <c r="BHE1198" s="10"/>
      <c r="BHF1198" s="10"/>
      <c r="BHG1198" s="10"/>
      <c r="BHH1198" s="10"/>
      <c r="BHI1198" s="10"/>
      <c r="BHJ1198" s="10"/>
      <c r="BHK1198" s="10"/>
      <c r="BHL1198" s="10"/>
      <c r="BHM1198" s="10"/>
      <c r="BHN1198" s="10"/>
      <c r="BHO1198" s="10"/>
      <c r="BHP1198" s="10"/>
      <c r="BHQ1198" s="10"/>
      <c r="BHR1198" s="10"/>
      <c r="BHS1198" s="10"/>
      <c r="BHT1198" s="10"/>
      <c r="BHU1198" s="10"/>
      <c r="BHV1198" s="10"/>
      <c r="BHW1198" s="10"/>
      <c r="BHX1198" s="10"/>
      <c r="BHY1198" s="10"/>
      <c r="BHZ1198" s="10"/>
      <c r="BIA1198" s="10"/>
      <c r="BIB1198" s="10"/>
      <c r="BIC1198" s="10"/>
      <c r="BID1198" s="10"/>
      <c r="BIE1198" s="10"/>
      <c r="BIF1198" s="10"/>
      <c r="BIG1198" s="10"/>
      <c r="BIH1198" s="10"/>
      <c r="BII1198" s="10"/>
      <c r="BIJ1198" s="10"/>
      <c r="BIK1198" s="10"/>
      <c r="BIL1198" s="10"/>
      <c r="BIM1198" s="10"/>
      <c r="BIN1198" s="10"/>
      <c r="BIO1198" s="10"/>
      <c r="BIP1198" s="10"/>
      <c r="BIQ1198" s="10"/>
      <c r="BIR1198" s="10"/>
      <c r="BIS1198" s="10"/>
      <c r="BIT1198" s="10"/>
      <c r="BIU1198" s="10"/>
      <c r="BIV1198" s="10"/>
      <c r="BIW1198" s="10"/>
      <c r="BIX1198" s="10"/>
      <c r="BIY1198" s="10"/>
      <c r="BIZ1198" s="10"/>
      <c r="BJA1198" s="10"/>
      <c r="BJB1198" s="10"/>
      <c r="BJC1198" s="10"/>
      <c r="BJD1198" s="10"/>
      <c r="BJE1198" s="10"/>
      <c r="BJF1198" s="10"/>
      <c r="BJG1198" s="10"/>
      <c r="BJH1198" s="10"/>
      <c r="BJI1198" s="10"/>
      <c r="BJJ1198" s="10"/>
      <c r="BJK1198" s="10"/>
      <c r="BJL1198" s="10"/>
      <c r="BJM1198" s="10"/>
      <c r="BJN1198" s="10"/>
      <c r="BJO1198" s="10"/>
      <c r="BJP1198" s="10"/>
      <c r="BJQ1198" s="10"/>
      <c r="BJR1198" s="10"/>
      <c r="BJS1198" s="10"/>
      <c r="BJT1198" s="10"/>
      <c r="BJU1198" s="10"/>
      <c r="BJV1198" s="10"/>
      <c r="BJW1198" s="10"/>
      <c r="BJX1198" s="10"/>
      <c r="BJY1198" s="10"/>
      <c r="BJZ1198" s="10"/>
      <c r="BKA1198" s="10"/>
      <c r="BKB1198" s="10"/>
      <c r="BKC1198" s="10"/>
      <c r="BKD1198" s="10"/>
      <c r="BKE1198" s="10"/>
      <c r="BKF1198" s="10"/>
      <c r="BKG1198" s="10"/>
      <c r="BKH1198" s="10"/>
      <c r="BKI1198" s="10"/>
      <c r="BKJ1198" s="10"/>
      <c r="BKK1198" s="10"/>
      <c r="BKL1198" s="10"/>
      <c r="BKM1198" s="10"/>
      <c r="BKN1198" s="10"/>
      <c r="BKO1198" s="10"/>
      <c r="BKP1198" s="10"/>
      <c r="BKQ1198" s="10"/>
      <c r="BKR1198" s="10"/>
      <c r="BKS1198" s="10"/>
      <c r="BKT1198" s="10"/>
      <c r="BKU1198" s="10"/>
      <c r="BKV1198" s="10"/>
      <c r="BKW1198" s="10"/>
      <c r="BKX1198" s="10"/>
      <c r="BKY1198" s="10"/>
      <c r="BKZ1198" s="10"/>
      <c r="BLA1198" s="10"/>
      <c r="BLB1198" s="10"/>
      <c r="BLC1198" s="10"/>
      <c r="BLD1198" s="10"/>
      <c r="BLE1198" s="10"/>
      <c r="BLF1198" s="10"/>
      <c r="BLG1198" s="10"/>
      <c r="BLH1198" s="10"/>
      <c r="BLI1198" s="10"/>
      <c r="BLJ1198" s="10"/>
      <c r="BLK1198" s="10"/>
      <c r="BLL1198" s="10"/>
      <c r="BLM1198" s="10"/>
      <c r="BLN1198" s="10"/>
      <c r="BLO1198" s="10"/>
      <c r="BLP1198" s="10"/>
      <c r="BLQ1198" s="10"/>
      <c r="BLR1198" s="10"/>
      <c r="BLS1198" s="10"/>
      <c r="BLT1198" s="10"/>
      <c r="BLU1198" s="10"/>
      <c r="BLV1198" s="10"/>
      <c r="BLW1198" s="10"/>
      <c r="BLX1198" s="10"/>
      <c r="BLY1198" s="10"/>
      <c r="BLZ1198" s="10"/>
      <c r="BMA1198" s="10"/>
      <c r="BMB1198" s="10"/>
      <c r="BMC1198" s="10"/>
      <c r="BMD1198" s="10"/>
      <c r="BME1198" s="10"/>
      <c r="BMF1198" s="10"/>
      <c r="BMG1198" s="10"/>
      <c r="BMH1198" s="10"/>
      <c r="BMI1198" s="10"/>
      <c r="BMJ1198" s="10"/>
      <c r="BMK1198" s="10"/>
      <c r="BML1198" s="10"/>
      <c r="BMM1198" s="10"/>
      <c r="BMN1198" s="10"/>
      <c r="BMO1198" s="10"/>
      <c r="BMP1198" s="10"/>
      <c r="BMQ1198" s="10"/>
      <c r="BMR1198" s="10"/>
      <c r="BMS1198" s="10"/>
      <c r="BMT1198" s="10"/>
      <c r="BMU1198" s="10"/>
      <c r="BMV1198" s="10"/>
      <c r="BMW1198" s="10"/>
      <c r="BMX1198" s="10"/>
      <c r="BMY1198" s="10"/>
      <c r="BMZ1198" s="10"/>
      <c r="BNA1198" s="10"/>
      <c r="BNB1198" s="10"/>
      <c r="BNC1198" s="10"/>
      <c r="BND1198" s="10"/>
      <c r="BNE1198" s="10"/>
      <c r="BNF1198" s="10"/>
      <c r="BNG1198" s="10"/>
      <c r="BNH1198" s="10"/>
      <c r="BNI1198" s="10"/>
      <c r="BNJ1198" s="10"/>
      <c r="BNK1198" s="10"/>
      <c r="BNL1198" s="10"/>
      <c r="BNM1198" s="10"/>
      <c r="BNN1198" s="10"/>
      <c r="BNO1198" s="10"/>
      <c r="BNP1198" s="10"/>
      <c r="BNQ1198" s="10"/>
      <c r="BNR1198" s="10"/>
      <c r="BNS1198" s="10"/>
      <c r="BNT1198" s="10"/>
      <c r="BNU1198" s="10"/>
      <c r="BNV1198" s="10"/>
      <c r="BNW1198" s="10"/>
      <c r="BNX1198" s="10"/>
      <c r="BNY1198" s="10"/>
      <c r="BNZ1198" s="10"/>
      <c r="BOA1198" s="10"/>
      <c r="BOB1198" s="10"/>
      <c r="BOC1198" s="10"/>
      <c r="BOD1198" s="10"/>
      <c r="BOE1198" s="10"/>
      <c r="BOF1198" s="10"/>
      <c r="BOG1198" s="10"/>
      <c r="BOH1198" s="10"/>
      <c r="BOI1198" s="10"/>
      <c r="BOJ1198" s="10"/>
      <c r="BOK1198" s="10"/>
      <c r="BOL1198" s="10"/>
      <c r="BOM1198" s="10"/>
      <c r="BON1198" s="10"/>
      <c r="BOO1198" s="10"/>
      <c r="BOP1198" s="10"/>
      <c r="BOQ1198" s="10"/>
      <c r="BOR1198" s="10"/>
      <c r="BOS1198" s="10"/>
      <c r="BOT1198" s="10"/>
      <c r="BOU1198" s="10"/>
      <c r="BOV1198" s="10"/>
      <c r="BOW1198" s="10"/>
      <c r="BOX1198" s="10"/>
      <c r="BOY1198" s="10"/>
      <c r="BOZ1198" s="10"/>
      <c r="BPA1198" s="10"/>
      <c r="BPB1198" s="10"/>
      <c r="BPC1198" s="10"/>
      <c r="BPD1198" s="10"/>
      <c r="BPE1198" s="10"/>
      <c r="BPF1198" s="10"/>
      <c r="BPG1198" s="10"/>
      <c r="BPH1198" s="10"/>
      <c r="BPI1198" s="10"/>
      <c r="BPJ1198" s="10"/>
      <c r="BPK1198" s="10"/>
      <c r="BPL1198" s="10"/>
      <c r="BPM1198" s="10"/>
      <c r="BPN1198" s="10"/>
      <c r="BPO1198" s="10"/>
      <c r="BPP1198" s="10"/>
      <c r="BPQ1198" s="10"/>
      <c r="BPR1198" s="10"/>
      <c r="BPS1198" s="10"/>
      <c r="BPT1198" s="10"/>
      <c r="BPU1198" s="10"/>
      <c r="BPV1198" s="10"/>
      <c r="BPW1198" s="10"/>
      <c r="BPX1198" s="10"/>
      <c r="BPY1198" s="10"/>
      <c r="BPZ1198" s="10"/>
      <c r="BQA1198" s="10"/>
      <c r="BQB1198" s="10"/>
      <c r="BQC1198" s="10"/>
      <c r="BQD1198" s="10"/>
      <c r="BQE1198" s="10"/>
      <c r="BQF1198" s="10"/>
      <c r="BQG1198" s="10"/>
      <c r="BQH1198" s="10"/>
      <c r="BQI1198" s="10"/>
      <c r="BQJ1198" s="10"/>
      <c r="BQK1198" s="10"/>
      <c r="BQL1198" s="10"/>
      <c r="BQM1198" s="10"/>
      <c r="BQN1198" s="10"/>
      <c r="BQO1198" s="10"/>
      <c r="BQP1198" s="10"/>
      <c r="BQQ1198" s="10"/>
      <c r="BQR1198" s="10"/>
      <c r="BQS1198" s="10"/>
      <c r="BQT1198" s="10"/>
      <c r="BQU1198" s="10"/>
      <c r="BQV1198" s="10"/>
      <c r="BQW1198" s="10"/>
      <c r="BQX1198" s="10"/>
      <c r="BQY1198" s="10"/>
      <c r="BQZ1198" s="10"/>
      <c r="BRA1198" s="10"/>
      <c r="BRB1198" s="10"/>
      <c r="BRC1198" s="10"/>
      <c r="BRD1198" s="10"/>
      <c r="BRE1198" s="10"/>
      <c r="BRF1198" s="10"/>
      <c r="BRG1198" s="10"/>
      <c r="BRH1198" s="10"/>
      <c r="BRI1198" s="10"/>
      <c r="BRJ1198" s="10"/>
      <c r="BRK1198" s="10"/>
      <c r="BRL1198" s="10"/>
      <c r="BRM1198" s="10"/>
      <c r="BRN1198" s="10"/>
      <c r="BRO1198" s="10"/>
      <c r="BRP1198" s="10"/>
      <c r="BRQ1198" s="10"/>
      <c r="BRR1198" s="10"/>
      <c r="BRS1198" s="10"/>
      <c r="BRT1198" s="10"/>
      <c r="BRU1198" s="10"/>
      <c r="BRV1198" s="10"/>
      <c r="BRW1198" s="10"/>
      <c r="BRX1198" s="10"/>
      <c r="BRY1198" s="10"/>
      <c r="BRZ1198" s="10"/>
      <c r="BSA1198" s="10"/>
      <c r="BSB1198" s="10"/>
      <c r="BSC1198" s="10"/>
      <c r="BSD1198" s="10"/>
      <c r="BSE1198" s="10"/>
      <c r="BSF1198" s="10"/>
      <c r="BSG1198" s="10"/>
      <c r="BSH1198" s="10"/>
      <c r="BSI1198" s="10"/>
      <c r="BSJ1198" s="10"/>
      <c r="BSK1198" s="10"/>
      <c r="BSL1198" s="10"/>
      <c r="BSM1198" s="10"/>
      <c r="BSN1198" s="10"/>
      <c r="BSO1198" s="10"/>
      <c r="BSP1198" s="10"/>
      <c r="BSQ1198" s="10"/>
      <c r="BSR1198" s="10"/>
      <c r="BSS1198" s="10"/>
      <c r="BST1198" s="10"/>
      <c r="BSU1198" s="10"/>
      <c r="BSV1198" s="10"/>
      <c r="BSW1198" s="10"/>
      <c r="BSX1198" s="10"/>
      <c r="BSY1198" s="10"/>
      <c r="BSZ1198" s="10"/>
      <c r="BTA1198" s="10"/>
      <c r="BTB1198" s="10"/>
      <c r="BTC1198" s="10"/>
      <c r="BTD1198" s="10"/>
      <c r="BTE1198" s="10"/>
      <c r="BTF1198" s="10"/>
      <c r="BTG1198" s="10"/>
      <c r="BTH1198" s="10"/>
      <c r="BTI1198" s="10"/>
      <c r="BTJ1198" s="10"/>
      <c r="BTK1198" s="10"/>
      <c r="BTL1198" s="10"/>
      <c r="BTM1198" s="10"/>
      <c r="BTN1198" s="10"/>
      <c r="BTO1198" s="10"/>
      <c r="BTP1198" s="10"/>
      <c r="BTQ1198" s="10"/>
      <c r="BTR1198" s="10"/>
      <c r="BTS1198" s="10"/>
      <c r="BTT1198" s="10"/>
      <c r="BTU1198" s="10"/>
      <c r="BTV1198" s="10"/>
      <c r="BTW1198" s="10"/>
      <c r="BTX1198" s="10"/>
      <c r="BTY1198" s="10"/>
      <c r="BTZ1198" s="10"/>
      <c r="BUA1198" s="10"/>
      <c r="BUB1198" s="10"/>
      <c r="BUC1198" s="10"/>
      <c r="BUD1198" s="10"/>
      <c r="BUE1198" s="10"/>
      <c r="BUF1198" s="10"/>
      <c r="BUG1198" s="10"/>
      <c r="BUH1198" s="10"/>
      <c r="BUI1198" s="10"/>
      <c r="BUJ1198" s="10"/>
      <c r="BUK1198" s="10"/>
      <c r="BUL1198" s="10"/>
      <c r="BUM1198" s="10"/>
      <c r="BUN1198" s="10"/>
      <c r="BUO1198" s="10"/>
      <c r="BUP1198" s="10"/>
      <c r="BUQ1198" s="10"/>
      <c r="BUR1198" s="10"/>
      <c r="BUS1198" s="10"/>
      <c r="BUT1198" s="10"/>
      <c r="BUU1198" s="10"/>
      <c r="BUV1198" s="10"/>
      <c r="BUW1198" s="10"/>
      <c r="BUX1198" s="10"/>
      <c r="BUY1198" s="10"/>
      <c r="BUZ1198" s="10"/>
      <c r="BVA1198" s="10"/>
      <c r="BVB1198" s="10"/>
      <c r="BVC1198" s="10"/>
      <c r="BVD1198" s="10"/>
      <c r="BVE1198" s="10"/>
      <c r="BVF1198" s="10"/>
      <c r="BVG1198" s="10"/>
      <c r="BVH1198" s="10"/>
      <c r="BVI1198" s="10"/>
      <c r="BVJ1198" s="10"/>
      <c r="BVK1198" s="10"/>
      <c r="BVL1198" s="10"/>
      <c r="BVM1198" s="10"/>
      <c r="BVN1198" s="10"/>
      <c r="BVO1198" s="10"/>
      <c r="BVP1198" s="10"/>
      <c r="BVQ1198" s="10"/>
      <c r="BVR1198" s="10"/>
      <c r="BVS1198" s="10"/>
      <c r="BVT1198" s="10"/>
      <c r="BVU1198" s="10"/>
      <c r="BVV1198" s="10"/>
      <c r="BVW1198" s="10"/>
      <c r="BVX1198" s="10"/>
      <c r="BVY1198" s="10"/>
      <c r="BVZ1198" s="10"/>
      <c r="BWA1198" s="10"/>
      <c r="BWB1198" s="10"/>
      <c r="BWC1198" s="10"/>
      <c r="BWD1198" s="10"/>
      <c r="BWE1198" s="10"/>
      <c r="BWF1198" s="10"/>
      <c r="BWG1198" s="10"/>
      <c r="BWH1198" s="10"/>
      <c r="BWI1198" s="10"/>
      <c r="BWJ1198" s="10"/>
      <c r="BWK1198" s="10"/>
      <c r="BWL1198" s="10"/>
      <c r="BWM1198" s="10"/>
      <c r="BWN1198" s="10"/>
      <c r="BWO1198" s="10"/>
      <c r="BWP1198" s="10"/>
      <c r="BWQ1198" s="10"/>
      <c r="BWR1198" s="10"/>
      <c r="BWS1198" s="10"/>
      <c r="BWT1198" s="10"/>
      <c r="BWU1198" s="10"/>
      <c r="BWV1198" s="10"/>
      <c r="BWW1198" s="10"/>
      <c r="BWX1198" s="10"/>
      <c r="BWY1198" s="10"/>
      <c r="BWZ1198" s="10"/>
      <c r="BXA1198" s="10"/>
      <c r="BXB1198" s="10"/>
      <c r="BXC1198" s="10"/>
      <c r="BXD1198" s="10"/>
      <c r="BXE1198" s="10"/>
      <c r="BXF1198" s="10"/>
      <c r="BXG1198" s="10"/>
      <c r="BXH1198" s="10"/>
      <c r="BXI1198" s="10"/>
      <c r="BXJ1198" s="10"/>
      <c r="BXK1198" s="10"/>
      <c r="BXL1198" s="10"/>
      <c r="BXM1198" s="10"/>
      <c r="BXN1198" s="10"/>
      <c r="BXO1198" s="10"/>
      <c r="BXP1198" s="10"/>
      <c r="BXQ1198" s="10"/>
      <c r="BXR1198" s="10"/>
      <c r="BXS1198" s="10"/>
      <c r="BXT1198" s="10"/>
      <c r="BXU1198" s="10"/>
      <c r="BXV1198" s="10"/>
      <c r="BXW1198" s="10"/>
      <c r="BXX1198" s="10"/>
      <c r="BXY1198" s="10"/>
      <c r="BXZ1198" s="10"/>
      <c r="BYA1198" s="10"/>
      <c r="BYB1198" s="10"/>
      <c r="BYC1198" s="10"/>
      <c r="BYD1198" s="10"/>
      <c r="BYE1198" s="10"/>
      <c r="BYF1198" s="10"/>
      <c r="BYG1198" s="10"/>
      <c r="BYH1198" s="10"/>
      <c r="BYI1198" s="10"/>
      <c r="BYJ1198" s="10"/>
      <c r="BYK1198" s="10"/>
      <c r="BYL1198" s="10"/>
      <c r="BYM1198" s="10"/>
      <c r="BYN1198" s="10"/>
      <c r="BYO1198" s="10"/>
      <c r="BYP1198" s="10"/>
      <c r="BYQ1198" s="10"/>
      <c r="BYR1198" s="10"/>
      <c r="BYS1198" s="10"/>
      <c r="BYT1198" s="10"/>
      <c r="BYU1198" s="10"/>
      <c r="BYV1198" s="10"/>
      <c r="BYW1198" s="10"/>
      <c r="BYX1198" s="10"/>
      <c r="BYY1198" s="10"/>
      <c r="BYZ1198" s="10"/>
      <c r="BZA1198" s="10"/>
      <c r="BZB1198" s="10"/>
      <c r="BZC1198" s="10"/>
      <c r="BZD1198" s="10"/>
      <c r="BZE1198" s="10"/>
      <c r="BZF1198" s="10"/>
      <c r="BZG1198" s="10"/>
      <c r="BZH1198" s="10"/>
      <c r="BZI1198" s="10"/>
      <c r="BZJ1198" s="10"/>
      <c r="BZK1198" s="10"/>
      <c r="BZL1198" s="10"/>
      <c r="BZM1198" s="10"/>
      <c r="BZN1198" s="10"/>
      <c r="BZO1198" s="10"/>
      <c r="BZP1198" s="10"/>
      <c r="BZQ1198" s="10"/>
      <c r="BZR1198" s="10"/>
      <c r="BZS1198" s="10"/>
      <c r="BZT1198" s="10"/>
      <c r="BZU1198" s="10"/>
      <c r="BZV1198" s="10"/>
      <c r="BZW1198" s="10"/>
      <c r="BZX1198" s="10"/>
      <c r="BZY1198" s="10"/>
      <c r="BZZ1198" s="10"/>
      <c r="CAA1198" s="10"/>
      <c r="CAB1198" s="10"/>
      <c r="CAC1198" s="10"/>
      <c r="CAD1198" s="10"/>
      <c r="CAE1198" s="10"/>
      <c r="CAF1198" s="10"/>
      <c r="CAG1198" s="10"/>
      <c r="CAH1198" s="10"/>
      <c r="CAI1198" s="10"/>
      <c r="CAJ1198" s="10"/>
      <c r="CAK1198" s="10"/>
      <c r="CAL1198" s="10"/>
      <c r="CAM1198" s="10"/>
      <c r="CAN1198" s="10"/>
      <c r="CAO1198" s="10"/>
      <c r="CAP1198" s="10"/>
      <c r="CAQ1198" s="10"/>
      <c r="CAR1198" s="10"/>
      <c r="CAS1198" s="10"/>
      <c r="CAT1198" s="10"/>
      <c r="CAU1198" s="10"/>
      <c r="CAV1198" s="10"/>
      <c r="CAW1198" s="10"/>
      <c r="CAX1198" s="10"/>
      <c r="CAY1198" s="10"/>
      <c r="CAZ1198" s="10"/>
      <c r="CBA1198" s="10"/>
      <c r="CBB1198" s="10"/>
      <c r="CBC1198" s="10"/>
      <c r="CBD1198" s="10"/>
      <c r="CBE1198" s="10"/>
      <c r="CBF1198" s="10"/>
      <c r="CBG1198" s="10"/>
      <c r="CBH1198" s="10"/>
      <c r="CBI1198" s="10"/>
      <c r="CBJ1198" s="10"/>
      <c r="CBK1198" s="10"/>
      <c r="CBL1198" s="10"/>
      <c r="CBM1198" s="10"/>
      <c r="CBN1198" s="10"/>
      <c r="CBO1198" s="10"/>
      <c r="CBP1198" s="10"/>
      <c r="CBQ1198" s="10"/>
      <c r="CBR1198" s="10"/>
      <c r="CBS1198" s="10"/>
      <c r="CBT1198" s="10"/>
      <c r="CBU1198" s="10"/>
      <c r="CBV1198" s="10"/>
      <c r="CBW1198" s="10"/>
      <c r="CBX1198" s="10"/>
      <c r="CBY1198" s="10"/>
      <c r="CBZ1198" s="10"/>
      <c r="CCA1198" s="10"/>
      <c r="CCB1198" s="10"/>
      <c r="CCC1198" s="10"/>
      <c r="CCD1198" s="10"/>
      <c r="CCE1198" s="10"/>
      <c r="CCF1198" s="10"/>
      <c r="CCG1198" s="10"/>
      <c r="CCH1198" s="10"/>
      <c r="CCI1198" s="10"/>
      <c r="CCJ1198" s="10"/>
      <c r="CCK1198" s="10"/>
      <c r="CCL1198" s="10"/>
      <c r="CCM1198" s="10"/>
      <c r="CCN1198" s="10"/>
      <c r="CCO1198" s="10"/>
      <c r="CCP1198" s="10"/>
      <c r="CCQ1198" s="10"/>
      <c r="CCR1198" s="10"/>
      <c r="CCS1198" s="10"/>
      <c r="CCT1198" s="10"/>
      <c r="CCU1198" s="10"/>
      <c r="CCV1198" s="10"/>
      <c r="CCW1198" s="10"/>
      <c r="CCX1198" s="10"/>
      <c r="CCY1198" s="10"/>
      <c r="CCZ1198" s="10"/>
      <c r="CDA1198" s="10"/>
      <c r="CDB1198" s="10"/>
      <c r="CDC1198" s="10"/>
      <c r="CDD1198" s="10"/>
      <c r="CDE1198" s="10"/>
      <c r="CDF1198" s="10"/>
      <c r="CDG1198" s="10"/>
      <c r="CDH1198" s="10"/>
      <c r="CDI1198" s="10"/>
      <c r="CDJ1198" s="10"/>
      <c r="CDK1198" s="10"/>
      <c r="CDL1198" s="10"/>
      <c r="CDM1198" s="10"/>
      <c r="CDN1198" s="10"/>
      <c r="CDO1198" s="10"/>
      <c r="CDP1198" s="10"/>
      <c r="CDQ1198" s="10"/>
      <c r="CDR1198" s="10"/>
      <c r="CDS1198" s="10"/>
      <c r="CDT1198" s="10"/>
      <c r="CDU1198" s="10"/>
      <c r="CDV1198" s="10"/>
      <c r="CDW1198" s="10"/>
      <c r="CDX1198" s="10"/>
      <c r="CDY1198" s="10"/>
      <c r="CDZ1198" s="10"/>
      <c r="CEA1198" s="10"/>
      <c r="CEB1198" s="10"/>
      <c r="CEC1198" s="10"/>
      <c r="CED1198" s="10"/>
      <c r="CEE1198" s="10"/>
      <c r="CEF1198" s="10"/>
      <c r="CEG1198" s="10"/>
      <c r="CEH1198" s="10"/>
      <c r="CEI1198" s="10"/>
      <c r="CEJ1198" s="10"/>
      <c r="CEK1198" s="10"/>
      <c r="CEL1198" s="10"/>
      <c r="CEM1198" s="10"/>
      <c r="CEN1198" s="10"/>
      <c r="CEO1198" s="10"/>
      <c r="CEP1198" s="10"/>
      <c r="CEQ1198" s="10"/>
      <c r="CER1198" s="10"/>
      <c r="CES1198" s="10"/>
      <c r="CET1198" s="10"/>
      <c r="CEU1198" s="10"/>
      <c r="CEV1198" s="10"/>
      <c r="CEW1198" s="10"/>
      <c r="CEX1198" s="10"/>
      <c r="CEY1198" s="10"/>
      <c r="CEZ1198" s="10"/>
      <c r="CFA1198" s="10"/>
      <c r="CFB1198" s="10"/>
      <c r="CFC1198" s="10"/>
      <c r="CFD1198" s="10"/>
      <c r="CFE1198" s="10"/>
      <c r="CFF1198" s="10"/>
      <c r="CFG1198" s="10"/>
      <c r="CFH1198" s="10"/>
      <c r="CFI1198" s="10"/>
      <c r="CFJ1198" s="10"/>
      <c r="CFK1198" s="10"/>
      <c r="CFL1198" s="10"/>
      <c r="CFM1198" s="10"/>
      <c r="CFN1198" s="10"/>
      <c r="CFO1198" s="10"/>
      <c r="CFP1198" s="10"/>
      <c r="CFQ1198" s="10"/>
      <c r="CFR1198" s="10"/>
      <c r="CFS1198" s="10"/>
      <c r="CFT1198" s="10"/>
      <c r="CFU1198" s="10"/>
      <c r="CFV1198" s="10"/>
      <c r="CFW1198" s="10"/>
      <c r="CFX1198" s="10"/>
      <c r="CFY1198" s="10"/>
      <c r="CFZ1198" s="10"/>
      <c r="CGA1198" s="10"/>
      <c r="CGB1198" s="10"/>
      <c r="CGC1198" s="10"/>
      <c r="CGD1198" s="10"/>
      <c r="CGE1198" s="10"/>
      <c r="CGF1198" s="10"/>
      <c r="CGG1198" s="10"/>
      <c r="CGH1198" s="10"/>
      <c r="CGI1198" s="10"/>
      <c r="CGJ1198" s="10"/>
      <c r="CGK1198" s="10"/>
      <c r="CGL1198" s="10"/>
      <c r="CGM1198" s="10"/>
      <c r="CGN1198" s="10"/>
      <c r="CGO1198" s="10"/>
      <c r="CGP1198" s="10"/>
      <c r="CGQ1198" s="10"/>
      <c r="CGR1198" s="10"/>
      <c r="CGS1198" s="10"/>
      <c r="CGT1198" s="10"/>
      <c r="CGU1198" s="10"/>
      <c r="CGV1198" s="10"/>
      <c r="CGW1198" s="10"/>
      <c r="CGX1198" s="10"/>
      <c r="CGY1198" s="10"/>
      <c r="CGZ1198" s="10"/>
      <c r="CHA1198" s="10"/>
      <c r="CHB1198" s="10"/>
      <c r="CHC1198" s="10"/>
      <c r="CHD1198" s="10"/>
      <c r="CHE1198" s="10"/>
      <c r="CHF1198" s="10"/>
      <c r="CHG1198" s="10"/>
      <c r="CHH1198" s="10"/>
      <c r="CHI1198" s="10"/>
      <c r="CHJ1198" s="10"/>
      <c r="CHK1198" s="10"/>
      <c r="CHL1198" s="10"/>
      <c r="CHM1198" s="10"/>
      <c r="CHN1198" s="10"/>
      <c r="CHO1198" s="10"/>
      <c r="CHP1198" s="10"/>
      <c r="CHQ1198" s="10"/>
      <c r="CHR1198" s="10"/>
      <c r="CHS1198" s="10"/>
      <c r="CHT1198" s="10"/>
      <c r="CHU1198" s="10"/>
      <c r="CHV1198" s="10"/>
      <c r="CHW1198" s="10"/>
      <c r="CHX1198" s="10"/>
      <c r="CHY1198" s="10"/>
      <c r="CHZ1198" s="10"/>
      <c r="CIA1198" s="10"/>
      <c r="CIB1198" s="10"/>
      <c r="CIC1198" s="10"/>
      <c r="CID1198" s="10"/>
      <c r="CIE1198" s="10"/>
      <c r="CIF1198" s="10"/>
      <c r="CIG1198" s="10"/>
      <c r="CIH1198" s="10"/>
      <c r="CII1198" s="10"/>
      <c r="CIJ1198" s="10"/>
      <c r="CIK1198" s="10"/>
      <c r="CIL1198" s="10"/>
      <c r="CIM1198" s="10"/>
      <c r="CIN1198" s="10"/>
      <c r="CIO1198" s="10"/>
      <c r="CIP1198" s="10"/>
      <c r="CIQ1198" s="10"/>
      <c r="CIR1198" s="10"/>
      <c r="CIS1198" s="10"/>
      <c r="CIT1198" s="10"/>
      <c r="CIU1198" s="10"/>
      <c r="CIV1198" s="10"/>
      <c r="CIW1198" s="10"/>
      <c r="CIX1198" s="10"/>
      <c r="CIY1198" s="10"/>
      <c r="CIZ1198" s="10"/>
      <c r="CJA1198" s="10"/>
      <c r="CJB1198" s="10"/>
      <c r="CJC1198" s="10"/>
      <c r="CJD1198" s="10"/>
      <c r="CJE1198" s="10"/>
      <c r="CJF1198" s="10"/>
      <c r="CJG1198" s="10"/>
      <c r="CJH1198" s="10"/>
      <c r="CJI1198" s="10"/>
      <c r="CJJ1198" s="10"/>
      <c r="CJK1198" s="10"/>
      <c r="CJL1198" s="10"/>
      <c r="CJM1198" s="10"/>
      <c r="CJN1198" s="10"/>
      <c r="CJO1198" s="10"/>
      <c r="CJP1198" s="10"/>
      <c r="CJQ1198" s="10"/>
      <c r="CJR1198" s="10"/>
      <c r="CJS1198" s="10"/>
      <c r="CJT1198" s="10"/>
      <c r="CJU1198" s="10"/>
      <c r="CJV1198" s="10"/>
      <c r="CJW1198" s="10"/>
      <c r="CJX1198" s="10"/>
      <c r="CJY1198" s="10"/>
      <c r="CJZ1198" s="10"/>
      <c r="CKA1198" s="10"/>
      <c r="CKB1198" s="10"/>
      <c r="CKC1198" s="10"/>
      <c r="CKD1198" s="10"/>
      <c r="CKE1198" s="10"/>
      <c r="CKF1198" s="10"/>
      <c r="CKG1198" s="10"/>
      <c r="CKH1198" s="10"/>
      <c r="CKI1198" s="10"/>
      <c r="CKJ1198" s="10"/>
      <c r="CKK1198" s="10"/>
      <c r="CKL1198" s="10"/>
      <c r="CKM1198" s="10"/>
      <c r="CKN1198" s="10"/>
      <c r="CKO1198" s="10"/>
      <c r="CKP1198" s="10"/>
      <c r="CKQ1198" s="10"/>
      <c r="CKR1198" s="10"/>
      <c r="CKS1198" s="10"/>
      <c r="CKT1198" s="10"/>
      <c r="CKU1198" s="10"/>
      <c r="CKV1198" s="10"/>
      <c r="CKW1198" s="10"/>
      <c r="CKX1198" s="10"/>
      <c r="CKY1198" s="10"/>
      <c r="CKZ1198" s="10"/>
      <c r="CLA1198" s="10"/>
      <c r="CLB1198" s="10"/>
      <c r="CLC1198" s="10"/>
      <c r="CLD1198" s="10"/>
      <c r="CLE1198" s="10"/>
      <c r="CLF1198" s="10"/>
      <c r="CLG1198" s="10"/>
      <c r="CLH1198" s="10"/>
      <c r="CLI1198" s="10"/>
      <c r="CLJ1198" s="10"/>
      <c r="CLK1198" s="10"/>
      <c r="CLL1198" s="10"/>
      <c r="CLM1198" s="10"/>
      <c r="CLN1198" s="10"/>
      <c r="CLO1198" s="10"/>
      <c r="CLP1198" s="10"/>
      <c r="CLQ1198" s="10"/>
      <c r="CLR1198" s="10"/>
      <c r="CLS1198" s="10"/>
      <c r="CLT1198" s="10"/>
      <c r="CLU1198" s="10"/>
      <c r="CLV1198" s="10"/>
      <c r="CLW1198" s="10"/>
      <c r="CLX1198" s="10"/>
      <c r="CLY1198" s="10"/>
      <c r="CLZ1198" s="10"/>
      <c r="CMA1198" s="10"/>
      <c r="CMB1198" s="10"/>
      <c r="CMC1198" s="10"/>
      <c r="CMD1198" s="10"/>
      <c r="CME1198" s="10"/>
      <c r="CMF1198" s="10"/>
      <c r="CMG1198" s="10"/>
      <c r="CMH1198" s="10"/>
      <c r="CMI1198" s="10"/>
      <c r="CMJ1198" s="10"/>
      <c r="CMK1198" s="10"/>
      <c r="CML1198" s="10"/>
      <c r="CMM1198" s="10"/>
      <c r="CMN1198" s="10"/>
      <c r="CMO1198" s="10"/>
      <c r="CMP1198" s="10"/>
      <c r="CMQ1198" s="10"/>
      <c r="CMR1198" s="10"/>
      <c r="CMS1198" s="10"/>
      <c r="CMT1198" s="10"/>
      <c r="CMU1198" s="10"/>
      <c r="CMV1198" s="10"/>
      <c r="CMW1198" s="10"/>
      <c r="CMX1198" s="10"/>
      <c r="CMY1198" s="10"/>
      <c r="CMZ1198" s="10"/>
      <c r="CNA1198" s="10"/>
      <c r="CNB1198" s="10"/>
      <c r="CNC1198" s="10"/>
      <c r="CND1198" s="10"/>
      <c r="CNE1198" s="10"/>
      <c r="CNF1198" s="10"/>
      <c r="CNG1198" s="10"/>
      <c r="CNH1198" s="10"/>
      <c r="CNI1198" s="10"/>
      <c r="CNJ1198" s="10"/>
      <c r="CNK1198" s="10"/>
      <c r="CNL1198" s="10"/>
      <c r="CNM1198" s="10"/>
      <c r="CNN1198" s="10"/>
      <c r="CNO1198" s="10"/>
      <c r="CNP1198" s="10"/>
      <c r="CNQ1198" s="10"/>
      <c r="CNR1198" s="10"/>
      <c r="CNS1198" s="10"/>
      <c r="CNT1198" s="10"/>
      <c r="CNU1198" s="10"/>
      <c r="CNV1198" s="10"/>
      <c r="CNW1198" s="10"/>
      <c r="CNX1198" s="10"/>
      <c r="CNY1198" s="10"/>
      <c r="CNZ1198" s="10"/>
      <c r="COA1198" s="10"/>
      <c r="COB1198" s="10"/>
      <c r="COC1198" s="10"/>
      <c r="COD1198" s="10"/>
      <c r="COE1198" s="10"/>
      <c r="COF1198" s="10"/>
      <c r="COG1198" s="10"/>
      <c r="COH1198" s="10"/>
      <c r="COI1198" s="10"/>
      <c r="COJ1198" s="10"/>
      <c r="COK1198" s="10"/>
      <c r="COL1198" s="10"/>
      <c r="COM1198" s="10"/>
      <c r="CON1198" s="10"/>
      <c r="COO1198" s="10"/>
      <c r="COP1198" s="10"/>
      <c r="COQ1198" s="10"/>
      <c r="COR1198" s="10"/>
      <c r="COS1198" s="10"/>
      <c r="COT1198" s="10"/>
      <c r="COU1198" s="10"/>
      <c r="COV1198" s="10"/>
      <c r="COW1198" s="10"/>
      <c r="COX1198" s="10"/>
      <c r="COY1198" s="10"/>
      <c r="COZ1198" s="10"/>
      <c r="CPA1198" s="10"/>
      <c r="CPB1198" s="10"/>
      <c r="CPC1198" s="10"/>
      <c r="CPD1198" s="10"/>
      <c r="CPE1198" s="10"/>
      <c r="CPF1198" s="10"/>
      <c r="CPG1198" s="10"/>
      <c r="CPH1198" s="10"/>
      <c r="CPI1198" s="10"/>
      <c r="CPJ1198" s="10"/>
      <c r="CPK1198" s="10"/>
      <c r="CPL1198" s="10"/>
      <c r="CPM1198" s="10"/>
      <c r="CPN1198" s="10"/>
      <c r="CPO1198" s="10"/>
      <c r="CPP1198" s="10"/>
      <c r="CPQ1198" s="10"/>
      <c r="CPR1198" s="10"/>
      <c r="CPS1198" s="10"/>
      <c r="CPT1198" s="10"/>
      <c r="CPU1198" s="10"/>
      <c r="CPV1198" s="10"/>
      <c r="CPW1198" s="10"/>
      <c r="CPX1198" s="10"/>
      <c r="CPY1198" s="10"/>
      <c r="CPZ1198" s="10"/>
      <c r="CQA1198" s="10"/>
      <c r="CQB1198" s="10"/>
      <c r="CQC1198" s="10"/>
      <c r="CQD1198" s="10"/>
      <c r="CQE1198" s="10"/>
      <c r="CQF1198" s="10"/>
      <c r="CQG1198" s="10"/>
      <c r="CQH1198" s="10"/>
      <c r="CQI1198" s="10"/>
      <c r="CQJ1198" s="10"/>
      <c r="CQK1198" s="10"/>
      <c r="CQL1198" s="10"/>
      <c r="CQM1198" s="10"/>
      <c r="CQN1198" s="10"/>
      <c r="CQO1198" s="10"/>
      <c r="CQP1198" s="10"/>
      <c r="CQQ1198" s="10"/>
      <c r="CQR1198" s="10"/>
      <c r="CQS1198" s="10"/>
      <c r="CQT1198" s="10"/>
      <c r="CQU1198" s="10"/>
      <c r="CQV1198" s="10"/>
      <c r="CQW1198" s="10"/>
      <c r="CQX1198" s="10"/>
      <c r="CQY1198" s="10"/>
      <c r="CQZ1198" s="10"/>
      <c r="CRA1198" s="10"/>
      <c r="CRB1198" s="10"/>
      <c r="CRC1198" s="10"/>
      <c r="CRD1198" s="10"/>
      <c r="CRE1198" s="10"/>
      <c r="CRF1198" s="10"/>
      <c r="CRG1198" s="10"/>
      <c r="CRH1198" s="10"/>
      <c r="CRI1198" s="10"/>
      <c r="CRJ1198" s="10"/>
      <c r="CRK1198" s="10"/>
      <c r="CRL1198" s="10"/>
      <c r="CRM1198" s="10"/>
      <c r="CRN1198" s="10"/>
      <c r="CRO1198" s="10"/>
      <c r="CRP1198" s="10"/>
      <c r="CRQ1198" s="10"/>
      <c r="CRR1198" s="10"/>
      <c r="CRS1198" s="10"/>
      <c r="CRT1198" s="10"/>
      <c r="CRU1198" s="10"/>
      <c r="CRV1198" s="10"/>
      <c r="CRW1198" s="10"/>
      <c r="CRX1198" s="10"/>
      <c r="CRY1198" s="10"/>
      <c r="CRZ1198" s="10"/>
      <c r="CSA1198" s="10"/>
      <c r="CSB1198" s="10"/>
      <c r="CSC1198" s="10"/>
      <c r="CSD1198" s="10"/>
      <c r="CSE1198" s="10"/>
      <c r="CSF1198" s="10"/>
      <c r="CSG1198" s="10"/>
      <c r="CSH1198" s="10"/>
      <c r="CSI1198" s="10"/>
      <c r="CSJ1198" s="10"/>
      <c r="CSK1198" s="10"/>
      <c r="CSL1198" s="10"/>
      <c r="CSM1198" s="10"/>
      <c r="CSN1198" s="10"/>
      <c r="CSO1198" s="10"/>
      <c r="CSP1198" s="10"/>
      <c r="CSQ1198" s="10"/>
      <c r="CSR1198" s="10"/>
      <c r="CSS1198" s="10"/>
      <c r="CST1198" s="10"/>
      <c r="CSU1198" s="10"/>
      <c r="CSV1198" s="10"/>
      <c r="CSW1198" s="10"/>
      <c r="CSX1198" s="10"/>
      <c r="CSY1198" s="10"/>
      <c r="CSZ1198" s="10"/>
      <c r="CTA1198" s="10"/>
      <c r="CTB1198" s="10"/>
      <c r="CTC1198" s="10"/>
      <c r="CTD1198" s="10"/>
      <c r="CTE1198" s="10"/>
      <c r="CTF1198" s="10"/>
      <c r="CTG1198" s="10"/>
      <c r="CTH1198" s="10"/>
      <c r="CTI1198" s="10"/>
      <c r="CTJ1198" s="10"/>
      <c r="CTK1198" s="10"/>
      <c r="CTL1198" s="10"/>
      <c r="CTM1198" s="10"/>
      <c r="CTN1198" s="10"/>
      <c r="CTO1198" s="10"/>
      <c r="CTP1198" s="10"/>
      <c r="CTQ1198" s="10"/>
      <c r="CTR1198" s="10"/>
      <c r="CTS1198" s="10"/>
      <c r="CTT1198" s="10"/>
      <c r="CTU1198" s="10"/>
      <c r="CTV1198" s="10"/>
      <c r="CTW1198" s="10"/>
      <c r="CTX1198" s="10"/>
      <c r="CTY1198" s="10"/>
      <c r="CTZ1198" s="10"/>
      <c r="CUA1198" s="10"/>
      <c r="CUB1198" s="10"/>
      <c r="CUC1198" s="10"/>
      <c r="CUD1198" s="10"/>
      <c r="CUE1198" s="10"/>
      <c r="CUF1198" s="10"/>
      <c r="CUG1198" s="10"/>
      <c r="CUH1198" s="10"/>
      <c r="CUI1198" s="10"/>
      <c r="CUJ1198" s="10"/>
      <c r="CUK1198" s="10"/>
      <c r="CUL1198" s="10"/>
      <c r="CUM1198" s="10"/>
      <c r="CUN1198" s="10"/>
      <c r="CUO1198" s="10"/>
      <c r="CUP1198" s="10"/>
      <c r="CUQ1198" s="10"/>
      <c r="CUR1198" s="10"/>
      <c r="CUS1198" s="10"/>
      <c r="CUT1198" s="10"/>
      <c r="CUU1198" s="10"/>
      <c r="CUV1198" s="10"/>
      <c r="CUW1198" s="10"/>
      <c r="CUX1198" s="10"/>
      <c r="CUY1198" s="10"/>
      <c r="CUZ1198" s="10"/>
      <c r="CVA1198" s="10"/>
      <c r="CVB1198" s="10"/>
      <c r="CVC1198" s="10"/>
      <c r="CVD1198" s="10"/>
      <c r="CVE1198" s="10"/>
      <c r="CVF1198" s="10"/>
      <c r="CVG1198" s="10"/>
      <c r="CVH1198" s="10"/>
      <c r="CVI1198" s="10"/>
      <c r="CVJ1198" s="10"/>
      <c r="CVK1198" s="10"/>
      <c r="CVL1198" s="10"/>
      <c r="CVM1198" s="10"/>
      <c r="CVN1198" s="10"/>
      <c r="CVO1198" s="10"/>
      <c r="CVP1198" s="10"/>
      <c r="CVQ1198" s="10"/>
      <c r="CVR1198" s="10"/>
      <c r="CVS1198" s="10"/>
      <c r="CVT1198" s="10"/>
      <c r="CVU1198" s="10"/>
      <c r="CVV1198" s="10"/>
      <c r="CVW1198" s="10"/>
      <c r="CVX1198" s="10"/>
      <c r="CVY1198" s="10"/>
      <c r="CVZ1198" s="10"/>
      <c r="CWA1198" s="10"/>
      <c r="CWB1198" s="10"/>
      <c r="CWC1198" s="10"/>
      <c r="CWD1198" s="10"/>
      <c r="CWE1198" s="10"/>
      <c r="CWF1198" s="10"/>
      <c r="CWG1198" s="10"/>
      <c r="CWH1198" s="10"/>
      <c r="CWI1198" s="10"/>
      <c r="CWJ1198" s="10"/>
      <c r="CWK1198" s="10"/>
      <c r="CWL1198" s="10"/>
      <c r="CWM1198" s="10"/>
      <c r="CWN1198" s="10"/>
      <c r="CWO1198" s="10"/>
      <c r="CWP1198" s="10"/>
      <c r="CWQ1198" s="10"/>
      <c r="CWR1198" s="10"/>
      <c r="CWS1198" s="10"/>
      <c r="CWT1198" s="10"/>
      <c r="CWU1198" s="10"/>
      <c r="CWV1198" s="10"/>
      <c r="CWW1198" s="10"/>
      <c r="CWX1198" s="10"/>
      <c r="CWY1198" s="10"/>
      <c r="CWZ1198" s="10"/>
      <c r="CXA1198" s="10"/>
      <c r="CXB1198" s="10"/>
      <c r="CXC1198" s="10"/>
      <c r="CXD1198" s="10"/>
      <c r="CXE1198" s="10"/>
      <c r="CXF1198" s="10"/>
      <c r="CXG1198" s="10"/>
      <c r="CXH1198" s="10"/>
      <c r="CXI1198" s="10"/>
      <c r="CXJ1198" s="10"/>
      <c r="CXK1198" s="10"/>
      <c r="CXL1198" s="10"/>
      <c r="CXM1198" s="10"/>
      <c r="CXN1198" s="10"/>
      <c r="CXO1198" s="10"/>
      <c r="CXP1198" s="10"/>
      <c r="CXQ1198" s="10"/>
      <c r="CXR1198" s="10"/>
      <c r="CXS1198" s="10"/>
      <c r="CXT1198" s="10"/>
      <c r="CXU1198" s="10"/>
      <c r="CXV1198" s="10"/>
      <c r="CXW1198" s="10"/>
      <c r="CXX1198" s="10"/>
      <c r="CXY1198" s="10"/>
      <c r="CXZ1198" s="10"/>
      <c r="CYA1198" s="10"/>
      <c r="CYB1198" s="10"/>
      <c r="CYC1198" s="10"/>
      <c r="CYD1198" s="10"/>
      <c r="CYE1198" s="10"/>
      <c r="CYF1198" s="10"/>
      <c r="CYG1198" s="10"/>
      <c r="CYH1198" s="10"/>
      <c r="CYI1198" s="10"/>
      <c r="CYJ1198" s="10"/>
      <c r="CYK1198" s="10"/>
      <c r="CYL1198" s="10"/>
      <c r="CYM1198" s="10"/>
      <c r="CYN1198" s="10"/>
      <c r="CYO1198" s="10"/>
      <c r="CYP1198" s="10"/>
      <c r="CYQ1198" s="10"/>
      <c r="CYR1198" s="10"/>
      <c r="CYS1198" s="10"/>
      <c r="CYT1198" s="10"/>
      <c r="CYU1198" s="10"/>
      <c r="CYV1198" s="10"/>
      <c r="CYW1198" s="10"/>
      <c r="CYX1198" s="10"/>
      <c r="CYY1198" s="10"/>
      <c r="CYZ1198" s="10"/>
      <c r="CZA1198" s="10"/>
      <c r="CZB1198" s="10"/>
      <c r="CZC1198" s="10"/>
      <c r="CZD1198" s="10"/>
      <c r="CZE1198" s="10"/>
      <c r="CZF1198" s="10"/>
      <c r="CZG1198" s="10"/>
      <c r="CZH1198" s="10"/>
      <c r="CZI1198" s="10"/>
      <c r="CZJ1198" s="10"/>
      <c r="CZK1198" s="10"/>
      <c r="CZL1198" s="10"/>
      <c r="CZM1198" s="10"/>
      <c r="CZN1198" s="10"/>
      <c r="CZO1198" s="10"/>
      <c r="CZP1198" s="10"/>
      <c r="CZQ1198" s="10"/>
      <c r="CZR1198" s="10"/>
      <c r="CZS1198" s="10"/>
      <c r="CZT1198" s="10"/>
      <c r="CZU1198" s="10"/>
      <c r="CZV1198" s="10"/>
      <c r="CZW1198" s="10"/>
      <c r="CZX1198" s="10"/>
      <c r="CZY1198" s="10"/>
      <c r="CZZ1198" s="10"/>
      <c r="DAA1198" s="10"/>
      <c r="DAB1198" s="10"/>
      <c r="DAC1198" s="10"/>
      <c r="DAD1198" s="10"/>
      <c r="DAE1198" s="10"/>
      <c r="DAF1198" s="10"/>
      <c r="DAG1198" s="10"/>
      <c r="DAH1198" s="10"/>
      <c r="DAI1198" s="10"/>
      <c r="DAJ1198" s="10"/>
      <c r="DAK1198" s="10"/>
      <c r="DAL1198" s="10"/>
      <c r="DAM1198" s="10"/>
      <c r="DAN1198" s="10"/>
      <c r="DAO1198" s="10"/>
      <c r="DAP1198" s="10"/>
      <c r="DAQ1198" s="10"/>
      <c r="DAR1198" s="10"/>
      <c r="DAS1198" s="10"/>
      <c r="DAT1198" s="10"/>
      <c r="DAU1198" s="10"/>
      <c r="DAV1198" s="10"/>
      <c r="DAW1198" s="10"/>
      <c r="DAX1198" s="10"/>
      <c r="DAY1198" s="10"/>
      <c r="DAZ1198" s="10"/>
      <c r="DBA1198" s="10"/>
      <c r="DBB1198" s="10"/>
      <c r="DBC1198" s="10"/>
      <c r="DBD1198" s="10"/>
      <c r="DBE1198" s="10"/>
      <c r="DBF1198" s="10"/>
      <c r="DBG1198" s="10"/>
      <c r="DBH1198" s="10"/>
      <c r="DBI1198" s="10"/>
      <c r="DBJ1198" s="10"/>
      <c r="DBK1198" s="10"/>
      <c r="DBL1198" s="10"/>
      <c r="DBM1198" s="10"/>
      <c r="DBN1198" s="10"/>
      <c r="DBO1198" s="10"/>
      <c r="DBP1198" s="10"/>
      <c r="DBQ1198" s="10"/>
      <c r="DBR1198" s="10"/>
      <c r="DBS1198" s="10"/>
      <c r="DBT1198" s="10"/>
      <c r="DBU1198" s="10"/>
      <c r="DBV1198" s="10"/>
      <c r="DBW1198" s="10"/>
      <c r="DBX1198" s="10"/>
      <c r="DBY1198" s="10"/>
      <c r="DBZ1198" s="10"/>
      <c r="DCA1198" s="10"/>
      <c r="DCB1198" s="10"/>
      <c r="DCC1198" s="10"/>
      <c r="DCD1198" s="10"/>
      <c r="DCE1198" s="10"/>
      <c r="DCF1198" s="10"/>
      <c r="DCG1198" s="10"/>
      <c r="DCH1198" s="10"/>
      <c r="DCI1198" s="10"/>
      <c r="DCJ1198" s="10"/>
      <c r="DCK1198" s="10"/>
      <c r="DCL1198" s="10"/>
      <c r="DCM1198" s="10"/>
      <c r="DCN1198" s="10"/>
      <c r="DCO1198" s="10"/>
      <c r="DCP1198" s="10"/>
      <c r="DCQ1198" s="10"/>
      <c r="DCR1198" s="10"/>
      <c r="DCS1198" s="10"/>
      <c r="DCT1198" s="10"/>
      <c r="DCU1198" s="10"/>
      <c r="DCV1198" s="10"/>
      <c r="DCW1198" s="10"/>
      <c r="DCX1198" s="10"/>
      <c r="DCY1198" s="10"/>
      <c r="DCZ1198" s="10"/>
      <c r="DDA1198" s="10"/>
      <c r="DDB1198" s="10"/>
      <c r="DDC1198" s="10"/>
      <c r="DDD1198" s="10"/>
      <c r="DDE1198" s="10"/>
      <c r="DDF1198" s="10"/>
      <c r="DDG1198" s="10"/>
      <c r="DDH1198" s="10"/>
      <c r="DDI1198" s="10"/>
      <c r="DDJ1198" s="10"/>
      <c r="DDK1198" s="10"/>
      <c r="DDL1198" s="10"/>
      <c r="DDM1198" s="10"/>
      <c r="DDN1198" s="10"/>
      <c r="DDO1198" s="10"/>
      <c r="DDP1198" s="10"/>
      <c r="DDQ1198" s="10"/>
      <c r="DDR1198" s="10"/>
      <c r="DDS1198" s="10"/>
      <c r="DDT1198" s="10"/>
      <c r="DDU1198" s="10"/>
      <c r="DDV1198" s="10"/>
      <c r="DDW1198" s="10"/>
      <c r="DDX1198" s="10"/>
      <c r="DDY1198" s="10"/>
      <c r="DDZ1198" s="10"/>
      <c r="DEA1198" s="10"/>
      <c r="DEB1198" s="10"/>
      <c r="DEC1198" s="10"/>
      <c r="DED1198" s="10"/>
      <c r="DEE1198" s="10"/>
      <c r="DEF1198" s="10"/>
      <c r="DEG1198" s="10"/>
      <c r="DEH1198" s="10"/>
      <c r="DEI1198" s="10"/>
      <c r="DEJ1198" s="10"/>
      <c r="DEK1198" s="10"/>
      <c r="DEL1198" s="10"/>
      <c r="DEM1198" s="10"/>
      <c r="DEN1198" s="10"/>
      <c r="DEO1198" s="10"/>
      <c r="DEP1198" s="10"/>
      <c r="DEQ1198" s="10"/>
      <c r="DER1198" s="10"/>
      <c r="DES1198" s="10"/>
      <c r="DET1198" s="10"/>
      <c r="DEU1198" s="10"/>
      <c r="DEV1198" s="10"/>
      <c r="DEW1198" s="10"/>
      <c r="DEX1198" s="10"/>
      <c r="DEY1198" s="10"/>
      <c r="DEZ1198" s="10"/>
      <c r="DFA1198" s="10"/>
      <c r="DFB1198" s="10"/>
      <c r="DFC1198" s="10"/>
      <c r="DFD1198" s="10"/>
      <c r="DFE1198" s="10"/>
      <c r="DFF1198" s="10"/>
      <c r="DFG1198" s="10"/>
      <c r="DFH1198" s="10"/>
      <c r="DFI1198" s="10"/>
      <c r="DFJ1198" s="10"/>
      <c r="DFK1198" s="10"/>
      <c r="DFL1198" s="10"/>
      <c r="DFM1198" s="10"/>
      <c r="DFN1198" s="10"/>
      <c r="DFO1198" s="10"/>
      <c r="DFP1198" s="10"/>
      <c r="DFQ1198" s="10"/>
      <c r="DFR1198" s="10"/>
      <c r="DFS1198" s="10"/>
      <c r="DFT1198" s="10"/>
      <c r="DFU1198" s="10"/>
      <c r="DFV1198" s="10"/>
      <c r="DFW1198" s="10"/>
      <c r="DFX1198" s="10"/>
      <c r="DFY1198" s="10"/>
      <c r="DFZ1198" s="10"/>
      <c r="DGA1198" s="10"/>
      <c r="DGB1198" s="10"/>
      <c r="DGC1198" s="10"/>
      <c r="DGD1198" s="10"/>
      <c r="DGE1198" s="10"/>
      <c r="DGF1198" s="10"/>
      <c r="DGG1198" s="10"/>
      <c r="DGH1198" s="10"/>
      <c r="DGI1198" s="10"/>
      <c r="DGJ1198" s="10"/>
      <c r="DGK1198" s="10"/>
      <c r="DGL1198" s="10"/>
      <c r="DGM1198" s="10"/>
      <c r="DGN1198" s="10"/>
      <c r="DGO1198" s="10"/>
      <c r="DGP1198" s="10"/>
      <c r="DGQ1198" s="10"/>
      <c r="DGR1198" s="10"/>
      <c r="DGS1198" s="10"/>
      <c r="DGT1198" s="10"/>
      <c r="DGU1198" s="10"/>
      <c r="DGV1198" s="10"/>
      <c r="DGW1198" s="10"/>
      <c r="DGX1198" s="10"/>
      <c r="DGY1198" s="10"/>
      <c r="DGZ1198" s="10"/>
      <c r="DHA1198" s="10"/>
      <c r="DHB1198" s="10"/>
      <c r="DHC1198" s="10"/>
      <c r="DHD1198" s="10"/>
      <c r="DHE1198" s="10"/>
      <c r="DHF1198" s="10"/>
      <c r="DHG1198" s="10"/>
      <c r="DHH1198" s="10"/>
      <c r="DHI1198" s="10"/>
      <c r="DHJ1198" s="10"/>
      <c r="DHK1198" s="10"/>
      <c r="DHL1198" s="10"/>
      <c r="DHM1198" s="10"/>
      <c r="DHN1198" s="10"/>
      <c r="DHO1198" s="10"/>
      <c r="DHP1198" s="10"/>
      <c r="DHQ1198" s="10"/>
      <c r="DHR1198" s="10"/>
      <c r="DHS1198" s="10"/>
      <c r="DHT1198" s="10"/>
      <c r="DHU1198" s="10"/>
      <c r="DHV1198" s="10"/>
      <c r="DHW1198" s="10"/>
      <c r="DHX1198" s="10"/>
      <c r="DHY1198" s="10"/>
      <c r="DHZ1198" s="10"/>
      <c r="DIA1198" s="10"/>
      <c r="DIB1198" s="10"/>
      <c r="DIC1198" s="10"/>
      <c r="DID1198" s="10"/>
      <c r="DIE1198" s="10"/>
      <c r="DIF1198" s="10"/>
      <c r="DIG1198" s="10"/>
      <c r="DIH1198" s="10"/>
      <c r="DII1198" s="10"/>
      <c r="DIJ1198" s="10"/>
      <c r="DIK1198" s="10"/>
      <c r="DIL1198" s="10"/>
      <c r="DIM1198" s="10"/>
      <c r="DIN1198" s="10"/>
      <c r="DIO1198" s="10"/>
      <c r="DIP1198" s="10"/>
      <c r="DIQ1198" s="10"/>
      <c r="DIR1198" s="10"/>
      <c r="DIS1198" s="10"/>
      <c r="DIT1198" s="10"/>
      <c r="DIU1198" s="10"/>
      <c r="DIV1198" s="10"/>
      <c r="DIW1198" s="10"/>
      <c r="DIX1198" s="10"/>
      <c r="DIY1198" s="10"/>
      <c r="DIZ1198" s="10"/>
      <c r="DJA1198" s="10"/>
      <c r="DJB1198" s="10"/>
      <c r="DJC1198" s="10"/>
      <c r="DJD1198" s="10"/>
      <c r="DJE1198" s="10"/>
      <c r="DJF1198" s="10"/>
      <c r="DJG1198" s="10"/>
      <c r="DJH1198" s="10"/>
      <c r="DJI1198" s="10"/>
      <c r="DJJ1198" s="10"/>
      <c r="DJK1198" s="10"/>
      <c r="DJL1198" s="10"/>
      <c r="DJM1198" s="10"/>
      <c r="DJN1198" s="10"/>
      <c r="DJO1198" s="10"/>
      <c r="DJP1198" s="10"/>
      <c r="DJQ1198" s="10"/>
      <c r="DJR1198" s="10"/>
      <c r="DJS1198" s="10"/>
      <c r="DJT1198" s="10"/>
      <c r="DJU1198" s="10"/>
      <c r="DJV1198" s="10"/>
      <c r="DJW1198" s="10"/>
      <c r="DJX1198" s="10"/>
      <c r="DJY1198" s="10"/>
      <c r="DJZ1198" s="10"/>
      <c r="DKA1198" s="10"/>
      <c r="DKB1198" s="10"/>
      <c r="DKC1198" s="10"/>
      <c r="DKD1198" s="10"/>
      <c r="DKE1198" s="10"/>
      <c r="DKF1198" s="10"/>
      <c r="DKG1198" s="10"/>
      <c r="DKH1198" s="10"/>
      <c r="DKI1198" s="10"/>
      <c r="DKJ1198" s="10"/>
      <c r="DKK1198" s="10"/>
      <c r="DKL1198" s="10"/>
      <c r="DKM1198" s="10"/>
      <c r="DKN1198" s="10"/>
      <c r="DKO1198" s="10"/>
      <c r="DKP1198" s="10"/>
      <c r="DKQ1198" s="10"/>
      <c r="DKR1198" s="10"/>
      <c r="DKS1198" s="10"/>
      <c r="DKT1198" s="10"/>
      <c r="DKU1198" s="10"/>
      <c r="DKV1198" s="10"/>
      <c r="DKW1198" s="10"/>
      <c r="DKX1198" s="10"/>
      <c r="DKY1198" s="10"/>
      <c r="DKZ1198" s="10"/>
      <c r="DLA1198" s="10"/>
      <c r="DLB1198" s="10"/>
      <c r="DLC1198" s="10"/>
      <c r="DLD1198" s="10"/>
      <c r="DLE1198" s="10"/>
      <c r="DLF1198" s="10"/>
      <c r="DLG1198" s="10"/>
      <c r="DLH1198" s="10"/>
      <c r="DLI1198" s="10"/>
      <c r="DLJ1198" s="10"/>
      <c r="DLK1198" s="10"/>
      <c r="DLL1198" s="10"/>
      <c r="DLM1198" s="10"/>
      <c r="DLN1198" s="10"/>
      <c r="DLO1198" s="10"/>
      <c r="DLP1198" s="10"/>
      <c r="DLQ1198" s="10"/>
      <c r="DLR1198" s="10"/>
      <c r="DLS1198" s="10"/>
      <c r="DLT1198" s="10"/>
      <c r="DLU1198" s="10"/>
      <c r="DLV1198" s="10"/>
      <c r="DLW1198" s="10"/>
      <c r="DLX1198" s="10"/>
      <c r="DLY1198" s="10"/>
      <c r="DLZ1198" s="10"/>
      <c r="DMA1198" s="10"/>
      <c r="DMB1198" s="10"/>
      <c r="DMC1198" s="10"/>
      <c r="DMD1198" s="10"/>
      <c r="DME1198" s="10"/>
      <c r="DMF1198" s="10"/>
      <c r="DMG1198" s="10"/>
      <c r="DMH1198" s="10"/>
      <c r="DMI1198" s="10"/>
      <c r="DMJ1198" s="10"/>
      <c r="DMK1198" s="10"/>
      <c r="DML1198" s="10"/>
      <c r="DMM1198" s="10"/>
      <c r="DMN1198" s="10"/>
      <c r="DMO1198" s="10"/>
      <c r="DMP1198" s="10"/>
      <c r="DMQ1198" s="10"/>
      <c r="DMR1198" s="10"/>
      <c r="DMS1198" s="10"/>
      <c r="DMT1198" s="10"/>
      <c r="DMU1198" s="10"/>
      <c r="DMV1198" s="10"/>
      <c r="DMW1198" s="10"/>
      <c r="DMX1198" s="10"/>
      <c r="DMY1198" s="10"/>
      <c r="DMZ1198" s="10"/>
      <c r="DNA1198" s="10"/>
      <c r="DNB1198" s="10"/>
      <c r="DNC1198" s="10"/>
      <c r="DND1198" s="10"/>
      <c r="DNE1198" s="10"/>
      <c r="DNF1198" s="10"/>
      <c r="DNG1198" s="10"/>
      <c r="DNH1198" s="10"/>
      <c r="DNI1198" s="10"/>
      <c r="DNJ1198" s="10"/>
      <c r="DNK1198" s="10"/>
      <c r="DNL1198" s="10"/>
      <c r="DNM1198" s="10"/>
      <c r="DNN1198" s="10"/>
      <c r="DNO1198" s="10"/>
      <c r="DNP1198" s="10"/>
      <c r="DNQ1198" s="10"/>
      <c r="DNR1198" s="10"/>
      <c r="DNS1198" s="10"/>
      <c r="DNT1198" s="10"/>
      <c r="DNU1198" s="10"/>
      <c r="DNV1198" s="10"/>
      <c r="DNW1198" s="10"/>
      <c r="DNX1198" s="10"/>
      <c r="DNY1198" s="10"/>
      <c r="DNZ1198" s="10"/>
      <c r="DOA1198" s="10"/>
      <c r="DOB1198" s="10"/>
      <c r="DOC1198" s="10"/>
      <c r="DOD1198" s="10"/>
      <c r="DOE1198" s="10"/>
      <c r="DOF1198" s="10"/>
      <c r="DOG1198" s="10"/>
      <c r="DOH1198" s="10"/>
      <c r="DOI1198" s="10"/>
      <c r="DOJ1198" s="10"/>
      <c r="DOK1198" s="10"/>
      <c r="DOL1198" s="10"/>
      <c r="DOM1198" s="10"/>
      <c r="DON1198" s="10"/>
      <c r="DOO1198" s="10"/>
      <c r="DOP1198" s="10"/>
      <c r="DOQ1198" s="10"/>
      <c r="DOR1198" s="10"/>
      <c r="DOS1198" s="10"/>
      <c r="DOT1198" s="10"/>
      <c r="DOU1198" s="10"/>
      <c r="DOV1198" s="10"/>
      <c r="DOW1198" s="10"/>
      <c r="DOX1198" s="10"/>
      <c r="DOY1198" s="10"/>
      <c r="DOZ1198" s="10"/>
      <c r="DPA1198" s="10"/>
      <c r="DPB1198" s="10"/>
      <c r="DPC1198" s="10"/>
      <c r="DPD1198" s="10"/>
      <c r="DPE1198" s="10"/>
      <c r="DPF1198" s="10"/>
      <c r="DPG1198" s="10"/>
      <c r="DPH1198" s="10"/>
      <c r="DPI1198" s="10"/>
      <c r="DPJ1198" s="10"/>
      <c r="DPK1198" s="10"/>
      <c r="DPL1198" s="10"/>
      <c r="DPM1198" s="10"/>
      <c r="DPN1198" s="10"/>
      <c r="DPO1198" s="10"/>
      <c r="DPP1198" s="10"/>
      <c r="DPQ1198" s="10"/>
      <c r="DPR1198" s="10"/>
      <c r="DPS1198" s="10"/>
      <c r="DPT1198" s="10"/>
      <c r="DPU1198" s="10"/>
      <c r="DPV1198" s="10"/>
      <c r="DPW1198" s="10"/>
      <c r="DPX1198" s="10"/>
      <c r="DPY1198" s="10"/>
      <c r="DPZ1198" s="10"/>
      <c r="DQA1198" s="10"/>
      <c r="DQB1198" s="10"/>
      <c r="DQC1198" s="10"/>
      <c r="DQD1198" s="10"/>
      <c r="DQE1198" s="10"/>
      <c r="DQF1198" s="10"/>
      <c r="DQG1198" s="10"/>
      <c r="DQH1198" s="10"/>
      <c r="DQI1198" s="10"/>
      <c r="DQJ1198" s="10"/>
      <c r="DQK1198" s="10"/>
      <c r="DQL1198" s="10"/>
      <c r="DQM1198" s="10"/>
      <c r="DQN1198" s="10"/>
      <c r="DQO1198" s="10"/>
      <c r="DQP1198" s="10"/>
      <c r="DQQ1198" s="10"/>
      <c r="DQR1198" s="10"/>
      <c r="DQS1198" s="10"/>
      <c r="DQT1198" s="10"/>
      <c r="DQU1198" s="10"/>
      <c r="DQV1198" s="10"/>
      <c r="DQW1198" s="10"/>
      <c r="DQX1198" s="10"/>
      <c r="DQY1198" s="10"/>
      <c r="DQZ1198" s="10"/>
      <c r="DRA1198" s="10"/>
      <c r="DRB1198" s="10"/>
      <c r="DRC1198" s="10"/>
      <c r="DRD1198" s="10"/>
      <c r="DRE1198" s="10"/>
      <c r="DRF1198" s="10"/>
      <c r="DRG1198" s="10"/>
      <c r="DRH1198" s="10"/>
      <c r="DRI1198" s="10"/>
      <c r="DRJ1198" s="10"/>
      <c r="DRK1198" s="10"/>
      <c r="DRL1198" s="10"/>
      <c r="DRM1198" s="10"/>
      <c r="DRN1198" s="10"/>
      <c r="DRO1198" s="10"/>
      <c r="DRP1198" s="10"/>
      <c r="DRQ1198" s="10"/>
      <c r="DRR1198" s="10"/>
      <c r="DRS1198" s="10"/>
      <c r="DRT1198" s="10"/>
      <c r="DRU1198" s="10"/>
      <c r="DRV1198" s="10"/>
      <c r="DRW1198" s="10"/>
      <c r="DRX1198" s="10"/>
      <c r="DRY1198" s="10"/>
      <c r="DRZ1198" s="10"/>
      <c r="DSA1198" s="10"/>
      <c r="DSB1198" s="10"/>
      <c r="DSC1198" s="10"/>
      <c r="DSD1198" s="10"/>
      <c r="DSE1198" s="10"/>
      <c r="DSF1198" s="10"/>
      <c r="DSG1198" s="10"/>
      <c r="DSH1198" s="10"/>
      <c r="DSI1198" s="10"/>
      <c r="DSJ1198" s="10"/>
      <c r="DSK1198" s="10"/>
      <c r="DSL1198" s="10"/>
      <c r="DSM1198" s="10"/>
      <c r="DSN1198" s="10"/>
      <c r="DSO1198" s="10"/>
      <c r="DSP1198" s="10"/>
      <c r="DSQ1198" s="10"/>
      <c r="DSR1198" s="10"/>
      <c r="DSS1198" s="10"/>
      <c r="DST1198" s="10"/>
      <c r="DSU1198" s="10"/>
      <c r="DSV1198" s="10"/>
      <c r="DSW1198" s="10"/>
      <c r="DSX1198" s="10"/>
      <c r="DSY1198" s="10"/>
      <c r="DSZ1198" s="10"/>
      <c r="DTA1198" s="10"/>
      <c r="DTB1198" s="10"/>
      <c r="DTC1198" s="10"/>
      <c r="DTD1198" s="10"/>
      <c r="DTE1198" s="10"/>
      <c r="DTF1198" s="10"/>
      <c r="DTG1198" s="10"/>
      <c r="DTH1198" s="10"/>
      <c r="DTI1198" s="10"/>
      <c r="DTJ1198" s="10"/>
      <c r="DTK1198" s="10"/>
      <c r="DTL1198" s="10"/>
      <c r="DTM1198" s="10"/>
      <c r="DTN1198" s="10"/>
      <c r="DTO1198" s="10"/>
      <c r="DTP1198" s="10"/>
      <c r="DTQ1198" s="10"/>
      <c r="DTR1198" s="10"/>
      <c r="DTS1198" s="10"/>
      <c r="DTT1198" s="10"/>
      <c r="DTU1198" s="10"/>
      <c r="DTV1198" s="10"/>
      <c r="DTW1198" s="10"/>
      <c r="DTX1198" s="10"/>
      <c r="DTY1198" s="10"/>
      <c r="DTZ1198" s="10"/>
      <c r="DUA1198" s="10"/>
      <c r="DUB1198" s="10"/>
      <c r="DUC1198" s="10"/>
      <c r="DUD1198" s="10"/>
      <c r="DUE1198" s="10"/>
      <c r="DUF1198" s="10"/>
      <c r="DUG1198" s="10"/>
      <c r="DUH1198" s="10"/>
      <c r="DUI1198" s="10"/>
      <c r="DUJ1198" s="10"/>
      <c r="DUK1198" s="10"/>
      <c r="DUL1198" s="10"/>
      <c r="DUM1198" s="10"/>
      <c r="DUN1198" s="10"/>
      <c r="DUO1198" s="10"/>
      <c r="DUP1198" s="10"/>
      <c r="DUQ1198" s="10"/>
      <c r="DUR1198" s="10"/>
      <c r="DUS1198" s="10"/>
      <c r="DUT1198" s="10"/>
      <c r="DUU1198" s="10"/>
      <c r="DUV1198" s="10"/>
      <c r="DUW1198" s="10"/>
      <c r="DUX1198" s="10"/>
      <c r="DUY1198" s="10"/>
      <c r="DUZ1198" s="10"/>
      <c r="DVA1198" s="10"/>
      <c r="DVB1198" s="10"/>
      <c r="DVC1198" s="10"/>
      <c r="DVD1198" s="10"/>
      <c r="DVE1198" s="10"/>
      <c r="DVF1198" s="10"/>
      <c r="DVG1198" s="10"/>
      <c r="DVH1198" s="10"/>
      <c r="DVI1198" s="10"/>
      <c r="DVJ1198" s="10"/>
      <c r="DVK1198" s="10"/>
      <c r="DVL1198" s="10"/>
      <c r="DVM1198" s="10"/>
      <c r="DVN1198" s="10"/>
      <c r="DVO1198" s="10"/>
      <c r="DVP1198" s="10"/>
      <c r="DVQ1198" s="10"/>
      <c r="DVR1198" s="10"/>
      <c r="DVS1198" s="10"/>
      <c r="DVT1198" s="10"/>
      <c r="DVU1198" s="10"/>
      <c r="DVV1198" s="10"/>
      <c r="DVW1198" s="10"/>
      <c r="DVX1198" s="10"/>
      <c r="DVY1198" s="10"/>
      <c r="DVZ1198" s="10"/>
      <c r="DWA1198" s="10"/>
      <c r="DWB1198" s="10"/>
      <c r="DWC1198" s="10"/>
      <c r="DWD1198" s="10"/>
      <c r="DWE1198" s="10"/>
      <c r="DWF1198" s="10"/>
      <c r="DWG1198" s="10"/>
      <c r="DWH1198" s="10"/>
      <c r="DWI1198" s="10"/>
      <c r="DWJ1198" s="10"/>
      <c r="DWK1198" s="10"/>
      <c r="DWL1198" s="10"/>
      <c r="DWM1198" s="10"/>
      <c r="DWN1198" s="10"/>
      <c r="DWO1198" s="10"/>
      <c r="DWP1198" s="10"/>
      <c r="DWQ1198" s="10"/>
      <c r="DWR1198" s="10"/>
      <c r="DWS1198" s="10"/>
      <c r="DWT1198" s="10"/>
      <c r="DWU1198" s="10"/>
      <c r="DWV1198" s="10"/>
      <c r="DWW1198" s="10"/>
      <c r="DWX1198" s="10"/>
      <c r="DWY1198" s="10"/>
      <c r="DWZ1198" s="10"/>
      <c r="DXA1198" s="10"/>
      <c r="DXB1198" s="10"/>
      <c r="DXC1198" s="10"/>
      <c r="DXD1198" s="10"/>
      <c r="DXE1198" s="10"/>
      <c r="DXF1198" s="10"/>
      <c r="DXG1198" s="10"/>
      <c r="DXH1198" s="10"/>
      <c r="DXI1198" s="10"/>
      <c r="DXJ1198" s="10"/>
      <c r="DXK1198" s="10"/>
      <c r="DXL1198" s="10"/>
      <c r="DXM1198" s="10"/>
      <c r="DXN1198" s="10"/>
      <c r="DXO1198" s="10"/>
      <c r="DXP1198" s="10"/>
      <c r="DXQ1198" s="10"/>
      <c r="DXR1198" s="10"/>
      <c r="DXS1198" s="10"/>
      <c r="DXT1198" s="10"/>
      <c r="DXU1198" s="10"/>
      <c r="DXV1198" s="10"/>
      <c r="DXW1198" s="10"/>
      <c r="DXX1198" s="10"/>
      <c r="DXY1198" s="10"/>
      <c r="DXZ1198" s="10"/>
      <c r="DYA1198" s="10"/>
      <c r="DYB1198" s="10"/>
      <c r="DYC1198" s="10"/>
      <c r="DYD1198" s="10"/>
      <c r="DYE1198" s="10"/>
      <c r="DYF1198" s="10"/>
      <c r="DYG1198" s="10"/>
      <c r="DYH1198" s="10"/>
      <c r="DYI1198" s="10"/>
      <c r="DYJ1198" s="10"/>
      <c r="DYK1198" s="10"/>
      <c r="DYL1198" s="10"/>
      <c r="DYM1198" s="10"/>
      <c r="DYN1198" s="10"/>
      <c r="DYO1198" s="10"/>
      <c r="DYP1198" s="10"/>
      <c r="DYQ1198" s="10"/>
      <c r="DYR1198" s="10"/>
      <c r="DYS1198" s="10"/>
      <c r="DYT1198" s="10"/>
      <c r="DYU1198" s="10"/>
      <c r="DYV1198" s="10"/>
      <c r="DYW1198" s="10"/>
      <c r="DYX1198" s="10"/>
      <c r="DYY1198" s="10"/>
      <c r="DYZ1198" s="10"/>
      <c r="DZA1198" s="10"/>
      <c r="DZB1198" s="10"/>
      <c r="DZC1198" s="10"/>
      <c r="DZD1198" s="10"/>
      <c r="DZE1198" s="10"/>
      <c r="DZF1198" s="10"/>
      <c r="DZG1198" s="10"/>
      <c r="DZH1198" s="10"/>
      <c r="DZI1198" s="10"/>
      <c r="DZJ1198" s="10"/>
      <c r="DZK1198" s="10"/>
      <c r="DZL1198" s="10"/>
      <c r="DZM1198" s="10"/>
      <c r="DZN1198" s="10"/>
      <c r="DZO1198" s="10"/>
      <c r="DZP1198" s="10"/>
      <c r="DZQ1198" s="10"/>
      <c r="DZR1198" s="10"/>
      <c r="DZS1198" s="10"/>
      <c r="DZT1198" s="10"/>
      <c r="DZU1198" s="10"/>
      <c r="DZV1198" s="10"/>
      <c r="DZW1198" s="10"/>
      <c r="DZX1198" s="10"/>
      <c r="DZY1198" s="10"/>
      <c r="DZZ1198" s="10"/>
      <c r="EAA1198" s="10"/>
      <c r="EAB1198" s="10"/>
      <c r="EAC1198" s="10"/>
      <c r="EAD1198" s="10"/>
      <c r="EAE1198" s="10"/>
      <c r="EAF1198" s="10"/>
      <c r="EAG1198" s="10"/>
      <c r="EAH1198" s="10"/>
      <c r="EAI1198" s="10"/>
      <c r="EAJ1198" s="10"/>
      <c r="EAK1198" s="10"/>
      <c r="EAL1198" s="10"/>
      <c r="EAM1198" s="10"/>
      <c r="EAN1198" s="10"/>
      <c r="EAO1198" s="10"/>
      <c r="EAP1198" s="10"/>
      <c r="EAQ1198" s="10"/>
      <c r="EAR1198" s="10"/>
      <c r="EAS1198" s="10"/>
      <c r="EAT1198" s="10"/>
      <c r="EAU1198" s="10"/>
      <c r="EAV1198" s="10"/>
      <c r="EAW1198" s="10"/>
      <c r="EAX1198" s="10"/>
      <c r="EAY1198" s="10"/>
      <c r="EAZ1198" s="10"/>
      <c r="EBA1198" s="10"/>
      <c r="EBB1198" s="10"/>
      <c r="EBC1198" s="10"/>
      <c r="EBD1198" s="10"/>
      <c r="EBE1198" s="10"/>
      <c r="EBF1198" s="10"/>
      <c r="EBG1198" s="10"/>
      <c r="EBH1198" s="10"/>
      <c r="EBI1198" s="10"/>
      <c r="EBJ1198" s="10"/>
      <c r="EBK1198" s="10"/>
      <c r="EBL1198" s="10"/>
      <c r="EBM1198" s="10"/>
      <c r="EBN1198" s="10"/>
      <c r="EBO1198" s="10"/>
      <c r="EBP1198" s="10"/>
      <c r="EBQ1198" s="10"/>
      <c r="EBR1198" s="10"/>
      <c r="EBS1198" s="10"/>
      <c r="EBT1198" s="10"/>
      <c r="EBU1198" s="10"/>
      <c r="EBV1198" s="10"/>
      <c r="EBW1198" s="10"/>
      <c r="EBX1198" s="10"/>
      <c r="EBY1198" s="10"/>
      <c r="EBZ1198" s="10"/>
      <c r="ECA1198" s="10"/>
      <c r="ECB1198" s="10"/>
      <c r="ECC1198" s="10"/>
      <c r="ECD1198" s="10"/>
      <c r="ECE1198" s="10"/>
      <c r="ECF1198" s="10"/>
      <c r="ECG1198" s="10"/>
      <c r="ECH1198" s="10"/>
      <c r="ECI1198" s="10"/>
      <c r="ECJ1198" s="10"/>
      <c r="ECK1198" s="10"/>
      <c r="ECL1198" s="10"/>
      <c r="ECM1198" s="10"/>
      <c r="ECN1198" s="10"/>
      <c r="ECO1198" s="10"/>
      <c r="ECP1198" s="10"/>
      <c r="ECQ1198" s="10"/>
      <c r="ECR1198" s="10"/>
      <c r="ECS1198" s="10"/>
      <c r="ECT1198" s="10"/>
      <c r="ECU1198" s="10"/>
      <c r="ECV1198" s="10"/>
      <c r="ECW1198" s="10"/>
      <c r="ECX1198" s="10"/>
      <c r="ECY1198" s="10"/>
      <c r="ECZ1198" s="10"/>
      <c r="EDA1198" s="10"/>
      <c r="EDB1198" s="10"/>
      <c r="EDC1198" s="10"/>
      <c r="EDD1198" s="10"/>
      <c r="EDE1198" s="10"/>
      <c r="EDF1198" s="10"/>
      <c r="EDG1198" s="10"/>
      <c r="EDH1198" s="10"/>
      <c r="EDI1198" s="10"/>
      <c r="EDJ1198" s="10"/>
      <c r="EDK1198" s="10"/>
      <c r="EDL1198" s="10"/>
      <c r="EDM1198" s="10"/>
      <c r="EDN1198" s="10"/>
      <c r="EDO1198" s="10"/>
      <c r="EDP1198" s="10"/>
      <c r="EDQ1198" s="10"/>
      <c r="EDR1198" s="10"/>
      <c r="EDS1198" s="10"/>
      <c r="EDT1198" s="10"/>
      <c r="EDU1198" s="10"/>
      <c r="EDV1198" s="10"/>
      <c r="EDW1198" s="10"/>
      <c r="EDX1198" s="10"/>
      <c r="EDY1198" s="10"/>
      <c r="EDZ1198" s="10"/>
      <c r="EEA1198" s="10"/>
      <c r="EEB1198" s="10"/>
      <c r="EEC1198" s="10"/>
      <c r="EED1198" s="10"/>
      <c r="EEE1198" s="10"/>
      <c r="EEF1198" s="10"/>
      <c r="EEG1198" s="10"/>
      <c r="EEH1198" s="10"/>
      <c r="EEI1198" s="10"/>
      <c r="EEJ1198" s="10"/>
      <c r="EEK1198" s="10"/>
      <c r="EEL1198" s="10"/>
      <c r="EEM1198" s="10"/>
      <c r="EEN1198" s="10"/>
      <c r="EEO1198" s="10"/>
      <c r="EEP1198" s="10"/>
      <c r="EEQ1198" s="10"/>
      <c r="EER1198" s="10"/>
      <c r="EES1198" s="10"/>
      <c r="EET1198" s="10"/>
      <c r="EEU1198" s="10"/>
      <c r="EEV1198" s="10"/>
      <c r="EEW1198" s="10"/>
      <c r="EEX1198" s="10"/>
      <c r="EEY1198" s="10"/>
      <c r="EEZ1198" s="10"/>
      <c r="EFA1198" s="10"/>
      <c r="EFB1198" s="10"/>
      <c r="EFC1198" s="10"/>
      <c r="EFD1198" s="10"/>
      <c r="EFE1198" s="10"/>
      <c r="EFF1198" s="10"/>
      <c r="EFG1198" s="10"/>
      <c r="EFH1198" s="10"/>
      <c r="EFI1198" s="10"/>
      <c r="EFJ1198" s="10"/>
      <c r="EFK1198" s="10"/>
      <c r="EFL1198" s="10"/>
      <c r="EFM1198" s="10"/>
      <c r="EFN1198" s="10"/>
      <c r="EFO1198" s="10"/>
      <c r="EFP1198" s="10"/>
      <c r="EFQ1198" s="10"/>
      <c r="EFR1198" s="10"/>
      <c r="EFS1198" s="10"/>
      <c r="EFT1198" s="10"/>
      <c r="EFU1198" s="10"/>
      <c r="EFV1198" s="10"/>
      <c r="EFW1198" s="10"/>
      <c r="EFX1198" s="10"/>
      <c r="EFY1198" s="10"/>
      <c r="EFZ1198" s="10"/>
      <c r="EGA1198" s="10"/>
      <c r="EGB1198" s="10"/>
      <c r="EGC1198" s="10"/>
      <c r="EGD1198" s="10"/>
      <c r="EGE1198" s="10"/>
      <c r="EGF1198" s="10"/>
      <c r="EGG1198" s="10"/>
      <c r="EGH1198" s="10"/>
      <c r="EGI1198" s="10"/>
      <c r="EGJ1198" s="10"/>
      <c r="EGK1198" s="10"/>
      <c r="EGL1198" s="10"/>
      <c r="EGM1198" s="10"/>
      <c r="EGN1198" s="10"/>
      <c r="EGO1198" s="10"/>
      <c r="EGP1198" s="10"/>
      <c r="EGQ1198" s="10"/>
      <c r="EGR1198" s="10"/>
      <c r="EGS1198" s="10"/>
      <c r="EGT1198" s="10"/>
      <c r="EGU1198" s="10"/>
      <c r="EGV1198" s="10"/>
      <c r="EGW1198" s="10"/>
      <c r="EGX1198" s="10"/>
      <c r="EGY1198" s="10"/>
      <c r="EGZ1198" s="10"/>
      <c r="EHA1198" s="10"/>
      <c r="EHB1198" s="10"/>
      <c r="EHC1198" s="10"/>
      <c r="EHD1198" s="10"/>
      <c r="EHE1198" s="10"/>
      <c r="EHF1198" s="10"/>
      <c r="EHG1198" s="10"/>
      <c r="EHH1198" s="10"/>
      <c r="EHI1198" s="10"/>
      <c r="EHJ1198" s="10"/>
      <c r="EHK1198" s="10"/>
      <c r="EHL1198" s="10"/>
      <c r="EHM1198" s="10"/>
      <c r="EHN1198" s="10"/>
      <c r="EHO1198" s="10"/>
      <c r="EHP1198" s="10"/>
      <c r="EHQ1198" s="10"/>
      <c r="EHR1198" s="10"/>
      <c r="EHS1198" s="10"/>
      <c r="EHT1198" s="10"/>
      <c r="EHU1198" s="10"/>
      <c r="EHV1198" s="10"/>
      <c r="EHW1198" s="10"/>
      <c r="EHX1198" s="10"/>
      <c r="EHY1198" s="10"/>
      <c r="EHZ1198" s="10"/>
      <c r="EIA1198" s="10"/>
      <c r="EIB1198" s="10"/>
      <c r="EIC1198" s="10"/>
      <c r="EID1198" s="10"/>
      <c r="EIE1198" s="10"/>
      <c r="EIF1198" s="10"/>
      <c r="EIG1198" s="10"/>
      <c r="EIH1198" s="10"/>
      <c r="EII1198" s="10"/>
      <c r="EIJ1198" s="10"/>
      <c r="EIK1198" s="10"/>
      <c r="EIL1198" s="10"/>
      <c r="EIM1198" s="10"/>
      <c r="EIN1198" s="10"/>
      <c r="EIO1198" s="10"/>
      <c r="EIP1198" s="10"/>
      <c r="EIQ1198" s="10"/>
      <c r="EIR1198" s="10"/>
      <c r="EIS1198" s="10"/>
      <c r="EIT1198" s="10"/>
      <c r="EIU1198" s="10"/>
      <c r="EIV1198" s="10"/>
      <c r="EIW1198" s="10"/>
      <c r="EIX1198" s="10"/>
      <c r="EIY1198" s="10"/>
      <c r="EIZ1198" s="10"/>
      <c r="EJA1198" s="10"/>
      <c r="EJB1198" s="10"/>
      <c r="EJC1198" s="10"/>
      <c r="EJD1198" s="10"/>
      <c r="EJE1198" s="10"/>
      <c r="EJF1198" s="10"/>
      <c r="EJG1198" s="10"/>
      <c r="EJH1198" s="10"/>
      <c r="EJI1198" s="10"/>
      <c r="EJJ1198" s="10"/>
      <c r="EJK1198" s="10"/>
      <c r="EJL1198" s="10"/>
      <c r="EJM1198" s="10"/>
      <c r="EJN1198" s="10"/>
      <c r="EJO1198" s="10"/>
      <c r="EJP1198" s="10"/>
      <c r="EJQ1198" s="10"/>
      <c r="EJR1198" s="10"/>
      <c r="EJS1198" s="10"/>
      <c r="EJT1198" s="10"/>
      <c r="EJU1198" s="10"/>
      <c r="EJV1198" s="10"/>
      <c r="EJW1198" s="10"/>
      <c r="EJX1198" s="10"/>
      <c r="EJY1198" s="10"/>
      <c r="EJZ1198" s="10"/>
      <c r="EKA1198" s="10"/>
      <c r="EKB1198" s="10"/>
      <c r="EKC1198" s="10"/>
      <c r="EKD1198" s="10"/>
      <c r="EKE1198" s="10"/>
      <c r="EKF1198" s="10"/>
      <c r="EKG1198" s="10"/>
      <c r="EKH1198" s="10"/>
      <c r="EKI1198" s="10"/>
      <c r="EKJ1198" s="10"/>
      <c r="EKK1198" s="10"/>
      <c r="EKL1198" s="10"/>
      <c r="EKM1198" s="10"/>
      <c r="EKN1198" s="10"/>
      <c r="EKO1198" s="10"/>
      <c r="EKP1198" s="10"/>
      <c r="EKQ1198" s="10"/>
      <c r="EKR1198" s="10"/>
      <c r="EKS1198" s="10"/>
      <c r="EKT1198" s="10"/>
      <c r="EKU1198" s="10"/>
      <c r="EKV1198" s="10"/>
      <c r="EKW1198" s="10"/>
      <c r="EKX1198" s="10"/>
      <c r="EKY1198" s="10"/>
      <c r="EKZ1198" s="10"/>
      <c r="ELA1198" s="10"/>
      <c r="ELB1198" s="10"/>
      <c r="ELC1198" s="10"/>
      <c r="ELD1198" s="10"/>
      <c r="ELE1198" s="10"/>
      <c r="ELF1198" s="10"/>
      <c r="ELG1198" s="10"/>
      <c r="ELH1198" s="10"/>
      <c r="ELI1198" s="10"/>
      <c r="ELJ1198" s="10"/>
      <c r="ELK1198" s="10"/>
      <c r="ELL1198" s="10"/>
      <c r="ELM1198" s="10"/>
      <c r="ELN1198" s="10"/>
      <c r="ELO1198" s="10"/>
      <c r="ELP1198" s="10"/>
      <c r="ELQ1198" s="10"/>
      <c r="ELR1198" s="10"/>
      <c r="ELS1198" s="10"/>
      <c r="ELT1198" s="10"/>
      <c r="ELU1198" s="10"/>
      <c r="ELV1198" s="10"/>
      <c r="ELW1198" s="10"/>
      <c r="ELX1198" s="10"/>
      <c r="ELY1198" s="10"/>
      <c r="ELZ1198" s="10"/>
      <c r="EMA1198" s="10"/>
      <c r="EMB1198" s="10"/>
      <c r="EMC1198" s="10"/>
      <c r="EMD1198" s="10"/>
      <c r="EME1198" s="10"/>
      <c r="EMF1198" s="10"/>
      <c r="EMG1198" s="10"/>
      <c r="EMH1198" s="10"/>
      <c r="EMI1198" s="10"/>
      <c r="EMJ1198" s="10"/>
      <c r="EMK1198" s="10"/>
      <c r="EML1198" s="10"/>
      <c r="EMM1198" s="10"/>
      <c r="EMN1198" s="10"/>
      <c r="EMO1198" s="10"/>
      <c r="EMP1198" s="10"/>
      <c r="EMQ1198" s="10"/>
      <c r="EMR1198" s="10"/>
      <c r="EMS1198" s="10"/>
      <c r="EMT1198" s="10"/>
      <c r="EMU1198" s="10"/>
      <c r="EMV1198" s="10"/>
      <c r="EMW1198" s="10"/>
      <c r="EMX1198" s="10"/>
      <c r="EMY1198" s="10"/>
      <c r="EMZ1198" s="10"/>
      <c r="ENA1198" s="10"/>
      <c r="ENB1198" s="10"/>
      <c r="ENC1198" s="10"/>
      <c r="END1198" s="10"/>
      <c r="ENE1198" s="10"/>
      <c r="ENF1198" s="10"/>
      <c r="ENG1198" s="10"/>
      <c r="ENH1198" s="10"/>
      <c r="ENI1198" s="10"/>
      <c r="ENJ1198" s="10"/>
      <c r="ENK1198" s="10"/>
      <c r="ENL1198" s="10"/>
      <c r="ENM1198" s="10"/>
      <c r="ENN1198" s="10"/>
      <c r="ENO1198" s="10"/>
      <c r="ENP1198" s="10"/>
      <c r="ENQ1198" s="10"/>
      <c r="ENR1198" s="10"/>
      <c r="ENS1198" s="10"/>
      <c r="ENT1198" s="10"/>
      <c r="ENU1198" s="10"/>
      <c r="ENV1198" s="10"/>
      <c r="ENW1198" s="10"/>
      <c r="ENX1198" s="10"/>
      <c r="ENY1198" s="10"/>
      <c r="ENZ1198" s="10"/>
      <c r="EOA1198" s="10"/>
      <c r="EOB1198" s="10"/>
      <c r="EOC1198" s="10"/>
      <c r="EOD1198" s="10"/>
      <c r="EOE1198" s="10"/>
      <c r="EOF1198" s="10"/>
      <c r="EOG1198" s="10"/>
      <c r="EOH1198" s="10"/>
      <c r="EOI1198" s="10"/>
      <c r="EOJ1198" s="10"/>
      <c r="EOK1198" s="10"/>
      <c r="EOL1198" s="10"/>
      <c r="EOM1198" s="10"/>
      <c r="EON1198" s="10"/>
      <c r="EOO1198" s="10"/>
      <c r="EOP1198" s="10"/>
      <c r="EOQ1198" s="10"/>
      <c r="EOR1198" s="10"/>
      <c r="EOS1198" s="10"/>
      <c r="EOT1198" s="10"/>
      <c r="EOU1198" s="10"/>
      <c r="EOV1198" s="10"/>
      <c r="EOW1198" s="10"/>
      <c r="EOX1198" s="10"/>
      <c r="EOY1198" s="10"/>
      <c r="EOZ1198" s="10"/>
      <c r="EPA1198" s="10"/>
      <c r="EPB1198" s="10"/>
      <c r="EPC1198" s="10"/>
      <c r="EPD1198" s="10"/>
      <c r="EPE1198" s="10"/>
      <c r="EPF1198" s="10"/>
      <c r="EPG1198" s="10"/>
      <c r="EPH1198" s="10"/>
      <c r="EPI1198" s="10"/>
      <c r="EPJ1198" s="10"/>
      <c r="EPK1198" s="10"/>
      <c r="EPL1198" s="10"/>
      <c r="EPM1198" s="10"/>
      <c r="EPN1198" s="10"/>
      <c r="EPO1198" s="10"/>
      <c r="EPP1198" s="10"/>
      <c r="EPQ1198" s="10"/>
      <c r="EPR1198" s="10"/>
      <c r="EPS1198" s="10"/>
      <c r="EPT1198" s="10"/>
      <c r="EPU1198" s="10"/>
      <c r="EPV1198" s="10"/>
      <c r="EPW1198" s="10"/>
      <c r="EPX1198" s="10"/>
      <c r="EPY1198" s="10"/>
      <c r="EPZ1198" s="10"/>
      <c r="EQA1198" s="10"/>
      <c r="EQB1198" s="10"/>
      <c r="EQC1198" s="10"/>
      <c r="EQD1198" s="10"/>
      <c r="EQE1198" s="10"/>
      <c r="EQF1198" s="10"/>
      <c r="EQG1198" s="10"/>
      <c r="EQH1198" s="10"/>
      <c r="EQI1198" s="10"/>
      <c r="EQJ1198" s="10"/>
      <c r="EQK1198" s="10"/>
      <c r="EQL1198" s="10"/>
      <c r="EQM1198" s="10"/>
      <c r="EQN1198" s="10"/>
      <c r="EQO1198" s="10"/>
      <c r="EQP1198" s="10"/>
      <c r="EQQ1198" s="10"/>
      <c r="EQR1198" s="10"/>
      <c r="EQS1198" s="10"/>
      <c r="EQT1198" s="10"/>
      <c r="EQU1198" s="10"/>
      <c r="EQV1198" s="10"/>
      <c r="EQW1198" s="10"/>
      <c r="EQX1198" s="10"/>
      <c r="EQY1198" s="10"/>
      <c r="EQZ1198" s="10"/>
      <c r="ERA1198" s="10"/>
      <c r="ERB1198" s="10"/>
      <c r="ERC1198" s="10"/>
      <c r="ERD1198" s="10"/>
      <c r="ERE1198" s="10"/>
      <c r="ERF1198" s="10"/>
      <c r="ERG1198" s="10"/>
      <c r="ERH1198" s="10"/>
      <c r="ERI1198" s="10"/>
      <c r="ERJ1198" s="10"/>
      <c r="ERK1198" s="10"/>
      <c r="ERL1198" s="10"/>
      <c r="ERM1198" s="10"/>
      <c r="ERN1198" s="10"/>
      <c r="ERO1198" s="10"/>
      <c r="ERP1198" s="10"/>
      <c r="ERQ1198" s="10"/>
      <c r="ERR1198" s="10"/>
      <c r="ERS1198" s="10"/>
      <c r="ERT1198" s="10"/>
      <c r="ERU1198" s="10"/>
      <c r="ERV1198" s="10"/>
      <c r="ERW1198" s="10"/>
      <c r="ERX1198" s="10"/>
      <c r="ERY1198" s="10"/>
      <c r="ERZ1198" s="10"/>
      <c r="ESA1198" s="10"/>
      <c r="ESB1198" s="10"/>
      <c r="ESC1198" s="10"/>
      <c r="ESD1198" s="10"/>
      <c r="ESE1198" s="10"/>
      <c r="ESF1198" s="10"/>
      <c r="ESG1198" s="10"/>
      <c r="ESH1198" s="10"/>
      <c r="ESI1198" s="10"/>
      <c r="ESJ1198" s="10"/>
      <c r="ESK1198" s="10"/>
      <c r="ESL1198" s="10"/>
      <c r="ESM1198" s="10"/>
      <c r="ESN1198" s="10"/>
      <c r="ESO1198" s="10"/>
      <c r="ESP1198" s="10"/>
      <c r="ESQ1198" s="10"/>
      <c r="ESR1198" s="10"/>
      <c r="ESS1198" s="10"/>
      <c r="EST1198" s="10"/>
      <c r="ESU1198" s="10"/>
      <c r="ESV1198" s="10"/>
      <c r="ESW1198" s="10"/>
      <c r="ESX1198" s="10"/>
      <c r="ESY1198" s="10"/>
      <c r="ESZ1198" s="10"/>
      <c r="ETA1198" s="10"/>
      <c r="ETB1198" s="10"/>
      <c r="ETC1198" s="10"/>
      <c r="ETD1198" s="10"/>
      <c r="ETE1198" s="10"/>
      <c r="ETF1198" s="10"/>
      <c r="ETG1198" s="10"/>
      <c r="ETH1198" s="10"/>
      <c r="ETI1198" s="10"/>
      <c r="ETJ1198" s="10"/>
      <c r="ETK1198" s="10"/>
      <c r="ETL1198" s="10"/>
      <c r="ETM1198" s="10"/>
      <c r="ETN1198" s="10"/>
      <c r="ETO1198" s="10"/>
      <c r="ETP1198" s="10"/>
      <c r="ETQ1198" s="10"/>
      <c r="ETR1198" s="10"/>
      <c r="ETS1198" s="10"/>
      <c r="ETT1198" s="10"/>
      <c r="ETU1198" s="10"/>
      <c r="ETV1198" s="10"/>
      <c r="ETW1198" s="10"/>
      <c r="ETX1198" s="10"/>
      <c r="ETY1198" s="10"/>
      <c r="ETZ1198" s="10"/>
      <c r="EUA1198" s="10"/>
      <c r="EUB1198" s="10"/>
      <c r="EUC1198" s="10"/>
      <c r="EUD1198" s="10"/>
      <c r="EUE1198" s="10"/>
      <c r="EUF1198" s="10"/>
      <c r="EUG1198" s="10"/>
      <c r="EUH1198" s="10"/>
      <c r="EUI1198" s="10"/>
      <c r="EUJ1198" s="10"/>
      <c r="EUK1198" s="10"/>
      <c r="EUL1198" s="10"/>
      <c r="EUM1198" s="10"/>
      <c r="EUN1198" s="10"/>
      <c r="EUO1198" s="10"/>
      <c r="EUP1198" s="10"/>
      <c r="EUQ1198" s="10"/>
      <c r="EUR1198" s="10"/>
      <c r="EUS1198" s="10"/>
      <c r="EUT1198" s="10"/>
      <c r="EUU1198" s="10"/>
      <c r="EUV1198" s="10"/>
      <c r="EUW1198" s="10"/>
      <c r="EUX1198" s="10"/>
      <c r="EUY1198" s="10"/>
      <c r="EUZ1198" s="10"/>
      <c r="EVA1198" s="10"/>
      <c r="EVB1198" s="10"/>
      <c r="EVC1198" s="10"/>
      <c r="EVD1198" s="10"/>
      <c r="EVE1198" s="10"/>
      <c r="EVF1198" s="10"/>
      <c r="EVG1198" s="10"/>
      <c r="EVH1198" s="10"/>
      <c r="EVI1198" s="10"/>
      <c r="EVJ1198" s="10"/>
      <c r="EVK1198" s="10"/>
      <c r="EVL1198" s="10"/>
      <c r="EVM1198" s="10"/>
      <c r="EVN1198" s="10"/>
      <c r="EVO1198" s="10"/>
      <c r="EVP1198" s="10"/>
      <c r="EVQ1198" s="10"/>
      <c r="EVR1198" s="10"/>
      <c r="EVS1198" s="10"/>
      <c r="EVT1198" s="10"/>
      <c r="EVU1198" s="10"/>
      <c r="EVV1198" s="10"/>
      <c r="EVW1198" s="10"/>
      <c r="EVX1198" s="10"/>
      <c r="EVY1198" s="10"/>
      <c r="EVZ1198" s="10"/>
      <c r="EWA1198" s="10"/>
      <c r="EWB1198" s="10"/>
      <c r="EWC1198" s="10"/>
      <c r="EWD1198" s="10"/>
      <c r="EWE1198" s="10"/>
      <c r="EWF1198" s="10"/>
      <c r="EWG1198" s="10"/>
      <c r="EWH1198" s="10"/>
      <c r="EWI1198" s="10"/>
      <c r="EWJ1198" s="10"/>
      <c r="EWK1198" s="10"/>
      <c r="EWL1198" s="10"/>
      <c r="EWM1198" s="10"/>
      <c r="EWN1198" s="10"/>
      <c r="EWO1198" s="10"/>
      <c r="EWP1198" s="10"/>
      <c r="EWQ1198" s="10"/>
      <c r="EWR1198" s="10"/>
      <c r="EWS1198" s="10"/>
      <c r="EWT1198" s="10"/>
      <c r="EWU1198" s="10"/>
      <c r="EWV1198" s="10"/>
      <c r="EWW1198" s="10"/>
      <c r="EWX1198" s="10"/>
      <c r="EWY1198" s="10"/>
      <c r="EWZ1198" s="10"/>
      <c r="EXA1198" s="10"/>
      <c r="EXB1198" s="10"/>
      <c r="EXC1198" s="10"/>
      <c r="EXD1198" s="10"/>
      <c r="EXE1198" s="10"/>
      <c r="EXF1198" s="10"/>
      <c r="EXG1198" s="10"/>
      <c r="EXH1198" s="10"/>
      <c r="EXI1198" s="10"/>
      <c r="EXJ1198" s="10"/>
      <c r="EXK1198" s="10"/>
      <c r="EXL1198" s="10"/>
      <c r="EXM1198" s="10"/>
      <c r="EXN1198" s="10"/>
      <c r="EXO1198" s="10"/>
      <c r="EXP1198" s="10"/>
      <c r="EXQ1198" s="10"/>
      <c r="EXR1198" s="10"/>
      <c r="EXS1198" s="10"/>
      <c r="EXT1198" s="10"/>
      <c r="EXU1198" s="10"/>
      <c r="EXV1198" s="10"/>
      <c r="EXW1198" s="10"/>
      <c r="EXX1198" s="10"/>
      <c r="EXY1198" s="10"/>
      <c r="EXZ1198" s="10"/>
      <c r="EYA1198" s="10"/>
      <c r="EYB1198" s="10"/>
      <c r="EYC1198" s="10"/>
      <c r="EYD1198" s="10"/>
      <c r="EYE1198" s="10"/>
      <c r="EYF1198" s="10"/>
      <c r="EYG1198" s="10"/>
      <c r="EYH1198" s="10"/>
      <c r="EYI1198" s="10"/>
      <c r="EYJ1198" s="10"/>
      <c r="EYK1198" s="10"/>
      <c r="EYL1198" s="10"/>
      <c r="EYM1198" s="10"/>
      <c r="EYN1198" s="10"/>
      <c r="EYO1198" s="10"/>
      <c r="EYP1198" s="10"/>
      <c r="EYQ1198" s="10"/>
      <c r="EYR1198" s="10"/>
      <c r="EYS1198" s="10"/>
      <c r="EYT1198" s="10"/>
      <c r="EYU1198" s="10"/>
      <c r="EYV1198" s="10"/>
      <c r="EYW1198" s="10"/>
      <c r="EYX1198" s="10"/>
      <c r="EYY1198" s="10"/>
      <c r="EYZ1198" s="10"/>
      <c r="EZA1198" s="10"/>
      <c r="EZB1198" s="10"/>
      <c r="EZC1198" s="10"/>
      <c r="EZD1198" s="10"/>
      <c r="EZE1198" s="10"/>
      <c r="EZF1198" s="10"/>
      <c r="EZG1198" s="10"/>
      <c r="EZH1198" s="10"/>
      <c r="EZI1198" s="10"/>
      <c r="EZJ1198" s="10"/>
      <c r="EZK1198" s="10"/>
      <c r="EZL1198" s="10"/>
      <c r="EZM1198" s="10"/>
      <c r="EZN1198" s="10"/>
      <c r="EZO1198" s="10"/>
      <c r="EZP1198" s="10"/>
      <c r="EZQ1198" s="10"/>
      <c r="EZR1198" s="10"/>
      <c r="EZS1198" s="10"/>
      <c r="EZT1198" s="10"/>
      <c r="EZU1198" s="10"/>
      <c r="EZV1198" s="10"/>
      <c r="EZW1198" s="10"/>
      <c r="EZX1198" s="10"/>
      <c r="EZY1198" s="10"/>
      <c r="EZZ1198" s="10"/>
      <c r="FAA1198" s="10"/>
      <c r="FAB1198" s="10"/>
      <c r="FAC1198" s="10"/>
      <c r="FAD1198" s="10"/>
      <c r="FAE1198" s="10"/>
      <c r="FAF1198" s="10"/>
      <c r="FAG1198" s="10"/>
      <c r="FAH1198" s="10"/>
      <c r="FAI1198" s="10"/>
      <c r="FAJ1198" s="10"/>
      <c r="FAK1198" s="10"/>
      <c r="FAL1198" s="10"/>
      <c r="FAM1198" s="10"/>
      <c r="FAN1198" s="10"/>
      <c r="FAO1198" s="10"/>
      <c r="FAP1198" s="10"/>
      <c r="FAQ1198" s="10"/>
      <c r="FAR1198" s="10"/>
      <c r="FAS1198" s="10"/>
      <c r="FAT1198" s="10"/>
      <c r="FAU1198" s="10"/>
      <c r="FAV1198" s="10"/>
      <c r="FAW1198" s="10"/>
      <c r="FAX1198" s="10"/>
      <c r="FAY1198" s="10"/>
      <c r="FAZ1198" s="10"/>
      <c r="FBA1198" s="10"/>
      <c r="FBB1198" s="10"/>
      <c r="FBC1198" s="10"/>
      <c r="FBD1198" s="10"/>
      <c r="FBE1198" s="10"/>
      <c r="FBF1198" s="10"/>
      <c r="FBG1198" s="10"/>
      <c r="FBH1198" s="10"/>
      <c r="FBI1198" s="10"/>
      <c r="FBJ1198" s="10"/>
      <c r="FBK1198" s="10"/>
      <c r="FBL1198" s="10"/>
      <c r="FBM1198" s="10"/>
      <c r="FBN1198" s="10"/>
      <c r="FBO1198" s="10"/>
      <c r="FBP1198" s="10"/>
      <c r="FBQ1198" s="10"/>
      <c r="FBR1198" s="10"/>
      <c r="FBS1198" s="10"/>
      <c r="FBT1198" s="10"/>
      <c r="FBU1198" s="10"/>
      <c r="FBV1198" s="10"/>
      <c r="FBW1198" s="10"/>
      <c r="FBX1198" s="10"/>
      <c r="FBY1198" s="10"/>
      <c r="FBZ1198" s="10"/>
      <c r="FCA1198" s="10"/>
      <c r="FCB1198" s="10"/>
      <c r="FCC1198" s="10"/>
      <c r="FCD1198" s="10"/>
      <c r="FCE1198" s="10"/>
      <c r="FCF1198" s="10"/>
      <c r="FCG1198" s="10"/>
      <c r="FCH1198" s="10"/>
      <c r="FCI1198" s="10"/>
      <c r="FCJ1198" s="10"/>
      <c r="FCK1198" s="10"/>
      <c r="FCL1198" s="10"/>
      <c r="FCM1198" s="10"/>
      <c r="FCN1198" s="10"/>
      <c r="FCO1198" s="10"/>
      <c r="FCP1198" s="10"/>
      <c r="FCQ1198" s="10"/>
      <c r="FCR1198" s="10"/>
      <c r="FCS1198" s="10"/>
      <c r="FCT1198" s="10"/>
      <c r="FCU1198" s="10"/>
      <c r="FCV1198" s="10"/>
      <c r="FCW1198" s="10"/>
      <c r="FCX1198" s="10"/>
      <c r="FCY1198" s="10"/>
      <c r="FCZ1198" s="10"/>
      <c r="FDA1198" s="10"/>
      <c r="FDB1198" s="10"/>
      <c r="FDC1198" s="10"/>
      <c r="FDD1198" s="10"/>
      <c r="FDE1198" s="10"/>
      <c r="FDF1198" s="10"/>
      <c r="FDG1198" s="10"/>
      <c r="FDH1198" s="10"/>
      <c r="FDI1198" s="10"/>
      <c r="FDJ1198" s="10"/>
      <c r="FDK1198" s="10"/>
      <c r="FDL1198" s="10"/>
      <c r="FDM1198" s="10"/>
      <c r="FDN1198" s="10"/>
      <c r="FDO1198" s="10"/>
      <c r="FDP1198" s="10"/>
      <c r="FDQ1198" s="10"/>
      <c r="FDR1198" s="10"/>
      <c r="FDS1198" s="10"/>
      <c r="FDT1198" s="10"/>
      <c r="FDU1198" s="10"/>
      <c r="FDV1198" s="10"/>
      <c r="FDW1198" s="10"/>
      <c r="FDX1198" s="10"/>
      <c r="FDY1198" s="10"/>
      <c r="FDZ1198" s="10"/>
      <c r="FEA1198" s="10"/>
      <c r="FEB1198" s="10"/>
      <c r="FEC1198" s="10"/>
      <c r="FED1198" s="10"/>
      <c r="FEE1198" s="10"/>
      <c r="FEF1198" s="10"/>
      <c r="FEG1198" s="10"/>
      <c r="FEH1198" s="10"/>
      <c r="FEI1198" s="10"/>
      <c r="FEJ1198" s="10"/>
      <c r="FEK1198" s="10"/>
      <c r="FEL1198" s="10"/>
      <c r="FEM1198" s="10"/>
      <c r="FEN1198" s="10"/>
      <c r="FEO1198" s="10"/>
      <c r="FEP1198" s="10"/>
      <c r="FEQ1198" s="10"/>
      <c r="FER1198" s="10"/>
      <c r="FES1198" s="10"/>
      <c r="FET1198" s="10"/>
      <c r="FEU1198" s="10"/>
      <c r="FEV1198" s="10"/>
      <c r="FEW1198" s="10"/>
      <c r="FEX1198" s="10"/>
      <c r="FEY1198" s="10"/>
      <c r="FEZ1198" s="10"/>
      <c r="FFA1198" s="10"/>
      <c r="FFB1198" s="10"/>
      <c r="FFC1198" s="10"/>
      <c r="FFD1198" s="10"/>
      <c r="FFE1198" s="10"/>
      <c r="FFF1198" s="10"/>
      <c r="FFG1198" s="10"/>
      <c r="FFH1198" s="10"/>
      <c r="FFI1198" s="10"/>
      <c r="FFJ1198" s="10"/>
      <c r="FFK1198" s="10"/>
      <c r="FFL1198" s="10"/>
      <c r="FFM1198" s="10"/>
      <c r="FFN1198" s="10"/>
      <c r="FFO1198" s="10"/>
      <c r="FFP1198" s="10"/>
      <c r="FFQ1198" s="10"/>
      <c r="FFR1198" s="10"/>
      <c r="FFS1198" s="10"/>
      <c r="FFT1198" s="10"/>
      <c r="FFU1198" s="10"/>
      <c r="FFV1198" s="10"/>
      <c r="FFW1198" s="10"/>
      <c r="FFX1198" s="10"/>
      <c r="FFY1198" s="10"/>
      <c r="FFZ1198" s="10"/>
      <c r="FGA1198" s="10"/>
      <c r="FGB1198" s="10"/>
      <c r="FGC1198" s="10"/>
      <c r="FGD1198" s="10"/>
      <c r="FGE1198" s="10"/>
      <c r="FGF1198" s="10"/>
      <c r="FGG1198" s="10"/>
      <c r="FGH1198" s="10"/>
      <c r="FGI1198" s="10"/>
      <c r="FGJ1198" s="10"/>
      <c r="FGK1198" s="10"/>
      <c r="FGL1198" s="10"/>
      <c r="FGM1198" s="10"/>
      <c r="FGN1198" s="10"/>
      <c r="FGO1198" s="10"/>
      <c r="FGP1198" s="10"/>
      <c r="FGQ1198" s="10"/>
      <c r="FGR1198" s="10"/>
      <c r="FGS1198" s="10"/>
      <c r="FGT1198" s="10"/>
      <c r="FGU1198" s="10"/>
      <c r="FGV1198" s="10"/>
      <c r="FGW1198" s="10"/>
      <c r="FGX1198" s="10"/>
      <c r="FGY1198" s="10"/>
      <c r="FGZ1198" s="10"/>
      <c r="FHA1198" s="10"/>
      <c r="FHB1198" s="10"/>
      <c r="FHC1198" s="10"/>
      <c r="FHD1198" s="10"/>
      <c r="FHE1198" s="10"/>
      <c r="FHF1198" s="10"/>
      <c r="FHG1198" s="10"/>
      <c r="FHH1198" s="10"/>
      <c r="FHI1198" s="10"/>
      <c r="FHJ1198" s="10"/>
      <c r="FHK1198" s="10"/>
      <c r="FHL1198" s="10"/>
      <c r="FHM1198" s="10"/>
      <c r="FHN1198" s="10"/>
      <c r="FHO1198" s="10"/>
      <c r="FHP1198" s="10"/>
      <c r="FHQ1198" s="10"/>
      <c r="FHR1198" s="10"/>
      <c r="FHS1198" s="10"/>
      <c r="FHT1198" s="10"/>
      <c r="FHU1198" s="10"/>
      <c r="FHV1198" s="10"/>
      <c r="FHW1198" s="10"/>
      <c r="FHX1198" s="10"/>
      <c r="FHY1198" s="10"/>
      <c r="FHZ1198" s="10"/>
      <c r="FIA1198" s="10"/>
      <c r="FIB1198" s="10"/>
      <c r="FIC1198" s="10"/>
      <c r="FID1198" s="10"/>
      <c r="FIE1198" s="10"/>
      <c r="FIF1198" s="10"/>
      <c r="FIG1198" s="10"/>
      <c r="FIH1198" s="10"/>
      <c r="FII1198" s="10"/>
      <c r="FIJ1198" s="10"/>
      <c r="FIK1198" s="10"/>
      <c r="FIL1198" s="10"/>
      <c r="FIM1198" s="10"/>
      <c r="FIN1198" s="10"/>
      <c r="FIO1198" s="10"/>
      <c r="FIP1198" s="10"/>
      <c r="FIQ1198" s="10"/>
      <c r="FIR1198" s="10"/>
      <c r="FIS1198" s="10"/>
      <c r="FIT1198" s="10"/>
      <c r="FIU1198" s="10"/>
      <c r="FIV1198" s="10"/>
      <c r="FIW1198" s="10"/>
      <c r="FIX1198" s="10"/>
      <c r="FIY1198" s="10"/>
      <c r="FIZ1198" s="10"/>
      <c r="FJA1198" s="10"/>
      <c r="FJB1198" s="10"/>
      <c r="FJC1198" s="10"/>
      <c r="FJD1198" s="10"/>
      <c r="FJE1198" s="10"/>
      <c r="FJF1198" s="10"/>
      <c r="FJG1198" s="10"/>
      <c r="FJH1198" s="10"/>
      <c r="FJI1198" s="10"/>
      <c r="FJJ1198" s="10"/>
      <c r="FJK1198" s="10"/>
      <c r="FJL1198" s="10"/>
      <c r="FJM1198" s="10"/>
      <c r="FJN1198" s="10"/>
      <c r="FJO1198" s="10"/>
      <c r="FJP1198" s="10"/>
      <c r="FJQ1198" s="10"/>
      <c r="FJR1198" s="10"/>
      <c r="FJS1198" s="10"/>
      <c r="FJT1198" s="10"/>
      <c r="FJU1198" s="10"/>
      <c r="FJV1198" s="10"/>
      <c r="FJW1198" s="10"/>
      <c r="FJX1198" s="10"/>
      <c r="FJY1198" s="10"/>
      <c r="FJZ1198" s="10"/>
      <c r="FKA1198" s="10"/>
      <c r="FKB1198" s="10"/>
      <c r="FKC1198" s="10"/>
      <c r="FKD1198" s="10"/>
      <c r="FKE1198" s="10"/>
      <c r="FKF1198" s="10"/>
      <c r="FKG1198" s="10"/>
      <c r="FKH1198" s="10"/>
      <c r="FKI1198" s="10"/>
      <c r="FKJ1198" s="10"/>
      <c r="FKK1198" s="10"/>
      <c r="FKL1198" s="10"/>
      <c r="FKM1198" s="10"/>
      <c r="FKN1198" s="10"/>
      <c r="FKO1198" s="10"/>
      <c r="FKP1198" s="10"/>
      <c r="FKQ1198" s="10"/>
      <c r="FKR1198" s="10"/>
      <c r="FKS1198" s="10"/>
      <c r="FKT1198" s="10"/>
      <c r="FKU1198" s="10"/>
      <c r="FKV1198" s="10"/>
      <c r="FKW1198" s="10"/>
      <c r="FKX1198" s="10"/>
      <c r="FKY1198" s="10"/>
      <c r="FKZ1198" s="10"/>
      <c r="FLA1198" s="10"/>
      <c r="FLB1198" s="10"/>
      <c r="FLC1198" s="10"/>
      <c r="FLD1198" s="10"/>
      <c r="FLE1198" s="10"/>
      <c r="FLF1198" s="10"/>
      <c r="FLG1198" s="10"/>
      <c r="FLH1198" s="10"/>
      <c r="FLI1198" s="10"/>
      <c r="FLJ1198" s="10"/>
      <c r="FLK1198" s="10"/>
      <c r="FLL1198" s="10"/>
      <c r="FLM1198" s="10"/>
      <c r="FLN1198" s="10"/>
      <c r="FLO1198" s="10"/>
      <c r="FLP1198" s="10"/>
      <c r="FLQ1198" s="10"/>
      <c r="FLR1198" s="10"/>
      <c r="FLS1198" s="10"/>
      <c r="FLT1198" s="10"/>
      <c r="FLU1198" s="10"/>
      <c r="FLV1198" s="10"/>
      <c r="FLW1198" s="10"/>
      <c r="FLX1198" s="10"/>
      <c r="FLY1198" s="10"/>
      <c r="FLZ1198" s="10"/>
      <c r="FMA1198" s="10"/>
      <c r="FMB1198" s="10"/>
      <c r="FMC1198" s="10"/>
      <c r="FMD1198" s="10"/>
      <c r="FME1198" s="10"/>
      <c r="FMF1198" s="10"/>
      <c r="FMG1198" s="10"/>
      <c r="FMH1198" s="10"/>
      <c r="FMI1198" s="10"/>
      <c r="FMJ1198" s="10"/>
      <c r="FMK1198" s="10"/>
      <c r="FML1198" s="10"/>
      <c r="FMM1198" s="10"/>
      <c r="FMN1198" s="10"/>
      <c r="FMO1198" s="10"/>
      <c r="FMP1198" s="10"/>
      <c r="FMQ1198" s="10"/>
      <c r="FMR1198" s="10"/>
      <c r="FMS1198" s="10"/>
      <c r="FMT1198" s="10"/>
      <c r="FMU1198" s="10"/>
      <c r="FMV1198" s="10"/>
      <c r="FMW1198" s="10"/>
      <c r="FMX1198" s="10"/>
      <c r="FMY1198" s="10"/>
      <c r="FMZ1198" s="10"/>
      <c r="FNA1198" s="10"/>
      <c r="FNB1198" s="10"/>
      <c r="FNC1198" s="10"/>
      <c r="FND1198" s="10"/>
      <c r="FNE1198" s="10"/>
      <c r="FNF1198" s="10"/>
      <c r="FNG1198" s="10"/>
      <c r="FNH1198" s="10"/>
      <c r="FNI1198" s="10"/>
      <c r="FNJ1198" s="10"/>
      <c r="FNK1198" s="10"/>
      <c r="FNL1198" s="10"/>
      <c r="FNM1198" s="10"/>
      <c r="FNN1198" s="10"/>
      <c r="FNO1198" s="10"/>
      <c r="FNP1198" s="10"/>
      <c r="FNQ1198" s="10"/>
      <c r="FNR1198" s="10"/>
      <c r="FNS1198" s="10"/>
      <c r="FNT1198" s="10"/>
      <c r="FNU1198" s="10"/>
      <c r="FNV1198" s="10"/>
      <c r="FNW1198" s="10"/>
      <c r="FNX1198" s="10"/>
      <c r="FNY1198" s="10"/>
      <c r="FNZ1198" s="10"/>
      <c r="FOA1198" s="10"/>
      <c r="FOB1198" s="10"/>
      <c r="FOC1198" s="10"/>
      <c r="FOD1198" s="10"/>
      <c r="FOE1198" s="10"/>
      <c r="FOF1198" s="10"/>
      <c r="FOG1198" s="10"/>
      <c r="FOH1198" s="10"/>
      <c r="FOI1198" s="10"/>
      <c r="FOJ1198" s="10"/>
      <c r="FOK1198" s="10"/>
      <c r="FOL1198" s="10"/>
      <c r="FOM1198" s="10"/>
      <c r="FON1198" s="10"/>
      <c r="FOO1198" s="10"/>
      <c r="FOP1198" s="10"/>
      <c r="FOQ1198" s="10"/>
      <c r="FOR1198" s="10"/>
      <c r="FOS1198" s="10"/>
      <c r="FOT1198" s="10"/>
      <c r="FOU1198" s="10"/>
      <c r="FOV1198" s="10"/>
      <c r="FOW1198" s="10"/>
      <c r="FOX1198" s="10"/>
      <c r="FOY1198" s="10"/>
      <c r="FOZ1198" s="10"/>
      <c r="FPA1198" s="10"/>
      <c r="FPB1198" s="10"/>
      <c r="FPC1198" s="10"/>
      <c r="FPD1198" s="10"/>
      <c r="FPE1198" s="10"/>
      <c r="FPF1198" s="10"/>
      <c r="FPG1198" s="10"/>
      <c r="FPH1198" s="10"/>
      <c r="FPI1198" s="10"/>
      <c r="FPJ1198" s="10"/>
      <c r="FPK1198" s="10"/>
      <c r="FPL1198" s="10"/>
      <c r="FPM1198" s="10"/>
      <c r="FPN1198" s="10"/>
      <c r="FPO1198" s="10"/>
      <c r="FPP1198" s="10"/>
      <c r="FPQ1198" s="10"/>
      <c r="FPR1198" s="10"/>
      <c r="FPS1198" s="10"/>
      <c r="FPT1198" s="10"/>
      <c r="FPU1198" s="10"/>
      <c r="FPV1198" s="10"/>
      <c r="FPW1198" s="10"/>
      <c r="FPX1198" s="10"/>
      <c r="FPY1198" s="10"/>
      <c r="FPZ1198" s="10"/>
      <c r="FQA1198" s="10"/>
      <c r="FQB1198" s="10"/>
      <c r="FQC1198" s="10"/>
      <c r="FQD1198" s="10"/>
      <c r="FQE1198" s="10"/>
      <c r="FQF1198" s="10"/>
      <c r="FQG1198" s="10"/>
      <c r="FQH1198" s="10"/>
      <c r="FQI1198" s="10"/>
      <c r="FQJ1198" s="10"/>
      <c r="FQK1198" s="10"/>
      <c r="FQL1198" s="10"/>
      <c r="FQM1198" s="10"/>
      <c r="FQN1198" s="10"/>
      <c r="FQO1198" s="10"/>
      <c r="FQP1198" s="10"/>
      <c r="FQQ1198" s="10"/>
      <c r="FQR1198" s="10"/>
      <c r="FQS1198" s="10"/>
      <c r="FQT1198" s="10"/>
      <c r="FQU1198" s="10"/>
      <c r="FQV1198" s="10"/>
      <c r="FQW1198" s="10"/>
      <c r="FQX1198" s="10"/>
      <c r="FQY1198" s="10"/>
      <c r="FQZ1198" s="10"/>
      <c r="FRA1198" s="10"/>
      <c r="FRB1198" s="10"/>
      <c r="FRC1198" s="10"/>
      <c r="FRD1198" s="10"/>
      <c r="FRE1198" s="10"/>
      <c r="FRF1198" s="10"/>
      <c r="FRG1198" s="10"/>
      <c r="FRH1198" s="10"/>
      <c r="FRI1198" s="10"/>
      <c r="FRJ1198" s="10"/>
      <c r="FRK1198" s="10"/>
      <c r="FRL1198" s="10"/>
      <c r="FRM1198" s="10"/>
      <c r="FRN1198" s="10"/>
      <c r="FRO1198" s="10"/>
      <c r="FRP1198" s="10"/>
      <c r="FRQ1198" s="10"/>
      <c r="FRR1198" s="10"/>
      <c r="FRS1198" s="10"/>
      <c r="FRT1198" s="10"/>
      <c r="FRU1198" s="10"/>
      <c r="FRV1198" s="10"/>
      <c r="FRW1198" s="10"/>
      <c r="FRX1198" s="10"/>
      <c r="FRY1198" s="10"/>
      <c r="FRZ1198" s="10"/>
      <c r="FSA1198" s="10"/>
      <c r="FSB1198" s="10"/>
      <c r="FSC1198" s="10"/>
      <c r="FSD1198" s="10"/>
      <c r="FSE1198" s="10"/>
      <c r="FSF1198" s="10"/>
      <c r="FSG1198" s="10"/>
      <c r="FSH1198" s="10"/>
      <c r="FSI1198" s="10"/>
      <c r="FSJ1198" s="10"/>
      <c r="FSK1198" s="10"/>
      <c r="FSL1198" s="10"/>
      <c r="FSM1198" s="10"/>
      <c r="FSN1198" s="10"/>
      <c r="FSO1198" s="10"/>
      <c r="FSP1198" s="10"/>
      <c r="FSQ1198" s="10"/>
      <c r="FSR1198" s="10"/>
      <c r="FSS1198" s="10"/>
      <c r="FST1198" s="10"/>
      <c r="FSU1198" s="10"/>
      <c r="FSV1198" s="10"/>
      <c r="FSW1198" s="10"/>
      <c r="FSX1198" s="10"/>
      <c r="FSY1198" s="10"/>
      <c r="FSZ1198" s="10"/>
      <c r="FTA1198" s="10"/>
      <c r="FTB1198" s="10"/>
      <c r="FTC1198" s="10"/>
      <c r="FTD1198" s="10"/>
      <c r="FTE1198" s="10"/>
      <c r="FTF1198" s="10"/>
      <c r="FTG1198" s="10"/>
      <c r="FTH1198" s="10"/>
      <c r="FTI1198" s="10"/>
      <c r="FTJ1198" s="10"/>
      <c r="FTK1198" s="10"/>
      <c r="FTL1198" s="10"/>
      <c r="FTM1198" s="10"/>
      <c r="FTN1198" s="10"/>
      <c r="FTO1198" s="10"/>
      <c r="FTP1198" s="10"/>
      <c r="FTQ1198" s="10"/>
      <c r="FTR1198" s="10"/>
      <c r="FTS1198" s="10"/>
      <c r="FTT1198" s="10"/>
      <c r="FTU1198" s="10"/>
      <c r="FTV1198" s="10"/>
      <c r="FTW1198" s="10"/>
      <c r="FTX1198" s="10"/>
      <c r="FTY1198" s="10"/>
      <c r="FTZ1198" s="10"/>
      <c r="FUA1198" s="10"/>
      <c r="FUB1198" s="10"/>
      <c r="FUC1198" s="10"/>
      <c r="FUD1198" s="10"/>
      <c r="FUE1198" s="10"/>
      <c r="FUF1198" s="10"/>
      <c r="FUG1198" s="10"/>
      <c r="FUH1198" s="10"/>
      <c r="FUI1198" s="10"/>
      <c r="FUJ1198" s="10"/>
      <c r="FUK1198" s="10"/>
      <c r="FUL1198" s="10"/>
      <c r="FUM1198" s="10"/>
      <c r="FUN1198" s="10"/>
      <c r="FUO1198" s="10"/>
      <c r="FUP1198" s="10"/>
      <c r="FUQ1198" s="10"/>
      <c r="FUR1198" s="10"/>
      <c r="FUS1198" s="10"/>
      <c r="FUT1198" s="10"/>
      <c r="FUU1198" s="10"/>
      <c r="FUV1198" s="10"/>
      <c r="FUW1198" s="10"/>
      <c r="FUX1198" s="10"/>
      <c r="FUY1198" s="10"/>
      <c r="FUZ1198" s="10"/>
      <c r="FVA1198" s="10"/>
      <c r="FVB1198" s="10"/>
      <c r="FVC1198" s="10"/>
      <c r="FVD1198" s="10"/>
      <c r="FVE1198" s="10"/>
      <c r="FVF1198" s="10"/>
      <c r="FVG1198" s="10"/>
      <c r="FVH1198" s="10"/>
      <c r="FVI1198" s="10"/>
      <c r="FVJ1198" s="10"/>
      <c r="FVK1198" s="10"/>
      <c r="FVL1198" s="10"/>
      <c r="FVM1198" s="10"/>
      <c r="FVN1198" s="10"/>
      <c r="FVO1198" s="10"/>
      <c r="FVP1198" s="10"/>
      <c r="FVQ1198" s="10"/>
      <c r="FVR1198" s="10"/>
      <c r="FVS1198" s="10"/>
      <c r="FVT1198" s="10"/>
      <c r="FVU1198" s="10"/>
      <c r="FVV1198" s="10"/>
      <c r="FVW1198" s="10"/>
      <c r="FVX1198" s="10"/>
      <c r="FVY1198" s="10"/>
      <c r="FVZ1198" s="10"/>
      <c r="FWA1198" s="10"/>
      <c r="FWB1198" s="10"/>
      <c r="FWC1198" s="10"/>
      <c r="FWD1198" s="10"/>
      <c r="FWE1198" s="10"/>
      <c r="FWF1198" s="10"/>
      <c r="FWG1198" s="10"/>
      <c r="FWH1198" s="10"/>
      <c r="FWI1198" s="10"/>
      <c r="FWJ1198" s="10"/>
      <c r="FWK1198" s="10"/>
      <c r="FWL1198" s="10"/>
      <c r="FWM1198" s="10"/>
      <c r="FWN1198" s="10"/>
      <c r="FWO1198" s="10"/>
      <c r="FWP1198" s="10"/>
      <c r="FWQ1198" s="10"/>
      <c r="FWR1198" s="10"/>
      <c r="FWS1198" s="10"/>
      <c r="FWT1198" s="10"/>
      <c r="FWU1198" s="10"/>
      <c r="FWV1198" s="10"/>
      <c r="FWW1198" s="10"/>
      <c r="FWX1198" s="10"/>
      <c r="FWY1198" s="10"/>
      <c r="FWZ1198" s="10"/>
      <c r="FXA1198" s="10"/>
      <c r="FXB1198" s="10"/>
      <c r="FXC1198" s="10"/>
      <c r="FXD1198" s="10"/>
      <c r="FXE1198" s="10"/>
      <c r="FXF1198" s="10"/>
      <c r="FXG1198" s="10"/>
      <c r="FXH1198" s="10"/>
      <c r="FXI1198" s="10"/>
      <c r="FXJ1198" s="10"/>
      <c r="FXK1198" s="10"/>
      <c r="FXL1198" s="10"/>
      <c r="FXM1198" s="10"/>
      <c r="FXN1198" s="10"/>
      <c r="FXO1198" s="10"/>
      <c r="FXP1198" s="10"/>
      <c r="FXQ1198" s="10"/>
      <c r="FXR1198" s="10"/>
      <c r="FXS1198" s="10"/>
      <c r="FXT1198" s="10"/>
      <c r="FXU1198" s="10"/>
      <c r="FXV1198" s="10"/>
      <c r="FXW1198" s="10"/>
      <c r="FXX1198" s="10"/>
      <c r="FXY1198" s="10"/>
      <c r="FXZ1198" s="10"/>
      <c r="FYA1198" s="10"/>
      <c r="FYB1198" s="10"/>
      <c r="FYC1198" s="10"/>
      <c r="FYD1198" s="10"/>
      <c r="FYE1198" s="10"/>
      <c r="FYF1198" s="10"/>
      <c r="FYG1198" s="10"/>
      <c r="FYH1198" s="10"/>
      <c r="FYI1198" s="10"/>
      <c r="FYJ1198" s="10"/>
      <c r="FYK1198" s="10"/>
      <c r="FYL1198" s="10"/>
      <c r="FYM1198" s="10"/>
      <c r="FYN1198" s="10"/>
      <c r="FYO1198" s="10"/>
      <c r="FYP1198" s="10"/>
      <c r="FYQ1198" s="10"/>
      <c r="FYR1198" s="10"/>
      <c r="FYS1198" s="10"/>
      <c r="FYT1198" s="10"/>
      <c r="FYU1198" s="10"/>
      <c r="FYV1198" s="10"/>
      <c r="FYW1198" s="10"/>
      <c r="FYX1198" s="10"/>
      <c r="FYY1198" s="10"/>
      <c r="FYZ1198" s="10"/>
      <c r="FZA1198" s="10"/>
      <c r="FZB1198" s="10"/>
      <c r="FZC1198" s="10"/>
      <c r="FZD1198" s="10"/>
      <c r="FZE1198" s="10"/>
      <c r="FZF1198" s="10"/>
      <c r="FZG1198" s="10"/>
      <c r="FZH1198" s="10"/>
      <c r="FZI1198" s="10"/>
      <c r="FZJ1198" s="10"/>
      <c r="FZK1198" s="10"/>
      <c r="FZL1198" s="10"/>
      <c r="FZM1198" s="10"/>
      <c r="FZN1198" s="10"/>
      <c r="FZO1198" s="10"/>
      <c r="FZP1198" s="10"/>
      <c r="FZQ1198" s="10"/>
      <c r="FZR1198" s="10"/>
      <c r="FZS1198" s="10"/>
      <c r="FZT1198" s="10"/>
      <c r="FZU1198" s="10"/>
      <c r="FZV1198" s="10"/>
      <c r="FZW1198" s="10"/>
      <c r="FZX1198" s="10"/>
      <c r="FZY1198" s="10"/>
      <c r="FZZ1198" s="10"/>
      <c r="GAA1198" s="10"/>
      <c r="GAB1198" s="10"/>
      <c r="GAC1198" s="10"/>
      <c r="GAD1198" s="10"/>
      <c r="GAE1198" s="10"/>
      <c r="GAF1198" s="10"/>
      <c r="GAG1198" s="10"/>
      <c r="GAH1198" s="10"/>
      <c r="GAI1198" s="10"/>
      <c r="GAJ1198" s="10"/>
      <c r="GAK1198" s="10"/>
      <c r="GAL1198" s="10"/>
      <c r="GAM1198" s="10"/>
      <c r="GAN1198" s="10"/>
      <c r="GAO1198" s="10"/>
      <c r="GAP1198" s="10"/>
      <c r="GAQ1198" s="10"/>
      <c r="GAR1198" s="10"/>
      <c r="GAS1198" s="10"/>
      <c r="GAT1198" s="10"/>
      <c r="GAU1198" s="10"/>
      <c r="GAV1198" s="10"/>
      <c r="GAW1198" s="10"/>
      <c r="GAX1198" s="10"/>
      <c r="GAY1198" s="10"/>
      <c r="GAZ1198" s="10"/>
      <c r="GBA1198" s="10"/>
      <c r="GBB1198" s="10"/>
      <c r="GBC1198" s="10"/>
      <c r="GBD1198" s="10"/>
      <c r="GBE1198" s="10"/>
      <c r="GBF1198" s="10"/>
      <c r="GBG1198" s="10"/>
      <c r="GBH1198" s="10"/>
      <c r="GBI1198" s="10"/>
      <c r="GBJ1198" s="10"/>
      <c r="GBK1198" s="10"/>
      <c r="GBL1198" s="10"/>
      <c r="GBM1198" s="10"/>
      <c r="GBN1198" s="10"/>
      <c r="GBO1198" s="10"/>
      <c r="GBP1198" s="10"/>
      <c r="GBQ1198" s="10"/>
      <c r="GBR1198" s="10"/>
      <c r="GBS1198" s="10"/>
      <c r="GBT1198" s="10"/>
      <c r="GBU1198" s="10"/>
      <c r="GBV1198" s="10"/>
      <c r="GBW1198" s="10"/>
      <c r="GBX1198" s="10"/>
      <c r="GBY1198" s="10"/>
      <c r="GBZ1198" s="10"/>
      <c r="GCA1198" s="10"/>
      <c r="GCB1198" s="10"/>
      <c r="GCC1198" s="10"/>
      <c r="GCD1198" s="10"/>
      <c r="GCE1198" s="10"/>
      <c r="GCF1198" s="10"/>
      <c r="GCG1198" s="10"/>
      <c r="GCH1198" s="10"/>
      <c r="GCI1198" s="10"/>
      <c r="GCJ1198" s="10"/>
      <c r="GCK1198" s="10"/>
      <c r="GCL1198" s="10"/>
      <c r="GCM1198" s="10"/>
      <c r="GCN1198" s="10"/>
      <c r="GCO1198" s="10"/>
      <c r="GCP1198" s="10"/>
      <c r="GCQ1198" s="10"/>
      <c r="GCR1198" s="10"/>
      <c r="GCS1198" s="10"/>
      <c r="GCT1198" s="10"/>
      <c r="GCU1198" s="10"/>
      <c r="GCV1198" s="10"/>
      <c r="GCW1198" s="10"/>
      <c r="GCX1198" s="10"/>
      <c r="GCY1198" s="10"/>
      <c r="GCZ1198" s="10"/>
      <c r="GDA1198" s="10"/>
      <c r="GDB1198" s="10"/>
      <c r="GDC1198" s="10"/>
      <c r="GDD1198" s="10"/>
      <c r="GDE1198" s="10"/>
      <c r="GDF1198" s="10"/>
      <c r="GDG1198" s="10"/>
      <c r="GDH1198" s="10"/>
      <c r="GDI1198" s="10"/>
      <c r="GDJ1198" s="10"/>
      <c r="GDK1198" s="10"/>
      <c r="GDL1198" s="10"/>
      <c r="GDM1198" s="10"/>
      <c r="GDN1198" s="10"/>
      <c r="GDO1198" s="10"/>
      <c r="GDP1198" s="10"/>
      <c r="GDQ1198" s="10"/>
      <c r="GDR1198" s="10"/>
      <c r="GDS1198" s="10"/>
      <c r="GDT1198" s="10"/>
      <c r="GDU1198" s="10"/>
      <c r="GDV1198" s="10"/>
      <c r="GDW1198" s="10"/>
      <c r="GDX1198" s="10"/>
      <c r="GDY1198" s="10"/>
      <c r="GDZ1198" s="10"/>
      <c r="GEA1198" s="10"/>
      <c r="GEB1198" s="10"/>
      <c r="GEC1198" s="10"/>
      <c r="GED1198" s="10"/>
      <c r="GEE1198" s="10"/>
      <c r="GEF1198" s="10"/>
      <c r="GEG1198" s="10"/>
      <c r="GEH1198" s="10"/>
      <c r="GEI1198" s="10"/>
      <c r="GEJ1198" s="10"/>
      <c r="GEK1198" s="10"/>
      <c r="GEL1198" s="10"/>
      <c r="GEM1198" s="10"/>
      <c r="GEN1198" s="10"/>
      <c r="GEO1198" s="10"/>
      <c r="GEP1198" s="10"/>
      <c r="GEQ1198" s="10"/>
      <c r="GER1198" s="10"/>
      <c r="GES1198" s="10"/>
      <c r="GET1198" s="10"/>
      <c r="GEU1198" s="10"/>
      <c r="GEV1198" s="10"/>
      <c r="GEW1198" s="10"/>
      <c r="GEX1198" s="10"/>
      <c r="GEY1198" s="10"/>
      <c r="GEZ1198" s="10"/>
      <c r="GFA1198" s="10"/>
      <c r="GFB1198" s="10"/>
      <c r="GFC1198" s="10"/>
      <c r="GFD1198" s="10"/>
      <c r="GFE1198" s="10"/>
      <c r="GFF1198" s="10"/>
      <c r="GFG1198" s="10"/>
      <c r="GFH1198" s="10"/>
      <c r="GFI1198" s="10"/>
      <c r="GFJ1198" s="10"/>
      <c r="GFK1198" s="10"/>
      <c r="GFL1198" s="10"/>
      <c r="GFM1198" s="10"/>
      <c r="GFN1198" s="10"/>
      <c r="GFO1198" s="10"/>
      <c r="GFP1198" s="10"/>
      <c r="GFQ1198" s="10"/>
      <c r="GFR1198" s="10"/>
      <c r="GFS1198" s="10"/>
      <c r="GFT1198" s="10"/>
      <c r="GFU1198" s="10"/>
      <c r="GFV1198" s="10"/>
      <c r="GFW1198" s="10"/>
      <c r="GFX1198" s="10"/>
      <c r="GFY1198" s="10"/>
      <c r="GFZ1198" s="10"/>
      <c r="GGA1198" s="10"/>
      <c r="GGB1198" s="10"/>
      <c r="GGC1198" s="10"/>
      <c r="GGD1198" s="10"/>
      <c r="GGE1198" s="10"/>
      <c r="GGF1198" s="10"/>
      <c r="GGG1198" s="10"/>
      <c r="GGH1198" s="10"/>
      <c r="GGI1198" s="10"/>
      <c r="GGJ1198" s="10"/>
      <c r="GGK1198" s="10"/>
      <c r="GGL1198" s="10"/>
      <c r="GGM1198" s="10"/>
      <c r="GGN1198" s="10"/>
      <c r="GGO1198" s="10"/>
      <c r="GGP1198" s="10"/>
      <c r="GGQ1198" s="10"/>
      <c r="GGR1198" s="10"/>
      <c r="GGS1198" s="10"/>
      <c r="GGT1198" s="10"/>
      <c r="GGU1198" s="10"/>
      <c r="GGV1198" s="10"/>
      <c r="GGW1198" s="10"/>
      <c r="GGX1198" s="10"/>
      <c r="GGY1198" s="10"/>
      <c r="GGZ1198" s="10"/>
      <c r="GHA1198" s="10"/>
      <c r="GHB1198" s="10"/>
      <c r="GHC1198" s="10"/>
      <c r="GHD1198" s="10"/>
      <c r="GHE1198" s="10"/>
      <c r="GHF1198" s="10"/>
      <c r="GHG1198" s="10"/>
      <c r="GHH1198" s="10"/>
      <c r="GHI1198" s="10"/>
      <c r="GHJ1198" s="10"/>
      <c r="GHK1198" s="10"/>
      <c r="GHL1198" s="10"/>
      <c r="GHM1198" s="10"/>
      <c r="GHN1198" s="10"/>
      <c r="GHO1198" s="10"/>
      <c r="GHP1198" s="10"/>
      <c r="GHQ1198" s="10"/>
      <c r="GHR1198" s="10"/>
      <c r="GHS1198" s="10"/>
      <c r="GHT1198" s="10"/>
      <c r="GHU1198" s="10"/>
      <c r="GHV1198" s="10"/>
      <c r="GHW1198" s="10"/>
      <c r="GHX1198" s="10"/>
      <c r="GHY1198" s="10"/>
      <c r="GHZ1198" s="10"/>
      <c r="GIA1198" s="10"/>
      <c r="GIB1198" s="10"/>
      <c r="GIC1198" s="10"/>
      <c r="GID1198" s="10"/>
      <c r="GIE1198" s="10"/>
      <c r="GIF1198" s="10"/>
      <c r="GIG1198" s="10"/>
      <c r="GIH1198" s="10"/>
      <c r="GII1198" s="10"/>
      <c r="GIJ1198" s="10"/>
      <c r="GIK1198" s="10"/>
      <c r="GIL1198" s="10"/>
      <c r="GIM1198" s="10"/>
      <c r="GIN1198" s="10"/>
      <c r="GIO1198" s="10"/>
      <c r="GIP1198" s="10"/>
      <c r="GIQ1198" s="10"/>
      <c r="GIR1198" s="10"/>
      <c r="GIS1198" s="10"/>
      <c r="GIT1198" s="10"/>
      <c r="GIU1198" s="10"/>
      <c r="GIV1198" s="10"/>
      <c r="GIW1198" s="10"/>
      <c r="GIX1198" s="10"/>
      <c r="GIY1198" s="10"/>
      <c r="GIZ1198" s="10"/>
      <c r="GJA1198" s="10"/>
      <c r="GJB1198" s="10"/>
      <c r="GJC1198" s="10"/>
      <c r="GJD1198" s="10"/>
      <c r="GJE1198" s="10"/>
      <c r="GJF1198" s="10"/>
      <c r="GJG1198" s="10"/>
      <c r="GJH1198" s="10"/>
      <c r="GJI1198" s="10"/>
      <c r="GJJ1198" s="10"/>
      <c r="GJK1198" s="10"/>
      <c r="GJL1198" s="10"/>
      <c r="GJM1198" s="10"/>
      <c r="GJN1198" s="10"/>
      <c r="GJO1198" s="10"/>
      <c r="GJP1198" s="10"/>
      <c r="GJQ1198" s="10"/>
      <c r="GJR1198" s="10"/>
      <c r="GJS1198" s="10"/>
      <c r="GJT1198" s="10"/>
      <c r="GJU1198" s="10"/>
      <c r="GJV1198" s="10"/>
      <c r="GJW1198" s="10"/>
      <c r="GJX1198" s="10"/>
      <c r="GJY1198" s="10"/>
      <c r="GJZ1198" s="10"/>
      <c r="GKA1198" s="10"/>
      <c r="GKB1198" s="10"/>
      <c r="GKC1198" s="10"/>
      <c r="GKD1198" s="10"/>
      <c r="GKE1198" s="10"/>
      <c r="GKF1198" s="10"/>
      <c r="GKG1198" s="10"/>
      <c r="GKH1198" s="10"/>
      <c r="GKI1198" s="10"/>
      <c r="GKJ1198" s="10"/>
      <c r="GKK1198" s="10"/>
      <c r="GKL1198" s="10"/>
      <c r="GKM1198" s="10"/>
      <c r="GKN1198" s="10"/>
      <c r="GKO1198" s="10"/>
      <c r="GKP1198" s="10"/>
      <c r="GKQ1198" s="10"/>
      <c r="GKR1198" s="10"/>
      <c r="GKS1198" s="10"/>
      <c r="GKT1198" s="10"/>
      <c r="GKU1198" s="10"/>
      <c r="GKV1198" s="10"/>
      <c r="GKW1198" s="10"/>
      <c r="GKX1198" s="10"/>
      <c r="GKY1198" s="10"/>
      <c r="GKZ1198" s="10"/>
      <c r="GLA1198" s="10"/>
      <c r="GLB1198" s="10"/>
      <c r="GLC1198" s="10"/>
      <c r="GLD1198" s="10"/>
      <c r="GLE1198" s="10"/>
      <c r="GLF1198" s="10"/>
      <c r="GLG1198" s="10"/>
      <c r="GLH1198" s="10"/>
      <c r="GLI1198" s="10"/>
      <c r="GLJ1198" s="10"/>
      <c r="GLK1198" s="10"/>
      <c r="GLL1198" s="10"/>
      <c r="GLM1198" s="10"/>
      <c r="GLN1198" s="10"/>
      <c r="GLO1198" s="10"/>
      <c r="GLP1198" s="10"/>
      <c r="GLQ1198" s="10"/>
      <c r="GLR1198" s="10"/>
      <c r="GLS1198" s="10"/>
      <c r="GLT1198" s="10"/>
      <c r="GLU1198" s="10"/>
      <c r="GLV1198" s="10"/>
      <c r="GLW1198" s="10"/>
      <c r="GLX1198" s="10"/>
      <c r="GLY1198" s="10"/>
      <c r="GLZ1198" s="10"/>
      <c r="GMA1198" s="10"/>
      <c r="GMB1198" s="10"/>
      <c r="GMC1198" s="10"/>
      <c r="GMD1198" s="10"/>
      <c r="GME1198" s="10"/>
      <c r="GMF1198" s="10"/>
      <c r="GMG1198" s="10"/>
      <c r="GMH1198" s="10"/>
      <c r="GMI1198" s="10"/>
      <c r="GMJ1198" s="10"/>
      <c r="GMK1198" s="10"/>
      <c r="GML1198" s="10"/>
      <c r="GMM1198" s="10"/>
      <c r="GMN1198" s="10"/>
      <c r="GMO1198" s="10"/>
      <c r="GMP1198" s="10"/>
      <c r="GMQ1198" s="10"/>
      <c r="GMR1198" s="10"/>
      <c r="GMS1198" s="10"/>
      <c r="GMT1198" s="10"/>
      <c r="GMU1198" s="10"/>
      <c r="GMV1198" s="10"/>
      <c r="GMW1198" s="10"/>
      <c r="GMX1198" s="10"/>
      <c r="GMY1198" s="10"/>
      <c r="GMZ1198" s="10"/>
      <c r="GNA1198" s="10"/>
      <c r="GNB1198" s="10"/>
      <c r="GNC1198" s="10"/>
      <c r="GND1198" s="10"/>
      <c r="GNE1198" s="10"/>
      <c r="GNF1198" s="10"/>
      <c r="GNG1198" s="10"/>
      <c r="GNH1198" s="10"/>
      <c r="GNI1198" s="10"/>
      <c r="GNJ1198" s="10"/>
      <c r="GNK1198" s="10"/>
      <c r="GNL1198" s="10"/>
      <c r="GNM1198" s="10"/>
      <c r="GNN1198" s="10"/>
      <c r="GNO1198" s="10"/>
      <c r="GNP1198" s="10"/>
      <c r="GNQ1198" s="10"/>
      <c r="GNR1198" s="10"/>
      <c r="GNS1198" s="10"/>
      <c r="GNT1198" s="10"/>
      <c r="GNU1198" s="10"/>
      <c r="GNV1198" s="10"/>
      <c r="GNW1198" s="10"/>
      <c r="GNX1198" s="10"/>
      <c r="GNY1198" s="10"/>
      <c r="GNZ1198" s="10"/>
      <c r="GOA1198" s="10"/>
      <c r="GOB1198" s="10"/>
      <c r="GOC1198" s="10"/>
      <c r="GOD1198" s="10"/>
      <c r="GOE1198" s="10"/>
      <c r="GOF1198" s="10"/>
      <c r="GOG1198" s="10"/>
      <c r="GOH1198" s="10"/>
      <c r="GOI1198" s="10"/>
      <c r="GOJ1198" s="10"/>
      <c r="GOK1198" s="10"/>
      <c r="GOL1198" s="10"/>
      <c r="GOM1198" s="10"/>
      <c r="GON1198" s="10"/>
      <c r="GOO1198" s="10"/>
      <c r="GOP1198" s="10"/>
      <c r="GOQ1198" s="10"/>
      <c r="GOR1198" s="10"/>
      <c r="GOS1198" s="10"/>
      <c r="GOT1198" s="10"/>
      <c r="GOU1198" s="10"/>
      <c r="GOV1198" s="10"/>
      <c r="GOW1198" s="10"/>
      <c r="GOX1198" s="10"/>
      <c r="GOY1198" s="10"/>
      <c r="GOZ1198" s="10"/>
      <c r="GPA1198" s="10"/>
      <c r="GPB1198" s="10"/>
      <c r="GPC1198" s="10"/>
      <c r="GPD1198" s="10"/>
      <c r="GPE1198" s="10"/>
      <c r="GPF1198" s="10"/>
      <c r="GPG1198" s="10"/>
      <c r="GPH1198" s="10"/>
      <c r="GPI1198" s="10"/>
      <c r="GPJ1198" s="10"/>
      <c r="GPK1198" s="10"/>
      <c r="GPL1198" s="10"/>
      <c r="GPM1198" s="10"/>
      <c r="GPN1198" s="10"/>
      <c r="GPO1198" s="10"/>
      <c r="GPP1198" s="10"/>
      <c r="GPQ1198" s="10"/>
      <c r="GPR1198" s="10"/>
      <c r="GPS1198" s="10"/>
      <c r="GPT1198" s="10"/>
      <c r="GPU1198" s="10"/>
      <c r="GPV1198" s="10"/>
      <c r="GPW1198" s="10"/>
      <c r="GPX1198" s="10"/>
      <c r="GPY1198" s="10"/>
      <c r="GPZ1198" s="10"/>
      <c r="GQA1198" s="10"/>
      <c r="GQB1198" s="10"/>
      <c r="GQC1198" s="10"/>
      <c r="GQD1198" s="10"/>
      <c r="GQE1198" s="10"/>
      <c r="GQF1198" s="10"/>
      <c r="GQG1198" s="10"/>
      <c r="GQH1198" s="10"/>
      <c r="GQI1198" s="10"/>
      <c r="GQJ1198" s="10"/>
      <c r="GQK1198" s="10"/>
      <c r="GQL1198" s="10"/>
      <c r="GQM1198" s="10"/>
      <c r="GQN1198" s="10"/>
      <c r="GQO1198" s="10"/>
      <c r="GQP1198" s="10"/>
      <c r="GQQ1198" s="10"/>
      <c r="GQR1198" s="10"/>
      <c r="GQS1198" s="10"/>
      <c r="GQT1198" s="10"/>
      <c r="GQU1198" s="10"/>
      <c r="GQV1198" s="10"/>
      <c r="GQW1198" s="10"/>
      <c r="GQX1198" s="10"/>
      <c r="GQY1198" s="10"/>
      <c r="GQZ1198" s="10"/>
      <c r="GRA1198" s="10"/>
      <c r="GRB1198" s="10"/>
      <c r="GRC1198" s="10"/>
      <c r="GRD1198" s="10"/>
      <c r="GRE1198" s="10"/>
      <c r="GRF1198" s="10"/>
      <c r="GRG1198" s="10"/>
      <c r="GRH1198" s="10"/>
      <c r="GRI1198" s="10"/>
      <c r="GRJ1198" s="10"/>
      <c r="GRK1198" s="10"/>
      <c r="GRL1198" s="10"/>
      <c r="GRM1198" s="10"/>
      <c r="GRN1198" s="10"/>
      <c r="GRO1198" s="10"/>
      <c r="GRP1198" s="10"/>
      <c r="GRQ1198" s="10"/>
      <c r="GRR1198" s="10"/>
      <c r="GRS1198" s="10"/>
      <c r="GRT1198" s="10"/>
      <c r="GRU1198" s="10"/>
      <c r="GRV1198" s="10"/>
      <c r="GRW1198" s="10"/>
      <c r="GRX1198" s="10"/>
      <c r="GRY1198" s="10"/>
      <c r="GRZ1198" s="10"/>
      <c r="GSA1198" s="10"/>
      <c r="GSB1198" s="10"/>
      <c r="GSC1198" s="10"/>
      <c r="GSD1198" s="10"/>
      <c r="GSE1198" s="10"/>
      <c r="GSF1198" s="10"/>
      <c r="GSG1198" s="10"/>
      <c r="GSH1198" s="10"/>
      <c r="GSI1198" s="10"/>
      <c r="GSJ1198" s="10"/>
      <c r="GSK1198" s="10"/>
      <c r="GSL1198" s="10"/>
      <c r="GSM1198" s="10"/>
      <c r="GSN1198" s="10"/>
      <c r="GSO1198" s="10"/>
      <c r="GSP1198" s="10"/>
      <c r="GSQ1198" s="10"/>
      <c r="GSR1198" s="10"/>
      <c r="GSS1198" s="10"/>
      <c r="GST1198" s="10"/>
      <c r="GSU1198" s="10"/>
      <c r="GSV1198" s="10"/>
      <c r="GSW1198" s="10"/>
      <c r="GSX1198" s="10"/>
      <c r="GSY1198" s="10"/>
      <c r="GSZ1198" s="10"/>
      <c r="GTA1198" s="10"/>
      <c r="GTB1198" s="10"/>
      <c r="GTC1198" s="10"/>
      <c r="GTD1198" s="10"/>
      <c r="GTE1198" s="10"/>
      <c r="GTF1198" s="10"/>
      <c r="GTG1198" s="10"/>
      <c r="GTH1198" s="10"/>
      <c r="GTI1198" s="10"/>
      <c r="GTJ1198" s="10"/>
      <c r="GTK1198" s="10"/>
      <c r="GTL1198" s="10"/>
      <c r="GTM1198" s="10"/>
      <c r="GTN1198" s="10"/>
      <c r="GTO1198" s="10"/>
      <c r="GTP1198" s="10"/>
      <c r="GTQ1198" s="10"/>
      <c r="GTR1198" s="10"/>
      <c r="GTS1198" s="10"/>
      <c r="GTT1198" s="10"/>
      <c r="GTU1198" s="10"/>
      <c r="GTV1198" s="10"/>
      <c r="GTW1198" s="10"/>
      <c r="GTX1198" s="10"/>
      <c r="GTY1198" s="10"/>
      <c r="GTZ1198" s="10"/>
      <c r="GUA1198" s="10"/>
      <c r="GUB1198" s="10"/>
      <c r="GUC1198" s="10"/>
      <c r="GUD1198" s="10"/>
      <c r="GUE1198" s="10"/>
      <c r="GUF1198" s="10"/>
      <c r="GUG1198" s="10"/>
      <c r="GUH1198" s="10"/>
      <c r="GUI1198" s="10"/>
      <c r="GUJ1198" s="10"/>
      <c r="GUK1198" s="10"/>
      <c r="GUL1198" s="10"/>
      <c r="GUM1198" s="10"/>
      <c r="GUN1198" s="10"/>
      <c r="GUO1198" s="10"/>
      <c r="GUP1198" s="10"/>
      <c r="GUQ1198" s="10"/>
      <c r="GUR1198" s="10"/>
      <c r="GUS1198" s="10"/>
      <c r="GUT1198" s="10"/>
      <c r="GUU1198" s="10"/>
      <c r="GUV1198" s="10"/>
      <c r="GUW1198" s="10"/>
      <c r="GUX1198" s="10"/>
      <c r="GUY1198" s="10"/>
      <c r="GUZ1198" s="10"/>
      <c r="GVA1198" s="10"/>
      <c r="GVB1198" s="10"/>
      <c r="GVC1198" s="10"/>
      <c r="GVD1198" s="10"/>
      <c r="GVE1198" s="10"/>
      <c r="GVF1198" s="10"/>
      <c r="GVG1198" s="10"/>
      <c r="GVH1198" s="10"/>
      <c r="GVI1198" s="10"/>
      <c r="GVJ1198" s="10"/>
      <c r="GVK1198" s="10"/>
      <c r="GVL1198" s="10"/>
      <c r="GVM1198" s="10"/>
      <c r="GVN1198" s="10"/>
      <c r="GVO1198" s="10"/>
      <c r="GVP1198" s="10"/>
      <c r="GVQ1198" s="10"/>
      <c r="GVR1198" s="10"/>
      <c r="GVS1198" s="10"/>
      <c r="GVT1198" s="10"/>
      <c r="GVU1198" s="10"/>
      <c r="GVV1198" s="10"/>
      <c r="GVW1198" s="10"/>
      <c r="GVX1198" s="10"/>
      <c r="GVY1198" s="10"/>
      <c r="GVZ1198" s="10"/>
      <c r="GWA1198" s="10"/>
      <c r="GWB1198" s="10"/>
      <c r="GWC1198" s="10"/>
      <c r="GWD1198" s="10"/>
      <c r="GWE1198" s="10"/>
      <c r="GWF1198" s="10"/>
      <c r="GWG1198" s="10"/>
      <c r="GWH1198" s="10"/>
      <c r="GWI1198" s="10"/>
      <c r="GWJ1198" s="10"/>
      <c r="GWK1198" s="10"/>
      <c r="GWL1198" s="10"/>
      <c r="GWM1198" s="10"/>
      <c r="GWN1198" s="10"/>
      <c r="GWO1198" s="10"/>
      <c r="GWP1198" s="10"/>
      <c r="GWQ1198" s="10"/>
      <c r="GWR1198" s="10"/>
      <c r="GWS1198" s="10"/>
      <c r="GWT1198" s="10"/>
      <c r="GWU1198" s="10"/>
      <c r="GWV1198" s="10"/>
      <c r="GWW1198" s="10"/>
      <c r="GWX1198" s="10"/>
      <c r="GWY1198" s="10"/>
      <c r="GWZ1198" s="10"/>
      <c r="GXA1198" s="10"/>
      <c r="GXB1198" s="10"/>
      <c r="GXC1198" s="10"/>
      <c r="GXD1198" s="10"/>
      <c r="GXE1198" s="10"/>
      <c r="GXF1198" s="10"/>
      <c r="GXG1198" s="10"/>
      <c r="GXH1198" s="10"/>
      <c r="GXI1198" s="10"/>
      <c r="GXJ1198" s="10"/>
      <c r="GXK1198" s="10"/>
      <c r="GXL1198" s="10"/>
      <c r="GXM1198" s="10"/>
      <c r="GXN1198" s="10"/>
      <c r="GXO1198" s="10"/>
      <c r="GXP1198" s="10"/>
      <c r="GXQ1198" s="10"/>
      <c r="GXR1198" s="10"/>
      <c r="GXS1198" s="10"/>
      <c r="GXT1198" s="10"/>
      <c r="GXU1198" s="10"/>
      <c r="GXV1198" s="10"/>
      <c r="GXW1198" s="10"/>
      <c r="GXX1198" s="10"/>
      <c r="GXY1198" s="10"/>
      <c r="GXZ1198" s="10"/>
      <c r="GYA1198" s="10"/>
      <c r="GYB1198" s="10"/>
      <c r="GYC1198" s="10"/>
      <c r="GYD1198" s="10"/>
      <c r="GYE1198" s="10"/>
      <c r="GYF1198" s="10"/>
      <c r="GYG1198" s="10"/>
      <c r="GYH1198" s="10"/>
      <c r="GYI1198" s="10"/>
      <c r="GYJ1198" s="10"/>
      <c r="GYK1198" s="10"/>
      <c r="GYL1198" s="10"/>
      <c r="GYM1198" s="10"/>
      <c r="GYN1198" s="10"/>
      <c r="GYO1198" s="10"/>
      <c r="GYP1198" s="10"/>
      <c r="GYQ1198" s="10"/>
      <c r="GYR1198" s="10"/>
      <c r="GYS1198" s="10"/>
      <c r="GYT1198" s="10"/>
      <c r="GYU1198" s="10"/>
      <c r="GYV1198" s="10"/>
      <c r="GYW1198" s="10"/>
      <c r="GYX1198" s="10"/>
      <c r="GYY1198" s="10"/>
      <c r="GYZ1198" s="10"/>
      <c r="GZA1198" s="10"/>
      <c r="GZB1198" s="10"/>
      <c r="GZC1198" s="10"/>
      <c r="GZD1198" s="10"/>
      <c r="GZE1198" s="10"/>
      <c r="GZF1198" s="10"/>
      <c r="GZG1198" s="10"/>
      <c r="GZH1198" s="10"/>
      <c r="GZI1198" s="10"/>
      <c r="GZJ1198" s="10"/>
      <c r="GZK1198" s="10"/>
      <c r="GZL1198" s="10"/>
      <c r="GZM1198" s="10"/>
      <c r="GZN1198" s="10"/>
      <c r="GZO1198" s="10"/>
      <c r="GZP1198" s="10"/>
      <c r="GZQ1198" s="10"/>
      <c r="GZR1198" s="10"/>
      <c r="GZS1198" s="10"/>
      <c r="GZT1198" s="10"/>
      <c r="GZU1198" s="10"/>
      <c r="GZV1198" s="10"/>
      <c r="GZW1198" s="10"/>
      <c r="GZX1198" s="10"/>
      <c r="GZY1198" s="10"/>
      <c r="GZZ1198" s="10"/>
      <c r="HAA1198" s="10"/>
      <c r="HAB1198" s="10"/>
      <c r="HAC1198" s="10"/>
      <c r="HAD1198" s="10"/>
      <c r="HAE1198" s="10"/>
      <c r="HAF1198" s="10"/>
      <c r="HAG1198" s="10"/>
      <c r="HAH1198" s="10"/>
      <c r="HAI1198" s="10"/>
      <c r="HAJ1198" s="10"/>
      <c r="HAK1198" s="10"/>
      <c r="HAL1198" s="10"/>
      <c r="HAM1198" s="10"/>
      <c r="HAN1198" s="10"/>
      <c r="HAO1198" s="10"/>
      <c r="HAP1198" s="10"/>
      <c r="HAQ1198" s="10"/>
      <c r="HAR1198" s="10"/>
      <c r="HAS1198" s="10"/>
      <c r="HAT1198" s="10"/>
      <c r="HAU1198" s="10"/>
      <c r="HAV1198" s="10"/>
      <c r="HAW1198" s="10"/>
      <c r="HAX1198" s="10"/>
      <c r="HAY1198" s="10"/>
      <c r="HAZ1198" s="10"/>
      <c r="HBA1198" s="10"/>
      <c r="HBB1198" s="10"/>
      <c r="HBC1198" s="10"/>
      <c r="HBD1198" s="10"/>
      <c r="HBE1198" s="10"/>
      <c r="HBF1198" s="10"/>
      <c r="HBG1198" s="10"/>
      <c r="HBH1198" s="10"/>
      <c r="HBI1198" s="10"/>
      <c r="HBJ1198" s="10"/>
      <c r="HBK1198" s="10"/>
      <c r="HBL1198" s="10"/>
      <c r="HBM1198" s="10"/>
      <c r="HBN1198" s="10"/>
      <c r="HBO1198" s="10"/>
      <c r="HBP1198" s="10"/>
      <c r="HBQ1198" s="10"/>
      <c r="HBR1198" s="10"/>
      <c r="HBS1198" s="10"/>
      <c r="HBT1198" s="10"/>
      <c r="HBU1198" s="10"/>
      <c r="HBV1198" s="10"/>
      <c r="HBW1198" s="10"/>
      <c r="HBX1198" s="10"/>
      <c r="HBY1198" s="10"/>
      <c r="HBZ1198" s="10"/>
      <c r="HCA1198" s="10"/>
      <c r="HCB1198" s="10"/>
      <c r="HCC1198" s="10"/>
      <c r="HCD1198" s="10"/>
      <c r="HCE1198" s="10"/>
      <c r="HCF1198" s="10"/>
      <c r="HCG1198" s="10"/>
      <c r="HCH1198" s="10"/>
      <c r="HCI1198" s="10"/>
      <c r="HCJ1198" s="10"/>
      <c r="HCK1198" s="10"/>
      <c r="HCL1198" s="10"/>
      <c r="HCM1198" s="10"/>
      <c r="HCN1198" s="10"/>
      <c r="HCO1198" s="10"/>
      <c r="HCP1198" s="10"/>
      <c r="HCQ1198" s="10"/>
      <c r="HCR1198" s="10"/>
      <c r="HCS1198" s="10"/>
      <c r="HCT1198" s="10"/>
      <c r="HCU1198" s="10"/>
      <c r="HCV1198" s="10"/>
      <c r="HCW1198" s="10"/>
      <c r="HCX1198" s="10"/>
      <c r="HCY1198" s="10"/>
      <c r="HCZ1198" s="10"/>
      <c r="HDA1198" s="10"/>
      <c r="HDB1198" s="10"/>
      <c r="HDC1198" s="10"/>
      <c r="HDD1198" s="10"/>
      <c r="HDE1198" s="10"/>
      <c r="HDF1198" s="10"/>
      <c r="HDG1198" s="10"/>
      <c r="HDH1198" s="10"/>
      <c r="HDI1198" s="10"/>
      <c r="HDJ1198" s="10"/>
      <c r="HDK1198" s="10"/>
      <c r="HDL1198" s="10"/>
      <c r="HDM1198" s="10"/>
      <c r="HDN1198" s="10"/>
      <c r="HDO1198" s="10"/>
      <c r="HDP1198" s="10"/>
      <c r="HDQ1198" s="10"/>
      <c r="HDR1198" s="10"/>
      <c r="HDS1198" s="10"/>
      <c r="HDT1198" s="10"/>
      <c r="HDU1198" s="10"/>
      <c r="HDV1198" s="10"/>
      <c r="HDW1198" s="10"/>
      <c r="HDX1198" s="10"/>
      <c r="HDY1198" s="10"/>
      <c r="HDZ1198" s="10"/>
      <c r="HEA1198" s="10"/>
      <c r="HEB1198" s="10"/>
      <c r="HEC1198" s="10"/>
      <c r="HED1198" s="10"/>
      <c r="HEE1198" s="10"/>
      <c r="HEF1198" s="10"/>
      <c r="HEG1198" s="10"/>
      <c r="HEH1198" s="10"/>
      <c r="HEI1198" s="10"/>
      <c r="HEJ1198" s="10"/>
      <c r="HEK1198" s="10"/>
      <c r="HEL1198" s="10"/>
      <c r="HEM1198" s="10"/>
      <c r="HEN1198" s="10"/>
      <c r="HEO1198" s="10"/>
      <c r="HEP1198" s="10"/>
      <c r="HEQ1198" s="10"/>
      <c r="HER1198" s="10"/>
      <c r="HES1198" s="10"/>
      <c r="HET1198" s="10"/>
      <c r="HEU1198" s="10"/>
      <c r="HEV1198" s="10"/>
      <c r="HEW1198" s="10"/>
      <c r="HEX1198" s="10"/>
      <c r="HEY1198" s="10"/>
      <c r="HEZ1198" s="10"/>
      <c r="HFA1198" s="10"/>
      <c r="HFB1198" s="10"/>
      <c r="HFC1198" s="10"/>
      <c r="HFD1198" s="10"/>
      <c r="HFE1198" s="10"/>
      <c r="HFF1198" s="10"/>
      <c r="HFG1198" s="10"/>
      <c r="HFH1198" s="10"/>
      <c r="HFI1198" s="10"/>
      <c r="HFJ1198" s="10"/>
      <c r="HFK1198" s="10"/>
      <c r="HFL1198" s="10"/>
      <c r="HFM1198" s="10"/>
      <c r="HFN1198" s="10"/>
      <c r="HFO1198" s="10"/>
      <c r="HFP1198" s="10"/>
      <c r="HFQ1198" s="10"/>
      <c r="HFR1198" s="10"/>
      <c r="HFS1198" s="10"/>
      <c r="HFT1198" s="10"/>
      <c r="HFU1198" s="10"/>
      <c r="HFV1198" s="10"/>
      <c r="HFW1198" s="10"/>
      <c r="HFX1198" s="10"/>
      <c r="HFY1198" s="10"/>
      <c r="HFZ1198" s="10"/>
      <c r="HGA1198" s="10"/>
      <c r="HGB1198" s="10"/>
      <c r="HGC1198" s="10"/>
      <c r="HGD1198" s="10"/>
      <c r="HGE1198" s="10"/>
      <c r="HGF1198" s="10"/>
      <c r="HGG1198" s="10"/>
      <c r="HGH1198" s="10"/>
      <c r="HGI1198" s="10"/>
      <c r="HGJ1198" s="10"/>
      <c r="HGK1198" s="10"/>
      <c r="HGL1198" s="10"/>
      <c r="HGM1198" s="10"/>
      <c r="HGN1198" s="10"/>
      <c r="HGO1198" s="10"/>
      <c r="HGP1198" s="10"/>
      <c r="HGQ1198" s="10"/>
      <c r="HGR1198" s="10"/>
      <c r="HGS1198" s="10"/>
      <c r="HGT1198" s="10"/>
      <c r="HGU1198" s="10"/>
      <c r="HGV1198" s="10"/>
      <c r="HGW1198" s="10"/>
      <c r="HGX1198" s="10"/>
      <c r="HGY1198" s="10"/>
      <c r="HGZ1198" s="10"/>
      <c r="HHA1198" s="10"/>
      <c r="HHB1198" s="10"/>
      <c r="HHC1198" s="10"/>
      <c r="HHD1198" s="10"/>
      <c r="HHE1198" s="10"/>
      <c r="HHF1198" s="10"/>
      <c r="HHG1198" s="10"/>
      <c r="HHH1198" s="10"/>
      <c r="HHI1198" s="10"/>
      <c r="HHJ1198" s="10"/>
      <c r="HHK1198" s="10"/>
      <c r="HHL1198" s="10"/>
      <c r="HHM1198" s="10"/>
      <c r="HHN1198" s="10"/>
      <c r="HHO1198" s="10"/>
      <c r="HHP1198" s="10"/>
      <c r="HHQ1198" s="10"/>
      <c r="HHR1198" s="10"/>
      <c r="HHS1198" s="10"/>
      <c r="HHT1198" s="10"/>
      <c r="HHU1198" s="10"/>
      <c r="HHV1198" s="10"/>
      <c r="HHW1198" s="10"/>
      <c r="HHX1198" s="10"/>
      <c r="HHY1198" s="10"/>
      <c r="HHZ1198" s="10"/>
      <c r="HIA1198" s="10"/>
      <c r="HIB1198" s="10"/>
      <c r="HIC1198" s="10"/>
      <c r="HID1198" s="10"/>
      <c r="HIE1198" s="10"/>
      <c r="HIF1198" s="10"/>
      <c r="HIG1198" s="10"/>
      <c r="HIH1198" s="10"/>
      <c r="HII1198" s="10"/>
      <c r="HIJ1198" s="10"/>
      <c r="HIK1198" s="10"/>
      <c r="HIL1198" s="10"/>
      <c r="HIM1198" s="10"/>
      <c r="HIN1198" s="10"/>
      <c r="HIO1198" s="10"/>
      <c r="HIP1198" s="10"/>
      <c r="HIQ1198" s="10"/>
      <c r="HIR1198" s="10"/>
      <c r="HIS1198" s="10"/>
      <c r="HIT1198" s="10"/>
      <c r="HIU1198" s="10"/>
      <c r="HIV1198" s="10"/>
      <c r="HIW1198" s="10"/>
      <c r="HIX1198" s="10"/>
      <c r="HIY1198" s="10"/>
      <c r="HIZ1198" s="10"/>
      <c r="HJA1198" s="10"/>
      <c r="HJB1198" s="10"/>
      <c r="HJC1198" s="10"/>
      <c r="HJD1198" s="10"/>
      <c r="HJE1198" s="10"/>
      <c r="HJF1198" s="10"/>
      <c r="HJG1198" s="10"/>
      <c r="HJH1198" s="10"/>
      <c r="HJI1198" s="10"/>
      <c r="HJJ1198" s="10"/>
      <c r="HJK1198" s="10"/>
      <c r="HJL1198" s="10"/>
      <c r="HJM1198" s="10"/>
      <c r="HJN1198" s="10"/>
      <c r="HJO1198" s="10"/>
      <c r="HJP1198" s="10"/>
      <c r="HJQ1198" s="10"/>
      <c r="HJR1198" s="10"/>
      <c r="HJS1198" s="10"/>
      <c r="HJT1198" s="10"/>
      <c r="HJU1198" s="10"/>
      <c r="HJV1198" s="10"/>
      <c r="HJW1198" s="10"/>
      <c r="HJX1198" s="10"/>
      <c r="HJY1198" s="10"/>
      <c r="HJZ1198" s="10"/>
      <c r="HKA1198" s="10"/>
      <c r="HKB1198" s="10"/>
      <c r="HKC1198" s="10"/>
      <c r="HKD1198" s="10"/>
      <c r="HKE1198" s="10"/>
      <c r="HKF1198" s="10"/>
      <c r="HKG1198" s="10"/>
      <c r="HKH1198" s="10"/>
      <c r="HKI1198" s="10"/>
      <c r="HKJ1198" s="10"/>
      <c r="HKK1198" s="10"/>
      <c r="HKL1198" s="10"/>
      <c r="HKM1198" s="10"/>
      <c r="HKN1198" s="10"/>
      <c r="HKO1198" s="10"/>
      <c r="HKP1198" s="10"/>
      <c r="HKQ1198" s="10"/>
      <c r="HKR1198" s="10"/>
      <c r="HKS1198" s="10"/>
      <c r="HKT1198" s="10"/>
      <c r="HKU1198" s="10"/>
      <c r="HKV1198" s="10"/>
      <c r="HKW1198" s="10"/>
      <c r="HKX1198" s="10"/>
      <c r="HKY1198" s="10"/>
      <c r="HKZ1198" s="10"/>
      <c r="HLA1198" s="10"/>
      <c r="HLB1198" s="10"/>
      <c r="HLC1198" s="10"/>
      <c r="HLD1198" s="10"/>
      <c r="HLE1198" s="10"/>
      <c r="HLF1198" s="10"/>
      <c r="HLG1198" s="10"/>
      <c r="HLH1198" s="10"/>
      <c r="HLI1198" s="10"/>
      <c r="HLJ1198" s="10"/>
      <c r="HLK1198" s="10"/>
      <c r="HLL1198" s="10"/>
      <c r="HLM1198" s="10"/>
      <c r="HLN1198" s="10"/>
      <c r="HLO1198" s="10"/>
      <c r="HLP1198" s="10"/>
      <c r="HLQ1198" s="10"/>
      <c r="HLR1198" s="10"/>
      <c r="HLS1198" s="10"/>
      <c r="HLT1198" s="10"/>
      <c r="HLU1198" s="10"/>
      <c r="HLV1198" s="10"/>
      <c r="HLW1198" s="10"/>
      <c r="HLX1198" s="10"/>
      <c r="HLY1198" s="10"/>
      <c r="HLZ1198" s="10"/>
      <c r="HMA1198" s="10"/>
      <c r="HMB1198" s="10"/>
      <c r="HMC1198" s="10"/>
      <c r="HMD1198" s="10"/>
      <c r="HME1198" s="10"/>
      <c r="HMF1198" s="10"/>
      <c r="HMG1198" s="10"/>
      <c r="HMH1198" s="10"/>
      <c r="HMI1198" s="10"/>
      <c r="HMJ1198" s="10"/>
      <c r="HMK1198" s="10"/>
      <c r="HML1198" s="10"/>
      <c r="HMM1198" s="10"/>
      <c r="HMN1198" s="10"/>
      <c r="HMO1198" s="10"/>
      <c r="HMP1198" s="10"/>
      <c r="HMQ1198" s="10"/>
      <c r="HMR1198" s="10"/>
      <c r="HMS1198" s="10"/>
      <c r="HMT1198" s="10"/>
      <c r="HMU1198" s="10"/>
      <c r="HMV1198" s="10"/>
      <c r="HMW1198" s="10"/>
      <c r="HMX1198" s="10"/>
      <c r="HMY1198" s="10"/>
      <c r="HMZ1198" s="10"/>
      <c r="HNA1198" s="10"/>
      <c r="HNB1198" s="10"/>
      <c r="HNC1198" s="10"/>
      <c r="HND1198" s="10"/>
      <c r="HNE1198" s="10"/>
      <c r="HNF1198" s="10"/>
      <c r="HNG1198" s="10"/>
      <c r="HNH1198" s="10"/>
      <c r="HNI1198" s="10"/>
      <c r="HNJ1198" s="10"/>
      <c r="HNK1198" s="10"/>
      <c r="HNL1198" s="10"/>
      <c r="HNM1198" s="10"/>
      <c r="HNN1198" s="10"/>
      <c r="HNO1198" s="10"/>
      <c r="HNP1198" s="10"/>
      <c r="HNQ1198" s="10"/>
      <c r="HNR1198" s="10"/>
      <c r="HNS1198" s="10"/>
      <c r="HNT1198" s="10"/>
      <c r="HNU1198" s="10"/>
      <c r="HNV1198" s="10"/>
      <c r="HNW1198" s="10"/>
      <c r="HNX1198" s="10"/>
      <c r="HNY1198" s="10"/>
      <c r="HNZ1198" s="10"/>
      <c r="HOA1198" s="10"/>
      <c r="HOB1198" s="10"/>
      <c r="HOC1198" s="10"/>
      <c r="HOD1198" s="10"/>
      <c r="HOE1198" s="10"/>
      <c r="HOF1198" s="10"/>
      <c r="HOG1198" s="10"/>
      <c r="HOH1198" s="10"/>
      <c r="HOI1198" s="10"/>
      <c r="HOJ1198" s="10"/>
      <c r="HOK1198" s="10"/>
      <c r="HOL1198" s="10"/>
      <c r="HOM1198" s="10"/>
      <c r="HON1198" s="10"/>
      <c r="HOO1198" s="10"/>
      <c r="HOP1198" s="10"/>
      <c r="HOQ1198" s="10"/>
      <c r="HOR1198" s="10"/>
      <c r="HOS1198" s="10"/>
      <c r="HOT1198" s="10"/>
      <c r="HOU1198" s="10"/>
      <c r="HOV1198" s="10"/>
      <c r="HOW1198" s="10"/>
      <c r="HOX1198" s="10"/>
      <c r="HOY1198" s="10"/>
      <c r="HOZ1198" s="10"/>
      <c r="HPA1198" s="10"/>
      <c r="HPB1198" s="10"/>
      <c r="HPC1198" s="10"/>
      <c r="HPD1198" s="10"/>
      <c r="HPE1198" s="10"/>
      <c r="HPF1198" s="10"/>
      <c r="HPG1198" s="10"/>
      <c r="HPH1198" s="10"/>
      <c r="HPI1198" s="10"/>
      <c r="HPJ1198" s="10"/>
      <c r="HPK1198" s="10"/>
      <c r="HPL1198" s="10"/>
      <c r="HPM1198" s="10"/>
      <c r="HPN1198" s="10"/>
      <c r="HPO1198" s="10"/>
      <c r="HPP1198" s="10"/>
      <c r="HPQ1198" s="10"/>
      <c r="HPR1198" s="10"/>
      <c r="HPS1198" s="10"/>
      <c r="HPT1198" s="10"/>
      <c r="HPU1198" s="10"/>
      <c r="HPV1198" s="10"/>
      <c r="HPW1198" s="10"/>
      <c r="HPX1198" s="10"/>
      <c r="HPY1198" s="10"/>
      <c r="HPZ1198" s="10"/>
      <c r="HQA1198" s="10"/>
      <c r="HQB1198" s="10"/>
      <c r="HQC1198" s="10"/>
      <c r="HQD1198" s="10"/>
      <c r="HQE1198" s="10"/>
      <c r="HQF1198" s="10"/>
      <c r="HQG1198" s="10"/>
      <c r="HQH1198" s="10"/>
      <c r="HQI1198" s="10"/>
      <c r="HQJ1198" s="10"/>
      <c r="HQK1198" s="10"/>
      <c r="HQL1198" s="10"/>
      <c r="HQM1198" s="10"/>
      <c r="HQN1198" s="10"/>
      <c r="HQO1198" s="10"/>
      <c r="HQP1198" s="10"/>
      <c r="HQQ1198" s="10"/>
      <c r="HQR1198" s="10"/>
      <c r="HQS1198" s="10"/>
      <c r="HQT1198" s="10"/>
      <c r="HQU1198" s="10"/>
      <c r="HQV1198" s="10"/>
      <c r="HQW1198" s="10"/>
      <c r="HQX1198" s="10"/>
      <c r="HQY1198" s="10"/>
      <c r="HQZ1198" s="10"/>
      <c r="HRA1198" s="10"/>
      <c r="HRB1198" s="10"/>
      <c r="HRC1198" s="10"/>
      <c r="HRD1198" s="10"/>
      <c r="HRE1198" s="10"/>
      <c r="HRF1198" s="10"/>
      <c r="HRG1198" s="10"/>
      <c r="HRH1198" s="10"/>
      <c r="HRI1198" s="10"/>
      <c r="HRJ1198" s="10"/>
      <c r="HRK1198" s="10"/>
      <c r="HRL1198" s="10"/>
      <c r="HRM1198" s="10"/>
      <c r="HRN1198" s="10"/>
      <c r="HRO1198" s="10"/>
      <c r="HRP1198" s="10"/>
      <c r="HRQ1198" s="10"/>
      <c r="HRR1198" s="10"/>
      <c r="HRS1198" s="10"/>
      <c r="HRT1198" s="10"/>
      <c r="HRU1198" s="10"/>
      <c r="HRV1198" s="10"/>
      <c r="HRW1198" s="10"/>
      <c r="HRX1198" s="10"/>
      <c r="HRY1198" s="10"/>
      <c r="HRZ1198" s="10"/>
      <c r="HSA1198" s="10"/>
      <c r="HSB1198" s="10"/>
      <c r="HSC1198" s="10"/>
      <c r="HSD1198" s="10"/>
      <c r="HSE1198" s="10"/>
      <c r="HSF1198" s="10"/>
      <c r="HSG1198" s="10"/>
      <c r="HSH1198" s="10"/>
      <c r="HSI1198" s="10"/>
      <c r="HSJ1198" s="10"/>
      <c r="HSK1198" s="10"/>
      <c r="HSL1198" s="10"/>
      <c r="HSM1198" s="10"/>
      <c r="HSN1198" s="10"/>
      <c r="HSO1198" s="10"/>
      <c r="HSP1198" s="10"/>
      <c r="HSQ1198" s="10"/>
      <c r="HSR1198" s="10"/>
      <c r="HSS1198" s="10"/>
      <c r="HST1198" s="10"/>
      <c r="HSU1198" s="10"/>
      <c r="HSV1198" s="10"/>
      <c r="HSW1198" s="10"/>
      <c r="HSX1198" s="10"/>
      <c r="HSY1198" s="10"/>
      <c r="HSZ1198" s="10"/>
      <c r="HTA1198" s="10"/>
      <c r="HTB1198" s="10"/>
      <c r="HTC1198" s="10"/>
      <c r="HTD1198" s="10"/>
      <c r="HTE1198" s="10"/>
      <c r="HTF1198" s="10"/>
      <c r="HTG1198" s="10"/>
      <c r="HTH1198" s="10"/>
      <c r="HTI1198" s="10"/>
      <c r="HTJ1198" s="10"/>
      <c r="HTK1198" s="10"/>
      <c r="HTL1198" s="10"/>
      <c r="HTM1198" s="10"/>
      <c r="HTN1198" s="10"/>
      <c r="HTO1198" s="10"/>
      <c r="HTP1198" s="10"/>
      <c r="HTQ1198" s="10"/>
      <c r="HTR1198" s="10"/>
      <c r="HTS1198" s="10"/>
      <c r="HTT1198" s="10"/>
      <c r="HTU1198" s="10"/>
      <c r="HTV1198" s="10"/>
      <c r="HTW1198" s="10"/>
      <c r="HTX1198" s="10"/>
      <c r="HTY1198" s="10"/>
      <c r="HTZ1198" s="10"/>
      <c r="HUA1198" s="10"/>
      <c r="HUB1198" s="10"/>
      <c r="HUC1198" s="10"/>
      <c r="HUD1198" s="10"/>
      <c r="HUE1198" s="10"/>
      <c r="HUF1198" s="10"/>
      <c r="HUG1198" s="10"/>
      <c r="HUH1198" s="10"/>
      <c r="HUI1198" s="10"/>
      <c r="HUJ1198" s="10"/>
      <c r="HUK1198" s="10"/>
      <c r="HUL1198" s="10"/>
      <c r="HUM1198" s="10"/>
      <c r="HUN1198" s="10"/>
      <c r="HUO1198" s="10"/>
      <c r="HUP1198" s="10"/>
      <c r="HUQ1198" s="10"/>
      <c r="HUR1198" s="10"/>
      <c r="HUS1198" s="10"/>
      <c r="HUT1198" s="10"/>
      <c r="HUU1198" s="10"/>
      <c r="HUV1198" s="10"/>
      <c r="HUW1198" s="10"/>
      <c r="HUX1198" s="10"/>
      <c r="HUY1198" s="10"/>
      <c r="HUZ1198" s="10"/>
      <c r="HVA1198" s="10"/>
      <c r="HVB1198" s="10"/>
      <c r="HVC1198" s="10"/>
      <c r="HVD1198" s="10"/>
      <c r="HVE1198" s="10"/>
      <c r="HVF1198" s="10"/>
      <c r="HVG1198" s="10"/>
      <c r="HVH1198" s="10"/>
      <c r="HVI1198" s="10"/>
      <c r="HVJ1198" s="10"/>
      <c r="HVK1198" s="10"/>
      <c r="HVL1198" s="10"/>
      <c r="HVM1198" s="10"/>
      <c r="HVN1198" s="10"/>
      <c r="HVO1198" s="10"/>
      <c r="HVP1198" s="10"/>
      <c r="HVQ1198" s="10"/>
      <c r="HVR1198" s="10"/>
      <c r="HVS1198" s="10"/>
      <c r="HVT1198" s="10"/>
      <c r="HVU1198" s="10"/>
      <c r="HVV1198" s="10"/>
      <c r="HVW1198" s="10"/>
      <c r="HVX1198" s="10"/>
      <c r="HVY1198" s="10"/>
      <c r="HVZ1198" s="10"/>
      <c r="HWA1198" s="10"/>
      <c r="HWB1198" s="10"/>
      <c r="HWC1198" s="10"/>
      <c r="HWD1198" s="10"/>
      <c r="HWE1198" s="10"/>
      <c r="HWF1198" s="10"/>
      <c r="HWG1198" s="10"/>
      <c r="HWH1198" s="10"/>
      <c r="HWI1198" s="10"/>
      <c r="HWJ1198" s="10"/>
      <c r="HWK1198" s="10"/>
      <c r="HWL1198" s="10"/>
      <c r="HWM1198" s="10"/>
      <c r="HWN1198" s="10"/>
      <c r="HWO1198" s="10"/>
      <c r="HWP1198" s="10"/>
      <c r="HWQ1198" s="10"/>
      <c r="HWR1198" s="10"/>
      <c r="HWS1198" s="10"/>
      <c r="HWT1198" s="10"/>
      <c r="HWU1198" s="10"/>
      <c r="HWV1198" s="10"/>
      <c r="HWW1198" s="10"/>
      <c r="HWX1198" s="10"/>
      <c r="HWY1198" s="10"/>
      <c r="HWZ1198" s="10"/>
      <c r="HXA1198" s="10"/>
      <c r="HXB1198" s="10"/>
      <c r="HXC1198" s="10"/>
      <c r="HXD1198" s="10"/>
      <c r="HXE1198" s="10"/>
      <c r="HXF1198" s="10"/>
      <c r="HXG1198" s="10"/>
      <c r="HXH1198" s="10"/>
      <c r="HXI1198" s="10"/>
      <c r="HXJ1198" s="10"/>
      <c r="HXK1198" s="10"/>
      <c r="HXL1198" s="10"/>
      <c r="HXM1198" s="10"/>
      <c r="HXN1198" s="10"/>
      <c r="HXO1198" s="10"/>
      <c r="HXP1198" s="10"/>
      <c r="HXQ1198" s="10"/>
      <c r="HXR1198" s="10"/>
      <c r="HXS1198" s="10"/>
      <c r="HXT1198" s="10"/>
      <c r="HXU1198" s="10"/>
      <c r="HXV1198" s="10"/>
      <c r="HXW1198" s="10"/>
      <c r="HXX1198" s="10"/>
      <c r="HXY1198" s="10"/>
      <c r="HXZ1198" s="10"/>
      <c r="HYA1198" s="10"/>
      <c r="HYB1198" s="10"/>
      <c r="HYC1198" s="10"/>
      <c r="HYD1198" s="10"/>
      <c r="HYE1198" s="10"/>
      <c r="HYF1198" s="10"/>
      <c r="HYG1198" s="10"/>
      <c r="HYH1198" s="10"/>
      <c r="HYI1198" s="10"/>
      <c r="HYJ1198" s="10"/>
      <c r="HYK1198" s="10"/>
      <c r="HYL1198" s="10"/>
      <c r="HYM1198" s="10"/>
      <c r="HYN1198" s="10"/>
      <c r="HYO1198" s="10"/>
      <c r="HYP1198" s="10"/>
      <c r="HYQ1198" s="10"/>
      <c r="HYR1198" s="10"/>
      <c r="HYS1198" s="10"/>
      <c r="HYT1198" s="10"/>
      <c r="HYU1198" s="10"/>
      <c r="HYV1198" s="10"/>
      <c r="HYW1198" s="10"/>
      <c r="HYX1198" s="10"/>
      <c r="HYY1198" s="10"/>
      <c r="HYZ1198" s="10"/>
      <c r="HZA1198" s="10"/>
      <c r="HZB1198" s="10"/>
      <c r="HZC1198" s="10"/>
      <c r="HZD1198" s="10"/>
      <c r="HZE1198" s="10"/>
      <c r="HZF1198" s="10"/>
      <c r="HZG1198" s="10"/>
      <c r="HZH1198" s="10"/>
      <c r="HZI1198" s="10"/>
      <c r="HZJ1198" s="10"/>
      <c r="HZK1198" s="10"/>
      <c r="HZL1198" s="10"/>
      <c r="HZM1198" s="10"/>
      <c r="HZN1198" s="10"/>
      <c r="HZO1198" s="10"/>
      <c r="HZP1198" s="10"/>
      <c r="HZQ1198" s="10"/>
      <c r="HZR1198" s="10"/>
      <c r="HZS1198" s="10"/>
      <c r="HZT1198" s="10"/>
      <c r="HZU1198" s="10"/>
      <c r="HZV1198" s="10"/>
      <c r="HZW1198" s="10"/>
      <c r="HZX1198" s="10"/>
      <c r="HZY1198" s="10"/>
      <c r="HZZ1198" s="10"/>
      <c r="IAA1198" s="10"/>
      <c r="IAB1198" s="10"/>
      <c r="IAC1198" s="10"/>
      <c r="IAD1198" s="10"/>
      <c r="IAE1198" s="10"/>
      <c r="IAF1198" s="10"/>
      <c r="IAG1198" s="10"/>
      <c r="IAH1198" s="10"/>
      <c r="IAI1198" s="10"/>
      <c r="IAJ1198" s="10"/>
      <c r="IAK1198" s="10"/>
      <c r="IAL1198" s="10"/>
      <c r="IAM1198" s="10"/>
      <c r="IAN1198" s="10"/>
      <c r="IAO1198" s="10"/>
      <c r="IAP1198" s="10"/>
      <c r="IAQ1198" s="10"/>
      <c r="IAR1198" s="10"/>
      <c r="IAS1198" s="10"/>
      <c r="IAT1198" s="10"/>
      <c r="IAU1198" s="10"/>
      <c r="IAV1198" s="10"/>
      <c r="IAW1198" s="10"/>
      <c r="IAX1198" s="10"/>
      <c r="IAY1198" s="10"/>
      <c r="IAZ1198" s="10"/>
      <c r="IBA1198" s="10"/>
      <c r="IBB1198" s="10"/>
      <c r="IBC1198" s="10"/>
      <c r="IBD1198" s="10"/>
      <c r="IBE1198" s="10"/>
      <c r="IBF1198" s="10"/>
      <c r="IBG1198" s="10"/>
      <c r="IBH1198" s="10"/>
      <c r="IBI1198" s="10"/>
      <c r="IBJ1198" s="10"/>
      <c r="IBK1198" s="10"/>
      <c r="IBL1198" s="10"/>
      <c r="IBM1198" s="10"/>
      <c r="IBN1198" s="10"/>
      <c r="IBO1198" s="10"/>
      <c r="IBP1198" s="10"/>
      <c r="IBQ1198" s="10"/>
      <c r="IBR1198" s="10"/>
      <c r="IBS1198" s="10"/>
      <c r="IBT1198" s="10"/>
      <c r="IBU1198" s="10"/>
      <c r="IBV1198" s="10"/>
      <c r="IBW1198" s="10"/>
      <c r="IBX1198" s="10"/>
      <c r="IBY1198" s="10"/>
      <c r="IBZ1198" s="10"/>
      <c r="ICA1198" s="10"/>
      <c r="ICB1198" s="10"/>
      <c r="ICC1198" s="10"/>
      <c r="ICD1198" s="10"/>
      <c r="ICE1198" s="10"/>
      <c r="ICF1198" s="10"/>
      <c r="ICG1198" s="10"/>
      <c r="ICH1198" s="10"/>
      <c r="ICI1198" s="10"/>
      <c r="ICJ1198" s="10"/>
      <c r="ICK1198" s="10"/>
      <c r="ICL1198" s="10"/>
      <c r="ICM1198" s="10"/>
      <c r="ICN1198" s="10"/>
      <c r="ICO1198" s="10"/>
      <c r="ICP1198" s="10"/>
      <c r="ICQ1198" s="10"/>
      <c r="ICR1198" s="10"/>
      <c r="ICS1198" s="10"/>
      <c r="ICT1198" s="10"/>
      <c r="ICU1198" s="10"/>
      <c r="ICV1198" s="10"/>
      <c r="ICW1198" s="10"/>
      <c r="ICX1198" s="10"/>
      <c r="ICY1198" s="10"/>
      <c r="ICZ1198" s="10"/>
      <c r="IDA1198" s="10"/>
      <c r="IDB1198" s="10"/>
      <c r="IDC1198" s="10"/>
      <c r="IDD1198" s="10"/>
      <c r="IDE1198" s="10"/>
      <c r="IDF1198" s="10"/>
      <c r="IDG1198" s="10"/>
      <c r="IDH1198" s="10"/>
      <c r="IDI1198" s="10"/>
      <c r="IDJ1198" s="10"/>
      <c r="IDK1198" s="10"/>
      <c r="IDL1198" s="10"/>
      <c r="IDM1198" s="10"/>
      <c r="IDN1198" s="10"/>
      <c r="IDO1198" s="10"/>
      <c r="IDP1198" s="10"/>
      <c r="IDQ1198" s="10"/>
      <c r="IDR1198" s="10"/>
      <c r="IDS1198" s="10"/>
      <c r="IDT1198" s="10"/>
      <c r="IDU1198" s="10"/>
      <c r="IDV1198" s="10"/>
      <c r="IDW1198" s="10"/>
      <c r="IDX1198" s="10"/>
      <c r="IDY1198" s="10"/>
      <c r="IDZ1198" s="10"/>
      <c r="IEA1198" s="10"/>
      <c r="IEB1198" s="10"/>
      <c r="IEC1198" s="10"/>
      <c r="IED1198" s="10"/>
      <c r="IEE1198" s="10"/>
      <c r="IEF1198" s="10"/>
      <c r="IEG1198" s="10"/>
      <c r="IEH1198" s="10"/>
      <c r="IEI1198" s="10"/>
      <c r="IEJ1198" s="10"/>
      <c r="IEK1198" s="10"/>
      <c r="IEL1198" s="10"/>
      <c r="IEM1198" s="10"/>
      <c r="IEN1198" s="10"/>
      <c r="IEO1198" s="10"/>
      <c r="IEP1198" s="10"/>
      <c r="IEQ1198" s="10"/>
      <c r="IER1198" s="10"/>
      <c r="IES1198" s="10"/>
      <c r="IET1198" s="10"/>
      <c r="IEU1198" s="10"/>
      <c r="IEV1198" s="10"/>
      <c r="IEW1198" s="10"/>
      <c r="IEX1198" s="10"/>
      <c r="IEY1198" s="10"/>
      <c r="IEZ1198" s="10"/>
      <c r="IFA1198" s="10"/>
      <c r="IFB1198" s="10"/>
      <c r="IFC1198" s="10"/>
      <c r="IFD1198" s="10"/>
      <c r="IFE1198" s="10"/>
      <c r="IFF1198" s="10"/>
      <c r="IFG1198" s="10"/>
      <c r="IFH1198" s="10"/>
      <c r="IFI1198" s="10"/>
      <c r="IFJ1198" s="10"/>
      <c r="IFK1198" s="10"/>
      <c r="IFL1198" s="10"/>
      <c r="IFM1198" s="10"/>
      <c r="IFN1198" s="10"/>
      <c r="IFO1198" s="10"/>
      <c r="IFP1198" s="10"/>
      <c r="IFQ1198" s="10"/>
      <c r="IFR1198" s="10"/>
      <c r="IFS1198" s="10"/>
      <c r="IFT1198" s="10"/>
      <c r="IFU1198" s="10"/>
      <c r="IFV1198" s="10"/>
      <c r="IFW1198" s="10"/>
      <c r="IFX1198" s="10"/>
      <c r="IFY1198" s="10"/>
      <c r="IFZ1198" s="10"/>
      <c r="IGA1198" s="10"/>
      <c r="IGB1198" s="10"/>
      <c r="IGC1198" s="10"/>
      <c r="IGD1198" s="10"/>
      <c r="IGE1198" s="10"/>
      <c r="IGF1198" s="10"/>
      <c r="IGG1198" s="10"/>
      <c r="IGH1198" s="10"/>
      <c r="IGI1198" s="10"/>
      <c r="IGJ1198" s="10"/>
      <c r="IGK1198" s="10"/>
      <c r="IGL1198" s="10"/>
      <c r="IGM1198" s="10"/>
      <c r="IGN1198" s="10"/>
      <c r="IGO1198" s="10"/>
      <c r="IGP1198" s="10"/>
      <c r="IGQ1198" s="10"/>
      <c r="IGR1198" s="10"/>
      <c r="IGS1198" s="10"/>
      <c r="IGT1198" s="10"/>
      <c r="IGU1198" s="10"/>
      <c r="IGV1198" s="10"/>
      <c r="IGW1198" s="10"/>
      <c r="IGX1198" s="10"/>
      <c r="IGY1198" s="10"/>
      <c r="IGZ1198" s="10"/>
      <c r="IHA1198" s="10"/>
      <c r="IHB1198" s="10"/>
      <c r="IHC1198" s="10"/>
      <c r="IHD1198" s="10"/>
      <c r="IHE1198" s="10"/>
      <c r="IHF1198" s="10"/>
      <c r="IHG1198" s="10"/>
      <c r="IHH1198" s="10"/>
      <c r="IHI1198" s="10"/>
      <c r="IHJ1198" s="10"/>
      <c r="IHK1198" s="10"/>
      <c r="IHL1198" s="10"/>
      <c r="IHM1198" s="10"/>
      <c r="IHN1198" s="10"/>
      <c r="IHO1198" s="10"/>
      <c r="IHP1198" s="10"/>
      <c r="IHQ1198" s="10"/>
      <c r="IHR1198" s="10"/>
      <c r="IHS1198" s="10"/>
      <c r="IHT1198" s="10"/>
      <c r="IHU1198" s="10"/>
      <c r="IHV1198" s="10"/>
      <c r="IHW1198" s="10"/>
      <c r="IHX1198" s="10"/>
      <c r="IHY1198" s="10"/>
      <c r="IHZ1198" s="10"/>
      <c r="IIA1198" s="10"/>
      <c r="IIB1198" s="10"/>
      <c r="IIC1198" s="10"/>
      <c r="IID1198" s="10"/>
      <c r="IIE1198" s="10"/>
      <c r="IIF1198" s="10"/>
      <c r="IIG1198" s="10"/>
      <c r="IIH1198" s="10"/>
      <c r="III1198" s="10"/>
      <c r="IIJ1198" s="10"/>
      <c r="IIK1198" s="10"/>
      <c r="IIL1198" s="10"/>
      <c r="IIM1198" s="10"/>
      <c r="IIN1198" s="10"/>
      <c r="IIO1198" s="10"/>
      <c r="IIP1198" s="10"/>
      <c r="IIQ1198" s="10"/>
      <c r="IIR1198" s="10"/>
      <c r="IIS1198" s="10"/>
      <c r="IIT1198" s="10"/>
      <c r="IIU1198" s="10"/>
      <c r="IIV1198" s="10"/>
      <c r="IIW1198" s="10"/>
      <c r="IIX1198" s="10"/>
      <c r="IIY1198" s="10"/>
      <c r="IIZ1198" s="10"/>
      <c r="IJA1198" s="10"/>
      <c r="IJB1198" s="10"/>
      <c r="IJC1198" s="10"/>
      <c r="IJD1198" s="10"/>
      <c r="IJE1198" s="10"/>
      <c r="IJF1198" s="10"/>
      <c r="IJG1198" s="10"/>
      <c r="IJH1198" s="10"/>
      <c r="IJI1198" s="10"/>
      <c r="IJJ1198" s="10"/>
      <c r="IJK1198" s="10"/>
      <c r="IJL1198" s="10"/>
      <c r="IJM1198" s="10"/>
      <c r="IJN1198" s="10"/>
      <c r="IJO1198" s="10"/>
      <c r="IJP1198" s="10"/>
      <c r="IJQ1198" s="10"/>
      <c r="IJR1198" s="10"/>
      <c r="IJS1198" s="10"/>
      <c r="IJT1198" s="10"/>
      <c r="IJU1198" s="10"/>
      <c r="IJV1198" s="10"/>
      <c r="IJW1198" s="10"/>
      <c r="IJX1198" s="10"/>
      <c r="IJY1198" s="10"/>
      <c r="IJZ1198" s="10"/>
      <c r="IKA1198" s="10"/>
      <c r="IKB1198" s="10"/>
      <c r="IKC1198" s="10"/>
      <c r="IKD1198" s="10"/>
      <c r="IKE1198" s="10"/>
      <c r="IKF1198" s="10"/>
      <c r="IKG1198" s="10"/>
      <c r="IKH1198" s="10"/>
      <c r="IKI1198" s="10"/>
      <c r="IKJ1198" s="10"/>
      <c r="IKK1198" s="10"/>
      <c r="IKL1198" s="10"/>
      <c r="IKM1198" s="10"/>
      <c r="IKN1198" s="10"/>
      <c r="IKO1198" s="10"/>
      <c r="IKP1198" s="10"/>
      <c r="IKQ1198" s="10"/>
      <c r="IKR1198" s="10"/>
      <c r="IKS1198" s="10"/>
      <c r="IKT1198" s="10"/>
      <c r="IKU1198" s="10"/>
      <c r="IKV1198" s="10"/>
      <c r="IKW1198" s="10"/>
      <c r="IKX1198" s="10"/>
      <c r="IKY1198" s="10"/>
      <c r="IKZ1198" s="10"/>
      <c r="ILA1198" s="10"/>
      <c r="ILB1198" s="10"/>
      <c r="ILC1198" s="10"/>
      <c r="ILD1198" s="10"/>
      <c r="ILE1198" s="10"/>
      <c r="ILF1198" s="10"/>
      <c r="ILG1198" s="10"/>
      <c r="ILH1198" s="10"/>
      <c r="ILI1198" s="10"/>
      <c r="ILJ1198" s="10"/>
      <c r="ILK1198" s="10"/>
      <c r="ILL1198" s="10"/>
      <c r="ILM1198" s="10"/>
      <c r="ILN1198" s="10"/>
      <c r="ILO1198" s="10"/>
      <c r="ILP1198" s="10"/>
      <c r="ILQ1198" s="10"/>
      <c r="ILR1198" s="10"/>
      <c r="ILS1198" s="10"/>
      <c r="ILT1198" s="10"/>
      <c r="ILU1198" s="10"/>
      <c r="ILV1198" s="10"/>
      <c r="ILW1198" s="10"/>
      <c r="ILX1198" s="10"/>
      <c r="ILY1198" s="10"/>
      <c r="ILZ1198" s="10"/>
      <c r="IMA1198" s="10"/>
      <c r="IMB1198" s="10"/>
      <c r="IMC1198" s="10"/>
      <c r="IMD1198" s="10"/>
      <c r="IME1198" s="10"/>
      <c r="IMF1198" s="10"/>
      <c r="IMG1198" s="10"/>
      <c r="IMH1198" s="10"/>
      <c r="IMI1198" s="10"/>
      <c r="IMJ1198" s="10"/>
      <c r="IMK1198" s="10"/>
      <c r="IML1198" s="10"/>
      <c r="IMM1198" s="10"/>
      <c r="IMN1198" s="10"/>
      <c r="IMO1198" s="10"/>
      <c r="IMP1198" s="10"/>
      <c r="IMQ1198" s="10"/>
      <c r="IMR1198" s="10"/>
      <c r="IMS1198" s="10"/>
      <c r="IMT1198" s="10"/>
      <c r="IMU1198" s="10"/>
      <c r="IMV1198" s="10"/>
      <c r="IMW1198" s="10"/>
      <c r="IMX1198" s="10"/>
      <c r="IMY1198" s="10"/>
      <c r="IMZ1198" s="10"/>
      <c r="INA1198" s="10"/>
      <c r="INB1198" s="10"/>
      <c r="INC1198" s="10"/>
      <c r="IND1198" s="10"/>
      <c r="INE1198" s="10"/>
      <c r="INF1198" s="10"/>
      <c r="ING1198" s="10"/>
      <c r="INH1198" s="10"/>
      <c r="INI1198" s="10"/>
      <c r="INJ1198" s="10"/>
      <c r="INK1198" s="10"/>
      <c r="INL1198" s="10"/>
      <c r="INM1198" s="10"/>
      <c r="INN1198" s="10"/>
      <c r="INO1198" s="10"/>
      <c r="INP1198" s="10"/>
      <c r="INQ1198" s="10"/>
      <c r="INR1198" s="10"/>
      <c r="INS1198" s="10"/>
      <c r="INT1198" s="10"/>
      <c r="INU1198" s="10"/>
      <c r="INV1198" s="10"/>
      <c r="INW1198" s="10"/>
      <c r="INX1198" s="10"/>
      <c r="INY1198" s="10"/>
      <c r="INZ1198" s="10"/>
      <c r="IOA1198" s="10"/>
      <c r="IOB1198" s="10"/>
      <c r="IOC1198" s="10"/>
      <c r="IOD1198" s="10"/>
      <c r="IOE1198" s="10"/>
      <c r="IOF1198" s="10"/>
      <c r="IOG1198" s="10"/>
      <c r="IOH1198" s="10"/>
      <c r="IOI1198" s="10"/>
      <c r="IOJ1198" s="10"/>
      <c r="IOK1198" s="10"/>
      <c r="IOL1198" s="10"/>
      <c r="IOM1198" s="10"/>
      <c r="ION1198" s="10"/>
      <c r="IOO1198" s="10"/>
      <c r="IOP1198" s="10"/>
      <c r="IOQ1198" s="10"/>
      <c r="IOR1198" s="10"/>
      <c r="IOS1198" s="10"/>
      <c r="IOT1198" s="10"/>
      <c r="IOU1198" s="10"/>
      <c r="IOV1198" s="10"/>
      <c r="IOW1198" s="10"/>
      <c r="IOX1198" s="10"/>
      <c r="IOY1198" s="10"/>
      <c r="IOZ1198" s="10"/>
      <c r="IPA1198" s="10"/>
      <c r="IPB1198" s="10"/>
      <c r="IPC1198" s="10"/>
      <c r="IPD1198" s="10"/>
      <c r="IPE1198" s="10"/>
      <c r="IPF1198" s="10"/>
      <c r="IPG1198" s="10"/>
      <c r="IPH1198" s="10"/>
      <c r="IPI1198" s="10"/>
      <c r="IPJ1198" s="10"/>
      <c r="IPK1198" s="10"/>
      <c r="IPL1198" s="10"/>
      <c r="IPM1198" s="10"/>
      <c r="IPN1198" s="10"/>
      <c r="IPO1198" s="10"/>
      <c r="IPP1198" s="10"/>
      <c r="IPQ1198" s="10"/>
      <c r="IPR1198" s="10"/>
      <c r="IPS1198" s="10"/>
      <c r="IPT1198" s="10"/>
      <c r="IPU1198" s="10"/>
      <c r="IPV1198" s="10"/>
      <c r="IPW1198" s="10"/>
      <c r="IPX1198" s="10"/>
      <c r="IPY1198" s="10"/>
      <c r="IPZ1198" s="10"/>
      <c r="IQA1198" s="10"/>
      <c r="IQB1198" s="10"/>
      <c r="IQC1198" s="10"/>
      <c r="IQD1198" s="10"/>
      <c r="IQE1198" s="10"/>
      <c r="IQF1198" s="10"/>
      <c r="IQG1198" s="10"/>
      <c r="IQH1198" s="10"/>
      <c r="IQI1198" s="10"/>
      <c r="IQJ1198" s="10"/>
      <c r="IQK1198" s="10"/>
      <c r="IQL1198" s="10"/>
      <c r="IQM1198" s="10"/>
      <c r="IQN1198" s="10"/>
      <c r="IQO1198" s="10"/>
      <c r="IQP1198" s="10"/>
      <c r="IQQ1198" s="10"/>
      <c r="IQR1198" s="10"/>
      <c r="IQS1198" s="10"/>
      <c r="IQT1198" s="10"/>
      <c r="IQU1198" s="10"/>
      <c r="IQV1198" s="10"/>
      <c r="IQW1198" s="10"/>
      <c r="IQX1198" s="10"/>
      <c r="IQY1198" s="10"/>
      <c r="IQZ1198" s="10"/>
      <c r="IRA1198" s="10"/>
      <c r="IRB1198" s="10"/>
      <c r="IRC1198" s="10"/>
      <c r="IRD1198" s="10"/>
      <c r="IRE1198" s="10"/>
      <c r="IRF1198" s="10"/>
      <c r="IRG1198" s="10"/>
      <c r="IRH1198" s="10"/>
      <c r="IRI1198" s="10"/>
      <c r="IRJ1198" s="10"/>
      <c r="IRK1198" s="10"/>
      <c r="IRL1198" s="10"/>
      <c r="IRM1198" s="10"/>
      <c r="IRN1198" s="10"/>
      <c r="IRO1198" s="10"/>
      <c r="IRP1198" s="10"/>
      <c r="IRQ1198" s="10"/>
      <c r="IRR1198" s="10"/>
      <c r="IRS1198" s="10"/>
      <c r="IRT1198" s="10"/>
      <c r="IRU1198" s="10"/>
      <c r="IRV1198" s="10"/>
      <c r="IRW1198" s="10"/>
      <c r="IRX1198" s="10"/>
      <c r="IRY1198" s="10"/>
      <c r="IRZ1198" s="10"/>
      <c r="ISA1198" s="10"/>
      <c r="ISB1198" s="10"/>
      <c r="ISC1198" s="10"/>
      <c r="ISD1198" s="10"/>
      <c r="ISE1198" s="10"/>
      <c r="ISF1198" s="10"/>
      <c r="ISG1198" s="10"/>
      <c r="ISH1198" s="10"/>
      <c r="ISI1198" s="10"/>
      <c r="ISJ1198" s="10"/>
      <c r="ISK1198" s="10"/>
      <c r="ISL1198" s="10"/>
      <c r="ISM1198" s="10"/>
      <c r="ISN1198" s="10"/>
      <c r="ISO1198" s="10"/>
      <c r="ISP1198" s="10"/>
      <c r="ISQ1198" s="10"/>
      <c r="ISR1198" s="10"/>
      <c r="ISS1198" s="10"/>
      <c r="IST1198" s="10"/>
      <c r="ISU1198" s="10"/>
      <c r="ISV1198" s="10"/>
      <c r="ISW1198" s="10"/>
      <c r="ISX1198" s="10"/>
      <c r="ISY1198" s="10"/>
      <c r="ISZ1198" s="10"/>
      <c r="ITA1198" s="10"/>
      <c r="ITB1198" s="10"/>
      <c r="ITC1198" s="10"/>
      <c r="ITD1198" s="10"/>
      <c r="ITE1198" s="10"/>
      <c r="ITF1198" s="10"/>
      <c r="ITG1198" s="10"/>
      <c r="ITH1198" s="10"/>
      <c r="ITI1198" s="10"/>
      <c r="ITJ1198" s="10"/>
      <c r="ITK1198" s="10"/>
      <c r="ITL1198" s="10"/>
      <c r="ITM1198" s="10"/>
      <c r="ITN1198" s="10"/>
      <c r="ITO1198" s="10"/>
      <c r="ITP1198" s="10"/>
      <c r="ITQ1198" s="10"/>
      <c r="ITR1198" s="10"/>
      <c r="ITS1198" s="10"/>
      <c r="ITT1198" s="10"/>
      <c r="ITU1198" s="10"/>
      <c r="ITV1198" s="10"/>
      <c r="ITW1198" s="10"/>
      <c r="ITX1198" s="10"/>
      <c r="ITY1198" s="10"/>
      <c r="ITZ1198" s="10"/>
      <c r="IUA1198" s="10"/>
      <c r="IUB1198" s="10"/>
      <c r="IUC1198" s="10"/>
      <c r="IUD1198" s="10"/>
      <c r="IUE1198" s="10"/>
      <c r="IUF1198" s="10"/>
      <c r="IUG1198" s="10"/>
      <c r="IUH1198" s="10"/>
      <c r="IUI1198" s="10"/>
      <c r="IUJ1198" s="10"/>
      <c r="IUK1198" s="10"/>
      <c r="IUL1198" s="10"/>
      <c r="IUM1198" s="10"/>
      <c r="IUN1198" s="10"/>
      <c r="IUO1198" s="10"/>
      <c r="IUP1198" s="10"/>
      <c r="IUQ1198" s="10"/>
      <c r="IUR1198" s="10"/>
      <c r="IUS1198" s="10"/>
      <c r="IUT1198" s="10"/>
      <c r="IUU1198" s="10"/>
      <c r="IUV1198" s="10"/>
      <c r="IUW1198" s="10"/>
      <c r="IUX1198" s="10"/>
      <c r="IUY1198" s="10"/>
      <c r="IUZ1198" s="10"/>
      <c r="IVA1198" s="10"/>
      <c r="IVB1198" s="10"/>
      <c r="IVC1198" s="10"/>
      <c r="IVD1198" s="10"/>
      <c r="IVE1198" s="10"/>
      <c r="IVF1198" s="10"/>
      <c r="IVG1198" s="10"/>
      <c r="IVH1198" s="10"/>
      <c r="IVI1198" s="10"/>
      <c r="IVJ1198" s="10"/>
      <c r="IVK1198" s="10"/>
      <c r="IVL1198" s="10"/>
      <c r="IVM1198" s="10"/>
      <c r="IVN1198" s="10"/>
      <c r="IVO1198" s="10"/>
      <c r="IVP1198" s="10"/>
      <c r="IVQ1198" s="10"/>
      <c r="IVR1198" s="10"/>
      <c r="IVS1198" s="10"/>
      <c r="IVT1198" s="10"/>
      <c r="IVU1198" s="10"/>
      <c r="IVV1198" s="10"/>
      <c r="IVW1198" s="10"/>
      <c r="IVX1198" s="10"/>
      <c r="IVY1198" s="10"/>
      <c r="IVZ1198" s="10"/>
      <c r="IWA1198" s="10"/>
      <c r="IWB1198" s="10"/>
      <c r="IWC1198" s="10"/>
      <c r="IWD1198" s="10"/>
      <c r="IWE1198" s="10"/>
      <c r="IWF1198" s="10"/>
      <c r="IWG1198" s="10"/>
      <c r="IWH1198" s="10"/>
      <c r="IWI1198" s="10"/>
      <c r="IWJ1198" s="10"/>
      <c r="IWK1198" s="10"/>
      <c r="IWL1198" s="10"/>
      <c r="IWM1198" s="10"/>
      <c r="IWN1198" s="10"/>
      <c r="IWO1198" s="10"/>
      <c r="IWP1198" s="10"/>
      <c r="IWQ1198" s="10"/>
      <c r="IWR1198" s="10"/>
      <c r="IWS1198" s="10"/>
      <c r="IWT1198" s="10"/>
      <c r="IWU1198" s="10"/>
      <c r="IWV1198" s="10"/>
      <c r="IWW1198" s="10"/>
      <c r="IWX1198" s="10"/>
      <c r="IWY1198" s="10"/>
      <c r="IWZ1198" s="10"/>
      <c r="IXA1198" s="10"/>
      <c r="IXB1198" s="10"/>
      <c r="IXC1198" s="10"/>
      <c r="IXD1198" s="10"/>
      <c r="IXE1198" s="10"/>
      <c r="IXF1198" s="10"/>
      <c r="IXG1198" s="10"/>
      <c r="IXH1198" s="10"/>
      <c r="IXI1198" s="10"/>
      <c r="IXJ1198" s="10"/>
      <c r="IXK1198" s="10"/>
      <c r="IXL1198" s="10"/>
      <c r="IXM1198" s="10"/>
      <c r="IXN1198" s="10"/>
      <c r="IXO1198" s="10"/>
      <c r="IXP1198" s="10"/>
      <c r="IXQ1198" s="10"/>
      <c r="IXR1198" s="10"/>
      <c r="IXS1198" s="10"/>
      <c r="IXT1198" s="10"/>
      <c r="IXU1198" s="10"/>
      <c r="IXV1198" s="10"/>
      <c r="IXW1198" s="10"/>
      <c r="IXX1198" s="10"/>
      <c r="IXY1198" s="10"/>
      <c r="IXZ1198" s="10"/>
      <c r="IYA1198" s="10"/>
      <c r="IYB1198" s="10"/>
      <c r="IYC1198" s="10"/>
      <c r="IYD1198" s="10"/>
      <c r="IYE1198" s="10"/>
      <c r="IYF1198" s="10"/>
      <c r="IYG1198" s="10"/>
      <c r="IYH1198" s="10"/>
      <c r="IYI1198" s="10"/>
      <c r="IYJ1198" s="10"/>
      <c r="IYK1198" s="10"/>
      <c r="IYL1198" s="10"/>
      <c r="IYM1198" s="10"/>
      <c r="IYN1198" s="10"/>
      <c r="IYO1198" s="10"/>
      <c r="IYP1198" s="10"/>
      <c r="IYQ1198" s="10"/>
      <c r="IYR1198" s="10"/>
      <c r="IYS1198" s="10"/>
      <c r="IYT1198" s="10"/>
      <c r="IYU1198" s="10"/>
      <c r="IYV1198" s="10"/>
      <c r="IYW1198" s="10"/>
      <c r="IYX1198" s="10"/>
      <c r="IYY1198" s="10"/>
      <c r="IYZ1198" s="10"/>
      <c r="IZA1198" s="10"/>
      <c r="IZB1198" s="10"/>
      <c r="IZC1198" s="10"/>
      <c r="IZD1198" s="10"/>
      <c r="IZE1198" s="10"/>
      <c r="IZF1198" s="10"/>
      <c r="IZG1198" s="10"/>
      <c r="IZH1198" s="10"/>
      <c r="IZI1198" s="10"/>
      <c r="IZJ1198" s="10"/>
      <c r="IZK1198" s="10"/>
      <c r="IZL1198" s="10"/>
      <c r="IZM1198" s="10"/>
      <c r="IZN1198" s="10"/>
      <c r="IZO1198" s="10"/>
      <c r="IZP1198" s="10"/>
      <c r="IZQ1198" s="10"/>
      <c r="IZR1198" s="10"/>
      <c r="IZS1198" s="10"/>
      <c r="IZT1198" s="10"/>
      <c r="IZU1198" s="10"/>
      <c r="IZV1198" s="10"/>
      <c r="IZW1198" s="10"/>
      <c r="IZX1198" s="10"/>
      <c r="IZY1198" s="10"/>
      <c r="IZZ1198" s="10"/>
      <c r="JAA1198" s="10"/>
      <c r="JAB1198" s="10"/>
      <c r="JAC1198" s="10"/>
      <c r="JAD1198" s="10"/>
      <c r="JAE1198" s="10"/>
      <c r="JAF1198" s="10"/>
      <c r="JAG1198" s="10"/>
      <c r="JAH1198" s="10"/>
      <c r="JAI1198" s="10"/>
      <c r="JAJ1198" s="10"/>
      <c r="JAK1198" s="10"/>
      <c r="JAL1198" s="10"/>
      <c r="JAM1198" s="10"/>
      <c r="JAN1198" s="10"/>
      <c r="JAO1198" s="10"/>
      <c r="JAP1198" s="10"/>
      <c r="JAQ1198" s="10"/>
      <c r="JAR1198" s="10"/>
      <c r="JAS1198" s="10"/>
      <c r="JAT1198" s="10"/>
      <c r="JAU1198" s="10"/>
      <c r="JAV1198" s="10"/>
      <c r="JAW1198" s="10"/>
      <c r="JAX1198" s="10"/>
      <c r="JAY1198" s="10"/>
      <c r="JAZ1198" s="10"/>
      <c r="JBA1198" s="10"/>
      <c r="JBB1198" s="10"/>
      <c r="JBC1198" s="10"/>
      <c r="JBD1198" s="10"/>
      <c r="JBE1198" s="10"/>
      <c r="JBF1198" s="10"/>
      <c r="JBG1198" s="10"/>
      <c r="JBH1198" s="10"/>
      <c r="JBI1198" s="10"/>
      <c r="JBJ1198" s="10"/>
      <c r="JBK1198" s="10"/>
      <c r="JBL1198" s="10"/>
      <c r="JBM1198" s="10"/>
      <c r="JBN1198" s="10"/>
      <c r="JBO1198" s="10"/>
      <c r="JBP1198" s="10"/>
      <c r="JBQ1198" s="10"/>
      <c r="JBR1198" s="10"/>
      <c r="JBS1198" s="10"/>
      <c r="JBT1198" s="10"/>
      <c r="JBU1198" s="10"/>
      <c r="JBV1198" s="10"/>
      <c r="JBW1198" s="10"/>
      <c r="JBX1198" s="10"/>
      <c r="JBY1198" s="10"/>
      <c r="JBZ1198" s="10"/>
      <c r="JCA1198" s="10"/>
      <c r="JCB1198" s="10"/>
      <c r="JCC1198" s="10"/>
      <c r="JCD1198" s="10"/>
      <c r="JCE1198" s="10"/>
      <c r="JCF1198" s="10"/>
      <c r="JCG1198" s="10"/>
      <c r="JCH1198" s="10"/>
      <c r="JCI1198" s="10"/>
      <c r="JCJ1198" s="10"/>
      <c r="JCK1198" s="10"/>
      <c r="JCL1198" s="10"/>
      <c r="JCM1198" s="10"/>
      <c r="JCN1198" s="10"/>
      <c r="JCO1198" s="10"/>
      <c r="JCP1198" s="10"/>
      <c r="JCQ1198" s="10"/>
      <c r="JCR1198" s="10"/>
      <c r="JCS1198" s="10"/>
      <c r="JCT1198" s="10"/>
      <c r="JCU1198" s="10"/>
      <c r="JCV1198" s="10"/>
      <c r="JCW1198" s="10"/>
      <c r="JCX1198" s="10"/>
      <c r="JCY1198" s="10"/>
      <c r="JCZ1198" s="10"/>
      <c r="JDA1198" s="10"/>
      <c r="JDB1198" s="10"/>
      <c r="JDC1198" s="10"/>
      <c r="JDD1198" s="10"/>
      <c r="JDE1198" s="10"/>
      <c r="JDF1198" s="10"/>
      <c r="JDG1198" s="10"/>
      <c r="JDH1198" s="10"/>
      <c r="JDI1198" s="10"/>
      <c r="JDJ1198" s="10"/>
      <c r="JDK1198" s="10"/>
      <c r="JDL1198" s="10"/>
      <c r="JDM1198" s="10"/>
      <c r="JDN1198" s="10"/>
      <c r="JDO1198" s="10"/>
      <c r="JDP1198" s="10"/>
      <c r="JDQ1198" s="10"/>
      <c r="JDR1198" s="10"/>
      <c r="JDS1198" s="10"/>
      <c r="JDT1198" s="10"/>
      <c r="JDU1198" s="10"/>
      <c r="JDV1198" s="10"/>
      <c r="JDW1198" s="10"/>
      <c r="JDX1198" s="10"/>
      <c r="JDY1198" s="10"/>
      <c r="JDZ1198" s="10"/>
      <c r="JEA1198" s="10"/>
      <c r="JEB1198" s="10"/>
      <c r="JEC1198" s="10"/>
      <c r="JED1198" s="10"/>
      <c r="JEE1198" s="10"/>
      <c r="JEF1198" s="10"/>
      <c r="JEG1198" s="10"/>
      <c r="JEH1198" s="10"/>
      <c r="JEI1198" s="10"/>
      <c r="JEJ1198" s="10"/>
      <c r="JEK1198" s="10"/>
      <c r="JEL1198" s="10"/>
      <c r="JEM1198" s="10"/>
      <c r="JEN1198" s="10"/>
      <c r="JEO1198" s="10"/>
      <c r="JEP1198" s="10"/>
      <c r="JEQ1198" s="10"/>
      <c r="JER1198" s="10"/>
      <c r="JES1198" s="10"/>
      <c r="JET1198" s="10"/>
      <c r="JEU1198" s="10"/>
      <c r="JEV1198" s="10"/>
      <c r="JEW1198" s="10"/>
      <c r="JEX1198" s="10"/>
      <c r="JEY1198" s="10"/>
      <c r="JEZ1198" s="10"/>
      <c r="JFA1198" s="10"/>
      <c r="JFB1198" s="10"/>
      <c r="JFC1198" s="10"/>
      <c r="JFD1198" s="10"/>
      <c r="JFE1198" s="10"/>
      <c r="JFF1198" s="10"/>
      <c r="JFG1198" s="10"/>
      <c r="JFH1198" s="10"/>
      <c r="JFI1198" s="10"/>
      <c r="JFJ1198" s="10"/>
      <c r="JFK1198" s="10"/>
      <c r="JFL1198" s="10"/>
      <c r="JFM1198" s="10"/>
      <c r="JFN1198" s="10"/>
      <c r="JFO1198" s="10"/>
      <c r="JFP1198" s="10"/>
      <c r="JFQ1198" s="10"/>
      <c r="JFR1198" s="10"/>
      <c r="JFS1198" s="10"/>
      <c r="JFT1198" s="10"/>
      <c r="JFU1198" s="10"/>
      <c r="JFV1198" s="10"/>
      <c r="JFW1198" s="10"/>
      <c r="JFX1198" s="10"/>
      <c r="JFY1198" s="10"/>
      <c r="JFZ1198" s="10"/>
      <c r="JGA1198" s="10"/>
      <c r="JGB1198" s="10"/>
      <c r="JGC1198" s="10"/>
      <c r="JGD1198" s="10"/>
      <c r="JGE1198" s="10"/>
      <c r="JGF1198" s="10"/>
      <c r="JGG1198" s="10"/>
      <c r="JGH1198" s="10"/>
      <c r="JGI1198" s="10"/>
      <c r="JGJ1198" s="10"/>
      <c r="JGK1198" s="10"/>
      <c r="JGL1198" s="10"/>
      <c r="JGM1198" s="10"/>
      <c r="JGN1198" s="10"/>
      <c r="JGO1198" s="10"/>
      <c r="JGP1198" s="10"/>
      <c r="JGQ1198" s="10"/>
      <c r="JGR1198" s="10"/>
      <c r="JGS1198" s="10"/>
      <c r="JGT1198" s="10"/>
      <c r="JGU1198" s="10"/>
      <c r="JGV1198" s="10"/>
      <c r="JGW1198" s="10"/>
      <c r="JGX1198" s="10"/>
      <c r="JGY1198" s="10"/>
      <c r="JGZ1198" s="10"/>
      <c r="JHA1198" s="10"/>
      <c r="JHB1198" s="10"/>
      <c r="JHC1198" s="10"/>
      <c r="JHD1198" s="10"/>
      <c r="JHE1198" s="10"/>
      <c r="JHF1198" s="10"/>
      <c r="JHG1198" s="10"/>
      <c r="JHH1198" s="10"/>
      <c r="JHI1198" s="10"/>
      <c r="JHJ1198" s="10"/>
      <c r="JHK1198" s="10"/>
      <c r="JHL1198" s="10"/>
      <c r="JHM1198" s="10"/>
      <c r="JHN1198" s="10"/>
      <c r="JHO1198" s="10"/>
      <c r="JHP1198" s="10"/>
      <c r="JHQ1198" s="10"/>
      <c r="JHR1198" s="10"/>
      <c r="JHS1198" s="10"/>
      <c r="JHT1198" s="10"/>
      <c r="JHU1198" s="10"/>
      <c r="JHV1198" s="10"/>
      <c r="JHW1198" s="10"/>
      <c r="JHX1198" s="10"/>
      <c r="JHY1198" s="10"/>
      <c r="JHZ1198" s="10"/>
      <c r="JIA1198" s="10"/>
      <c r="JIB1198" s="10"/>
      <c r="JIC1198" s="10"/>
      <c r="JID1198" s="10"/>
      <c r="JIE1198" s="10"/>
      <c r="JIF1198" s="10"/>
      <c r="JIG1198" s="10"/>
      <c r="JIH1198" s="10"/>
      <c r="JII1198" s="10"/>
      <c r="JIJ1198" s="10"/>
      <c r="JIK1198" s="10"/>
      <c r="JIL1198" s="10"/>
      <c r="JIM1198" s="10"/>
      <c r="JIN1198" s="10"/>
      <c r="JIO1198" s="10"/>
      <c r="JIP1198" s="10"/>
      <c r="JIQ1198" s="10"/>
      <c r="JIR1198" s="10"/>
      <c r="JIS1198" s="10"/>
      <c r="JIT1198" s="10"/>
      <c r="JIU1198" s="10"/>
      <c r="JIV1198" s="10"/>
      <c r="JIW1198" s="10"/>
      <c r="JIX1198" s="10"/>
      <c r="JIY1198" s="10"/>
      <c r="JIZ1198" s="10"/>
      <c r="JJA1198" s="10"/>
      <c r="JJB1198" s="10"/>
      <c r="JJC1198" s="10"/>
      <c r="JJD1198" s="10"/>
      <c r="JJE1198" s="10"/>
      <c r="JJF1198" s="10"/>
      <c r="JJG1198" s="10"/>
      <c r="JJH1198" s="10"/>
      <c r="JJI1198" s="10"/>
      <c r="JJJ1198" s="10"/>
      <c r="JJK1198" s="10"/>
      <c r="JJL1198" s="10"/>
      <c r="JJM1198" s="10"/>
      <c r="JJN1198" s="10"/>
      <c r="JJO1198" s="10"/>
      <c r="JJP1198" s="10"/>
      <c r="JJQ1198" s="10"/>
      <c r="JJR1198" s="10"/>
      <c r="JJS1198" s="10"/>
      <c r="JJT1198" s="10"/>
      <c r="JJU1198" s="10"/>
      <c r="JJV1198" s="10"/>
      <c r="JJW1198" s="10"/>
      <c r="JJX1198" s="10"/>
      <c r="JJY1198" s="10"/>
      <c r="JJZ1198" s="10"/>
      <c r="JKA1198" s="10"/>
      <c r="JKB1198" s="10"/>
      <c r="JKC1198" s="10"/>
      <c r="JKD1198" s="10"/>
      <c r="JKE1198" s="10"/>
      <c r="JKF1198" s="10"/>
      <c r="JKG1198" s="10"/>
      <c r="JKH1198" s="10"/>
      <c r="JKI1198" s="10"/>
      <c r="JKJ1198" s="10"/>
      <c r="JKK1198" s="10"/>
      <c r="JKL1198" s="10"/>
      <c r="JKM1198" s="10"/>
      <c r="JKN1198" s="10"/>
      <c r="JKO1198" s="10"/>
      <c r="JKP1198" s="10"/>
      <c r="JKQ1198" s="10"/>
      <c r="JKR1198" s="10"/>
      <c r="JKS1198" s="10"/>
      <c r="JKT1198" s="10"/>
      <c r="JKU1198" s="10"/>
      <c r="JKV1198" s="10"/>
      <c r="JKW1198" s="10"/>
      <c r="JKX1198" s="10"/>
      <c r="JKY1198" s="10"/>
      <c r="JKZ1198" s="10"/>
      <c r="JLA1198" s="10"/>
      <c r="JLB1198" s="10"/>
      <c r="JLC1198" s="10"/>
      <c r="JLD1198" s="10"/>
      <c r="JLE1198" s="10"/>
      <c r="JLF1198" s="10"/>
      <c r="JLG1198" s="10"/>
      <c r="JLH1198" s="10"/>
      <c r="JLI1198" s="10"/>
      <c r="JLJ1198" s="10"/>
      <c r="JLK1198" s="10"/>
      <c r="JLL1198" s="10"/>
      <c r="JLM1198" s="10"/>
      <c r="JLN1198" s="10"/>
      <c r="JLO1198" s="10"/>
      <c r="JLP1198" s="10"/>
      <c r="JLQ1198" s="10"/>
      <c r="JLR1198" s="10"/>
      <c r="JLS1198" s="10"/>
      <c r="JLT1198" s="10"/>
      <c r="JLU1198" s="10"/>
      <c r="JLV1198" s="10"/>
      <c r="JLW1198" s="10"/>
      <c r="JLX1198" s="10"/>
      <c r="JLY1198" s="10"/>
      <c r="JLZ1198" s="10"/>
      <c r="JMA1198" s="10"/>
      <c r="JMB1198" s="10"/>
      <c r="JMC1198" s="10"/>
      <c r="JMD1198" s="10"/>
      <c r="JME1198" s="10"/>
      <c r="JMF1198" s="10"/>
      <c r="JMG1198" s="10"/>
      <c r="JMH1198" s="10"/>
      <c r="JMI1198" s="10"/>
      <c r="JMJ1198" s="10"/>
      <c r="JMK1198" s="10"/>
      <c r="JML1198" s="10"/>
      <c r="JMM1198" s="10"/>
      <c r="JMN1198" s="10"/>
      <c r="JMO1198" s="10"/>
      <c r="JMP1198" s="10"/>
      <c r="JMQ1198" s="10"/>
      <c r="JMR1198" s="10"/>
      <c r="JMS1198" s="10"/>
      <c r="JMT1198" s="10"/>
      <c r="JMU1198" s="10"/>
      <c r="JMV1198" s="10"/>
      <c r="JMW1198" s="10"/>
      <c r="JMX1198" s="10"/>
      <c r="JMY1198" s="10"/>
      <c r="JMZ1198" s="10"/>
      <c r="JNA1198" s="10"/>
      <c r="JNB1198" s="10"/>
      <c r="JNC1198" s="10"/>
      <c r="JND1198" s="10"/>
      <c r="JNE1198" s="10"/>
      <c r="JNF1198" s="10"/>
      <c r="JNG1198" s="10"/>
      <c r="JNH1198" s="10"/>
      <c r="JNI1198" s="10"/>
      <c r="JNJ1198" s="10"/>
      <c r="JNK1198" s="10"/>
      <c r="JNL1198" s="10"/>
      <c r="JNM1198" s="10"/>
      <c r="JNN1198" s="10"/>
      <c r="JNO1198" s="10"/>
      <c r="JNP1198" s="10"/>
      <c r="JNQ1198" s="10"/>
      <c r="JNR1198" s="10"/>
      <c r="JNS1198" s="10"/>
      <c r="JNT1198" s="10"/>
      <c r="JNU1198" s="10"/>
      <c r="JNV1198" s="10"/>
      <c r="JNW1198" s="10"/>
      <c r="JNX1198" s="10"/>
      <c r="JNY1198" s="10"/>
      <c r="JNZ1198" s="10"/>
      <c r="JOA1198" s="10"/>
      <c r="JOB1198" s="10"/>
      <c r="JOC1198" s="10"/>
      <c r="JOD1198" s="10"/>
      <c r="JOE1198" s="10"/>
      <c r="JOF1198" s="10"/>
      <c r="JOG1198" s="10"/>
      <c r="JOH1198" s="10"/>
      <c r="JOI1198" s="10"/>
      <c r="JOJ1198" s="10"/>
      <c r="JOK1198" s="10"/>
      <c r="JOL1198" s="10"/>
      <c r="JOM1198" s="10"/>
      <c r="JON1198" s="10"/>
      <c r="JOO1198" s="10"/>
      <c r="JOP1198" s="10"/>
      <c r="JOQ1198" s="10"/>
      <c r="JOR1198" s="10"/>
      <c r="JOS1198" s="10"/>
      <c r="JOT1198" s="10"/>
      <c r="JOU1198" s="10"/>
      <c r="JOV1198" s="10"/>
      <c r="JOW1198" s="10"/>
      <c r="JOX1198" s="10"/>
      <c r="JOY1198" s="10"/>
      <c r="JOZ1198" s="10"/>
      <c r="JPA1198" s="10"/>
      <c r="JPB1198" s="10"/>
      <c r="JPC1198" s="10"/>
      <c r="JPD1198" s="10"/>
      <c r="JPE1198" s="10"/>
      <c r="JPF1198" s="10"/>
      <c r="JPG1198" s="10"/>
      <c r="JPH1198" s="10"/>
      <c r="JPI1198" s="10"/>
      <c r="JPJ1198" s="10"/>
      <c r="JPK1198" s="10"/>
      <c r="JPL1198" s="10"/>
      <c r="JPM1198" s="10"/>
      <c r="JPN1198" s="10"/>
      <c r="JPO1198" s="10"/>
      <c r="JPP1198" s="10"/>
      <c r="JPQ1198" s="10"/>
      <c r="JPR1198" s="10"/>
      <c r="JPS1198" s="10"/>
      <c r="JPT1198" s="10"/>
      <c r="JPU1198" s="10"/>
      <c r="JPV1198" s="10"/>
      <c r="JPW1198" s="10"/>
      <c r="JPX1198" s="10"/>
      <c r="JPY1198" s="10"/>
      <c r="JPZ1198" s="10"/>
      <c r="JQA1198" s="10"/>
      <c r="JQB1198" s="10"/>
      <c r="JQC1198" s="10"/>
      <c r="JQD1198" s="10"/>
      <c r="JQE1198" s="10"/>
      <c r="JQF1198" s="10"/>
      <c r="JQG1198" s="10"/>
      <c r="JQH1198" s="10"/>
      <c r="JQI1198" s="10"/>
      <c r="JQJ1198" s="10"/>
      <c r="JQK1198" s="10"/>
      <c r="JQL1198" s="10"/>
      <c r="JQM1198" s="10"/>
      <c r="JQN1198" s="10"/>
      <c r="JQO1198" s="10"/>
      <c r="JQP1198" s="10"/>
      <c r="JQQ1198" s="10"/>
      <c r="JQR1198" s="10"/>
      <c r="JQS1198" s="10"/>
      <c r="JQT1198" s="10"/>
      <c r="JQU1198" s="10"/>
      <c r="JQV1198" s="10"/>
      <c r="JQW1198" s="10"/>
      <c r="JQX1198" s="10"/>
      <c r="JQY1198" s="10"/>
      <c r="JQZ1198" s="10"/>
      <c r="JRA1198" s="10"/>
      <c r="JRB1198" s="10"/>
      <c r="JRC1198" s="10"/>
      <c r="JRD1198" s="10"/>
      <c r="JRE1198" s="10"/>
      <c r="JRF1198" s="10"/>
      <c r="JRG1198" s="10"/>
      <c r="JRH1198" s="10"/>
      <c r="JRI1198" s="10"/>
      <c r="JRJ1198" s="10"/>
      <c r="JRK1198" s="10"/>
      <c r="JRL1198" s="10"/>
      <c r="JRM1198" s="10"/>
      <c r="JRN1198" s="10"/>
      <c r="JRO1198" s="10"/>
      <c r="JRP1198" s="10"/>
      <c r="JRQ1198" s="10"/>
      <c r="JRR1198" s="10"/>
      <c r="JRS1198" s="10"/>
      <c r="JRT1198" s="10"/>
      <c r="JRU1198" s="10"/>
      <c r="JRV1198" s="10"/>
      <c r="JRW1198" s="10"/>
      <c r="JRX1198" s="10"/>
      <c r="JRY1198" s="10"/>
      <c r="JRZ1198" s="10"/>
      <c r="JSA1198" s="10"/>
      <c r="JSB1198" s="10"/>
      <c r="JSC1198" s="10"/>
      <c r="JSD1198" s="10"/>
      <c r="JSE1198" s="10"/>
      <c r="JSF1198" s="10"/>
      <c r="JSG1198" s="10"/>
      <c r="JSH1198" s="10"/>
      <c r="JSI1198" s="10"/>
      <c r="JSJ1198" s="10"/>
      <c r="JSK1198" s="10"/>
      <c r="JSL1198" s="10"/>
      <c r="JSM1198" s="10"/>
      <c r="JSN1198" s="10"/>
      <c r="JSO1198" s="10"/>
      <c r="JSP1198" s="10"/>
      <c r="JSQ1198" s="10"/>
      <c r="JSR1198" s="10"/>
      <c r="JSS1198" s="10"/>
      <c r="JST1198" s="10"/>
      <c r="JSU1198" s="10"/>
      <c r="JSV1198" s="10"/>
      <c r="JSW1198" s="10"/>
      <c r="JSX1198" s="10"/>
      <c r="JSY1198" s="10"/>
      <c r="JSZ1198" s="10"/>
      <c r="JTA1198" s="10"/>
      <c r="JTB1198" s="10"/>
      <c r="JTC1198" s="10"/>
      <c r="JTD1198" s="10"/>
      <c r="JTE1198" s="10"/>
      <c r="JTF1198" s="10"/>
      <c r="JTG1198" s="10"/>
      <c r="JTH1198" s="10"/>
      <c r="JTI1198" s="10"/>
      <c r="JTJ1198" s="10"/>
      <c r="JTK1198" s="10"/>
      <c r="JTL1198" s="10"/>
      <c r="JTM1198" s="10"/>
      <c r="JTN1198" s="10"/>
      <c r="JTO1198" s="10"/>
      <c r="JTP1198" s="10"/>
      <c r="JTQ1198" s="10"/>
      <c r="JTR1198" s="10"/>
      <c r="JTS1198" s="10"/>
      <c r="JTT1198" s="10"/>
      <c r="JTU1198" s="10"/>
      <c r="JTV1198" s="10"/>
      <c r="JTW1198" s="10"/>
      <c r="JTX1198" s="10"/>
      <c r="JTY1198" s="10"/>
      <c r="JTZ1198" s="10"/>
      <c r="JUA1198" s="10"/>
      <c r="JUB1198" s="10"/>
      <c r="JUC1198" s="10"/>
      <c r="JUD1198" s="10"/>
      <c r="JUE1198" s="10"/>
      <c r="JUF1198" s="10"/>
      <c r="JUG1198" s="10"/>
      <c r="JUH1198" s="10"/>
      <c r="JUI1198" s="10"/>
      <c r="JUJ1198" s="10"/>
      <c r="JUK1198" s="10"/>
      <c r="JUL1198" s="10"/>
      <c r="JUM1198" s="10"/>
      <c r="JUN1198" s="10"/>
      <c r="JUO1198" s="10"/>
      <c r="JUP1198" s="10"/>
      <c r="JUQ1198" s="10"/>
      <c r="JUR1198" s="10"/>
      <c r="JUS1198" s="10"/>
      <c r="JUT1198" s="10"/>
      <c r="JUU1198" s="10"/>
      <c r="JUV1198" s="10"/>
      <c r="JUW1198" s="10"/>
      <c r="JUX1198" s="10"/>
      <c r="JUY1198" s="10"/>
      <c r="JUZ1198" s="10"/>
      <c r="JVA1198" s="10"/>
      <c r="JVB1198" s="10"/>
      <c r="JVC1198" s="10"/>
      <c r="JVD1198" s="10"/>
      <c r="JVE1198" s="10"/>
      <c r="JVF1198" s="10"/>
      <c r="JVG1198" s="10"/>
      <c r="JVH1198" s="10"/>
      <c r="JVI1198" s="10"/>
      <c r="JVJ1198" s="10"/>
      <c r="JVK1198" s="10"/>
      <c r="JVL1198" s="10"/>
      <c r="JVM1198" s="10"/>
      <c r="JVN1198" s="10"/>
      <c r="JVO1198" s="10"/>
      <c r="JVP1198" s="10"/>
      <c r="JVQ1198" s="10"/>
      <c r="JVR1198" s="10"/>
      <c r="JVS1198" s="10"/>
      <c r="JVT1198" s="10"/>
      <c r="JVU1198" s="10"/>
      <c r="JVV1198" s="10"/>
      <c r="JVW1198" s="10"/>
      <c r="JVX1198" s="10"/>
      <c r="JVY1198" s="10"/>
      <c r="JVZ1198" s="10"/>
      <c r="JWA1198" s="10"/>
      <c r="JWB1198" s="10"/>
      <c r="JWC1198" s="10"/>
      <c r="JWD1198" s="10"/>
      <c r="JWE1198" s="10"/>
      <c r="JWF1198" s="10"/>
      <c r="JWG1198" s="10"/>
      <c r="JWH1198" s="10"/>
      <c r="JWI1198" s="10"/>
      <c r="JWJ1198" s="10"/>
      <c r="JWK1198" s="10"/>
      <c r="JWL1198" s="10"/>
      <c r="JWM1198" s="10"/>
      <c r="JWN1198" s="10"/>
      <c r="JWO1198" s="10"/>
      <c r="JWP1198" s="10"/>
      <c r="JWQ1198" s="10"/>
      <c r="JWR1198" s="10"/>
      <c r="JWS1198" s="10"/>
      <c r="JWT1198" s="10"/>
      <c r="JWU1198" s="10"/>
      <c r="JWV1198" s="10"/>
      <c r="JWW1198" s="10"/>
      <c r="JWX1198" s="10"/>
      <c r="JWY1198" s="10"/>
      <c r="JWZ1198" s="10"/>
      <c r="JXA1198" s="10"/>
      <c r="JXB1198" s="10"/>
      <c r="JXC1198" s="10"/>
      <c r="JXD1198" s="10"/>
      <c r="JXE1198" s="10"/>
      <c r="JXF1198" s="10"/>
      <c r="JXG1198" s="10"/>
      <c r="JXH1198" s="10"/>
      <c r="JXI1198" s="10"/>
      <c r="JXJ1198" s="10"/>
      <c r="JXK1198" s="10"/>
      <c r="JXL1198" s="10"/>
      <c r="JXM1198" s="10"/>
      <c r="JXN1198" s="10"/>
      <c r="JXO1198" s="10"/>
      <c r="JXP1198" s="10"/>
      <c r="JXQ1198" s="10"/>
      <c r="JXR1198" s="10"/>
      <c r="JXS1198" s="10"/>
      <c r="JXT1198" s="10"/>
      <c r="JXU1198" s="10"/>
      <c r="JXV1198" s="10"/>
      <c r="JXW1198" s="10"/>
      <c r="JXX1198" s="10"/>
      <c r="JXY1198" s="10"/>
      <c r="JXZ1198" s="10"/>
      <c r="JYA1198" s="10"/>
      <c r="JYB1198" s="10"/>
      <c r="JYC1198" s="10"/>
      <c r="JYD1198" s="10"/>
      <c r="JYE1198" s="10"/>
      <c r="JYF1198" s="10"/>
      <c r="JYG1198" s="10"/>
      <c r="JYH1198" s="10"/>
      <c r="JYI1198" s="10"/>
      <c r="JYJ1198" s="10"/>
      <c r="JYK1198" s="10"/>
      <c r="JYL1198" s="10"/>
      <c r="JYM1198" s="10"/>
      <c r="JYN1198" s="10"/>
      <c r="JYO1198" s="10"/>
      <c r="JYP1198" s="10"/>
      <c r="JYQ1198" s="10"/>
      <c r="JYR1198" s="10"/>
      <c r="JYS1198" s="10"/>
      <c r="JYT1198" s="10"/>
      <c r="JYU1198" s="10"/>
      <c r="JYV1198" s="10"/>
      <c r="JYW1198" s="10"/>
      <c r="JYX1198" s="10"/>
      <c r="JYY1198" s="10"/>
      <c r="JYZ1198" s="10"/>
      <c r="JZA1198" s="10"/>
      <c r="JZB1198" s="10"/>
      <c r="JZC1198" s="10"/>
      <c r="JZD1198" s="10"/>
      <c r="JZE1198" s="10"/>
      <c r="JZF1198" s="10"/>
      <c r="JZG1198" s="10"/>
      <c r="JZH1198" s="10"/>
      <c r="JZI1198" s="10"/>
      <c r="JZJ1198" s="10"/>
      <c r="JZK1198" s="10"/>
      <c r="JZL1198" s="10"/>
      <c r="JZM1198" s="10"/>
      <c r="JZN1198" s="10"/>
      <c r="JZO1198" s="10"/>
      <c r="JZP1198" s="10"/>
      <c r="JZQ1198" s="10"/>
      <c r="JZR1198" s="10"/>
      <c r="JZS1198" s="10"/>
      <c r="JZT1198" s="10"/>
      <c r="JZU1198" s="10"/>
      <c r="JZV1198" s="10"/>
      <c r="JZW1198" s="10"/>
      <c r="JZX1198" s="10"/>
      <c r="JZY1198" s="10"/>
      <c r="JZZ1198" s="10"/>
      <c r="KAA1198" s="10"/>
      <c r="KAB1198" s="10"/>
      <c r="KAC1198" s="10"/>
      <c r="KAD1198" s="10"/>
      <c r="KAE1198" s="10"/>
      <c r="KAF1198" s="10"/>
      <c r="KAG1198" s="10"/>
      <c r="KAH1198" s="10"/>
      <c r="KAI1198" s="10"/>
      <c r="KAJ1198" s="10"/>
      <c r="KAK1198" s="10"/>
      <c r="KAL1198" s="10"/>
      <c r="KAM1198" s="10"/>
      <c r="KAN1198" s="10"/>
      <c r="KAO1198" s="10"/>
      <c r="KAP1198" s="10"/>
      <c r="KAQ1198" s="10"/>
      <c r="KAR1198" s="10"/>
      <c r="KAS1198" s="10"/>
      <c r="KAT1198" s="10"/>
      <c r="KAU1198" s="10"/>
      <c r="KAV1198" s="10"/>
      <c r="KAW1198" s="10"/>
      <c r="KAX1198" s="10"/>
      <c r="KAY1198" s="10"/>
      <c r="KAZ1198" s="10"/>
      <c r="KBA1198" s="10"/>
      <c r="KBB1198" s="10"/>
      <c r="KBC1198" s="10"/>
      <c r="KBD1198" s="10"/>
      <c r="KBE1198" s="10"/>
      <c r="KBF1198" s="10"/>
      <c r="KBG1198" s="10"/>
      <c r="KBH1198" s="10"/>
      <c r="KBI1198" s="10"/>
      <c r="KBJ1198" s="10"/>
      <c r="KBK1198" s="10"/>
      <c r="KBL1198" s="10"/>
      <c r="KBM1198" s="10"/>
      <c r="KBN1198" s="10"/>
      <c r="KBO1198" s="10"/>
      <c r="KBP1198" s="10"/>
      <c r="KBQ1198" s="10"/>
      <c r="KBR1198" s="10"/>
      <c r="KBS1198" s="10"/>
      <c r="KBT1198" s="10"/>
      <c r="KBU1198" s="10"/>
      <c r="KBV1198" s="10"/>
      <c r="KBW1198" s="10"/>
      <c r="KBX1198" s="10"/>
      <c r="KBY1198" s="10"/>
      <c r="KBZ1198" s="10"/>
      <c r="KCA1198" s="10"/>
      <c r="KCB1198" s="10"/>
      <c r="KCC1198" s="10"/>
      <c r="KCD1198" s="10"/>
      <c r="KCE1198" s="10"/>
      <c r="KCF1198" s="10"/>
      <c r="KCG1198" s="10"/>
      <c r="KCH1198" s="10"/>
      <c r="KCI1198" s="10"/>
      <c r="KCJ1198" s="10"/>
      <c r="KCK1198" s="10"/>
      <c r="KCL1198" s="10"/>
      <c r="KCM1198" s="10"/>
      <c r="KCN1198" s="10"/>
      <c r="KCO1198" s="10"/>
      <c r="KCP1198" s="10"/>
      <c r="KCQ1198" s="10"/>
      <c r="KCR1198" s="10"/>
      <c r="KCS1198" s="10"/>
      <c r="KCT1198" s="10"/>
      <c r="KCU1198" s="10"/>
      <c r="KCV1198" s="10"/>
      <c r="KCW1198" s="10"/>
      <c r="KCX1198" s="10"/>
      <c r="KCY1198" s="10"/>
      <c r="KCZ1198" s="10"/>
      <c r="KDA1198" s="10"/>
      <c r="KDB1198" s="10"/>
      <c r="KDC1198" s="10"/>
      <c r="KDD1198" s="10"/>
      <c r="KDE1198" s="10"/>
      <c r="KDF1198" s="10"/>
      <c r="KDG1198" s="10"/>
      <c r="KDH1198" s="10"/>
      <c r="KDI1198" s="10"/>
      <c r="KDJ1198" s="10"/>
      <c r="KDK1198" s="10"/>
      <c r="KDL1198" s="10"/>
      <c r="KDM1198" s="10"/>
      <c r="KDN1198" s="10"/>
      <c r="KDO1198" s="10"/>
      <c r="KDP1198" s="10"/>
      <c r="KDQ1198" s="10"/>
      <c r="KDR1198" s="10"/>
      <c r="KDS1198" s="10"/>
      <c r="KDT1198" s="10"/>
      <c r="KDU1198" s="10"/>
      <c r="KDV1198" s="10"/>
      <c r="KDW1198" s="10"/>
      <c r="KDX1198" s="10"/>
      <c r="KDY1198" s="10"/>
      <c r="KDZ1198" s="10"/>
      <c r="KEA1198" s="10"/>
      <c r="KEB1198" s="10"/>
      <c r="KEC1198" s="10"/>
      <c r="KED1198" s="10"/>
      <c r="KEE1198" s="10"/>
      <c r="KEF1198" s="10"/>
      <c r="KEG1198" s="10"/>
      <c r="KEH1198" s="10"/>
      <c r="KEI1198" s="10"/>
      <c r="KEJ1198" s="10"/>
      <c r="KEK1198" s="10"/>
      <c r="KEL1198" s="10"/>
      <c r="KEM1198" s="10"/>
      <c r="KEN1198" s="10"/>
      <c r="KEO1198" s="10"/>
      <c r="KEP1198" s="10"/>
      <c r="KEQ1198" s="10"/>
      <c r="KER1198" s="10"/>
      <c r="KES1198" s="10"/>
      <c r="KET1198" s="10"/>
      <c r="KEU1198" s="10"/>
      <c r="KEV1198" s="10"/>
      <c r="KEW1198" s="10"/>
      <c r="KEX1198" s="10"/>
      <c r="KEY1198" s="10"/>
      <c r="KEZ1198" s="10"/>
      <c r="KFA1198" s="10"/>
      <c r="KFB1198" s="10"/>
      <c r="KFC1198" s="10"/>
      <c r="KFD1198" s="10"/>
      <c r="KFE1198" s="10"/>
      <c r="KFF1198" s="10"/>
      <c r="KFG1198" s="10"/>
      <c r="KFH1198" s="10"/>
      <c r="KFI1198" s="10"/>
      <c r="KFJ1198" s="10"/>
      <c r="KFK1198" s="10"/>
      <c r="KFL1198" s="10"/>
      <c r="KFM1198" s="10"/>
      <c r="KFN1198" s="10"/>
      <c r="KFO1198" s="10"/>
      <c r="KFP1198" s="10"/>
      <c r="KFQ1198" s="10"/>
      <c r="KFR1198" s="10"/>
      <c r="KFS1198" s="10"/>
      <c r="KFT1198" s="10"/>
      <c r="KFU1198" s="10"/>
      <c r="KFV1198" s="10"/>
      <c r="KFW1198" s="10"/>
      <c r="KFX1198" s="10"/>
      <c r="KFY1198" s="10"/>
      <c r="KFZ1198" s="10"/>
      <c r="KGA1198" s="10"/>
      <c r="KGB1198" s="10"/>
      <c r="KGC1198" s="10"/>
      <c r="KGD1198" s="10"/>
      <c r="KGE1198" s="10"/>
      <c r="KGF1198" s="10"/>
      <c r="KGG1198" s="10"/>
      <c r="KGH1198" s="10"/>
      <c r="KGI1198" s="10"/>
      <c r="KGJ1198" s="10"/>
      <c r="KGK1198" s="10"/>
      <c r="KGL1198" s="10"/>
      <c r="KGM1198" s="10"/>
      <c r="KGN1198" s="10"/>
      <c r="KGO1198" s="10"/>
      <c r="KGP1198" s="10"/>
      <c r="KGQ1198" s="10"/>
      <c r="KGR1198" s="10"/>
      <c r="KGS1198" s="10"/>
      <c r="KGT1198" s="10"/>
      <c r="KGU1198" s="10"/>
      <c r="KGV1198" s="10"/>
      <c r="KGW1198" s="10"/>
      <c r="KGX1198" s="10"/>
      <c r="KGY1198" s="10"/>
      <c r="KGZ1198" s="10"/>
      <c r="KHA1198" s="10"/>
      <c r="KHB1198" s="10"/>
      <c r="KHC1198" s="10"/>
      <c r="KHD1198" s="10"/>
      <c r="KHE1198" s="10"/>
      <c r="KHF1198" s="10"/>
      <c r="KHG1198" s="10"/>
      <c r="KHH1198" s="10"/>
      <c r="KHI1198" s="10"/>
      <c r="KHJ1198" s="10"/>
      <c r="KHK1198" s="10"/>
      <c r="KHL1198" s="10"/>
      <c r="KHM1198" s="10"/>
      <c r="KHN1198" s="10"/>
      <c r="KHO1198" s="10"/>
      <c r="KHP1198" s="10"/>
      <c r="KHQ1198" s="10"/>
      <c r="KHR1198" s="10"/>
      <c r="KHS1198" s="10"/>
      <c r="KHT1198" s="10"/>
      <c r="KHU1198" s="10"/>
      <c r="KHV1198" s="10"/>
      <c r="KHW1198" s="10"/>
      <c r="KHX1198" s="10"/>
      <c r="KHY1198" s="10"/>
      <c r="KHZ1198" s="10"/>
      <c r="KIA1198" s="10"/>
      <c r="KIB1198" s="10"/>
      <c r="KIC1198" s="10"/>
      <c r="KID1198" s="10"/>
      <c r="KIE1198" s="10"/>
      <c r="KIF1198" s="10"/>
      <c r="KIG1198" s="10"/>
      <c r="KIH1198" s="10"/>
      <c r="KII1198" s="10"/>
      <c r="KIJ1198" s="10"/>
      <c r="KIK1198" s="10"/>
      <c r="KIL1198" s="10"/>
      <c r="KIM1198" s="10"/>
      <c r="KIN1198" s="10"/>
      <c r="KIO1198" s="10"/>
      <c r="KIP1198" s="10"/>
      <c r="KIQ1198" s="10"/>
      <c r="KIR1198" s="10"/>
      <c r="KIS1198" s="10"/>
      <c r="KIT1198" s="10"/>
      <c r="KIU1198" s="10"/>
      <c r="KIV1198" s="10"/>
      <c r="KIW1198" s="10"/>
      <c r="KIX1198" s="10"/>
      <c r="KIY1198" s="10"/>
      <c r="KIZ1198" s="10"/>
      <c r="KJA1198" s="10"/>
      <c r="KJB1198" s="10"/>
      <c r="KJC1198" s="10"/>
      <c r="KJD1198" s="10"/>
      <c r="KJE1198" s="10"/>
      <c r="KJF1198" s="10"/>
      <c r="KJG1198" s="10"/>
      <c r="KJH1198" s="10"/>
      <c r="KJI1198" s="10"/>
      <c r="KJJ1198" s="10"/>
      <c r="KJK1198" s="10"/>
      <c r="KJL1198" s="10"/>
      <c r="KJM1198" s="10"/>
      <c r="KJN1198" s="10"/>
      <c r="KJO1198" s="10"/>
      <c r="KJP1198" s="10"/>
      <c r="KJQ1198" s="10"/>
      <c r="KJR1198" s="10"/>
      <c r="KJS1198" s="10"/>
      <c r="KJT1198" s="10"/>
      <c r="KJU1198" s="10"/>
      <c r="KJV1198" s="10"/>
      <c r="KJW1198" s="10"/>
      <c r="KJX1198" s="10"/>
      <c r="KJY1198" s="10"/>
      <c r="KJZ1198" s="10"/>
      <c r="KKA1198" s="10"/>
      <c r="KKB1198" s="10"/>
      <c r="KKC1198" s="10"/>
      <c r="KKD1198" s="10"/>
      <c r="KKE1198" s="10"/>
      <c r="KKF1198" s="10"/>
      <c r="KKG1198" s="10"/>
      <c r="KKH1198" s="10"/>
      <c r="KKI1198" s="10"/>
      <c r="KKJ1198" s="10"/>
      <c r="KKK1198" s="10"/>
      <c r="KKL1198" s="10"/>
      <c r="KKM1198" s="10"/>
      <c r="KKN1198" s="10"/>
      <c r="KKO1198" s="10"/>
      <c r="KKP1198" s="10"/>
      <c r="KKQ1198" s="10"/>
      <c r="KKR1198" s="10"/>
      <c r="KKS1198" s="10"/>
      <c r="KKT1198" s="10"/>
      <c r="KKU1198" s="10"/>
      <c r="KKV1198" s="10"/>
      <c r="KKW1198" s="10"/>
      <c r="KKX1198" s="10"/>
      <c r="KKY1198" s="10"/>
      <c r="KKZ1198" s="10"/>
      <c r="KLA1198" s="10"/>
      <c r="KLB1198" s="10"/>
      <c r="KLC1198" s="10"/>
      <c r="KLD1198" s="10"/>
      <c r="KLE1198" s="10"/>
      <c r="KLF1198" s="10"/>
      <c r="KLG1198" s="10"/>
      <c r="KLH1198" s="10"/>
      <c r="KLI1198" s="10"/>
      <c r="KLJ1198" s="10"/>
      <c r="KLK1198" s="10"/>
      <c r="KLL1198" s="10"/>
      <c r="KLM1198" s="10"/>
      <c r="KLN1198" s="10"/>
      <c r="KLO1198" s="10"/>
      <c r="KLP1198" s="10"/>
      <c r="KLQ1198" s="10"/>
      <c r="KLR1198" s="10"/>
      <c r="KLS1198" s="10"/>
      <c r="KLT1198" s="10"/>
      <c r="KLU1198" s="10"/>
      <c r="KLV1198" s="10"/>
      <c r="KLW1198" s="10"/>
      <c r="KLX1198" s="10"/>
      <c r="KLY1198" s="10"/>
      <c r="KLZ1198" s="10"/>
      <c r="KMA1198" s="10"/>
      <c r="KMB1198" s="10"/>
      <c r="KMC1198" s="10"/>
      <c r="KMD1198" s="10"/>
      <c r="KME1198" s="10"/>
      <c r="KMF1198" s="10"/>
      <c r="KMG1198" s="10"/>
      <c r="KMH1198" s="10"/>
      <c r="KMI1198" s="10"/>
      <c r="KMJ1198" s="10"/>
      <c r="KMK1198" s="10"/>
      <c r="KML1198" s="10"/>
      <c r="KMM1198" s="10"/>
      <c r="KMN1198" s="10"/>
      <c r="KMO1198" s="10"/>
      <c r="KMP1198" s="10"/>
      <c r="KMQ1198" s="10"/>
      <c r="KMR1198" s="10"/>
      <c r="KMS1198" s="10"/>
      <c r="KMT1198" s="10"/>
      <c r="KMU1198" s="10"/>
      <c r="KMV1198" s="10"/>
      <c r="KMW1198" s="10"/>
      <c r="KMX1198" s="10"/>
      <c r="KMY1198" s="10"/>
      <c r="KMZ1198" s="10"/>
      <c r="KNA1198" s="10"/>
      <c r="KNB1198" s="10"/>
      <c r="KNC1198" s="10"/>
      <c r="KND1198" s="10"/>
      <c r="KNE1198" s="10"/>
      <c r="KNF1198" s="10"/>
      <c r="KNG1198" s="10"/>
      <c r="KNH1198" s="10"/>
      <c r="KNI1198" s="10"/>
      <c r="KNJ1198" s="10"/>
      <c r="KNK1198" s="10"/>
      <c r="KNL1198" s="10"/>
      <c r="KNM1198" s="10"/>
      <c r="KNN1198" s="10"/>
      <c r="KNO1198" s="10"/>
      <c r="KNP1198" s="10"/>
      <c r="KNQ1198" s="10"/>
      <c r="KNR1198" s="10"/>
      <c r="KNS1198" s="10"/>
      <c r="KNT1198" s="10"/>
      <c r="KNU1198" s="10"/>
      <c r="KNV1198" s="10"/>
      <c r="KNW1198" s="10"/>
      <c r="KNX1198" s="10"/>
      <c r="KNY1198" s="10"/>
      <c r="KNZ1198" s="10"/>
      <c r="KOA1198" s="10"/>
      <c r="KOB1198" s="10"/>
      <c r="KOC1198" s="10"/>
      <c r="KOD1198" s="10"/>
      <c r="KOE1198" s="10"/>
      <c r="KOF1198" s="10"/>
      <c r="KOG1198" s="10"/>
      <c r="KOH1198" s="10"/>
      <c r="KOI1198" s="10"/>
      <c r="KOJ1198" s="10"/>
      <c r="KOK1198" s="10"/>
      <c r="KOL1198" s="10"/>
      <c r="KOM1198" s="10"/>
      <c r="KON1198" s="10"/>
      <c r="KOO1198" s="10"/>
      <c r="KOP1198" s="10"/>
      <c r="KOQ1198" s="10"/>
      <c r="KOR1198" s="10"/>
      <c r="KOS1198" s="10"/>
      <c r="KOT1198" s="10"/>
      <c r="KOU1198" s="10"/>
      <c r="KOV1198" s="10"/>
      <c r="KOW1198" s="10"/>
      <c r="KOX1198" s="10"/>
      <c r="KOY1198" s="10"/>
      <c r="KOZ1198" s="10"/>
      <c r="KPA1198" s="10"/>
      <c r="KPB1198" s="10"/>
      <c r="KPC1198" s="10"/>
      <c r="KPD1198" s="10"/>
      <c r="KPE1198" s="10"/>
      <c r="KPF1198" s="10"/>
      <c r="KPG1198" s="10"/>
      <c r="KPH1198" s="10"/>
      <c r="KPI1198" s="10"/>
      <c r="KPJ1198" s="10"/>
      <c r="KPK1198" s="10"/>
      <c r="KPL1198" s="10"/>
      <c r="KPM1198" s="10"/>
      <c r="KPN1198" s="10"/>
      <c r="KPO1198" s="10"/>
      <c r="KPP1198" s="10"/>
      <c r="KPQ1198" s="10"/>
      <c r="KPR1198" s="10"/>
      <c r="KPS1198" s="10"/>
      <c r="KPT1198" s="10"/>
      <c r="KPU1198" s="10"/>
      <c r="KPV1198" s="10"/>
      <c r="KPW1198" s="10"/>
      <c r="KPX1198" s="10"/>
      <c r="KPY1198" s="10"/>
      <c r="KPZ1198" s="10"/>
      <c r="KQA1198" s="10"/>
      <c r="KQB1198" s="10"/>
      <c r="KQC1198" s="10"/>
      <c r="KQD1198" s="10"/>
      <c r="KQE1198" s="10"/>
      <c r="KQF1198" s="10"/>
      <c r="KQG1198" s="10"/>
      <c r="KQH1198" s="10"/>
      <c r="KQI1198" s="10"/>
      <c r="KQJ1198" s="10"/>
      <c r="KQK1198" s="10"/>
      <c r="KQL1198" s="10"/>
      <c r="KQM1198" s="10"/>
      <c r="KQN1198" s="10"/>
      <c r="KQO1198" s="10"/>
      <c r="KQP1198" s="10"/>
      <c r="KQQ1198" s="10"/>
      <c r="KQR1198" s="10"/>
      <c r="KQS1198" s="10"/>
      <c r="KQT1198" s="10"/>
      <c r="KQU1198" s="10"/>
      <c r="KQV1198" s="10"/>
      <c r="KQW1198" s="10"/>
      <c r="KQX1198" s="10"/>
      <c r="KQY1198" s="10"/>
      <c r="KQZ1198" s="10"/>
      <c r="KRA1198" s="10"/>
      <c r="KRB1198" s="10"/>
      <c r="KRC1198" s="10"/>
      <c r="KRD1198" s="10"/>
      <c r="KRE1198" s="10"/>
      <c r="KRF1198" s="10"/>
      <c r="KRG1198" s="10"/>
      <c r="KRH1198" s="10"/>
      <c r="KRI1198" s="10"/>
      <c r="KRJ1198" s="10"/>
      <c r="KRK1198" s="10"/>
      <c r="KRL1198" s="10"/>
      <c r="KRM1198" s="10"/>
      <c r="KRN1198" s="10"/>
      <c r="KRO1198" s="10"/>
      <c r="KRP1198" s="10"/>
      <c r="KRQ1198" s="10"/>
      <c r="KRR1198" s="10"/>
      <c r="KRS1198" s="10"/>
      <c r="KRT1198" s="10"/>
      <c r="KRU1198" s="10"/>
      <c r="KRV1198" s="10"/>
      <c r="KRW1198" s="10"/>
      <c r="KRX1198" s="10"/>
      <c r="KRY1198" s="10"/>
      <c r="KRZ1198" s="10"/>
      <c r="KSA1198" s="10"/>
      <c r="KSB1198" s="10"/>
      <c r="KSC1198" s="10"/>
      <c r="KSD1198" s="10"/>
      <c r="KSE1198" s="10"/>
      <c r="KSF1198" s="10"/>
      <c r="KSG1198" s="10"/>
      <c r="KSH1198" s="10"/>
      <c r="KSI1198" s="10"/>
      <c r="KSJ1198" s="10"/>
      <c r="KSK1198" s="10"/>
      <c r="KSL1198" s="10"/>
      <c r="KSM1198" s="10"/>
      <c r="KSN1198" s="10"/>
      <c r="KSO1198" s="10"/>
      <c r="KSP1198" s="10"/>
      <c r="KSQ1198" s="10"/>
      <c r="KSR1198" s="10"/>
      <c r="KSS1198" s="10"/>
      <c r="KST1198" s="10"/>
      <c r="KSU1198" s="10"/>
      <c r="KSV1198" s="10"/>
      <c r="KSW1198" s="10"/>
      <c r="KSX1198" s="10"/>
      <c r="KSY1198" s="10"/>
      <c r="KSZ1198" s="10"/>
      <c r="KTA1198" s="10"/>
      <c r="KTB1198" s="10"/>
      <c r="KTC1198" s="10"/>
      <c r="KTD1198" s="10"/>
      <c r="KTE1198" s="10"/>
      <c r="KTF1198" s="10"/>
      <c r="KTG1198" s="10"/>
      <c r="KTH1198" s="10"/>
      <c r="KTI1198" s="10"/>
      <c r="KTJ1198" s="10"/>
      <c r="KTK1198" s="10"/>
      <c r="KTL1198" s="10"/>
      <c r="KTM1198" s="10"/>
      <c r="KTN1198" s="10"/>
      <c r="KTO1198" s="10"/>
      <c r="KTP1198" s="10"/>
      <c r="KTQ1198" s="10"/>
      <c r="KTR1198" s="10"/>
      <c r="KTS1198" s="10"/>
      <c r="KTT1198" s="10"/>
      <c r="KTU1198" s="10"/>
      <c r="KTV1198" s="10"/>
      <c r="KTW1198" s="10"/>
      <c r="KTX1198" s="10"/>
      <c r="KTY1198" s="10"/>
      <c r="KTZ1198" s="10"/>
      <c r="KUA1198" s="10"/>
      <c r="KUB1198" s="10"/>
      <c r="KUC1198" s="10"/>
      <c r="KUD1198" s="10"/>
      <c r="KUE1198" s="10"/>
      <c r="KUF1198" s="10"/>
      <c r="KUG1198" s="10"/>
      <c r="KUH1198" s="10"/>
      <c r="KUI1198" s="10"/>
      <c r="KUJ1198" s="10"/>
      <c r="KUK1198" s="10"/>
      <c r="KUL1198" s="10"/>
      <c r="KUM1198" s="10"/>
      <c r="KUN1198" s="10"/>
      <c r="KUO1198" s="10"/>
      <c r="KUP1198" s="10"/>
      <c r="KUQ1198" s="10"/>
      <c r="KUR1198" s="10"/>
      <c r="KUS1198" s="10"/>
      <c r="KUT1198" s="10"/>
      <c r="KUU1198" s="10"/>
      <c r="KUV1198" s="10"/>
      <c r="KUW1198" s="10"/>
      <c r="KUX1198" s="10"/>
      <c r="KUY1198" s="10"/>
      <c r="KUZ1198" s="10"/>
      <c r="KVA1198" s="10"/>
      <c r="KVB1198" s="10"/>
      <c r="KVC1198" s="10"/>
      <c r="KVD1198" s="10"/>
      <c r="KVE1198" s="10"/>
      <c r="KVF1198" s="10"/>
      <c r="KVG1198" s="10"/>
      <c r="KVH1198" s="10"/>
      <c r="KVI1198" s="10"/>
      <c r="KVJ1198" s="10"/>
      <c r="KVK1198" s="10"/>
      <c r="KVL1198" s="10"/>
      <c r="KVM1198" s="10"/>
      <c r="KVN1198" s="10"/>
      <c r="KVO1198" s="10"/>
      <c r="KVP1198" s="10"/>
      <c r="KVQ1198" s="10"/>
      <c r="KVR1198" s="10"/>
      <c r="KVS1198" s="10"/>
      <c r="KVT1198" s="10"/>
      <c r="KVU1198" s="10"/>
      <c r="KVV1198" s="10"/>
      <c r="KVW1198" s="10"/>
      <c r="KVX1198" s="10"/>
      <c r="KVY1198" s="10"/>
      <c r="KVZ1198" s="10"/>
      <c r="KWA1198" s="10"/>
      <c r="KWB1198" s="10"/>
      <c r="KWC1198" s="10"/>
      <c r="KWD1198" s="10"/>
      <c r="KWE1198" s="10"/>
      <c r="KWF1198" s="10"/>
      <c r="KWG1198" s="10"/>
      <c r="KWH1198" s="10"/>
      <c r="KWI1198" s="10"/>
      <c r="KWJ1198" s="10"/>
      <c r="KWK1198" s="10"/>
      <c r="KWL1198" s="10"/>
      <c r="KWM1198" s="10"/>
      <c r="KWN1198" s="10"/>
      <c r="KWO1198" s="10"/>
      <c r="KWP1198" s="10"/>
      <c r="KWQ1198" s="10"/>
      <c r="KWR1198" s="10"/>
      <c r="KWS1198" s="10"/>
      <c r="KWT1198" s="10"/>
      <c r="KWU1198" s="10"/>
      <c r="KWV1198" s="10"/>
      <c r="KWW1198" s="10"/>
      <c r="KWX1198" s="10"/>
      <c r="KWY1198" s="10"/>
      <c r="KWZ1198" s="10"/>
      <c r="KXA1198" s="10"/>
      <c r="KXB1198" s="10"/>
      <c r="KXC1198" s="10"/>
      <c r="KXD1198" s="10"/>
      <c r="KXE1198" s="10"/>
      <c r="KXF1198" s="10"/>
      <c r="KXG1198" s="10"/>
      <c r="KXH1198" s="10"/>
      <c r="KXI1198" s="10"/>
      <c r="KXJ1198" s="10"/>
      <c r="KXK1198" s="10"/>
      <c r="KXL1198" s="10"/>
      <c r="KXM1198" s="10"/>
      <c r="KXN1198" s="10"/>
      <c r="KXO1198" s="10"/>
      <c r="KXP1198" s="10"/>
      <c r="KXQ1198" s="10"/>
      <c r="KXR1198" s="10"/>
      <c r="KXS1198" s="10"/>
      <c r="KXT1198" s="10"/>
      <c r="KXU1198" s="10"/>
      <c r="KXV1198" s="10"/>
      <c r="KXW1198" s="10"/>
      <c r="KXX1198" s="10"/>
      <c r="KXY1198" s="10"/>
      <c r="KXZ1198" s="10"/>
      <c r="KYA1198" s="10"/>
      <c r="KYB1198" s="10"/>
      <c r="KYC1198" s="10"/>
      <c r="KYD1198" s="10"/>
      <c r="KYE1198" s="10"/>
      <c r="KYF1198" s="10"/>
      <c r="KYG1198" s="10"/>
      <c r="KYH1198" s="10"/>
      <c r="KYI1198" s="10"/>
      <c r="KYJ1198" s="10"/>
      <c r="KYK1198" s="10"/>
      <c r="KYL1198" s="10"/>
      <c r="KYM1198" s="10"/>
      <c r="KYN1198" s="10"/>
      <c r="KYO1198" s="10"/>
      <c r="KYP1198" s="10"/>
      <c r="KYQ1198" s="10"/>
      <c r="KYR1198" s="10"/>
      <c r="KYS1198" s="10"/>
      <c r="KYT1198" s="10"/>
      <c r="KYU1198" s="10"/>
      <c r="KYV1198" s="10"/>
      <c r="KYW1198" s="10"/>
      <c r="KYX1198" s="10"/>
      <c r="KYY1198" s="10"/>
      <c r="KYZ1198" s="10"/>
      <c r="KZA1198" s="10"/>
      <c r="KZB1198" s="10"/>
      <c r="KZC1198" s="10"/>
      <c r="KZD1198" s="10"/>
      <c r="KZE1198" s="10"/>
      <c r="KZF1198" s="10"/>
      <c r="KZG1198" s="10"/>
      <c r="KZH1198" s="10"/>
      <c r="KZI1198" s="10"/>
      <c r="KZJ1198" s="10"/>
      <c r="KZK1198" s="10"/>
      <c r="KZL1198" s="10"/>
      <c r="KZM1198" s="10"/>
      <c r="KZN1198" s="10"/>
      <c r="KZO1198" s="10"/>
      <c r="KZP1198" s="10"/>
      <c r="KZQ1198" s="10"/>
      <c r="KZR1198" s="10"/>
      <c r="KZS1198" s="10"/>
      <c r="KZT1198" s="10"/>
      <c r="KZU1198" s="10"/>
      <c r="KZV1198" s="10"/>
      <c r="KZW1198" s="10"/>
      <c r="KZX1198" s="10"/>
      <c r="KZY1198" s="10"/>
      <c r="KZZ1198" s="10"/>
      <c r="LAA1198" s="10"/>
      <c r="LAB1198" s="10"/>
      <c r="LAC1198" s="10"/>
      <c r="LAD1198" s="10"/>
      <c r="LAE1198" s="10"/>
      <c r="LAF1198" s="10"/>
      <c r="LAG1198" s="10"/>
      <c r="LAH1198" s="10"/>
      <c r="LAI1198" s="10"/>
      <c r="LAJ1198" s="10"/>
      <c r="LAK1198" s="10"/>
      <c r="LAL1198" s="10"/>
      <c r="LAM1198" s="10"/>
      <c r="LAN1198" s="10"/>
      <c r="LAO1198" s="10"/>
      <c r="LAP1198" s="10"/>
      <c r="LAQ1198" s="10"/>
      <c r="LAR1198" s="10"/>
      <c r="LAS1198" s="10"/>
      <c r="LAT1198" s="10"/>
      <c r="LAU1198" s="10"/>
      <c r="LAV1198" s="10"/>
      <c r="LAW1198" s="10"/>
      <c r="LAX1198" s="10"/>
      <c r="LAY1198" s="10"/>
      <c r="LAZ1198" s="10"/>
      <c r="LBA1198" s="10"/>
      <c r="LBB1198" s="10"/>
      <c r="LBC1198" s="10"/>
      <c r="LBD1198" s="10"/>
      <c r="LBE1198" s="10"/>
      <c r="LBF1198" s="10"/>
      <c r="LBG1198" s="10"/>
      <c r="LBH1198" s="10"/>
      <c r="LBI1198" s="10"/>
      <c r="LBJ1198" s="10"/>
      <c r="LBK1198" s="10"/>
      <c r="LBL1198" s="10"/>
      <c r="LBM1198" s="10"/>
      <c r="LBN1198" s="10"/>
      <c r="LBO1198" s="10"/>
      <c r="LBP1198" s="10"/>
      <c r="LBQ1198" s="10"/>
      <c r="LBR1198" s="10"/>
      <c r="LBS1198" s="10"/>
      <c r="LBT1198" s="10"/>
      <c r="LBU1198" s="10"/>
      <c r="LBV1198" s="10"/>
      <c r="LBW1198" s="10"/>
      <c r="LBX1198" s="10"/>
      <c r="LBY1198" s="10"/>
      <c r="LBZ1198" s="10"/>
      <c r="LCA1198" s="10"/>
      <c r="LCB1198" s="10"/>
      <c r="LCC1198" s="10"/>
      <c r="LCD1198" s="10"/>
      <c r="LCE1198" s="10"/>
      <c r="LCF1198" s="10"/>
      <c r="LCG1198" s="10"/>
      <c r="LCH1198" s="10"/>
      <c r="LCI1198" s="10"/>
      <c r="LCJ1198" s="10"/>
      <c r="LCK1198" s="10"/>
      <c r="LCL1198" s="10"/>
      <c r="LCM1198" s="10"/>
      <c r="LCN1198" s="10"/>
      <c r="LCO1198" s="10"/>
      <c r="LCP1198" s="10"/>
      <c r="LCQ1198" s="10"/>
      <c r="LCR1198" s="10"/>
      <c r="LCS1198" s="10"/>
      <c r="LCT1198" s="10"/>
      <c r="LCU1198" s="10"/>
      <c r="LCV1198" s="10"/>
      <c r="LCW1198" s="10"/>
      <c r="LCX1198" s="10"/>
      <c r="LCY1198" s="10"/>
      <c r="LCZ1198" s="10"/>
      <c r="LDA1198" s="10"/>
      <c r="LDB1198" s="10"/>
      <c r="LDC1198" s="10"/>
      <c r="LDD1198" s="10"/>
      <c r="LDE1198" s="10"/>
      <c r="LDF1198" s="10"/>
      <c r="LDG1198" s="10"/>
      <c r="LDH1198" s="10"/>
      <c r="LDI1198" s="10"/>
      <c r="LDJ1198" s="10"/>
      <c r="LDK1198" s="10"/>
      <c r="LDL1198" s="10"/>
      <c r="LDM1198" s="10"/>
      <c r="LDN1198" s="10"/>
      <c r="LDO1198" s="10"/>
      <c r="LDP1198" s="10"/>
      <c r="LDQ1198" s="10"/>
      <c r="LDR1198" s="10"/>
      <c r="LDS1198" s="10"/>
      <c r="LDT1198" s="10"/>
      <c r="LDU1198" s="10"/>
      <c r="LDV1198" s="10"/>
      <c r="LDW1198" s="10"/>
      <c r="LDX1198" s="10"/>
      <c r="LDY1198" s="10"/>
      <c r="LDZ1198" s="10"/>
      <c r="LEA1198" s="10"/>
      <c r="LEB1198" s="10"/>
      <c r="LEC1198" s="10"/>
      <c r="LED1198" s="10"/>
      <c r="LEE1198" s="10"/>
      <c r="LEF1198" s="10"/>
      <c r="LEG1198" s="10"/>
      <c r="LEH1198" s="10"/>
      <c r="LEI1198" s="10"/>
      <c r="LEJ1198" s="10"/>
      <c r="LEK1198" s="10"/>
      <c r="LEL1198" s="10"/>
      <c r="LEM1198" s="10"/>
      <c r="LEN1198" s="10"/>
      <c r="LEO1198" s="10"/>
      <c r="LEP1198" s="10"/>
      <c r="LEQ1198" s="10"/>
      <c r="LER1198" s="10"/>
      <c r="LES1198" s="10"/>
      <c r="LET1198" s="10"/>
      <c r="LEU1198" s="10"/>
      <c r="LEV1198" s="10"/>
      <c r="LEW1198" s="10"/>
      <c r="LEX1198" s="10"/>
      <c r="LEY1198" s="10"/>
      <c r="LEZ1198" s="10"/>
      <c r="LFA1198" s="10"/>
      <c r="LFB1198" s="10"/>
      <c r="LFC1198" s="10"/>
      <c r="LFD1198" s="10"/>
      <c r="LFE1198" s="10"/>
      <c r="LFF1198" s="10"/>
      <c r="LFG1198" s="10"/>
      <c r="LFH1198" s="10"/>
      <c r="LFI1198" s="10"/>
      <c r="LFJ1198" s="10"/>
      <c r="LFK1198" s="10"/>
      <c r="LFL1198" s="10"/>
      <c r="LFM1198" s="10"/>
      <c r="LFN1198" s="10"/>
      <c r="LFO1198" s="10"/>
      <c r="LFP1198" s="10"/>
      <c r="LFQ1198" s="10"/>
      <c r="LFR1198" s="10"/>
      <c r="LFS1198" s="10"/>
      <c r="LFT1198" s="10"/>
      <c r="LFU1198" s="10"/>
      <c r="LFV1198" s="10"/>
      <c r="LFW1198" s="10"/>
      <c r="LFX1198" s="10"/>
      <c r="LFY1198" s="10"/>
      <c r="LFZ1198" s="10"/>
      <c r="LGA1198" s="10"/>
      <c r="LGB1198" s="10"/>
      <c r="LGC1198" s="10"/>
      <c r="LGD1198" s="10"/>
      <c r="LGE1198" s="10"/>
      <c r="LGF1198" s="10"/>
      <c r="LGG1198" s="10"/>
      <c r="LGH1198" s="10"/>
      <c r="LGI1198" s="10"/>
      <c r="LGJ1198" s="10"/>
      <c r="LGK1198" s="10"/>
      <c r="LGL1198" s="10"/>
      <c r="LGM1198" s="10"/>
      <c r="LGN1198" s="10"/>
      <c r="LGO1198" s="10"/>
      <c r="LGP1198" s="10"/>
      <c r="LGQ1198" s="10"/>
      <c r="LGR1198" s="10"/>
      <c r="LGS1198" s="10"/>
      <c r="LGT1198" s="10"/>
      <c r="LGU1198" s="10"/>
      <c r="LGV1198" s="10"/>
      <c r="LGW1198" s="10"/>
      <c r="LGX1198" s="10"/>
      <c r="LGY1198" s="10"/>
      <c r="LGZ1198" s="10"/>
      <c r="LHA1198" s="10"/>
      <c r="LHB1198" s="10"/>
      <c r="LHC1198" s="10"/>
      <c r="LHD1198" s="10"/>
      <c r="LHE1198" s="10"/>
      <c r="LHF1198" s="10"/>
      <c r="LHG1198" s="10"/>
      <c r="LHH1198" s="10"/>
      <c r="LHI1198" s="10"/>
      <c r="LHJ1198" s="10"/>
      <c r="LHK1198" s="10"/>
      <c r="LHL1198" s="10"/>
      <c r="LHM1198" s="10"/>
      <c r="LHN1198" s="10"/>
      <c r="LHO1198" s="10"/>
      <c r="LHP1198" s="10"/>
      <c r="LHQ1198" s="10"/>
      <c r="LHR1198" s="10"/>
      <c r="LHS1198" s="10"/>
      <c r="LHT1198" s="10"/>
      <c r="LHU1198" s="10"/>
      <c r="LHV1198" s="10"/>
      <c r="LHW1198" s="10"/>
      <c r="LHX1198" s="10"/>
      <c r="LHY1198" s="10"/>
      <c r="LHZ1198" s="10"/>
      <c r="LIA1198" s="10"/>
      <c r="LIB1198" s="10"/>
      <c r="LIC1198" s="10"/>
      <c r="LID1198" s="10"/>
      <c r="LIE1198" s="10"/>
      <c r="LIF1198" s="10"/>
      <c r="LIG1198" s="10"/>
      <c r="LIH1198" s="10"/>
      <c r="LII1198" s="10"/>
      <c r="LIJ1198" s="10"/>
      <c r="LIK1198" s="10"/>
      <c r="LIL1198" s="10"/>
      <c r="LIM1198" s="10"/>
      <c r="LIN1198" s="10"/>
      <c r="LIO1198" s="10"/>
      <c r="LIP1198" s="10"/>
      <c r="LIQ1198" s="10"/>
      <c r="LIR1198" s="10"/>
      <c r="LIS1198" s="10"/>
      <c r="LIT1198" s="10"/>
      <c r="LIU1198" s="10"/>
      <c r="LIV1198" s="10"/>
      <c r="LIW1198" s="10"/>
      <c r="LIX1198" s="10"/>
      <c r="LIY1198" s="10"/>
      <c r="LIZ1198" s="10"/>
      <c r="LJA1198" s="10"/>
      <c r="LJB1198" s="10"/>
      <c r="LJC1198" s="10"/>
      <c r="LJD1198" s="10"/>
      <c r="LJE1198" s="10"/>
      <c r="LJF1198" s="10"/>
      <c r="LJG1198" s="10"/>
      <c r="LJH1198" s="10"/>
      <c r="LJI1198" s="10"/>
      <c r="LJJ1198" s="10"/>
      <c r="LJK1198" s="10"/>
      <c r="LJL1198" s="10"/>
      <c r="LJM1198" s="10"/>
      <c r="LJN1198" s="10"/>
      <c r="LJO1198" s="10"/>
      <c r="LJP1198" s="10"/>
      <c r="LJQ1198" s="10"/>
      <c r="LJR1198" s="10"/>
      <c r="LJS1198" s="10"/>
      <c r="LJT1198" s="10"/>
      <c r="LJU1198" s="10"/>
      <c r="LJV1198" s="10"/>
      <c r="LJW1198" s="10"/>
      <c r="LJX1198" s="10"/>
      <c r="LJY1198" s="10"/>
      <c r="LJZ1198" s="10"/>
      <c r="LKA1198" s="10"/>
      <c r="LKB1198" s="10"/>
      <c r="LKC1198" s="10"/>
      <c r="LKD1198" s="10"/>
      <c r="LKE1198" s="10"/>
      <c r="LKF1198" s="10"/>
      <c r="LKG1198" s="10"/>
      <c r="LKH1198" s="10"/>
      <c r="LKI1198" s="10"/>
      <c r="LKJ1198" s="10"/>
      <c r="LKK1198" s="10"/>
      <c r="LKL1198" s="10"/>
      <c r="LKM1198" s="10"/>
      <c r="LKN1198" s="10"/>
      <c r="LKO1198" s="10"/>
      <c r="LKP1198" s="10"/>
      <c r="LKQ1198" s="10"/>
      <c r="LKR1198" s="10"/>
      <c r="LKS1198" s="10"/>
      <c r="LKT1198" s="10"/>
      <c r="LKU1198" s="10"/>
      <c r="LKV1198" s="10"/>
      <c r="LKW1198" s="10"/>
      <c r="LKX1198" s="10"/>
      <c r="LKY1198" s="10"/>
      <c r="LKZ1198" s="10"/>
      <c r="LLA1198" s="10"/>
      <c r="LLB1198" s="10"/>
      <c r="LLC1198" s="10"/>
      <c r="LLD1198" s="10"/>
      <c r="LLE1198" s="10"/>
      <c r="LLF1198" s="10"/>
      <c r="LLG1198" s="10"/>
      <c r="LLH1198" s="10"/>
      <c r="LLI1198" s="10"/>
      <c r="LLJ1198" s="10"/>
      <c r="LLK1198" s="10"/>
      <c r="LLL1198" s="10"/>
      <c r="LLM1198" s="10"/>
      <c r="LLN1198" s="10"/>
      <c r="LLO1198" s="10"/>
      <c r="LLP1198" s="10"/>
      <c r="LLQ1198" s="10"/>
      <c r="LLR1198" s="10"/>
      <c r="LLS1198" s="10"/>
      <c r="LLT1198" s="10"/>
      <c r="LLU1198" s="10"/>
      <c r="LLV1198" s="10"/>
      <c r="LLW1198" s="10"/>
      <c r="LLX1198" s="10"/>
      <c r="LLY1198" s="10"/>
      <c r="LLZ1198" s="10"/>
      <c r="LMA1198" s="10"/>
      <c r="LMB1198" s="10"/>
      <c r="LMC1198" s="10"/>
      <c r="LMD1198" s="10"/>
      <c r="LME1198" s="10"/>
      <c r="LMF1198" s="10"/>
      <c r="LMG1198" s="10"/>
      <c r="LMH1198" s="10"/>
      <c r="LMI1198" s="10"/>
      <c r="LMJ1198" s="10"/>
      <c r="LMK1198" s="10"/>
      <c r="LML1198" s="10"/>
      <c r="LMM1198" s="10"/>
      <c r="LMN1198" s="10"/>
      <c r="LMO1198" s="10"/>
      <c r="LMP1198" s="10"/>
      <c r="LMQ1198" s="10"/>
      <c r="LMR1198" s="10"/>
      <c r="LMS1198" s="10"/>
      <c r="LMT1198" s="10"/>
      <c r="LMU1198" s="10"/>
      <c r="LMV1198" s="10"/>
      <c r="LMW1198" s="10"/>
      <c r="LMX1198" s="10"/>
      <c r="LMY1198" s="10"/>
      <c r="LMZ1198" s="10"/>
      <c r="LNA1198" s="10"/>
      <c r="LNB1198" s="10"/>
      <c r="LNC1198" s="10"/>
      <c r="LND1198" s="10"/>
      <c r="LNE1198" s="10"/>
      <c r="LNF1198" s="10"/>
      <c r="LNG1198" s="10"/>
      <c r="LNH1198" s="10"/>
      <c r="LNI1198" s="10"/>
      <c r="LNJ1198" s="10"/>
      <c r="LNK1198" s="10"/>
      <c r="LNL1198" s="10"/>
      <c r="LNM1198" s="10"/>
      <c r="LNN1198" s="10"/>
      <c r="LNO1198" s="10"/>
      <c r="LNP1198" s="10"/>
      <c r="LNQ1198" s="10"/>
      <c r="LNR1198" s="10"/>
      <c r="LNS1198" s="10"/>
      <c r="LNT1198" s="10"/>
      <c r="LNU1198" s="10"/>
      <c r="LNV1198" s="10"/>
      <c r="LNW1198" s="10"/>
      <c r="LNX1198" s="10"/>
      <c r="LNY1198" s="10"/>
      <c r="LNZ1198" s="10"/>
      <c r="LOA1198" s="10"/>
      <c r="LOB1198" s="10"/>
      <c r="LOC1198" s="10"/>
      <c r="LOD1198" s="10"/>
      <c r="LOE1198" s="10"/>
      <c r="LOF1198" s="10"/>
      <c r="LOG1198" s="10"/>
      <c r="LOH1198" s="10"/>
      <c r="LOI1198" s="10"/>
      <c r="LOJ1198" s="10"/>
      <c r="LOK1198" s="10"/>
      <c r="LOL1198" s="10"/>
      <c r="LOM1198" s="10"/>
      <c r="LON1198" s="10"/>
      <c r="LOO1198" s="10"/>
      <c r="LOP1198" s="10"/>
      <c r="LOQ1198" s="10"/>
      <c r="LOR1198" s="10"/>
      <c r="LOS1198" s="10"/>
      <c r="LOT1198" s="10"/>
      <c r="LOU1198" s="10"/>
      <c r="LOV1198" s="10"/>
      <c r="LOW1198" s="10"/>
      <c r="LOX1198" s="10"/>
      <c r="LOY1198" s="10"/>
      <c r="LOZ1198" s="10"/>
      <c r="LPA1198" s="10"/>
      <c r="LPB1198" s="10"/>
      <c r="LPC1198" s="10"/>
      <c r="LPD1198" s="10"/>
      <c r="LPE1198" s="10"/>
      <c r="LPF1198" s="10"/>
      <c r="LPG1198" s="10"/>
      <c r="LPH1198" s="10"/>
      <c r="LPI1198" s="10"/>
      <c r="LPJ1198" s="10"/>
      <c r="LPK1198" s="10"/>
      <c r="LPL1198" s="10"/>
      <c r="LPM1198" s="10"/>
      <c r="LPN1198" s="10"/>
      <c r="LPO1198" s="10"/>
      <c r="LPP1198" s="10"/>
      <c r="LPQ1198" s="10"/>
      <c r="LPR1198" s="10"/>
      <c r="LPS1198" s="10"/>
      <c r="LPT1198" s="10"/>
      <c r="LPU1198" s="10"/>
      <c r="LPV1198" s="10"/>
      <c r="LPW1198" s="10"/>
      <c r="LPX1198" s="10"/>
      <c r="LPY1198" s="10"/>
      <c r="LPZ1198" s="10"/>
      <c r="LQA1198" s="10"/>
      <c r="LQB1198" s="10"/>
      <c r="LQC1198" s="10"/>
      <c r="LQD1198" s="10"/>
      <c r="LQE1198" s="10"/>
      <c r="LQF1198" s="10"/>
      <c r="LQG1198" s="10"/>
      <c r="LQH1198" s="10"/>
      <c r="LQI1198" s="10"/>
      <c r="LQJ1198" s="10"/>
      <c r="LQK1198" s="10"/>
      <c r="LQL1198" s="10"/>
      <c r="LQM1198" s="10"/>
      <c r="LQN1198" s="10"/>
      <c r="LQO1198" s="10"/>
      <c r="LQP1198" s="10"/>
      <c r="LQQ1198" s="10"/>
      <c r="LQR1198" s="10"/>
      <c r="LQS1198" s="10"/>
      <c r="LQT1198" s="10"/>
      <c r="LQU1198" s="10"/>
      <c r="LQV1198" s="10"/>
      <c r="LQW1198" s="10"/>
      <c r="LQX1198" s="10"/>
      <c r="LQY1198" s="10"/>
      <c r="LQZ1198" s="10"/>
      <c r="LRA1198" s="10"/>
      <c r="LRB1198" s="10"/>
      <c r="LRC1198" s="10"/>
      <c r="LRD1198" s="10"/>
      <c r="LRE1198" s="10"/>
      <c r="LRF1198" s="10"/>
      <c r="LRG1198" s="10"/>
      <c r="LRH1198" s="10"/>
      <c r="LRI1198" s="10"/>
      <c r="LRJ1198" s="10"/>
      <c r="LRK1198" s="10"/>
      <c r="LRL1198" s="10"/>
      <c r="LRM1198" s="10"/>
      <c r="LRN1198" s="10"/>
      <c r="LRO1198" s="10"/>
      <c r="LRP1198" s="10"/>
      <c r="LRQ1198" s="10"/>
      <c r="LRR1198" s="10"/>
      <c r="LRS1198" s="10"/>
      <c r="LRT1198" s="10"/>
      <c r="LRU1198" s="10"/>
      <c r="LRV1198" s="10"/>
      <c r="LRW1198" s="10"/>
      <c r="LRX1198" s="10"/>
      <c r="LRY1198" s="10"/>
      <c r="LRZ1198" s="10"/>
      <c r="LSA1198" s="10"/>
      <c r="LSB1198" s="10"/>
      <c r="LSC1198" s="10"/>
      <c r="LSD1198" s="10"/>
      <c r="LSE1198" s="10"/>
      <c r="LSF1198" s="10"/>
      <c r="LSG1198" s="10"/>
      <c r="LSH1198" s="10"/>
      <c r="LSI1198" s="10"/>
      <c r="LSJ1198" s="10"/>
      <c r="LSK1198" s="10"/>
      <c r="LSL1198" s="10"/>
      <c r="LSM1198" s="10"/>
      <c r="LSN1198" s="10"/>
      <c r="LSO1198" s="10"/>
      <c r="LSP1198" s="10"/>
      <c r="LSQ1198" s="10"/>
      <c r="LSR1198" s="10"/>
      <c r="LSS1198" s="10"/>
      <c r="LST1198" s="10"/>
      <c r="LSU1198" s="10"/>
      <c r="LSV1198" s="10"/>
      <c r="LSW1198" s="10"/>
      <c r="LSX1198" s="10"/>
      <c r="LSY1198" s="10"/>
      <c r="LSZ1198" s="10"/>
      <c r="LTA1198" s="10"/>
      <c r="LTB1198" s="10"/>
      <c r="LTC1198" s="10"/>
      <c r="LTD1198" s="10"/>
      <c r="LTE1198" s="10"/>
      <c r="LTF1198" s="10"/>
      <c r="LTG1198" s="10"/>
      <c r="LTH1198" s="10"/>
      <c r="LTI1198" s="10"/>
      <c r="LTJ1198" s="10"/>
      <c r="LTK1198" s="10"/>
      <c r="LTL1198" s="10"/>
      <c r="LTM1198" s="10"/>
      <c r="LTN1198" s="10"/>
      <c r="LTO1198" s="10"/>
      <c r="LTP1198" s="10"/>
      <c r="LTQ1198" s="10"/>
      <c r="LTR1198" s="10"/>
      <c r="LTS1198" s="10"/>
      <c r="LTT1198" s="10"/>
      <c r="LTU1198" s="10"/>
      <c r="LTV1198" s="10"/>
      <c r="LTW1198" s="10"/>
      <c r="LTX1198" s="10"/>
      <c r="LTY1198" s="10"/>
      <c r="LTZ1198" s="10"/>
      <c r="LUA1198" s="10"/>
      <c r="LUB1198" s="10"/>
      <c r="LUC1198" s="10"/>
      <c r="LUD1198" s="10"/>
      <c r="LUE1198" s="10"/>
      <c r="LUF1198" s="10"/>
      <c r="LUG1198" s="10"/>
      <c r="LUH1198" s="10"/>
      <c r="LUI1198" s="10"/>
      <c r="LUJ1198" s="10"/>
      <c r="LUK1198" s="10"/>
      <c r="LUL1198" s="10"/>
      <c r="LUM1198" s="10"/>
      <c r="LUN1198" s="10"/>
      <c r="LUO1198" s="10"/>
      <c r="LUP1198" s="10"/>
      <c r="LUQ1198" s="10"/>
      <c r="LUR1198" s="10"/>
      <c r="LUS1198" s="10"/>
      <c r="LUT1198" s="10"/>
      <c r="LUU1198" s="10"/>
      <c r="LUV1198" s="10"/>
      <c r="LUW1198" s="10"/>
      <c r="LUX1198" s="10"/>
      <c r="LUY1198" s="10"/>
      <c r="LUZ1198" s="10"/>
      <c r="LVA1198" s="10"/>
      <c r="LVB1198" s="10"/>
      <c r="LVC1198" s="10"/>
      <c r="LVD1198" s="10"/>
      <c r="LVE1198" s="10"/>
      <c r="LVF1198" s="10"/>
      <c r="LVG1198" s="10"/>
      <c r="LVH1198" s="10"/>
      <c r="LVI1198" s="10"/>
      <c r="LVJ1198" s="10"/>
      <c r="LVK1198" s="10"/>
      <c r="LVL1198" s="10"/>
      <c r="LVM1198" s="10"/>
      <c r="LVN1198" s="10"/>
      <c r="LVO1198" s="10"/>
      <c r="LVP1198" s="10"/>
      <c r="LVQ1198" s="10"/>
      <c r="LVR1198" s="10"/>
      <c r="LVS1198" s="10"/>
      <c r="LVT1198" s="10"/>
      <c r="LVU1198" s="10"/>
      <c r="LVV1198" s="10"/>
      <c r="LVW1198" s="10"/>
      <c r="LVX1198" s="10"/>
      <c r="LVY1198" s="10"/>
      <c r="LVZ1198" s="10"/>
      <c r="LWA1198" s="10"/>
      <c r="LWB1198" s="10"/>
      <c r="LWC1198" s="10"/>
      <c r="LWD1198" s="10"/>
      <c r="LWE1198" s="10"/>
      <c r="LWF1198" s="10"/>
      <c r="LWG1198" s="10"/>
      <c r="LWH1198" s="10"/>
      <c r="LWI1198" s="10"/>
      <c r="LWJ1198" s="10"/>
      <c r="LWK1198" s="10"/>
      <c r="LWL1198" s="10"/>
      <c r="LWM1198" s="10"/>
      <c r="LWN1198" s="10"/>
      <c r="LWO1198" s="10"/>
      <c r="LWP1198" s="10"/>
      <c r="LWQ1198" s="10"/>
      <c r="LWR1198" s="10"/>
      <c r="LWS1198" s="10"/>
      <c r="LWT1198" s="10"/>
      <c r="LWU1198" s="10"/>
      <c r="LWV1198" s="10"/>
      <c r="LWW1198" s="10"/>
      <c r="LWX1198" s="10"/>
      <c r="LWY1198" s="10"/>
      <c r="LWZ1198" s="10"/>
      <c r="LXA1198" s="10"/>
      <c r="LXB1198" s="10"/>
      <c r="LXC1198" s="10"/>
      <c r="LXD1198" s="10"/>
      <c r="LXE1198" s="10"/>
      <c r="LXF1198" s="10"/>
      <c r="LXG1198" s="10"/>
      <c r="LXH1198" s="10"/>
      <c r="LXI1198" s="10"/>
      <c r="LXJ1198" s="10"/>
      <c r="LXK1198" s="10"/>
      <c r="LXL1198" s="10"/>
      <c r="LXM1198" s="10"/>
      <c r="LXN1198" s="10"/>
      <c r="LXO1198" s="10"/>
      <c r="LXP1198" s="10"/>
      <c r="LXQ1198" s="10"/>
      <c r="LXR1198" s="10"/>
      <c r="LXS1198" s="10"/>
      <c r="LXT1198" s="10"/>
      <c r="LXU1198" s="10"/>
      <c r="LXV1198" s="10"/>
      <c r="LXW1198" s="10"/>
      <c r="LXX1198" s="10"/>
      <c r="LXY1198" s="10"/>
      <c r="LXZ1198" s="10"/>
      <c r="LYA1198" s="10"/>
      <c r="LYB1198" s="10"/>
      <c r="LYC1198" s="10"/>
      <c r="LYD1198" s="10"/>
      <c r="LYE1198" s="10"/>
      <c r="LYF1198" s="10"/>
      <c r="LYG1198" s="10"/>
      <c r="LYH1198" s="10"/>
      <c r="LYI1198" s="10"/>
      <c r="LYJ1198" s="10"/>
      <c r="LYK1198" s="10"/>
      <c r="LYL1198" s="10"/>
      <c r="LYM1198" s="10"/>
      <c r="LYN1198" s="10"/>
      <c r="LYO1198" s="10"/>
      <c r="LYP1198" s="10"/>
      <c r="LYQ1198" s="10"/>
      <c r="LYR1198" s="10"/>
      <c r="LYS1198" s="10"/>
      <c r="LYT1198" s="10"/>
      <c r="LYU1198" s="10"/>
      <c r="LYV1198" s="10"/>
      <c r="LYW1198" s="10"/>
      <c r="LYX1198" s="10"/>
      <c r="LYY1198" s="10"/>
      <c r="LYZ1198" s="10"/>
      <c r="LZA1198" s="10"/>
      <c r="LZB1198" s="10"/>
      <c r="LZC1198" s="10"/>
      <c r="LZD1198" s="10"/>
      <c r="LZE1198" s="10"/>
      <c r="LZF1198" s="10"/>
      <c r="LZG1198" s="10"/>
      <c r="LZH1198" s="10"/>
      <c r="LZI1198" s="10"/>
      <c r="LZJ1198" s="10"/>
      <c r="LZK1198" s="10"/>
      <c r="LZL1198" s="10"/>
      <c r="LZM1198" s="10"/>
      <c r="LZN1198" s="10"/>
      <c r="LZO1198" s="10"/>
      <c r="LZP1198" s="10"/>
      <c r="LZQ1198" s="10"/>
      <c r="LZR1198" s="10"/>
      <c r="LZS1198" s="10"/>
      <c r="LZT1198" s="10"/>
      <c r="LZU1198" s="10"/>
      <c r="LZV1198" s="10"/>
      <c r="LZW1198" s="10"/>
      <c r="LZX1198" s="10"/>
      <c r="LZY1198" s="10"/>
      <c r="LZZ1198" s="10"/>
      <c r="MAA1198" s="10"/>
      <c r="MAB1198" s="10"/>
      <c r="MAC1198" s="10"/>
      <c r="MAD1198" s="10"/>
      <c r="MAE1198" s="10"/>
      <c r="MAF1198" s="10"/>
      <c r="MAG1198" s="10"/>
      <c r="MAH1198" s="10"/>
      <c r="MAI1198" s="10"/>
      <c r="MAJ1198" s="10"/>
      <c r="MAK1198" s="10"/>
      <c r="MAL1198" s="10"/>
      <c r="MAM1198" s="10"/>
      <c r="MAN1198" s="10"/>
      <c r="MAO1198" s="10"/>
      <c r="MAP1198" s="10"/>
      <c r="MAQ1198" s="10"/>
      <c r="MAR1198" s="10"/>
      <c r="MAS1198" s="10"/>
      <c r="MAT1198" s="10"/>
      <c r="MAU1198" s="10"/>
      <c r="MAV1198" s="10"/>
      <c r="MAW1198" s="10"/>
      <c r="MAX1198" s="10"/>
      <c r="MAY1198" s="10"/>
      <c r="MAZ1198" s="10"/>
      <c r="MBA1198" s="10"/>
      <c r="MBB1198" s="10"/>
      <c r="MBC1198" s="10"/>
      <c r="MBD1198" s="10"/>
      <c r="MBE1198" s="10"/>
      <c r="MBF1198" s="10"/>
      <c r="MBG1198" s="10"/>
      <c r="MBH1198" s="10"/>
      <c r="MBI1198" s="10"/>
      <c r="MBJ1198" s="10"/>
      <c r="MBK1198" s="10"/>
      <c r="MBL1198" s="10"/>
      <c r="MBM1198" s="10"/>
      <c r="MBN1198" s="10"/>
      <c r="MBO1198" s="10"/>
      <c r="MBP1198" s="10"/>
      <c r="MBQ1198" s="10"/>
      <c r="MBR1198" s="10"/>
      <c r="MBS1198" s="10"/>
      <c r="MBT1198" s="10"/>
      <c r="MBU1198" s="10"/>
      <c r="MBV1198" s="10"/>
      <c r="MBW1198" s="10"/>
      <c r="MBX1198" s="10"/>
      <c r="MBY1198" s="10"/>
      <c r="MBZ1198" s="10"/>
      <c r="MCA1198" s="10"/>
      <c r="MCB1198" s="10"/>
      <c r="MCC1198" s="10"/>
      <c r="MCD1198" s="10"/>
      <c r="MCE1198" s="10"/>
      <c r="MCF1198" s="10"/>
      <c r="MCG1198" s="10"/>
      <c r="MCH1198" s="10"/>
      <c r="MCI1198" s="10"/>
      <c r="MCJ1198" s="10"/>
      <c r="MCK1198" s="10"/>
      <c r="MCL1198" s="10"/>
      <c r="MCM1198" s="10"/>
      <c r="MCN1198" s="10"/>
      <c r="MCO1198" s="10"/>
      <c r="MCP1198" s="10"/>
      <c r="MCQ1198" s="10"/>
      <c r="MCR1198" s="10"/>
      <c r="MCS1198" s="10"/>
      <c r="MCT1198" s="10"/>
      <c r="MCU1198" s="10"/>
      <c r="MCV1198" s="10"/>
      <c r="MCW1198" s="10"/>
      <c r="MCX1198" s="10"/>
      <c r="MCY1198" s="10"/>
      <c r="MCZ1198" s="10"/>
      <c r="MDA1198" s="10"/>
      <c r="MDB1198" s="10"/>
      <c r="MDC1198" s="10"/>
      <c r="MDD1198" s="10"/>
      <c r="MDE1198" s="10"/>
      <c r="MDF1198" s="10"/>
      <c r="MDG1198" s="10"/>
      <c r="MDH1198" s="10"/>
      <c r="MDI1198" s="10"/>
      <c r="MDJ1198" s="10"/>
      <c r="MDK1198" s="10"/>
      <c r="MDL1198" s="10"/>
      <c r="MDM1198" s="10"/>
      <c r="MDN1198" s="10"/>
      <c r="MDO1198" s="10"/>
      <c r="MDP1198" s="10"/>
      <c r="MDQ1198" s="10"/>
      <c r="MDR1198" s="10"/>
      <c r="MDS1198" s="10"/>
      <c r="MDT1198" s="10"/>
      <c r="MDU1198" s="10"/>
      <c r="MDV1198" s="10"/>
      <c r="MDW1198" s="10"/>
      <c r="MDX1198" s="10"/>
      <c r="MDY1198" s="10"/>
      <c r="MDZ1198" s="10"/>
      <c r="MEA1198" s="10"/>
      <c r="MEB1198" s="10"/>
      <c r="MEC1198" s="10"/>
      <c r="MED1198" s="10"/>
      <c r="MEE1198" s="10"/>
      <c r="MEF1198" s="10"/>
      <c r="MEG1198" s="10"/>
      <c r="MEH1198" s="10"/>
      <c r="MEI1198" s="10"/>
      <c r="MEJ1198" s="10"/>
      <c r="MEK1198" s="10"/>
      <c r="MEL1198" s="10"/>
      <c r="MEM1198" s="10"/>
      <c r="MEN1198" s="10"/>
      <c r="MEO1198" s="10"/>
      <c r="MEP1198" s="10"/>
      <c r="MEQ1198" s="10"/>
      <c r="MER1198" s="10"/>
      <c r="MES1198" s="10"/>
      <c r="MET1198" s="10"/>
      <c r="MEU1198" s="10"/>
      <c r="MEV1198" s="10"/>
      <c r="MEW1198" s="10"/>
      <c r="MEX1198" s="10"/>
      <c r="MEY1198" s="10"/>
      <c r="MEZ1198" s="10"/>
      <c r="MFA1198" s="10"/>
      <c r="MFB1198" s="10"/>
      <c r="MFC1198" s="10"/>
      <c r="MFD1198" s="10"/>
      <c r="MFE1198" s="10"/>
      <c r="MFF1198" s="10"/>
      <c r="MFG1198" s="10"/>
      <c r="MFH1198" s="10"/>
      <c r="MFI1198" s="10"/>
      <c r="MFJ1198" s="10"/>
      <c r="MFK1198" s="10"/>
      <c r="MFL1198" s="10"/>
      <c r="MFM1198" s="10"/>
      <c r="MFN1198" s="10"/>
      <c r="MFO1198" s="10"/>
      <c r="MFP1198" s="10"/>
      <c r="MFQ1198" s="10"/>
      <c r="MFR1198" s="10"/>
      <c r="MFS1198" s="10"/>
      <c r="MFT1198" s="10"/>
      <c r="MFU1198" s="10"/>
      <c r="MFV1198" s="10"/>
      <c r="MFW1198" s="10"/>
      <c r="MFX1198" s="10"/>
      <c r="MFY1198" s="10"/>
      <c r="MFZ1198" s="10"/>
      <c r="MGA1198" s="10"/>
      <c r="MGB1198" s="10"/>
      <c r="MGC1198" s="10"/>
      <c r="MGD1198" s="10"/>
      <c r="MGE1198" s="10"/>
      <c r="MGF1198" s="10"/>
      <c r="MGG1198" s="10"/>
      <c r="MGH1198" s="10"/>
      <c r="MGI1198" s="10"/>
      <c r="MGJ1198" s="10"/>
      <c r="MGK1198" s="10"/>
      <c r="MGL1198" s="10"/>
      <c r="MGM1198" s="10"/>
      <c r="MGN1198" s="10"/>
      <c r="MGO1198" s="10"/>
      <c r="MGP1198" s="10"/>
      <c r="MGQ1198" s="10"/>
      <c r="MGR1198" s="10"/>
      <c r="MGS1198" s="10"/>
      <c r="MGT1198" s="10"/>
      <c r="MGU1198" s="10"/>
      <c r="MGV1198" s="10"/>
      <c r="MGW1198" s="10"/>
      <c r="MGX1198" s="10"/>
      <c r="MGY1198" s="10"/>
      <c r="MGZ1198" s="10"/>
      <c r="MHA1198" s="10"/>
      <c r="MHB1198" s="10"/>
      <c r="MHC1198" s="10"/>
      <c r="MHD1198" s="10"/>
      <c r="MHE1198" s="10"/>
      <c r="MHF1198" s="10"/>
      <c r="MHG1198" s="10"/>
      <c r="MHH1198" s="10"/>
      <c r="MHI1198" s="10"/>
      <c r="MHJ1198" s="10"/>
      <c r="MHK1198" s="10"/>
      <c r="MHL1198" s="10"/>
      <c r="MHM1198" s="10"/>
      <c r="MHN1198" s="10"/>
      <c r="MHO1198" s="10"/>
      <c r="MHP1198" s="10"/>
      <c r="MHQ1198" s="10"/>
      <c r="MHR1198" s="10"/>
      <c r="MHS1198" s="10"/>
      <c r="MHT1198" s="10"/>
      <c r="MHU1198" s="10"/>
      <c r="MHV1198" s="10"/>
      <c r="MHW1198" s="10"/>
      <c r="MHX1198" s="10"/>
      <c r="MHY1198" s="10"/>
      <c r="MHZ1198" s="10"/>
      <c r="MIA1198" s="10"/>
      <c r="MIB1198" s="10"/>
      <c r="MIC1198" s="10"/>
      <c r="MID1198" s="10"/>
      <c r="MIE1198" s="10"/>
      <c r="MIF1198" s="10"/>
      <c r="MIG1198" s="10"/>
      <c r="MIH1198" s="10"/>
      <c r="MII1198" s="10"/>
      <c r="MIJ1198" s="10"/>
      <c r="MIK1198" s="10"/>
      <c r="MIL1198" s="10"/>
      <c r="MIM1198" s="10"/>
      <c r="MIN1198" s="10"/>
      <c r="MIO1198" s="10"/>
      <c r="MIP1198" s="10"/>
      <c r="MIQ1198" s="10"/>
      <c r="MIR1198" s="10"/>
      <c r="MIS1198" s="10"/>
      <c r="MIT1198" s="10"/>
      <c r="MIU1198" s="10"/>
      <c r="MIV1198" s="10"/>
      <c r="MIW1198" s="10"/>
      <c r="MIX1198" s="10"/>
      <c r="MIY1198" s="10"/>
      <c r="MIZ1198" s="10"/>
      <c r="MJA1198" s="10"/>
      <c r="MJB1198" s="10"/>
      <c r="MJC1198" s="10"/>
      <c r="MJD1198" s="10"/>
      <c r="MJE1198" s="10"/>
      <c r="MJF1198" s="10"/>
      <c r="MJG1198" s="10"/>
      <c r="MJH1198" s="10"/>
      <c r="MJI1198" s="10"/>
      <c r="MJJ1198" s="10"/>
      <c r="MJK1198" s="10"/>
      <c r="MJL1198" s="10"/>
      <c r="MJM1198" s="10"/>
      <c r="MJN1198" s="10"/>
      <c r="MJO1198" s="10"/>
      <c r="MJP1198" s="10"/>
      <c r="MJQ1198" s="10"/>
      <c r="MJR1198" s="10"/>
      <c r="MJS1198" s="10"/>
      <c r="MJT1198" s="10"/>
      <c r="MJU1198" s="10"/>
      <c r="MJV1198" s="10"/>
      <c r="MJW1198" s="10"/>
      <c r="MJX1198" s="10"/>
      <c r="MJY1198" s="10"/>
      <c r="MJZ1198" s="10"/>
      <c r="MKA1198" s="10"/>
      <c r="MKB1198" s="10"/>
      <c r="MKC1198" s="10"/>
      <c r="MKD1198" s="10"/>
      <c r="MKE1198" s="10"/>
      <c r="MKF1198" s="10"/>
      <c r="MKG1198" s="10"/>
      <c r="MKH1198" s="10"/>
      <c r="MKI1198" s="10"/>
      <c r="MKJ1198" s="10"/>
      <c r="MKK1198" s="10"/>
      <c r="MKL1198" s="10"/>
      <c r="MKM1198" s="10"/>
      <c r="MKN1198" s="10"/>
      <c r="MKO1198" s="10"/>
      <c r="MKP1198" s="10"/>
      <c r="MKQ1198" s="10"/>
      <c r="MKR1198" s="10"/>
      <c r="MKS1198" s="10"/>
      <c r="MKT1198" s="10"/>
      <c r="MKU1198" s="10"/>
      <c r="MKV1198" s="10"/>
      <c r="MKW1198" s="10"/>
      <c r="MKX1198" s="10"/>
      <c r="MKY1198" s="10"/>
      <c r="MKZ1198" s="10"/>
      <c r="MLA1198" s="10"/>
      <c r="MLB1198" s="10"/>
      <c r="MLC1198" s="10"/>
      <c r="MLD1198" s="10"/>
      <c r="MLE1198" s="10"/>
      <c r="MLF1198" s="10"/>
      <c r="MLG1198" s="10"/>
      <c r="MLH1198" s="10"/>
      <c r="MLI1198" s="10"/>
      <c r="MLJ1198" s="10"/>
      <c r="MLK1198" s="10"/>
      <c r="MLL1198" s="10"/>
      <c r="MLM1198" s="10"/>
      <c r="MLN1198" s="10"/>
      <c r="MLO1198" s="10"/>
      <c r="MLP1198" s="10"/>
      <c r="MLQ1198" s="10"/>
      <c r="MLR1198" s="10"/>
      <c r="MLS1198" s="10"/>
      <c r="MLT1198" s="10"/>
      <c r="MLU1198" s="10"/>
      <c r="MLV1198" s="10"/>
      <c r="MLW1198" s="10"/>
      <c r="MLX1198" s="10"/>
      <c r="MLY1198" s="10"/>
      <c r="MLZ1198" s="10"/>
      <c r="MMA1198" s="10"/>
      <c r="MMB1198" s="10"/>
      <c r="MMC1198" s="10"/>
      <c r="MMD1198" s="10"/>
      <c r="MME1198" s="10"/>
      <c r="MMF1198" s="10"/>
      <c r="MMG1198" s="10"/>
      <c r="MMH1198" s="10"/>
      <c r="MMI1198" s="10"/>
      <c r="MMJ1198" s="10"/>
      <c r="MMK1198" s="10"/>
      <c r="MML1198" s="10"/>
      <c r="MMM1198" s="10"/>
      <c r="MMN1198" s="10"/>
      <c r="MMO1198" s="10"/>
      <c r="MMP1198" s="10"/>
      <c r="MMQ1198" s="10"/>
      <c r="MMR1198" s="10"/>
      <c r="MMS1198" s="10"/>
      <c r="MMT1198" s="10"/>
      <c r="MMU1198" s="10"/>
      <c r="MMV1198" s="10"/>
      <c r="MMW1198" s="10"/>
      <c r="MMX1198" s="10"/>
      <c r="MMY1198" s="10"/>
      <c r="MMZ1198" s="10"/>
      <c r="MNA1198" s="10"/>
      <c r="MNB1198" s="10"/>
      <c r="MNC1198" s="10"/>
      <c r="MND1198" s="10"/>
      <c r="MNE1198" s="10"/>
      <c r="MNF1198" s="10"/>
      <c r="MNG1198" s="10"/>
      <c r="MNH1198" s="10"/>
      <c r="MNI1198" s="10"/>
      <c r="MNJ1198" s="10"/>
      <c r="MNK1198" s="10"/>
      <c r="MNL1198" s="10"/>
      <c r="MNM1198" s="10"/>
      <c r="MNN1198" s="10"/>
      <c r="MNO1198" s="10"/>
      <c r="MNP1198" s="10"/>
      <c r="MNQ1198" s="10"/>
      <c r="MNR1198" s="10"/>
      <c r="MNS1198" s="10"/>
      <c r="MNT1198" s="10"/>
      <c r="MNU1198" s="10"/>
      <c r="MNV1198" s="10"/>
      <c r="MNW1198" s="10"/>
      <c r="MNX1198" s="10"/>
      <c r="MNY1198" s="10"/>
      <c r="MNZ1198" s="10"/>
      <c r="MOA1198" s="10"/>
      <c r="MOB1198" s="10"/>
      <c r="MOC1198" s="10"/>
      <c r="MOD1198" s="10"/>
      <c r="MOE1198" s="10"/>
      <c r="MOF1198" s="10"/>
      <c r="MOG1198" s="10"/>
      <c r="MOH1198" s="10"/>
      <c r="MOI1198" s="10"/>
      <c r="MOJ1198" s="10"/>
      <c r="MOK1198" s="10"/>
      <c r="MOL1198" s="10"/>
      <c r="MOM1198" s="10"/>
      <c r="MON1198" s="10"/>
      <c r="MOO1198" s="10"/>
      <c r="MOP1198" s="10"/>
      <c r="MOQ1198" s="10"/>
      <c r="MOR1198" s="10"/>
      <c r="MOS1198" s="10"/>
      <c r="MOT1198" s="10"/>
      <c r="MOU1198" s="10"/>
      <c r="MOV1198" s="10"/>
      <c r="MOW1198" s="10"/>
      <c r="MOX1198" s="10"/>
      <c r="MOY1198" s="10"/>
      <c r="MOZ1198" s="10"/>
      <c r="MPA1198" s="10"/>
      <c r="MPB1198" s="10"/>
      <c r="MPC1198" s="10"/>
      <c r="MPD1198" s="10"/>
      <c r="MPE1198" s="10"/>
      <c r="MPF1198" s="10"/>
      <c r="MPG1198" s="10"/>
      <c r="MPH1198" s="10"/>
      <c r="MPI1198" s="10"/>
      <c r="MPJ1198" s="10"/>
      <c r="MPK1198" s="10"/>
      <c r="MPL1198" s="10"/>
      <c r="MPM1198" s="10"/>
      <c r="MPN1198" s="10"/>
      <c r="MPO1198" s="10"/>
      <c r="MPP1198" s="10"/>
      <c r="MPQ1198" s="10"/>
      <c r="MPR1198" s="10"/>
      <c r="MPS1198" s="10"/>
      <c r="MPT1198" s="10"/>
      <c r="MPU1198" s="10"/>
      <c r="MPV1198" s="10"/>
      <c r="MPW1198" s="10"/>
      <c r="MPX1198" s="10"/>
      <c r="MPY1198" s="10"/>
      <c r="MPZ1198" s="10"/>
      <c r="MQA1198" s="10"/>
      <c r="MQB1198" s="10"/>
      <c r="MQC1198" s="10"/>
      <c r="MQD1198" s="10"/>
      <c r="MQE1198" s="10"/>
      <c r="MQF1198" s="10"/>
      <c r="MQG1198" s="10"/>
      <c r="MQH1198" s="10"/>
      <c r="MQI1198" s="10"/>
      <c r="MQJ1198" s="10"/>
      <c r="MQK1198" s="10"/>
      <c r="MQL1198" s="10"/>
      <c r="MQM1198" s="10"/>
      <c r="MQN1198" s="10"/>
      <c r="MQO1198" s="10"/>
      <c r="MQP1198" s="10"/>
      <c r="MQQ1198" s="10"/>
      <c r="MQR1198" s="10"/>
      <c r="MQS1198" s="10"/>
      <c r="MQT1198" s="10"/>
      <c r="MQU1198" s="10"/>
      <c r="MQV1198" s="10"/>
      <c r="MQW1198" s="10"/>
      <c r="MQX1198" s="10"/>
      <c r="MQY1198" s="10"/>
      <c r="MQZ1198" s="10"/>
      <c r="MRA1198" s="10"/>
      <c r="MRB1198" s="10"/>
      <c r="MRC1198" s="10"/>
      <c r="MRD1198" s="10"/>
      <c r="MRE1198" s="10"/>
      <c r="MRF1198" s="10"/>
      <c r="MRG1198" s="10"/>
      <c r="MRH1198" s="10"/>
      <c r="MRI1198" s="10"/>
      <c r="MRJ1198" s="10"/>
      <c r="MRK1198" s="10"/>
      <c r="MRL1198" s="10"/>
      <c r="MRM1198" s="10"/>
      <c r="MRN1198" s="10"/>
      <c r="MRO1198" s="10"/>
      <c r="MRP1198" s="10"/>
      <c r="MRQ1198" s="10"/>
      <c r="MRR1198" s="10"/>
      <c r="MRS1198" s="10"/>
      <c r="MRT1198" s="10"/>
      <c r="MRU1198" s="10"/>
      <c r="MRV1198" s="10"/>
      <c r="MRW1198" s="10"/>
      <c r="MRX1198" s="10"/>
      <c r="MRY1198" s="10"/>
      <c r="MRZ1198" s="10"/>
      <c r="MSA1198" s="10"/>
      <c r="MSB1198" s="10"/>
      <c r="MSC1198" s="10"/>
      <c r="MSD1198" s="10"/>
      <c r="MSE1198" s="10"/>
      <c r="MSF1198" s="10"/>
      <c r="MSG1198" s="10"/>
      <c r="MSH1198" s="10"/>
      <c r="MSI1198" s="10"/>
      <c r="MSJ1198" s="10"/>
      <c r="MSK1198" s="10"/>
      <c r="MSL1198" s="10"/>
      <c r="MSM1198" s="10"/>
      <c r="MSN1198" s="10"/>
      <c r="MSO1198" s="10"/>
      <c r="MSP1198" s="10"/>
      <c r="MSQ1198" s="10"/>
      <c r="MSR1198" s="10"/>
      <c r="MSS1198" s="10"/>
      <c r="MST1198" s="10"/>
      <c r="MSU1198" s="10"/>
      <c r="MSV1198" s="10"/>
      <c r="MSW1198" s="10"/>
      <c r="MSX1198" s="10"/>
      <c r="MSY1198" s="10"/>
      <c r="MSZ1198" s="10"/>
      <c r="MTA1198" s="10"/>
      <c r="MTB1198" s="10"/>
      <c r="MTC1198" s="10"/>
      <c r="MTD1198" s="10"/>
      <c r="MTE1198" s="10"/>
      <c r="MTF1198" s="10"/>
      <c r="MTG1198" s="10"/>
      <c r="MTH1198" s="10"/>
      <c r="MTI1198" s="10"/>
      <c r="MTJ1198" s="10"/>
      <c r="MTK1198" s="10"/>
      <c r="MTL1198" s="10"/>
      <c r="MTM1198" s="10"/>
      <c r="MTN1198" s="10"/>
      <c r="MTO1198" s="10"/>
      <c r="MTP1198" s="10"/>
      <c r="MTQ1198" s="10"/>
      <c r="MTR1198" s="10"/>
      <c r="MTS1198" s="10"/>
      <c r="MTT1198" s="10"/>
      <c r="MTU1198" s="10"/>
      <c r="MTV1198" s="10"/>
      <c r="MTW1198" s="10"/>
      <c r="MTX1198" s="10"/>
      <c r="MTY1198" s="10"/>
      <c r="MTZ1198" s="10"/>
      <c r="MUA1198" s="10"/>
      <c r="MUB1198" s="10"/>
      <c r="MUC1198" s="10"/>
      <c r="MUD1198" s="10"/>
      <c r="MUE1198" s="10"/>
      <c r="MUF1198" s="10"/>
      <c r="MUG1198" s="10"/>
      <c r="MUH1198" s="10"/>
      <c r="MUI1198" s="10"/>
      <c r="MUJ1198" s="10"/>
      <c r="MUK1198" s="10"/>
      <c r="MUL1198" s="10"/>
      <c r="MUM1198" s="10"/>
      <c r="MUN1198" s="10"/>
      <c r="MUO1198" s="10"/>
      <c r="MUP1198" s="10"/>
      <c r="MUQ1198" s="10"/>
      <c r="MUR1198" s="10"/>
      <c r="MUS1198" s="10"/>
      <c r="MUT1198" s="10"/>
      <c r="MUU1198" s="10"/>
      <c r="MUV1198" s="10"/>
      <c r="MUW1198" s="10"/>
      <c r="MUX1198" s="10"/>
      <c r="MUY1198" s="10"/>
      <c r="MUZ1198" s="10"/>
      <c r="MVA1198" s="10"/>
      <c r="MVB1198" s="10"/>
      <c r="MVC1198" s="10"/>
      <c r="MVD1198" s="10"/>
      <c r="MVE1198" s="10"/>
      <c r="MVF1198" s="10"/>
      <c r="MVG1198" s="10"/>
      <c r="MVH1198" s="10"/>
      <c r="MVI1198" s="10"/>
      <c r="MVJ1198" s="10"/>
      <c r="MVK1198" s="10"/>
      <c r="MVL1198" s="10"/>
      <c r="MVM1198" s="10"/>
      <c r="MVN1198" s="10"/>
      <c r="MVO1198" s="10"/>
      <c r="MVP1198" s="10"/>
      <c r="MVQ1198" s="10"/>
      <c r="MVR1198" s="10"/>
      <c r="MVS1198" s="10"/>
      <c r="MVT1198" s="10"/>
      <c r="MVU1198" s="10"/>
      <c r="MVV1198" s="10"/>
      <c r="MVW1198" s="10"/>
      <c r="MVX1198" s="10"/>
      <c r="MVY1198" s="10"/>
      <c r="MVZ1198" s="10"/>
      <c r="MWA1198" s="10"/>
      <c r="MWB1198" s="10"/>
      <c r="MWC1198" s="10"/>
      <c r="MWD1198" s="10"/>
      <c r="MWE1198" s="10"/>
      <c r="MWF1198" s="10"/>
      <c r="MWG1198" s="10"/>
      <c r="MWH1198" s="10"/>
      <c r="MWI1198" s="10"/>
      <c r="MWJ1198" s="10"/>
      <c r="MWK1198" s="10"/>
      <c r="MWL1198" s="10"/>
      <c r="MWM1198" s="10"/>
      <c r="MWN1198" s="10"/>
      <c r="MWO1198" s="10"/>
      <c r="MWP1198" s="10"/>
      <c r="MWQ1198" s="10"/>
      <c r="MWR1198" s="10"/>
      <c r="MWS1198" s="10"/>
      <c r="MWT1198" s="10"/>
      <c r="MWU1198" s="10"/>
      <c r="MWV1198" s="10"/>
      <c r="MWW1198" s="10"/>
      <c r="MWX1198" s="10"/>
      <c r="MWY1198" s="10"/>
      <c r="MWZ1198" s="10"/>
      <c r="MXA1198" s="10"/>
      <c r="MXB1198" s="10"/>
      <c r="MXC1198" s="10"/>
      <c r="MXD1198" s="10"/>
      <c r="MXE1198" s="10"/>
      <c r="MXF1198" s="10"/>
      <c r="MXG1198" s="10"/>
      <c r="MXH1198" s="10"/>
      <c r="MXI1198" s="10"/>
      <c r="MXJ1198" s="10"/>
      <c r="MXK1198" s="10"/>
      <c r="MXL1198" s="10"/>
      <c r="MXM1198" s="10"/>
      <c r="MXN1198" s="10"/>
      <c r="MXO1198" s="10"/>
      <c r="MXP1198" s="10"/>
      <c r="MXQ1198" s="10"/>
      <c r="MXR1198" s="10"/>
      <c r="MXS1198" s="10"/>
      <c r="MXT1198" s="10"/>
      <c r="MXU1198" s="10"/>
      <c r="MXV1198" s="10"/>
      <c r="MXW1198" s="10"/>
      <c r="MXX1198" s="10"/>
      <c r="MXY1198" s="10"/>
      <c r="MXZ1198" s="10"/>
      <c r="MYA1198" s="10"/>
      <c r="MYB1198" s="10"/>
      <c r="MYC1198" s="10"/>
      <c r="MYD1198" s="10"/>
      <c r="MYE1198" s="10"/>
      <c r="MYF1198" s="10"/>
      <c r="MYG1198" s="10"/>
      <c r="MYH1198" s="10"/>
      <c r="MYI1198" s="10"/>
      <c r="MYJ1198" s="10"/>
      <c r="MYK1198" s="10"/>
      <c r="MYL1198" s="10"/>
      <c r="MYM1198" s="10"/>
      <c r="MYN1198" s="10"/>
      <c r="MYO1198" s="10"/>
      <c r="MYP1198" s="10"/>
      <c r="MYQ1198" s="10"/>
      <c r="MYR1198" s="10"/>
      <c r="MYS1198" s="10"/>
      <c r="MYT1198" s="10"/>
      <c r="MYU1198" s="10"/>
      <c r="MYV1198" s="10"/>
      <c r="MYW1198" s="10"/>
      <c r="MYX1198" s="10"/>
      <c r="MYY1198" s="10"/>
      <c r="MYZ1198" s="10"/>
      <c r="MZA1198" s="10"/>
      <c r="MZB1198" s="10"/>
      <c r="MZC1198" s="10"/>
      <c r="MZD1198" s="10"/>
      <c r="MZE1198" s="10"/>
      <c r="MZF1198" s="10"/>
      <c r="MZG1198" s="10"/>
      <c r="MZH1198" s="10"/>
      <c r="MZI1198" s="10"/>
      <c r="MZJ1198" s="10"/>
      <c r="MZK1198" s="10"/>
      <c r="MZL1198" s="10"/>
      <c r="MZM1198" s="10"/>
      <c r="MZN1198" s="10"/>
      <c r="MZO1198" s="10"/>
      <c r="MZP1198" s="10"/>
      <c r="MZQ1198" s="10"/>
      <c r="MZR1198" s="10"/>
      <c r="MZS1198" s="10"/>
      <c r="MZT1198" s="10"/>
      <c r="MZU1198" s="10"/>
      <c r="MZV1198" s="10"/>
      <c r="MZW1198" s="10"/>
      <c r="MZX1198" s="10"/>
      <c r="MZY1198" s="10"/>
      <c r="MZZ1198" s="10"/>
      <c r="NAA1198" s="10"/>
      <c r="NAB1198" s="10"/>
      <c r="NAC1198" s="10"/>
      <c r="NAD1198" s="10"/>
      <c r="NAE1198" s="10"/>
      <c r="NAF1198" s="10"/>
      <c r="NAG1198" s="10"/>
      <c r="NAH1198" s="10"/>
      <c r="NAI1198" s="10"/>
      <c r="NAJ1198" s="10"/>
      <c r="NAK1198" s="10"/>
      <c r="NAL1198" s="10"/>
      <c r="NAM1198" s="10"/>
      <c r="NAN1198" s="10"/>
      <c r="NAO1198" s="10"/>
      <c r="NAP1198" s="10"/>
      <c r="NAQ1198" s="10"/>
      <c r="NAR1198" s="10"/>
      <c r="NAS1198" s="10"/>
      <c r="NAT1198" s="10"/>
      <c r="NAU1198" s="10"/>
      <c r="NAV1198" s="10"/>
      <c r="NAW1198" s="10"/>
      <c r="NAX1198" s="10"/>
      <c r="NAY1198" s="10"/>
      <c r="NAZ1198" s="10"/>
      <c r="NBA1198" s="10"/>
      <c r="NBB1198" s="10"/>
      <c r="NBC1198" s="10"/>
      <c r="NBD1198" s="10"/>
      <c r="NBE1198" s="10"/>
      <c r="NBF1198" s="10"/>
      <c r="NBG1198" s="10"/>
      <c r="NBH1198" s="10"/>
      <c r="NBI1198" s="10"/>
      <c r="NBJ1198" s="10"/>
      <c r="NBK1198" s="10"/>
      <c r="NBL1198" s="10"/>
      <c r="NBM1198" s="10"/>
      <c r="NBN1198" s="10"/>
      <c r="NBO1198" s="10"/>
      <c r="NBP1198" s="10"/>
      <c r="NBQ1198" s="10"/>
      <c r="NBR1198" s="10"/>
      <c r="NBS1198" s="10"/>
      <c r="NBT1198" s="10"/>
      <c r="NBU1198" s="10"/>
      <c r="NBV1198" s="10"/>
      <c r="NBW1198" s="10"/>
      <c r="NBX1198" s="10"/>
      <c r="NBY1198" s="10"/>
      <c r="NBZ1198" s="10"/>
      <c r="NCA1198" s="10"/>
      <c r="NCB1198" s="10"/>
      <c r="NCC1198" s="10"/>
      <c r="NCD1198" s="10"/>
      <c r="NCE1198" s="10"/>
      <c r="NCF1198" s="10"/>
      <c r="NCG1198" s="10"/>
      <c r="NCH1198" s="10"/>
      <c r="NCI1198" s="10"/>
      <c r="NCJ1198" s="10"/>
      <c r="NCK1198" s="10"/>
      <c r="NCL1198" s="10"/>
      <c r="NCM1198" s="10"/>
      <c r="NCN1198" s="10"/>
      <c r="NCO1198" s="10"/>
      <c r="NCP1198" s="10"/>
      <c r="NCQ1198" s="10"/>
      <c r="NCR1198" s="10"/>
      <c r="NCS1198" s="10"/>
      <c r="NCT1198" s="10"/>
      <c r="NCU1198" s="10"/>
      <c r="NCV1198" s="10"/>
      <c r="NCW1198" s="10"/>
      <c r="NCX1198" s="10"/>
      <c r="NCY1198" s="10"/>
      <c r="NCZ1198" s="10"/>
      <c r="NDA1198" s="10"/>
      <c r="NDB1198" s="10"/>
      <c r="NDC1198" s="10"/>
      <c r="NDD1198" s="10"/>
      <c r="NDE1198" s="10"/>
      <c r="NDF1198" s="10"/>
      <c r="NDG1198" s="10"/>
      <c r="NDH1198" s="10"/>
      <c r="NDI1198" s="10"/>
      <c r="NDJ1198" s="10"/>
      <c r="NDK1198" s="10"/>
      <c r="NDL1198" s="10"/>
      <c r="NDM1198" s="10"/>
      <c r="NDN1198" s="10"/>
      <c r="NDO1198" s="10"/>
      <c r="NDP1198" s="10"/>
      <c r="NDQ1198" s="10"/>
      <c r="NDR1198" s="10"/>
      <c r="NDS1198" s="10"/>
      <c r="NDT1198" s="10"/>
      <c r="NDU1198" s="10"/>
      <c r="NDV1198" s="10"/>
      <c r="NDW1198" s="10"/>
      <c r="NDX1198" s="10"/>
      <c r="NDY1198" s="10"/>
      <c r="NDZ1198" s="10"/>
      <c r="NEA1198" s="10"/>
      <c r="NEB1198" s="10"/>
      <c r="NEC1198" s="10"/>
      <c r="NED1198" s="10"/>
      <c r="NEE1198" s="10"/>
      <c r="NEF1198" s="10"/>
      <c r="NEG1198" s="10"/>
      <c r="NEH1198" s="10"/>
      <c r="NEI1198" s="10"/>
      <c r="NEJ1198" s="10"/>
      <c r="NEK1198" s="10"/>
      <c r="NEL1198" s="10"/>
      <c r="NEM1198" s="10"/>
      <c r="NEN1198" s="10"/>
      <c r="NEO1198" s="10"/>
      <c r="NEP1198" s="10"/>
      <c r="NEQ1198" s="10"/>
      <c r="NER1198" s="10"/>
      <c r="NES1198" s="10"/>
      <c r="NET1198" s="10"/>
      <c r="NEU1198" s="10"/>
      <c r="NEV1198" s="10"/>
      <c r="NEW1198" s="10"/>
      <c r="NEX1198" s="10"/>
      <c r="NEY1198" s="10"/>
      <c r="NEZ1198" s="10"/>
      <c r="NFA1198" s="10"/>
      <c r="NFB1198" s="10"/>
      <c r="NFC1198" s="10"/>
      <c r="NFD1198" s="10"/>
      <c r="NFE1198" s="10"/>
      <c r="NFF1198" s="10"/>
      <c r="NFG1198" s="10"/>
      <c r="NFH1198" s="10"/>
      <c r="NFI1198" s="10"/>
      <c r="NFJ1198" s="10"/>
      <c r="NFK1198" s="10"/>
      <c r="NFL1198" s="10"/>
      <c r="NFM1198" s="10"/>
      <c r="NFN1198" s="10"/>
      <c r="NFO1198" s="10"/>
      <c r="NFP1198" s="10"/>
      <c r="NFQ1198" s="10"/>
      <c r="NFR1198" s="10"/>
      <c r="NFS1198" s="10"/>
      <c r="NFT1198" s="10"/>
      <c r="NFU1198" s="10"/>
      <c r="NFV1198" s="10"/>
      <c r="NFW1198" s="10"/>
      <c r="NFX1198" s="10"/>
      <c r="NFY1198" s="10"/>
      <c r="NFZ1198" s="10"/>
      <c r="NGA1198" s="10"/>
      <c r="NGB1198" s="10"/>
      <c r="NGC1198" s="10"/>
      <c r="NGD1198" s="10"/>
      <c r="NGE1198" s="10"/>
      <c r="NGF1198" s="10"/>
      <c r="NGG1198" s="10"/>
      <c r="NGH1198" s="10"/>
      <c r="NGI1198" s="10"/>
      <c r="NGJ1198" s="10"/>
      <c r="NGK1198" s="10"/>
      <c r="NGL1198" s="10"/>
      <c r="NGM1198" s="10"/>
      <c r="NGN1198" s="10"/>
      <c r="NGO1198" s="10"/>
      <c r="NGP1198" s="10"/>
      <c r="NGQ1198" s="10"/>
      <c r="NGR1198" s="10"/>
      <c r="NGS1198" s="10"/>
      <c r="NGT1198" s="10"/>
      <c r="NGU1198" s="10"/>
      <c r="NGV1198" s="10"/>
      <c r="NGW1198" s="10"/>
      <c r="NGX1198" s="10"/>
      <c r="NGY1198" s="10"/>
      <c r="NGZ1198" s="10"/>
      <c r="NHA1198" s="10"/>
      <c r="NHB1198" s="10"/>
      <c r="NHC1198" s="10"/>
      <c r="NHD1198" s="10"/>
      <c r="NHE1198" s="10"/>
      <c r="NHF1198" s="10"/>
      <c r="NHG1198" s="10"/>
      <c r="NHH1198" s="10"/>
      <c r="NHI1198" s="10"/>
      <c r="NHJ1198" s="10"/>
      <c r="NHK1198" s="10"/>
      <c r="NHL1198" s="10"/>
      <c r="NHM1198" s="10"/>
      <c r="NHN1198" s="10"/>
      <c r="NHO1198" s="10"/>
      <c r="NHP1198" s="10"/>
      <c r="NHQ1198" s="10"/>
      <c r="NHR1198" s="10"/>
      <c r="NHS1198" s="10"/>
      <c r="NHT1198" s="10"/>
      <c r="NHU1198" s="10"/>
      <c r="NHV1198" s="10"/>
      <c r="NHW1198" s="10"/>
      <c r="NHX1198" s="10"/>
      <c r="NHY1198" s="10"/>
      <c r="NHZ1198" s="10"/>
      <c r="NIA1198" s="10"/>
      <c r="NIB1198" s="10"/>
      <c r="NIC1198" s="10"/>
      <c r="NID1198" s="10"/>
      <c r="NIE1198" s="10"/>
      <c r="NIF1198" s="10"/>
      <c r="NIG1198" s="10"/>
      <c r="NIH1198" s="10"/>
      <c r="NII1198" s="10"/>
      <c r="NIJ1198" s="10"/>
      <c r="NIK1198" s="10"/>
      <c r="NIL1198" s="10"/>
      <c r="NIM1198" s="10"/>
      <c r="NIN1198" s="10"/>
      <c r="NIO1198" s="10"/>
      <c r="NIP1198" s="10"/>
      <c r="NIQ1198" s="10"/>
      <c r="NIR1198" s="10"/>
      <c r="NIS1198" s="10"/>
      <c r="NIT1198" s="10"/>
      <c r="NIU1198" s="10"/>
      <c r="NIV1198" s="10"/>
      <c r="NIW1198" s="10"/>
      <c r="NIX1198" s="10"/>
      <c r="NIY1198" s="10"/>
      <c r="NIZ1198" s="10"/>
      <c r="NJA1198" s="10"/>
      <c r="NJB1198" s="10"/>
      <c r="NJC1198" s="10"/>
      <c r="NJD1198" s="10"/>
      <c r="NJE1198" s="10"/>
      <c r="NJF1198" s="10"/>
      <c r="NJG1198" s="10"/>
      <c r="NJH1198" s="10"/>
      <c r="NJI1198" s="10"/>
      <c r="NJJ1198" s="10"/>
      <c r="NJK1198" s="10"/>
      <c r="NJL1198" s="10"/>
      <c r="NJM1198" s="10"/>
      <c r="NJN1198" s="10"/>
      <c r="NJO1198" s="10"/>
      <c r="NJP1198" s="10"/>
      <c r="NJQ1198" s="10"/>
      <c r="NJR1198" s="10"/>
      <c r="NJS1198" s="10"/>
      <c r="NJT1198" s="10"/>
      <c r="NJU1198" s="10"/>
      <c r="NJV1198" s="10"/>
      <c r="NJW1198" s="10"/>
      <c r="NJX1198" s="10"/>
      <c r="NJY1198" s="10"/>
      <c r="NJZ1198" s="10"/>
      <c r="NKA1198" s="10"/>
      <c r="NKB1198" s="10"/>
      <c r="NKC1198" s="10"/>
      <c r="NKD1198" s="10"/>
      <c r="NKE1198" s="10"/>
      <c r="NKF1198" s="10"/>
      <c r="NKG1198" s="10"/>
      <c r="NKH1198" s="10"/>
      <c r="NKI1198" s="10"/>
      <c r="NKJ1198" s="10"/>
      <c r="NKK1198" s="10"/>
      <c r="NKL1198" s="10"/>
      <c r="NKM1198" s="10"/>
      <c r="NKN1198" s="10"/>
      <c r="NKO1198" s="10"/>
      <c r="NKP1198" s="10"/>
      <c r="NKQ1198" s="10"/>
      <c r="NKR1198" s="10"/>
      <c r="NKS1198" s="10"/>
      <c r="NKT1198" s="10"/>
      <c r="NKU1198" s="10"/>
      <c r="NKV1198" s="10"/>
      <c r="NKW1198" s="10"/>
      <c r="NKX1198" s="10"/>
      <c r="NKY1198" s="10"/>
      <c r="NKZ1198" s="10"/>
      <c r="NLA1198" s="10"/>
      <c r="NLB1198" s="10"/>
      <c r="NLC1198" s="10"/>
      <c r="NLD1198" s="10"/>
      <c r="NLE1198" s="10"/>
      <c r="NLF1198" s="10"/>
      <c r="NLG1198" s="10"/>
      <c r="NLH1198" s="10"/>
      <c r="NLI1198" s="10"/>
      <c r="NLJ1198" s="10"/>
      <c r="NLK1198" s="10"/>
      <c r="NLL1198" s="10"/>
      <c r="NLM1198" s="10"/>
      <c r="NLN1198" s="10"/>
      <c r="NLO1198" s="10"/>
      <c r="NLP1198" s="10"/>
      <c r="NLQ1198" s="10"/>
      <c r="NLR1198" s="10"/>
      <c r="NLS1198" s="10"/>
      <c r="NLT1198" s="10"/>
      <c r="NLU1198" s="10"/>
      <c r="NLV1198" s="10"/>
      <c r="NLW1198" s="10"/>
      <c r="NLX1198" s="10"/>
      <c r="NLY1198" s="10"/>
      <c r="NLZ1198" s="10"/>
      <c r="NMA1198" s="10"/>
      <c r="NMB1198" s="10"/>
      <c r="NMC1198" s="10"/>
      <c r="NMD1198" s="10"/>
      <c r="NME1198" s="10"/>
      <c r="NMF1198" s="10"/>
      <c r="NMG1198" s="10"/>
      <c r="NMH1198" s="10"/>
      <c r="NMI1198" s="10"/>
      <c r="NMJ1198" s="10"/>
      <c r="NMK1198" s="10"/>
      <c r="NML1198" s="10"/>
      <c r="NMM1198" s="10"/>
      <c r="NMN1198" s="10"/>
      <c r="NMO1198" s="10"/>
      <c r="NMP1198" s="10"/>
      <c r="NMQ1198" s="10"/>
      <c r="NMR1198" s="10"/>
      <c r="NMS1198" s="10"/>
      <c r="NMT1198" s="10"/>
      <c r="NMU1198" s="10"/>
      <c r="NMV1198" s="10"/>
      <c r="NMW1198" s="10"/>
      <c r="NMX1198" s="10"/>
      <c r="NMY1198" s="10"/>
      <c r="NMZ1198" s="10"/>
      <c r="NNA1198" s="10"/>
      <c r="NNB1198" s="10"/>
      <c r="NNC1198" s="10"/>
      <c r="NND1198" s="10"/>
      <c r="NNE1198" s="10"/>
      <c r="NNF1198" s="10"/>
      <c r="NNG1198" s="10"/>
      <c r="NNH1198" s="10"/>
      <c r="NNI1198" s="10"/>
      <c r="NNJ1198" s="10"/>
      <c r="NNK1198" s="10"/>
      <c r="NNL1198" s="10"/>
      <c r="NNM1198" s="10"/>
      <c r="NNN1198" s="10"/>
      <c r="NNO1198" s="10"/>
      <c r="NNP1198" s="10"/>
      <c r="NNQ1198" s="10"/>
      <c r="NNR1198" s="10"/>
      <c r="NNS1198" s="10"/>
      <c r="NNT1198" s="10"/>
      <c r="NNU1198" s="10"/>
      <c r="NNV1198" s="10"/>
      <c r="NNW1198" s="10"/>
      <c r="NNX1198" s="10"/>
      <c r="NNY1198" s="10"/>
      <c r="NNZ1198" s="10"/>
      <c r="NOA1198" s="10"/>
      <c r="NOB1198" s="10"/>
      <c r="NOC1198" s="10"/>
      <c r="NOD1198" s="10"/>
      <c r="NOE1198" s="10"/>
      <c r="NOF1198" s="10"/>
      <c r="NOG1198" s="10"/>
      <c r="NOH1198" s="10"/>
      <c r="NOI1198" s="10"/>
      <c r="NOJ1198" s="10"/>
      <c r="NOK1198" s="10"/>
      <c r="NOL1198" s="10"/>
      <c r="NOM1198" s="10"/>
      <c r="NON1198" s="10"/>
      <c r="NOO1198" s="10"/>
      <c r="NOP1198" s="10"/>
      <c r="NOQ1198" s="10"/>
      <c r="NOR1198" s="10"/>
      <c r="NOS1198" s="10"/>
      <c r="NOT1198" s="10"/>
      <c r="NOU1198" s="10"/>
      <c r="NOV1198" s="10"/>
      <c r="NOW1198" s="10"/>
      <c r="NOX1198" s="10"/>
      <c r="NOY1198" s="10"/>
      <c r="NOZ1198" s="10"/>
      <c r="NPA1198" s="10"/>
      <c r="NPB1198" s="10"/>
      <c r="NPC1198" s="10"/>
      <c r="NPD1198" s="10"/>
      <c r="NPE1198" s="10"/>
      <c r="NPF1198" s="10"/>
      <c r="NPG1198" s="10"/>
      <c r="NPH1198" s="10"/>
      <c r="NPI1198" s="10"/>
      <c r="NPJ1198" s="10"/>
      <c r="NPK1198" s="10"/>
      <c r="NPL1198" s="10"/>
      <c r="NPM1198" s="10"/>
      <c r="NPN1198" s="10"/>
      <c r="NPO1198" s="10"/>
      <c r="NPP1198" s="10"/>
      <c r="NPQ1198" s="10"/>
      <c r="NPR1198" s="10"/>
      <c r="NPS1198" s="10"/>
      <c r="NPT1198" s="10"/>
      <c r="NPU1198" s="10"/>
      <c r="NPV1198" s="10"/>
      <c r="NPW1198" s="10"/>
      <c r="NPX1198" s="10"/>
      <c r="NPY1198" s="10"/>
      <c r="NPZ1198" s="10"/>
      <c r="NQA1198" s="10"/>
      <c r="NQB1198" s="10"/>
      <c r="NQC1198" s="10"/>
      <c r="NQD1198" s="10"/>
      <c r="NQE1198" s="10"/>
      <c r="NQF1198" s="10"/>
      <c r="NQG1198" s="10"/>
      <c r="NQH1198" s="10"/>
      <c r="NQI1198" s="10"/>
      <c r="NQJ1198" s="10"/>
      <c r="NQK1198" s="10"/>
      <c r="NQL1198" s="10"/>
      <c r="NQM1198" s="10"/>
      <c r="NQN1198" s="10"/>
      <c r="NQO1198" s="10"/>
      <c r="NQP1198" s="10"/>
      <c r="NQQ1198" s="10"/>
      <c r="NQR1198" s="10"/>
      <c r="NQS1198" s="10"/>
      <c r="NQT1198" s="10"/>
      <c r="NQU1198" s="10"/>
      <c r="NQV1198" s="10"/>
      <c r="NQW1198" s="10"/>
      <c r="NQX1198" s="10"/>
      <c r="NQY1198" s="10"/>
      <c r="NQZ1198" s="10"/>
      <c r="NRA1198" s="10"/>
      <c r="NRB1198" s="10"/>
      <c r="NRC1198" s="10"/>
      <c r="NRD1198" s="10"/>
      <c r="NRE1198" s="10"/>
      <c r="NRF1198" s="10"/>
      <c r="NRG1198" s="10"/>
      <c r="NRH1198" s="10"/>
      <c r="NRI1198" s="10"/>
      <c r="NRJ1198" s="10"/>
      <c r="NRK1198" s="10"/>
      <c r="NRL1198" s="10"/>
      <c r="NRM1198" s="10"/>
      <c r="NRN1198" s="10"/>
      <c r="NRO1198" s="10"/>
      <c r="NRP1198" s="10"/>
      <c r="NRQ1198" s="10"/>
      <c r="NRR1198" s="10"/>
      <c r="NRS1198" s="10"/>
      <c r="NRT1198" s="10"/>
      <c r="NRU1198" s="10"/>
      <c r="NRV1198" s="10"/>
      <c r="NRW1198" s="10"/>
      <c r="NRX1198" s="10"/>
      <c r="NRY1198" s="10"/>
      <c r="NRZ1198" s="10"/>
      <c r="NSA1198" s="10"/>
      <c r="NSB1198" s="10"/>
      <c r="NSC1198" s="10"/>
      <c r="NSD1198" s="10"/>
      <c r="NSE1198" s="10"/>
      <c r="NSF1198" s="10"/>
      <c r="NSG1198" s="10"/>
      <c r="NSH1198" s="10"/>
      <c r="NSI1198" s="10"/>
      <c r="NSJ1198" s="10"/>
      <c r="NSK1198" s="10"/>
      <c r="NSL1198" s="10"/>
      <c r="NSM1198" s="10"/>
      <c r="NSN1198" s="10"/>
      <c r="NSO1198" s="10"/>
      <c r="NSP1198" s="10"/>
      <c r="NSQ1198" s="10"/>
      <c r="NSR1198" s="10"/>
      <c r="NSS1198" s="10"/>
      <c r="NST1198" s="10"/>
      <c r="NSU1198" s="10"/>
      <c r="NSV1198" s="10"/>
      <c r="NSW1198" s="10"/>
      <c r="NSX1198" s="10"/>
      <c r="NSY1198" s="10"/>
      <c r="NSZ1198" s="10"/>
      <c r="NTA1198" s="10"/>
      <c r="NTB1198" s="10"/>
      <c r="NTC1198" s="10"/>
      <c r="NTD1198" s="10"/>
      <c r="NTE1198" s="10"/>
      <c r="NTF1198" s="10"/>
      <c r="NTG1198" s="10"/>
      <c r="NTH1198" s="10"/>
      <c r="NTI1198" s="10"/>
      <c r="NTJ1198" s="10"/>
      <c r="NTK1198" s="10"/>
      <c r="NTL1198" s="10"/>
      <c r="NTM1198" s="10"/>
      <c r="NTN1198" s="10"/>
      <c r="NTO1198" s="10"/>
      <c r="NTP1198" s="10"/>
      <c r="NTQ1198" s="10"/>
      <c r="NTR1198" s="10"/>
      <c r="NTS1198" s="10"/>
      <c r="NTT1198" s="10"/>
      <c r="NTU1198" s="10"/>
      <c r="NTV1198" s="10"/>
      <c r="NTW1198" s="10"/>
      <c r="NTX1198" s="10"/>
      <c r="NTY1198" s="10"/>
      <c r="NTZ1198" s="10"/>
      <c r="NUA1198" s="10"/>
      <c r="NUB1198" s="10"/>
      <c r="NUC1198" s="10"/>
      <c r="NUD1198" s="10"/>
      <c r="NUE1198" s="10"/>
      <c r="NUF1198" s="10"/>
      <c r="NUG1198" s="10"/>
      <c r="NUH1198" s="10"/>
      <c r="NUI1198" s="10"/>
      <c r="NUJ1198" s="10"/>
      <c r="NUK1198" s="10"/>
      <c r="NUL1198" s="10"/>
      <c r="NUM1198" s="10"/>
      <c r="NUN1198" s="10"/>
      <c r="NUO1198" s="10"/>
      <c r="NUP1198" s="10"/>
      <c r="NUQ1198" s="10"/>
      <c r="NUR1198" s="10"/>
      <c r="NUS1198" s="10"/>
      <c r="NUT1198" s="10"/>
      <c r="NUU1198" s="10"/>
      <c r="NUV1198" s="10"/>
      <c r="NUW1198" s="10"/>
      <c r="NUX1198" s="10"/>
      <c r="NUY1198" s="10"/>
      <c r="NUZ1198" s="10"/>
      <c r="NVA1198" s="10"/>
      <c r="NVB1198" s="10"/>
      <c r="NVC1198" s="10"/>
      <c r="NVD1198" s="10"/>
      <c r="NVE1198" s="10"/>
      <c r="NVF1198" s="10"/>
      <c r="NVG1198" s="10"/>
      <c r="NVH1198" s="10"/>
      <c r="NVI1198" s="10"/>
      <c r="NVJ1198" s="10"/>
      <c r="NVK1198" s="10"/>
      <c r="NVL1198" s="10"/>
      <c r="NVM1198" s="10"/>
      <c r="NVN1198" s="10"/>
      <c r="NVO1198" s="10"/>
      <c r="NVP1198" s="10"/>
      <c r="NVQ1198" s="10"/>
      <c r="NVR1198" s="10"/>
      <c r="NVS1198" s="10"/>
      <c r="NVT1198" s="10"/>
      <c r="NVU1198" s="10"/>
      <c r="NVV1198" s="10"/>
      <c r="NVW1198" s="10"/>
      <c r="NVX1198" s="10"/>
      <c r="NVY1198" s="10"/>
      <c r="NVZ1198" s="10"/>
      <c r="NWA1198" s="10"/>
      <c r="NWB1198" s="10"/>
      <c r="NWC1198" s="10"/>
      <c r="NWD1198" s="10"/>
      <c r="NWE1198" s="10"/>
      <c r="NWF1198" s="10"/>
      <c r="NWG1198" s="10"/>
      <c r="NWH1198" s="10"/>
      <c r="NWI1198" s="10"/>
      <c r="NWJ1198" s="10"/>
      <c r="NWK1198" s="10"/>
      <c r="NWL1198" s="10"/>
      <c r="NWM1198" s="10"/>
      <c r="NWN1198" s="10"/>
      <c r="NWO1198" s="10"/>
      <c r="NWP1198" s="10"/>
      <c r="NWQ1198" s="10"/>
      <c r="NWR1198" s="10"/>
      <c r="NWS1198" s="10"/>
      <c r="NWT1198" s="10"/>
      <c r="NWU1198" s="10"/>
      <c r="NWV1198" s="10"/>
      <c r="NWW1198" s="10"/>
      <c r="NWX1198" s="10"/>
      <c r="NWY1198" s="10"/>
      <c r="NWZ1198" s="10"/>
      <c r="NXA1198" s="10"/>
      <c r="NXB1198" s="10"/>
      <c r="NXC1198" s="10"/>
      <c r="NXD1198" s="10"/>
      <c r="NXE1198" s="10"/>
      <c r="NXF1198" s="10"/>
      <c r="NXG1198" s="10"/>
      <c r="NXH1198" s="10"/>
      <c r="NXI1198" s="10"/>
      <c r="NXJ1198" s="10"/>
      <c r="NXK1198" s="10"/>
      <c r="NXL1198" s="10"/>
      <c r="NXM1198" s="10"/>
      <c r="NXN1198" s="10"/>
      <c r="NXO1198" s="10"/>
      <c r="NXP1198" s="10"/>
      <c r="NXQ1198" s="10"/>
      <c r="NXR1198" s="10"/>
      <c r="NXS1198" s="10"/>
      <c r="NXT1198" s="10"/>
      <c r="NXU1198" s="10"/>
      <c r="NXV1198" s="10"/>
      <c r="NXW1198" s="10"/>
      <c r="NXX1198" s="10"/>
      <c r="NXY1198" s="10"/>
      <c r="NXZ1198" s="10"/>
      <c r="NYA1198" s="10"/>
      <c r="NYB1198" s="10"/>
      <c r="NYC1198" s="10"/>
      <c r="NYD1198" s="10"/>
      <c r="NYE1198" s="10"/>
      <c r="NYF1198" s="10"/>
      <c r="NYG1198" s="10"/>
      <c r="NYH1198" s="10"/>
      <c r="NYI1198" s="10"/>
      <c r="NYJ1198" s="10"/>
      <c r="NYK1198" s="10"/>
      <c r="NYL1198" s="10"/>
      <c r="NYM1198" s="10"/>
      <c r="NYN1198" s="10"/>
      <c r="NYO1198" s="10"/>
      <c r="NYP1198" s="10"/>
      <c r="NYQ1198" s="10"/>
      <c r="NYR1198" s="10"/>
      <c r="NYS1198" s="10"/>
      <c r="NYT1198" s="10"/>
      <c r="NYU1198" s="10"/>
      <c r="NYV1198" s="10"/>
      <c r="NYW1198" s="10"/>
      <c r="NYX1198" s="10"/>
      <c r="NYY1198" s="10"/>
      <c r="NYZ1198" s="10"/>
      <c r="NZA1198" s="10"/>
      <c r="NZB1198" s="10"/>
      <c r="NZC1198" s="10"/>
      <c r="NZD1198" s="10"/>
      <c r="NZE1198" s="10"/>
      <c r="NZF1198" s="10"/>
      <c r="NZG1198" s="10"/>
      <c r="NZH1198" s="10"/>
      <c r="NZI1198" s="10"/>
      <c r="NZJ1198" s="10"/>
      <c r="NZK1198" s="10"/>
      <c r="NZL1198" s="10"/>
      <c r="NZM1198" s="10"/>
      <c r="NZN1198" s="10"/>
      <c r="NZO1198" s="10"/>
      <c r="NZP1198" s="10"/>
      <c r="NZQ1198" s="10"/>
      <c r="NZR1198" s="10"/>
      <c r="NZS1198" s="10"/>
      <c r="NZT1198" s="10"/>
      <c r="NZU1198" s="10"/>
      <c r="NZV1198" s="10"/>
      <c r="NZW1198" s="10"/>
      <c r="NZX1198" s="10"/>
      <c r="NZY1198" s="10"/>
      <c r="NZZ1198" s="10"/>
      <c r="OAA1198" s="10"/>
      <c r="OAB1198" s="10"/>
      <c r="OAC1198" s="10"/>
      <c r="OAD1198" s="10"/>
      <c r="OAE1198" s="10"/>
      <c r="OAF1198" s="10"/>
      <c r="OAG1198" s="10"/>
      <c r="OAH1198" s="10"/>
      <c r="OAI1198" s="10"/>
      <c r="OAJ1198" s="10"/>
      <c r="OAK1198" s="10"/>
      <c r="OAL1198" s="10"/>
      <c r="OAM1198" s="10"/>
      <c r="OAN1198" s="10"/>
      <c r="OAO1198" s="10"/>
      <c r="OAP1198" s="10"/>
      <c r="OAQ1198" s="10"/>
      <c r="OAR1198" s="10"/>
      <c r="OAS1198" s="10"/>
      <c r="OAT1198" s="10"/>
      <c r="OAU1198" s="10"/>
      <c r="OAV1198" s="10"/>
      <c r="OAW1198" s="10"/>
      <c r="OAX1198" s="10"/>
      <c r="OAY1198" s="10"/>
      <c r="OAZ1198" s="10"/>
      <c r="OBA1198" s="10"/>
      <c r="OBB1198" s="10"/>
      <c r="OBC1198" s="10"/>
      <c r="OBD1198" s="10"/>
      <c r="OBE1198" s="10"/>
      <c r="OBF1198" s="10"/>
      <c r="OBG1198" s="10"/>
      <c r="OBH1198" s="10"/>
      <c r="OBI1198" s="10"/>
      <c r="OBJ1198" s="10"/>
      <c r="OBK1198" s="10"/>
      <c r="OBL1198" s="10"/>
      <c r="OBM1198" s="10"/>
      <c r="OBN1198" s="10"/>
      <c r="OBO1198" s="10"/>
      <c r="OBP1198" s="10"/>
      <c r="OBQ1198" s="10"/>
      <c r="OBR1198" s="10"/>
      <c r="OBS1198" s="10"/>
      <c r="OBT1198" s="10"/>
      <c r="OBU1198" s="10"/>
      <c r="OBV1198" s="10"/>
      <c r="OBW1198" s="10"/>
      <c r="OBX1198" s="10"/>
      <c r="OBY1198" s="10"/>
      <c r="OBZ1198" s="10"/>
      <c r="OCA1198" s="10"/>
      <c r="OCB1198" s="10"/>
      <c r="OCC1198" s="10"/>
      <c r="OCD1198" s="10"/>
      <c r="OCE1198" s="10"/>
      <c r="OCF1198" s="10"/>
      <c r="OCG1198" s="10"/>
      <c r="OCH1198" s="10"/>
      <c r="OCI1198" s="10"/>
      <c r="OCJ1198" s="10"/>
      <c r="OCK1198" s="10"/>
      <c r="OCL1198" s="10"/>
      <c r="OCM1198" s="10"/>
      <c r="OCN1198" s="10"/>
      <c r="OCO1198" s="10"/>
      <c r="OCP1198" s="10"/>
      <c r="OCQ1198" s="10"/>
      <c r="OCR1198" s="10"/>
      <c r="OCS1198" s="10"/>
      <c r="OCT1198" s="10"/>
      <c r="OCU1198" s="10"/>
      <c r="OCV1198" s="10"/>
      <c r="OCW1198" s="10"/>
      <c r="OCX1198" s="10"/>
      <c r="OCY1198" s="10"/>
      <c r="OCZ1198" s="10"/>
      <c r="ODA1198" s="10"/>
      <c r="ODB1198" s="10"/>
      <c r="ODC1198" s="10"/>
      <c r="ODD1198" s="10"/>
      <c r="ODE1198" s="10"/>
      <c r="ODF1198" s="10"/>
      <c r="ODG1198" s="10"/>
      <c r="ODH1198" s="10"/>
      <c r="ODI1198" s="10"/>
      <c r="ODJ1198" s="10"/>
      <c r="ODK1198" s="10"/>
      <c r="ODL1198" s="10"/>
      <c r="ODM1198" s="10"/>
      <c r="ODN1198" s="10"/>
      <c r="ODO1198" s="10"/>
      <c r="ODP1198" s="10"/>
      <c r="ODQ1198" s="10"/>
      <c r="ODR1198" s="10"/>
      <c r="ODS1198" s="10"/>
      <c r="ODT1198" s="10"/>
      <c r="ODU1198" s="10"/>
      <c r="ODV1198" s="10"/>
      <c r="ODW1198" s="10"/>
      <c r="ODX1198" s="10"/>
      <c r="ODY1198" s="10"/>
      <c r="ODZ1198" s="10"/>
      <c r="OEA1198" s="10"/>
      <c r="OEB1198" s="10"/>
      <c r="OEC1198" s="10"/>
      <c r="OED1198" s="10"/>
      <c r="OEE1198" s="10"/>
      <c r="OEF1198" s="10"/>
      <c r="OEG1198" s="10"/>
      <c r="OEH1198" s="10"/>
      <c r="OEI1198" s="10"/>
      <c r="OEJ1198" s="10"/>
      <c r="OEK1198" s="10"/>
      <c r="OEL1198" s="10"/>
      <c r="OEM1198" s="10"/>
      <c r="OEN1198" s="10"/>
      <c r="OEO1198" s="10"/>
      <c r="OEP1198" s="10"/>
      <c r="OEQ1198" s="10"/>
      <c r="OER1198" s="10"/>
      <c r="OES1198" s="10"/>
      <c r="OET1198" s="10"/>
      <c r="OEU1198" s="10"/>
      <c r="OEV1198" s="10"/>
      <c r="OEW1198" s="10"/>
      <c r="OEX1198" s="10"/>
      <c r="OEY1198" s="10"/>
      <c r="OEZ1198" s="10"/>
      <c r="OFA1198" s="10"/>
      <c r="OFB1198" s="10"/>
      <c r="OFC1198" s="10"/>
      <c r="OFD1198" s="10"/>
      <c r="OFE1198" s="10"/>
      <c r="OFF1198" s="10"/>
      <c r="OFG1198" s="10"/>
      <c r="OFH1198" s="10"/>
      <c r="OFI1198" s="10"/>
      <c r="OFJ1198" s="10"/>
      <c r="OFK1198" s="10"/>
      <c r="OFL1198" s="10"/>
      <c r="OFM1198" s="10"/>
      <c r="OFN1198" s="10"/>
      <c r="OFO1198" s="10"/>
      <c r="OFP1198" s="10"/>
      <c r="OFQ1198" s="10"/>
      <c r="OFR1198" s="10"/>
      <c r="OFS1198" s="10"/>
      <c r="OFT1198" s="10"/>
      <c r="OFU1198" s="10"/>
      <c r="OFV1198" s="10"/>
      <c r="OFW1198" s="10"/>
      <c r="OFX1198" s="10"/>
      <c r="OFY1198" s="10"/>
      <c r="OFZ1198" s="10"/>
      <c r="OGA1198" s="10"/>
      <c r="OGB1198" s="10"/>
      <c r="OGC1198" s="10"/>
      <c r="OGD1198" s="10"/>
      <c r="OGE1198" s="10"/>
      <c r="OGF1198" s="10"/>
      <c r="OGG1198" s="10"/>
      <c r="OGH1198" s="10"/>
      <c r="OGI1198" s="10"/>
      <c r="OGJ1198" s="10"/>
      <c r="OGK1198" s="10"/>
      <c r="OGL1198" s="10"/>
      <c r="OGM1198" s="10"/>
      <c r="OGN1198" s="10"/>
      <c r="OGO1198" s="10"/>
      <c r="OGP1198" s="10"/>
      <c r="OGQ1198" s="10"/>
      <c r="OGR1198" s="10"/>
      <c r="OGS1198" s="10"/>
      <c r="OGT1198" s="10"/>
      <c r="OGU1198" s="10"/>
      <c r="OGV1198" s="10"/>
      <c r="OGW1198" s="10"/>
      <c r="OGX1198" s="10"/>
      <c r="OGY1198" s="10"/>
      <c r="OGZ1198" s="10"/>
      <c r="OHA1198" s="10"/>
      <c r="OHB1198" s="10"/>
      <c r="OHC1198" s="10"/>
      <c r="OHD1198" s="10"/>
      <c r="OHE1198" s="10"/>
      <c r="OHF1198" s="10"/>
      <c r="OHG1198" s="10"/>
      <c r="OHH1198" s="10"/>
      <c r="OHI1198" s="10"/>
      <c r="OHJ1198" s="10"/>
      <c r="OHK1198" s="10"/>
      <c r="OHL1198" s="10"/>
      <c r="OHM1198" s="10"/>
      <c r="OHN1198" s="10"/>
      <c r="OHO1198" s="10"/>
      <c r="OHP1198" s="10"/>
      <c r="OHQ1198" s="10"/>
      <c r="OHR1198" s="10"/>
      <c r="OHS1198" s="10"/>
      <c r="OHT1198" s="10"/>
      <c r="OHU1198" s="10"/>
      <c r="OHV1198" s="10"/>
      <c r="OHW1198" s="10"/>
      <c r="OHX1198" s="10"/>
      <c r="OHY1198" s="10"/>
      <c r="OHZ1198" s="10"/>
      <c r="OIA1198" s="10"/>
      <c r="OIB1198" s="10"/>
      <c r="OIC1198" s="10"/>
      <c r="OID1198" s="10"/>
      <c r="OIE1198" s="10"/>
      <c r="OIF1198" s="10"/>
      <c r="OIG1198" s="10"/>
      <c r="OIH1198" s="10"/>
      <c r="OII1198" s="10"/>
      <c r="OIJ1198" s="10"/>
      <c r="OIK1198" s="10"/>
      <c r="OIL1198" s="10"/>
      <c r="OIM1198" s="10"/>
      <c r="OIN1198" s="10"/>
      <c r="OIO1198" s="10"/>
      <c r="OIP1198" s="10"/>
      <c r="OIQ1198" s="10"/>
      <c r="OIR1198" s="10"/>
      <c r="OIS1198" s="10"/>
      <c r="OIT1198" s="10"/>
      <c r="OIU1198" s="10"/>
      <c r="OIV1198" s="10"/>
      <c r="OIW1198" s="10"/>
      <c r="OIX1198" s="10"/>
      <c r="OIY1198" s="10"/>
      <c r="OIZ1198" s="10"/>
      <c r="OJA1198" s="10"/>
      <c r="OJB1198" s="10"/>
      <c r="OJC1198" s="10"/>
      <c r="OJD1198" s="10"/>
      <c r="OJE1198" s="10"/>
      <c r="OJF1198" s="10"/>
      <c r="OJG1198" s="10"/>
      <c r="OJH1198" s="10"/>
      <c r="OJI1198" s="10"/>
      <c r="OJJ1198" s="10"/>
      <c r="OJK1198" s="10"/>
      <c r="OJL1198" s="10"/>
      <c r="OJM1198" s="10"/>
      <c r="OJN1198" s="10"/>
      <c r="OJO1198" s="10"/>
      <c r="OJP1198" s="10"/>
      <c r="OJQ1198" s="10"/>
      <c r="OJR1198" s="10"/>
      <c r="OJS1198" s="10"/>
      <c r="OJT1198" s="10"/>
      <c r="OJU1198" s="10"/>
      <c r="OJV1198" s="10"/>
      <c r="OJW1198" s="10"/>
      <c r="OJX1198" s="10"/>
      <c r="OJY1198" s="10"/>
      <c r="OJZ1198" s="10"/>
      <c r="OKA1198" s="10"/>
      <c r="OKB1198" s="10"/>
      <c r="OKC1198" s="10"/>
      <c r="OKD1198" s="10"/>
      <c r="OKE1198" s="10"/>
      <c r="OKF1198" s="10"/>
      <c r="OKG1198" s="10"/>
      <c r="OKH1198" s="10"/>
      <c r="OKI1198" s="10"/>
      <c r="OKJ1198" s="10"/>
      <c r="OKK1198" s="10"/>
      <c r="OKL1198" s="10"/>
      <c r="OKM1198" s="10"/>
      <c r="OKN1198" s="10"/>
      <c r="OKO1198" s="10"/>
      <c r="OKP1198" s="10"/>
      <c r="OKQ1198" s="10"/>
      <c r="OKR1198" s="10"/>
      <c r="OKS1198" s="10"/>
      <c r="OKT1198" s="10"/>
      <c r="OKU1198" s="10"/>
      <c r="OKV1198" s="10"/>
      <c r="OKW1198" s="10"/>
      <c r="OKX1198" s="10"/>
      <c r="OKY1198" s="10"/>
      <c r="OKZ1198" s="10"/>
      <c r="OLA1198" s="10"/>
      <c r="OLB1198" s="10"/>
      <c r="OLC1198" s="10"/>
      <c r="OLD1198" s="10"/>
      <c r="OLE1198" s="10"/>
      <c r="OLF1198" s="10"/>
      <c r="OLG1198" s="10"/>
      <c r="OLH1198" s="10"/>
      <c r="OLI1198" s="10"/>
      <c r="OLJ1198" s="10"/>
      <c r="OLK1198" s="10"/>
      <c r="OLL1198" s="10"/>
      <c r="OLM1198" s="10"/>
      <c r="OLN1198" s="10"/>
      <c r="OLO1198" s="10"/>
      <c r="OLP1198" s="10"/>
      <c r="OLQ1198" s="10"/>
      <c r="OLR1198" s="10"/>
      <c r="OLS1198" s="10"/>
      <c r="OLT1198" s="10"/>
      <c r="OLU1198" s="10"/>
      <c r="OLV1198" s="10"/>
      <c r="OLW1198" s="10"/>
      <c r="OLX1198" s="10"/>
      <c r="OLY1198" s="10"/>
      <c r="OLZ1198" s="10"/>
      <c r="OMA1198" s="10"/>
      <c r="OMB1198" s="10"/>
      <c r="OMC1198" s="10"/>
      <c r="OMD1198" s="10"/>
      <c r="OME1198" s="10"/>
      <c r="OMF1198" s="10"/>
      <c r="OMG1198" s="10"/>
      <c r="OMH1198" s="10"/>
      <c r="OMI1198" s="10"/>
      <c r="OMJ1198" s="10"/>
      <c r="OMK1198" s="10"/>
      <c r="OML1198" s="10"/>
      <c r="OMM1198" s="10"/>
      <c r="OMN1198" s="10"/>
      <c r="OMO1198" s="10"/>
      <c r="OMP1198" s="10"/>
      <c r="OMQ1198" s="10"/>
      <c r="OMR1198" s="10"/>
      <c r="OMS1198" s="10"/>
      <c r="OMT1198" s="10"/>
      <c r="OMU1198" s="10"/>
      <c r="OMV1198" s="10"/>
      <c r="OMW1198" s="10"/>
      <c r="OMX1198" s="10"/>
      <c r="OMY1198" s="10"/>
      <c r="OMZ1198" s="10"/>
      <c r="ONA1198" s="10"/>
      <c r="ONB1198" s="10"/>
      <c r="ONC1198" s="10"/>
      <c r="OND1198" s="10"/>
      <c r="ONE1198" s="10"/>
      <c r="ONF1198" s="10"/>
      <c r="ONG1198" s="10"/>
      <c r="ONH1198" s="10"/>
      <c r="ONI1198" s="10"/>
      <c r="ONJ1198" s="10"/>
      <c r="ONK1198" s="10"/>
      <c r="ONL1198" s="10"/>
      <c r="ONM1198" s="10"/>
      <c r="ONN1198" s="10"/>
      <c r="ONO1198" s="10"/>
      <c r="ONP1198" s="10"/>
      <c r="ONQ1198" s="10"/>
      <c r="ONR1198" s="10"/>
      <c r="ONS1198" s="10"/>
      <c r="ONT1198" s="10"/>
      <c r="ONU1198" s="10"/>
      <c r="ONV1198" s="10"/>
      <c r="ONW1198" s="10"/>
      <c r="ONX1198" s="10"/>
      <c r="ONY1198" s="10"/>
      <c r="ONZ1198" s="10"/>
      <c r="OOA1198" s="10"/>
      <c r="OOB1198" s="10"/>
      <c r="OOC1198" s="10"/>
      <c r="OOD1198" s="10"/>
      <c r="OOE1198" s="10"/>
      <c r="OOF1198" s="10"/>
      <c r="OOG1198" s="10"/>
      <c r="OOH1198" s="10"/>
      <c r="OOI1198" s="10"/>
      <c r="OOJ1198" s="10"/>
      <c r="OOK1198" s="10"/>
      <c r="OOL1198" s="10"/>
      <c r="OOM1198" s="10"/>
      <c r="OON1198" s="10"/>
      <c r="OOO1198" s="10"/>
      <c r="OOP1198" s="10"/>
      <c r="OOQ1198" s="10"/>
      <c r="OOR1198" s="10"/>
      <c r="OOS1198" s="10"/>
      <c r="OOT1198" s="10"/>
      <c r="OOU1198" s="10"/>
      <c r="OOV1198" s="10"/>
      <c r="OOW1198" s="10"/>
      <c r="OOX1198" s="10"/>
      <c r="OOY1198" s="10"/>
      <c r="OOZ1198" s="10"/>
      <c r="OPA1198" s="10"/>
      <c r="OPB1198" s="10"/>
      <c r="OPC1198" s="10"/>
      <c r="OPD1198" s="10"/>
      <c r="OPE1198" s="10"/>
      <c r="OPF1198" s="10"/>
      <c r="OPG1198" s="10"/>
      <c r="OPH1198" s="10"/>
      <c r="OPI1198" s="10"/>
      <c r="OPJ1198" s="10"/>
      <c r="OPK1198" s="10"/>
      <c r="OPL1198" s="10"/>
      <c r="OPM1198" s="10"/>
      <c r="OPN1198" s="10"/>
      <c r="OPO1198" s="10"/>
      <c r="OPP1198" s="10"/>
      <c r="OPQ1198" s="10"/>
      <c r="OPR1198" s="10"/>
      <c r="OPS1198" s="10"/>
      <c r="OPT1198" s="10"/>
      <c r="OPU1198" s="10"/>
      <c r="OPV1198" s="10"/>
      <c r="OPW1198" s="10"/>
      <c r="OPX1198" s="10"/>
      <c r="OPY1198" s="10"/>
      <c r="OPZ1198" s="10"/>
      <c r="OQA1198" s="10"/>
      <c r="OQB1198" s="10"/>
      <c r="OQC1198" s="10"/>
      <c r="OQD1198" s="10"/>
      <c r="OQE1198" s="10"/>
      <c r="OQF1198" s="10"/>
      <c r="OQG1198" s="10"/>
      <c r="OQH1198" s="10"/>
      <c r="OQI1198" s="10"/>
      <c r="OQJ1198" s="10"/>
      <c r="OQK1198" s="10"/>
      <c r="OQL1198" s="10"/>
      <c r="OQM1198" s="10"/>
      <c r="OQN1198" s="10"/>
      <c r="OQO1198" s="10"/>
      <c r="OQP1198" s="10"/>
      <c r="OQQ1198" s="10"/>
      <c r="OQR1198" s="10"/>
      <c r="OQS1198" s="10"/>
      <c r="OQT1198" s="10"/>
      <c r="OQU1198" s="10"/>
      <c r="OQV1198" s="10"/>
      <c r="OQW1198" s="10"/>
      <c r="OQX1198" s="10"/>
      <c r="OQY1198" s="10"/>
      <c r="OQZ1198" s="10"/>
      <c r="ORA1198" s="10"/>
      <c r="ORB1198" s="10"/>
      <c r="ORC1198" s="10"/>
      <c r="ORD1198" s="10"/>
      <c r="ORE1198" s="10"/>
      <c r="ORF1198" s="10"/>
      <c r="ORG1198" s="10"/>
      <c r="ORH1198" s="10"/>
      <c r="ORI1198" s="10"/>
      <c r="ORJ1198" s="10"/>
      <c r="ORK1198" s="10"/>
      <c r="ORL1198" s="10"/>
      <c r="ORM1198" s="10"/>
      <c r="ORN1198" s="10"/>
      <c r="ORO1198" s="10"/>
      <c r="ORP1198" s="10"/>
      <c r="ORQ1198" s="10"/>
      <c r="ORR1198" s="10"/>
      <c r="ORS1198" s="10"/>
      <c r="ORT1198" s="10"/>
      <c r="ORU1198" s="10"/>
      <c r="ORV1198" s="10"/>
      <c r="ORW1198" s="10"/>
      <c r="ORX1198" s="10"/>
      <c r="ORY1198" s="10"/>
      <c r="ORZ1198" s="10"/>
      <c r="OSA1198" s="10"/>
      <c r="OSB1198" s="10"/>
      <c r="OSC1198" s="10"/>
      <c r="OSD1198" s="10"/>
      <c r="OSE1198" s="10"/>
      <c r="OSF1198" s="10"/>
      <c r="OSG1198" s="10"/>
      <c r="OSH1198" s="10"/>
      <c r="OSI1198" s="10"/>
      <c r="OSJ1198" s="10"/>
      <c r="OSK1198" s="10"/>
      <c r="OSL1198" s="10"/>
      <c r="OSM1198" s="10"/>
      <c r="OSN1198" s="10"/>
      <c r="OSO1198" s="10"/>
      <c r="OSP1198" s="10"/>
      <c r="OSQ1198" s="10"/>
      <c r="OSR1198" s="10"/>
      <c r="OSS1198" s="10"/>
      <c r="OST1198" s="10"/>
      <c r="OSU1198" s="10"/>
      <c r="OSV1198" s="10"/>
      <c r="OSW1198" s="10"/>
      <c r="OSX1198" s="10"/>
      <c r="OSY1198" s="10"/>
      <c r="OSZ1198" s="10"/>
      <c r="OTA1198" s="10"/>
      <c r="OTB1198" s="10"/>
      <c r="OTC1198" s="10"/>
      <c r="OTD1198" s="10"/>
      <c r="OTE1198" s="10"/>
      <c r="OTF1198" s="10"/>
      <c r="OTG1198" s="10"/>
      <c r="OTH1198" s="10"/>
      <c r="OTI1198" s="10"/>
      <c r="OTJ1198" s="10"/>
      <c r="OTK1198" s="10"/>
      <c r="OTL1198" s="10"/>
      <c r="OTM1198" s="10"/>
      <c r="OTN1198" s="10"/>
      <c r="OTO1198" s="10"/>
      <c r="OTP1198" s="10"/>
      <c r="OTQ1198" s="10"/>
      <c r="OTR1198" s="10"/>
      <c r="OTS1198" s="10"/>
      <c r="OTT1198" s="10"/>
      <c r="OTU1198" s="10"/>
      <c r="OTV1198" s="10"/>
      <c r="OTW1198" s="10"/>
      <c r="OTX1198" s="10"/>
      <c r="OTY1198" s="10"/>
      <c r="OTZ1198" s="10"/>
      <c r="OUA1198" s="10"/>
      <c r="OUB1198" s="10"/>
      <c r="OUC1198" s="10"/>
      <c r="OUD1198" s="10"/>
      <c r="OUE1198" s="10"/>
      <c r="OUF1198" s="10"/>
      <c r="OUG1198" s="10"/>
      <c r="OUH1198" s="10"/>
      <c r="OUI1198" s="10"/>
      <c r="OUJ1198" s="10"/>
      <c r="OUK1198" s="10"/>
      <c r="OUL1198" s="10"/>
      <c r="OUM1198" s="10"/>
      <c r="OUN1198" s="10"/>
      <c r="OUO1198" s="10"/>
      <c r="OUP1198" s="10"/>
      <c r="OUQ1198" s="10"/>
      <c r="OUR1198" s="10"/>
      <c r="OUS1198" s="10"/>
      <c r="OUT1198" s="10"/>
      <c r="OUU1198" s="10"/>
      <c r="OUV1198" s="10"/>
      <c r="OUW1198" s="10"/>
      <c r="OUX1198" s="10"/>
      <c r="OUY1198" s="10"/>
      <c r="OUZ1198" s="10"/>
      <c r="OVA1198" s="10"/>
      <c r="OVB1198" s="10"/>
      <c r="OVC1198" s="10"/>
      <c r="OVD1198" s="10"/>
      <c r="OVE1198" s="10"/>
      <c r="OVF1198" s="10"/>
      <c r="OVG1198" s="10"/>
      <c r="OVH1198" s="10"/>
      <c r="OVI1198" s="10"/>
      <c r="OVJ1198" s="10"/>
      <c r="OVK1198" s="10"/>
      <c r="OVL1198" s="10"/>
      <c r="OVM1198" s="10"/>
      <c r="OVN1198" s="10"/>
      <c r="OVO1198" s="10"/>
      <c r="OVP1198" s="10"/>
      <c r="OVQ1198" s="10"/>
      <c r="OVR1198" s="10"/>
      <c r="OVS1198" s="10"/>
      <c r="OVT1198" s="10"/>
      <c r="OVU1198" s="10"/>
      <c r="OVV1198" s="10"/>
      <c r="OVW1198" s="10"/>
      <c r="OVX1198" s="10"/>
      <c r="OVY1198" s="10"/>
      <c r="OVZ1198" s="10"/>
      <c r="OWA1198" s="10"/>
      <c r="OWB1198" s="10"/>
      <c r="OWC1198" s="10"/>
      <c r="OWD1198" s="10"/>
      <c r="OWE1198" s="10"/>
      <c r="OWF1198" s="10"/>
      <c r="OWG1198" s="10"/>
      <c r="OWH1198" s="10"/>
      <c r="OWI1198" s="10"/>
      <c r="OWJ1198" s="10"/>
      <c r="OWK1198" s="10"/>
      <c r="OWL1198" s="10"/>
      <c r="OWM1198" s="10"/>
      <c r="OWN1198" s="10"/>
      <c r="OWO1198" s="10"/>
      <c r="OWP1198" s="10"/>
      <c r="OWQ1198" s="10"/>
      <c r="OWR1198" s="10"/>
      <c r="OWS1198" s="10"/>
      <c r="OWT1198" s="10"/>
      <c r="OWU1198" s="10"/>
      <c r="OWV1198" s="10"/>
      <c r="OWW1198" s="10"/>
      <c r="OWX1198" s="10"/>
      <c r="OWY1198" s="10"/>
      <c r="OWZ1198" s="10"/>
      <c r="OXA1198" s="10"/>
      <c r="OXB1198" s="10"/>
      <c r="OXC1198" s="10"/>
      <c r="OXD1198" s="10"/>
      <c r="OXE1198" s="10"/>
      <c r="OXF1198" s="10"/>
      <c r="OXG1198" s="10"/>
      <c r="OXH1198" s="10"/>
      <c r="OXI1198" s="10"/>
      <c r="OXJ1198" s="10"/>
      <c r="OXK1198" s="10"/>
      <c r="OXL1198" s="10"/>
      <c r="OXM1198" s="10"/>
      <c r="OXN1198" s="10"/>
      <c r="OXO1198" s="10"/>
      <c r="OXP1198" s="10"/>
      <c r="OXQ1198" s="10"/>
      <c r="OXR1198" s="10"/>
      <c r="OXS1198" s="10"/>
      <c r="OXT1198" s="10"/>
      <c r="OXU1198" s="10"/>
      <c r="OXV1198" s="10"/>
      <c r="OXW1198" s="10"/>
      <c r="OXX1198" s="10"/>
      <c r="OXY1198" s="10"/>
      <c r="OXZ1198" s="10"/>
      <c r="OYA1198" s="10"/>
      <c r="OYB1198" s="10"/>
      <c r="OYC1198" s="10"/>
      <c r="OYD1198" s="10"/>
      <c r="OYE1198" s="10"/>
      <c r="OYF1198" s="10"/>
      <c r="OYG1198" s="10"/>
      <c r="OYH1198" s="10"/>
      <c r="OYI1198" s="10"/>
      <c r="OYJ1198" s="10"/>
      <c r="OYK1198" s="10"/>
      <c r="OYL1198" s="10"/>
      <c r="OYM1198" s="10"/>
      <c r="OYN1198" s="10"/>
      <c r="OYO1198" s="10"/>
      <c r="OYP1198" s="10"/>
      <c r="OYQ1198" s="10"/>
      <c r="OYR1198" s="10"/>
      <c r="OYS1198" s="10"/>
      <c r="OYT1198" s="10"/>
      <c r="OYU1198" s="10"/>
      <c r="OYV1198" s="10"/>
      <c r="OYW1198" s="10"/>
      <c r="OYX1198" s="10"/>
      <c r="OYY1198" s="10"/>
      <c r="OYZ1198" s="10"/>
      <c r="OZA1198" s="10"/>
      <c r="OZB1198" s="10"/>
      <c r="OZC1198" s="10"/>
      <c r="OZD1198" s="10"/>
      <c r="OZE1198" s="10"/>
      <c r="OZF1198" s="10"/>
      <c r="OZG1198" s="10"/>
      <c r="OZH1198" s="10"/>
      <c r="OZI1198" s="10"/>
      <c r="OZJ1198" s="10"/>
      <c r="OZK1198" s="10"/>
      <c r="OZL1198" s="10"/>
      <c r="OZM1198" s="10"/>
      <c r="OZN1198" s="10"/>
      <c r="OZO1198" s="10"/>
      <c r="OZP1198" s="10"/>
      <c r="OZQ1198" s="10"/>
      <c r="OZR1198" s="10"/>
      <c r="OZS1198" s="10"/>
      <c r="OZT1198" s="10"/>
      <c r="OZU1198" s="10"/>
      <c r="OZV1198" s="10"/>
      <c r="OZW1198" s="10"/>
      <c r="OZX1198" s="10"/>
      <c r="OZY1198" s="10"/>
      <c r="OZZ1198" s="10"/>
      <c r="PAA1198" s="10"/>
      <c r="PAB1198" s="10"/>
      <c r="PAC1198" s="10"/>
      <c r="PAD1198" s="10"/>
      <c r="PAE1198" s="10"/>
      <c r="PAF1198" s="10"/>
      <c r="PAG1198" s="10"/>
      <c r="PAH1198" s="10"/>
      <c r="PAI1198" s="10"/>
      <c r="PAJ1198" s="10"/>
      <c r="PAK1198" s="10"/>
      <c r="PAL1198" s="10"/>
      <c r="PAM1198" s="10"/>
      <c r="PAN1198" s="10"/>
      <c r="PAO1198" s="10"/>
      <c r="PAP1198" s="10"/>
      <c r="PAQ1198" s="10"/>
      <c r="PAR1198" s="10"/>
      <c r="PAS1198" s="10"/>
      <c r="PAT1198" s="10"/>
      <c r="PAU1198" s="10"/>
      <c r="PAV1198" s="10"/>
      <c r="PAW1198" s="10"/>
      <c r="PAX1198" s="10"/>
      <c r="PAY1198" s="10"/>
      <c r="PAZ1198" s="10"/>
      <c r="PBA1198" s="10"/>
      <c r="PBB1198" s="10"/>
      <c r="PBC1198" s="10"/>
      <c r="PBD1198" s="10"/>
      <c r="PBE1198" s="10"/>
      <c r="PBF1198" s="10"/>
      <c r="PBG1198" s="10"/>
      <c r="PBH1198" s="10"/>
      <c r="PBI1198" s="10"/>
      <c r="PBJ1198" s="10"/>
      <c r="PBK1198" s="10"/>
      <c r="PBL1198" s="10"/>
      <c r="PBM1198" s="10"/>
      <c r="PBN1198" s="10"/>
      <c r="PBO1198" s="10"/>
      <c r="PBP1198" s="10"/>
      <c r="PBQ1198" s="10"/>
      <c r="PBR1198" s="10"/>
      <c r="PBS1198" s="10"/>
      <c r="PBT1198" s="10"/>
      <c r="PBU1198" s="10"/>
      <c r="PBV1198" s="10"/>
      <c r="PBW1198" s="10"/>
      <c r="PBX1198" s="10"/>
      <c r="PBY1198" s="10"/>
      <c r="PBZ1198" s="10"/>
      <c r="PCA1198" s="10"/>
      <c r="PCB1198" s="10"/>
      <c r="PCC1198" s="10"/>
      <c r="PCD1198" s="10"/>
      <c r="PCE1198" s="10"/>
      <c r="PCF1198" s="10"/>
      <c r="PCG1198" s="10"/>
      <c r="PCH1198" s="10"/>
      <c r="PCI1198" s="10"/>
      <c r="PCJ1198" s="10"/>
      <c r="PCK1198" s="10"/>
      <c r="PCL1198" s="10"/>
      <c r="PCM1198" s="10"/>
      <c r="PCN1198" s="10"/>
      <c r="PCO1198" s="10"/>
      <c r="PCP1198" s="10"/>
      <c r="PCQ1198" s="10"/>
      <c r="PCR1198" s="10"/>
      <c r="PCS1198" s="10"/>
      <c r="PCT1198" s="10"/>
      <c r="PCU1198" s="10"/>
      <c r="PCV1198" s="10"/>
      <c r="PCW1198" s="10"/>
      <c r="PCX1198" s="10"/>
      <c r="PCY1198" s="10"/>
      <c r="PCZ1198" s="10"/>
      <c r="PDA1198" s="10"/>
      <c r="PDB1198" s="10"/>
      <c r="PDC1198" s="10"/>
      <c r="PDD1198" s="10"/>
      <c r="PDE1198" s="10"/>
      <c r="PDF1198" s="10"/>
      <c r="PDG1198" s="10"/>
      <c r="PDH1198" s="10"/>
      <c r="PDI1198" s="10"/>
      <c r="PDJ1198" s="10"/>
      <c r="PDK1198" s="10"/>
      <c r="PDL1198" s="10"/>
      <c r="PDM1198" s="10"/>
      <c r="PDN1198" s="10"/>
      <c r="PDO1198" s="10"/>
      <c r="PDP1198" s="10"/>
      <c r="PDQ1198" s="10"/>
      <c r="PDR1198" s="10"/>
      <c r="PDS1198" s="10"/>
      <c r="PDT1198" s="10"/>
      <c r="PDU1198" s="10"/>
      <c r="PDV1198" s="10"/>
      <c r="PDW1198" s="10"/>
      <c r="PDX1198" s="10"/>
      <c r="PDY1198" s="10"/>
      <c r="PDZ1198" s="10"/>
      <c r="PEA1198" s="10"/>
      <c r="PEB1198" s="10"/>
      <c r="PEC1198" s="10"/>
      <c r="PED1198" s="10"/>
      <c r="PEE1198" s="10"/>
      <c r="PEF1198" s="10"/>
      <c r="PEG1198" s="10"/>
      <c r="PEH1198" s="10"/>
      <c r="PEI1198" s="10"/>
      <c r="PEJ1198" s="10"/>
      <c r="PEK1198" s="10"/>
      <c r="PEL1198" s="10"/>
      <c r="PEM1198" s="10"/>
      <c r="PEN1198" s="10"/>
      <c r="PEO1198" s="10"/>
      <c r="PEP1198" s="10"/>
      <c r="PEQ1198" s="10"/>
      <c r="PER1198" s="10"/>
      <c r="PES1198" s="10"/>
      <c r="PET1198" s="10"/>
      <c r="PEU1198" s="10"/>
      <c r="PEV1198" s="10"/>
      <c r="PEW1198" s="10"/>
      <c r="PEX1198" s="10"/>
      <c r="PEY1198" s="10"/>
      <c r="PEZ1198" s="10"/>
      <c r="PFA1198" s="10"/>
      <c r="PFB1198" s="10"/>
      <c r="PFC1198" s="10"/>
      <c r="PFD1198" s="10"/>
      <c r="PFE1198" s="10"/>
      <c r="PFF1198" s="10"/>
      <c r="PFG1198" s="10"/>
      <c r="PFH1198" s="10"/>
      <c r="PFI1198" s="10"/>
      <c r="PFJ1198" s="10"/>
      <c r="PFK1198" s="10"/>
      <c r="PFL1198" s="10"/>
      <c r="PFM1198" s="10"/>
      <c r="PFN1198" s="10"/>
      <c r="PFO1198" s="10"/>
      <c r="PFP1198" s="10"/>
      <c r="PFQ1198" s="10"/>
      <c r="PFR1198" s="10"/>
      <c r="PFS1198" s="10"/>
      <c r="PFT1198" s="10"/>
      <c r="PFU1198" s="10"/>
      <c r="PFV1198" s="10"/>
      <c r="PFW1198" s="10"/>
      <c r="PFX1198" s="10"/>
      <c r="PFY1198" s="10"/>
      <c r="PFZ1198" s="10"/>
      <c r="PGA1198" s="10"/>
      <c r="PGB1198" s="10"/>
      <c r="PGC1198" s="10"/>
      <c r="PGD1198" s="10"/>
      <c r="PGE1198" s="10"/>
      <c r="PGF1198" s="10"/>
      <c r="PGG1198" s="10"/>
      <c r="PGH1198" s="10"/>
      <c r="PGI1198" s="10"/>
      <c r="PGJ1198" s="10"/>
      <c r="PGK1198" s="10"/>
      <c r="PGL1198" s="10"/>
      <c r="PGM1198" s="10"/>
      <c r="PGN1198" s="10"/>
      <c r="PGO1198" s="10"/>
      <c r="PGP1198" s="10"/>
      <c r="PGQ1198" s="10"/>
      <c r="PGR1198" s="10"/>
      <c r="PGS1198" s="10"/>
      <c r="PGT1198" s="10"/>
      <c r="PGU1198" s="10"/>
      <c r="PGV1198" s="10"/>
      <c r="PGW1198" s="10"/>
      <c r="PGX1198" s="10"/>
      <c r="PGY1198" s="10"/>
      <c r="PGZ1198" s="10"/>
      <c r="PHA1198" s="10"/>
      <c r="PHB1198" s="10"/>
      <c r="PHC1198" s="10"/>
      <c r="PHD1198" s="10"/>
      <c r="PHE1198" s="10"/>
      <c r="PHF1198" s="10"/>
      <c r="PHG1198" s="10"/>
      <c r="PHH1198" s="10"/>
      <c r="PHI1198" s="10"/>
      <c r="PHJ1198" s="10"/>
      <c r="PHK1198" s="10"/>
      <c r="PHL1198" s="10"/>
      <c r="PHM1198" s="10"/>
      <c r="PHN1198" s="10"/>
      <c r="PHO1198" s="10"/>
      <c r="PHP1198" s="10"/>
      <c r="PHQ1198" s="10"/>
      <c r="PHR1198" s="10"/>
      <c r="PHS1198" s="10"/>
      <c r="PHT1198" s="10"/>
      <c r="PHU1198" s="10"/>
      <c r="PHV1198" s="10"/>
      <c r="PHW1198" s="10"/>
      <c r="PHX1198" s="10"/>
      <c r="PHY1198" s="10"/>
      <c r="PHZ1198" s="10"/>
      <c r="PIA1198" s="10"/>
      <c r="PIB1198" s="10"/>
      <c r="PIC1198" s="10"/>
      <c r="PID1198" s="10"/>
      <c r="PIE1198" s="10"/>
      <c r="PIF1198" s="10"/>
      <c r="PIG1198" s="10"/>
      <c r="PIH1198" s="10"/>
      <c r="PII1198" s="10"/>
      <c r="PIJ1198" s="10"/>
      <c r="PIK1198" s="10"/>
      <c r="PIL1198" s="10"/>
      <c r="PIM1198" s="10"/>
      <c r="PIN1198" s="10"/>
      <c r="PIO1198" s="10"/>
      <c r="PIP1198" s="10"/>
      <c r="PIQ1198" s="10"/>
      <c r="PIR1198" s="10"/>
      <c r="PIS1198" s="10"/>
      <c r="PIT1198" s="10"/>
      <c r="PIU1198" s="10"/>
      <c r="PIV1198" s="10"/>
      <c r="PIW1198" s="10"/>
      <c r="PIX1198" s="10"/>
      <c r="PIY1198" s="10"/>
      <c r="PIZ1198" s="10"/>
      <c r="PJA1198" s="10"/>
      <c r="PJB1198" s="10"/>
      <c r="PJC1198" s="10"/>
      <c r="PJD1198" s="10"/>
      <c r="PJE1198" s="10"/>
      <c r="PJF1198" s="10"/>
      <c r="PJG1198" s="10"/>
      <c r="PJH1198" s="10"/>
      <c r="PJI1198" s="10"/>
      <c r="PJJ1198" s="10"/>
      <c r="PJK1198" s="10"/>
      <c r="PJL1198" s="10"/>
      <c r="PJM1198" s="10"/>
      <c r="PJN1198" s="10"/>
      <c r="PJO1198" s="10"/>
      <c r="PJP1198" s="10"/>
      <c r="PJQ1198" s="10"/>
      <c r="PJR1198" s="10"/>
      <c r="PJS1198" s="10"/>
      <c r="PJT1198" s="10"/>
      <c r="PJU1198" s="10"/>
      <c r="PJV1198" s="10"/>
      <c r="PJW1198" s="10"/>
      <c r="PJX1198" s="10"/>
      <c r="PJY1198" s="10"/>
      <c r="PJZ1198" s="10"/>
      <c r="PKA1198" s="10"/>
      <c r="PKB1198" s="10"/>
      <c r="PKC1198" s="10"/>
      <c r="PKD1198" s="10"/>
      <c r="PKE1198" s="10"/>
      <c r="PKF1198" s="10"/>
      <c r="PKG1198" s="10"/>
      <c r="PKH1198" s="10"/>
      <c r="PKI1198" s="10"/>
      <c r="PKJ1198" s="10"/>
      <c r="PKK1198" s="10"/>
      <c r="PKL1198" s="10"/>
      <c r="PKM1198" s="10"/>
      <c r="PKN1198" s="10"/>
      <c r="PKO1198" s="10"/>
      <c r="PKP1198" s="10"/>
      <c r="PKQ1198" s="10"/>
      <c r="PKR1198" s="10"/>
      <c r="PKS1198" s="10"/>
      <c r="PKT1198" s="10"/>
      <c r="PKU1198" s="10"/>
      <c r="PKV1198" s="10"/>
      <c r="PKW1198" s="10"/>
      <c r="PKX1198" s="10"/>
      <c r="PKY1198" s="10"/>
      <c r="PKZ1198" s="10"/>
      <c r="PLA1198" s="10"/>
      <c r="PLB1198" s="10"/>
      <c r="PLC1198" s="10"/>
      <c r="PLD1198" s="10"/>
      <c r="PLE1198" s="10"/>
      <c r="PLF1198" s="10"/>
      <c r="PLG1198" s="10"/>
      <c r="PLH1198" s="10"/>
      <c r="PLI1198" s="10"/>
      <c r="PLJ1198" s="10"/>
      <c r="PLK1198" s="10"/>
      <c r="PLL1198" s="10"/>
      <c r="PLM1198" s="10"/>
      <c r="PLN1198" s="10"/>
      <c r="PLO1198" s="10"/>
      <c r="PLP1198" s="10"/>
      <c r="PLQ1198" s="10"/>
      <c r="PLR1198" s="10"/>
      <c r="PLS1198" s="10"/>
      <c r="PLT1198" s="10"/>
      <c r="PLU1198" s="10"/>
      <c r="PLV1198" s="10"/>
      <c r="PLW1198" s="10"/>
      <c r="PLX1198" s="10"/>
      <c r="PLY1198" s="10"/>
      <c r="PLZ1198" s="10"/>
      <c r="PMA1198" s="10"/>
      <c r="PMB1198" s="10"/>
      <c r="PMC1198" s="10"/>
      <c r="PMD1198" s="10"/>
      <c r="PME1198" s="10"/>
      <c r="PMF1198" s="10"/>
      <c r="PMG1198" s="10"/>
      <c r="PMH1198" s="10"/>
      <c r="PMI1198" s="10"/>
      <c r="PMJ1198" s="10"/>
      <c r="PMK1198" s="10"/>
      <c r="PML1198" s="10"/>
      <c r="PMM1198" s="10"/>
      <c r="PMN1198" s="10"/>
      <c r="PMO1198" s="10"/>
      <c r="PMP1198" s="10"/>
      <c r="PMQ1198" s="10"/>
      <c r="PMR1198" s="10"/>
      <c r="PMS1198" s="10"/>
      <c r="PMT1198" s="10"/>
      <c r="PMU1198" s="10"/>
      <c r="PMV1198" s="10"/>
      <c r="PMW1198" s="10"/>
      <c r="PMX1198" s="10"/>
      <c r="PMY1198" s="10"/>
      <c r="PMZ1198" s="10"/>
      <c r="PNA1198" s="10"/>
      <c r="PNB1198" s="10"/>
      <c r="PNC1198" s="10"/>
      <c r="PND1198" s="10"/>
      <c r="PNE1198" s="10"/>
      <c r="PNF1198" s="10"/>
      <c r="PNG1198" s="10"/>
      <c r="PNH1198" s="10"/>
      <c r="PNI1198" s="10"/>
      <c r="PNJ1198" s="10"/>
      <c r="PNK1198" s="10"/>
      <c r="PNL1198" s="10"/>
      <c r="PNM1198" s="10"/>
      <c r="PNN1198" s="10"/>
      <c r="PNO1198" s="10"/>
      <c r="PNP1198" s="10"/>
      <c r="PNQ1198" s="10"/>
      <c r="PNR1198" s="10"/>
      <c r="PNS1198" s="10"/>
      <c r="PNT1198" s="10"/>
      <c r="PNU1198" s="10"/>
      <c r="PNV1198" s="10"/>
      <c r="PNW1198" s="10"/>
      <c r="PNX1198" s="10"/>
      <c r="PNY1198" s="10"/>
      <c r="PNZ1198" s="10"/>
      <c r="POA1198" s="10"/>
      <c r="POB1198" s="10"/>
      <c r="POC1198" s="10"/>
      <c r="POD1198" s="10"/>
      <c r="POE1198" s="10"/>
      <c r="POF1198" s="10"/>
      <c r="POG1198" s="10"/>
      <c r="POH1198" s="10"/>
      <c r="POI1198" s="10"/>
      <c r="POJ1198" s="10"/>
      <c r="POK1198" s="10"/>
      <c r="POL1198" s="10"/>
      <c r="POM1198" s="10"/>
      <c r="PON1198" s="10"/>
      <c r="POO1198" s="10"/>
      <c r="POP1198" s="10"/>
      <c r="POQ1198" s="10"/>
      <c r="POR1198" s="10"/>
      <c r="POS1198" s="10"/>
      <c r="POT1198" s="10"/>
      <c r="POU1198" s="10"/>
      <c r="POV1198" s="10"/>
      <c r="POW1198" s="10"/>
      <c r="POX1198" s="10"/>
      <c r="POY1198" s="10"/>
      <c r="POZ1198" s="10"/>
      <c r="PPA1198" s="10"/>
      <c r="PPB1198" s="10"/>
      <c r="PPC1198" s="10"/>
      <c r="PPD1198" s="10"/>
      <c r="PPE1198" s="10"/>
      <c r="PPF1198" s="10"/>
      <c r="PPG1198" s="10"/>
      <c r="PPH1198" s="10"/>
      <c r="PPI1198" s="10"/>
      <c r="PPJ1198" s="10"/>
      <c r="PPK1198" s="10"/>
      <c r="PPL1198" s="10"/>
      <c r="PPM1198" s="10"/>
      <c r="PPN1198" s="10"/>
      <c r="PPO1198" s="10"/>
      <c r="PPP1198" s="10"/>
      <c r="PPQ1198" s="10"/>
      <c r="PPR1198" s="10"/>
      <c r="PPS1198" s="10"/>
      <c r="PPT1198" s="10"/>
      <c r="PPU1198" s="10"/>
      <c r="PPV1198" s="10"/>
      <c r="PPW1198" s="10"/>
      <c r="PPX1198" s="10"/>
      <c r="PPY1198" s="10"/>
      <c r="PPZ1198" s="10"/>
      <c r="PQA1198" s="10"/>
      <c r="PQB1198" s="10"/>
      <c r="PQC1198" s="10"/>
      <c r="PQD1198" s="10"/>
      <c r="PQE1198" s="10"/>
      <c r="PQF1198" s="10"/>
      <c r="PQG1198" s="10"/>
      <c r="PQH1198" s="10"/>
      <c r="PQI1198" s="10"/>
      <c r="PQJ1198" s="10"/>
      <c r="PQK1198" s="10"/>
      <c r="PQL1198" s="10"/>
      <c r="PQM1198" s="10"/>
      <c r="PQN1198" s="10"/>
      <c r="PQO1198" s="10"/>
      <c r="PQP1198" s="10"/>
      <c r="PQQ1198" s="10"/>
      <c r="PQR1198" s="10"/>
      <c r="PQS1198" s="10"/>
      <c r="PQT1198" s="10"/>
      <c r="PQU1198" s="10"/>
      <c r="PQV1198" s="10"/>
      <c r="PQW1198" s="10"/>
      <c r="PQX1198" s="10"/>
      <c r="PQY1198" s="10"/>
      <c r="PQZ1198" s="10"/>
      <c r="PRA1198" s="10"/>
      <c r="PRB1198" s="10"/>
      <c r="PRC1198" s="10"/>
      <c r="PRD1198" s="10"/>
      <c r="PRE1198" s="10"/>
      <c r="PRF1198" s="10"/>
      <c r="PRG1198" s="10"/>
      <c r="PRH1198" s="10"/>
      <c r="PRI1198" s="10"/>
      <c r="PRJ1198" s="10"/>
      <c r="PRK1198" s="10"/>
      <c r="PRL1198" s="10"/>
      <c r="PRM1198" s="10"/>
      <c r="PRN1198" s="10"/>
      <c r="PRO1198" s="10"/>
      <c r="PRP1198" s="10"/>
      <c r="PRQ1198" s="10"/>
      <c r="PRR1198" s="10"/>
      <c r="PRS1198" s="10"/>
      <c r="PRT1198" s="10"/>
      <c r="PRU1198" s="10"/>
      <c r="PRV1198" s="10"/>
      <c r="PRW1198" s="10"/>
      <c r="PRX1198" s="10"/>
      <c r="PRY1198" s="10"/>
      <c r="PRZ1198" s="10"/>
      <c r="PSA1198" s="10"/>
      <c r="PSB1198" s="10"/>
      <c r="PSC1198" s="10"/>
      <c r="PSD1198" s="10"/>
      <c r="PSE1198" s="10"/>
      <c r="PSF1198" s="10"/>
      <c r="PSG1198" s="10"/>
      <c r="PSH1198" s="10"/>
      <c r="PSI1198" s="10"/>
      <c r="PSJ1198" s="10"/>
      <c r="PSK1198" s="10"/>
      <c r="PSL1198" s="10"/>
      <c r="PSM1198" s="10"/>
      <c r="PSN1198" s="10"/>
      <c r="PSO1198" s="10"/>
      <c r="PSP1198" s="10"/>
      <c r="PSQ1198" s="10"/>
      <c r="PSR1198" s="10"/>
      <c r="PSS1198" s="10"/>
      <c r="PST1198" s="10"/>
      <c r="PSU1198" s="10"/>
      <c r="PSV1198" s="10"/>
      <c r="PSW1198" s="10"/>
      <c r="PSX1198" s="10"/>
      <c r="PSY1198" s="10"/>
      <c r="PSZ1198" s="10"/>
      <c r="PTA1198" s="10"/>
      <c r="PTB1198" s="10"/>
      <c r="PTC1198" s="10"/>
      <c r="PTD1198" s="10"/>
      <c r="PTE1198" s="10"/>
      <c r="PTF1198" s="10"/>
      <c r="PTG1198" s="10"/>
      <c r="PTH1198" s="10"/>
      <c r="PTI1198" s="10"/>
      <c r="PTJ1198" s="10"/>
      <c r="PTK1198" s="10"/>
      <c r="PTL1198" s="10"/>
      <c r="PTM1198" s="10"/>
      <c r="PTN1198" s="10"/>
      <c r="PTO1198" s="10"/>
      <c r="PTP1198" s="10"/>
      <c r="PTQ1198" s="10"/>
      <c r="PTR1198" s="10"/>
      <c r="PTS1198" s="10"/>
      <c r="PTT1198" s="10"/>
      <c r="PTU1198" s="10"/>
      <c r="PTV1198" s="10"/>
      <c r="PTW1198" s="10"/>
      <c r="PTX1198" s="10"/>
      <c r="PTY1198" s="10"/>
      <c r="PTZ1198" s="10"/>
      <c r="PUA1198" s="10"/>
      <c r="PUB1198" s="10"/>
      <c r="PUC1198" s="10"/>
      <c r="PUD1198" s="10"/>
      <c r="PUE1198" s="10"/>
      <c r="PUF1198" s="10"/>
      <c r="PUG1198" s="10"/>
      <c r="PUH1198" s="10"/>
      <c r="PUI1198" s="10"/>
      <c r="PUJ1198" s="10"/>
      <c r="PUK1198" s="10"/>
      <c r="PUL1198" s="10"/>
      <c r="PUM1198" s="10"/>
      <c r="PUN1198" s="10"/>
      <c r="PUO1198" s="10"/>
      <c r="PUP1198" s="10"/>
      <c r="PUQ1198" s="10"/>
      <c r="PUR1198" s="10"/>
      <c r="PUS1198" s="10"/>
      <c r="PUT1198" s="10"/>
      <c r="PUU1198" s="10"/>
      <c r="PUV1198" s="10"/>
      <c r="PUW1198" s="10"/>
      <c r="PUX1198" s="10"/>
      <c r="PUY1198" s="10"/>
      <c r="PUZ1198" s="10"/>
      <c r="PVA1198" s="10"/>
      <c r="PVB1198" s="10"/>
      <c r="PVC1198" s="10"/>
      <c r="PVD1198" s="10"/>
      <c r="PVE1198" s="10"/>
      <c r="PVF1198" s="10"/>
      <c r="PVG1198" s="10"/>
      <c r="PVH1198" s="10"/>
      <c r="PVI1198" s="10"/>
      <c r="PVJ1198" s="10"/>
      <c r="PVK1198" s="10"/>
      <c r="PVL1198" s="10"/>
      <c r="PVM1198" s="10"/>
      <c r="PVN1198" s="10"/>
      <c r="PVO1198" s="10"/>
      <c r="PVP1198" s="10"/>
      <c r="PVQ1198" s="10"/>
      <c r="PVR1198" s="10"/>
      <c r="PVS1198" s="10"/>
      <c r="PVT1198" s="10"/>
      <c r="PVU1198" s="10"/>
      <c r="PVV1198" s="10"/>
      <c r="PVW1198" s="10"/>
      <c r="PVX1198" s="10"/>
      <c r="PVY1198" s="10"/>
      <c r="PVZ1198" s="10"/>
      <c r="PWA1198" s="10"/>
      <c r="PWB1198" s="10"/>
      <c r="PWC1198" s="10"/>
      <c r="PWD1198" s="10"/>
      <c r="PWE1198" s="10"/>
      <c r="PWF1198" s="10"/>
      <c r="PWG1198" s="10"/>
      <c r="PWH1198" s="10"/>
      <c r="PWI1198" s="10"/>
      <c r="PWJ1198" s="10"/>
      <c r="PWK1198" s="10"/>
      <c r="PWL1198" s="10"/>
      <c r="PWM1198" s="10"/>
      <c r="PWN1198" s="10"/>
      <c r="PWO1198" s="10"/>
      <c r="PWP1198" s="10"/>
      <c r="PWQ1198" s="10"/>
      <c r="PWR1198" s="10"/>
      <c r="PWS1198" s="10"/>
      <c r="PWT1198" s="10"/>
      <c r="PWU1198" s="10"/>
      <c r="PWV1198" s="10"/>
      <c r="PWW1198" s="10"/>
      <c r="PWX1198" s="10"/>
      <c r="PWY1198" s="10"/>
      <c r="PWZ1198" s="10"/>
      <c r="PXA1198" s="10"/>
      <c r="PXB1198" s="10"/>
      <c r="PXC1198" s="10"/>
      <c r="PXD1198" s="10"/>
      <c r="PXE1198" s="10"/>
      <c r="PXF1198" s="10"/>
      <c r="PXG1198" s="10"/>
      <c r="PXH1198" s="10"/>
      <c r="PXI1198" s="10"/>
      <c r="PXJ1198" s="10"/>
      <c r="PXK1198" s="10"/>
      <c r="PXL1198" s="10"/>
      <c r="PXM1198" s="10"/>
      <c r="PXN1198" s="10"/>
      <c r="PXO1198" s="10"/>
      <c r="PXP1198" s="10"/>
      <c r="PXQ1198" s="10"/>
      <c r="PXR1198" s="10"/>
      <c r="PXS1198" s="10"/>
      <c r="PXT1198" s="10"/>
      <c r="PXU1198" s="10"/>
      <c r="PXV1198" s="10"/>
      <c r="PXW1198" s="10"/>
      <c r="PXX1198" s="10"/>
      <c r="PXY1198" s="10"/>
      <c r="PXZ1198" s="10"/>
      <c r="PYA1198" s="10"/>
      <c r="PYB1198" s="10"/>
      <c r="PYC1198" s="10"/>
      <c r="PYD1198" s="10"/>
      <c r="PYE1198" s="10"/>
      <c r="PYF1198" s="10"/>
      <c r="PYG1198" s="10"/>
      <c r="PYH1198" s="10"/>
      <c r="PYI1198" s="10"/>
      <c r="PYJ1198" s="10"/>
      <c r="PYK1198" s="10"/>
      <c r="PYL1198" s="10"/>
      <c r="PYM1198" s="10"/>
      <c r="PYN1198" s="10"/>
      <c r="PYO1198" s="10"/>
      <c r="PYP1198" s="10"/>
      <c r="PYQ1198" s="10"/>
      <c r="PYR1198" s="10"/>
      <c r="PYS1198" s="10"/>
      <c r="PYT1198" s="10"/>
      <c r="PYU1198" s="10"/>
      <c r="PYV1198" s="10"/>
      <c r="PYW1198" s="10"/>
      <c r="PYX1198" s="10"/>
      <c r="PYY1198" s="10"/>
      <c r="PYZ1198" s="10"/>
      <c r="PZA1198" s="10"/>
      <c r="PZB1198" s="10"/>
      <c r="PZC1198" s="10"/>
      <c r="PZD1198" s="10"/>
      <c r="PZE1198" s="10"/>
      <c r="PZF1198" s="10"/>
      <c r="PZG1198" s="10"/>
      <c r="PZH1198" s="10"/>
      <c r="PZI1198" s="10"/>
      <c r="PZJ1198" s="10"/>
      <c r="PZK1198" s="10"/>
      <c r="PZL1198" s="10"/>
      <c r="PZM1198" s="10"/>
      <c r="PZN1198" s="10"/>
      <c r="PZO1198" s="10"/>
      <c r="PZP1198" s="10"/>
      <c r="PZQ1198" s="10"/>
      <c r="PZR1198" s="10"/>
      <c r="PZS1198" s="10"/>
      <c r="PZT1198" s="10"/>
      <c r="PZU1198" s="10"/>
      <c r="PZV1198" s="10"/>
      <c r="PZW1198" s="10"/>
      <c r="PZX1198" s="10"/>
      <c r="PZY1198" s="10"/>
      <c r="PZZ1198" s="10"/>
      <c r="QAA1198" s="10"/>
      <c r="QAB1198" s="10"/>
      <c r="QAC1198" s="10"/>
      <c r="QAD1198" s="10"/>
      <c r="QAE1198" s="10"/>
      <c r="QAF1198" s="10"/>
      <c r="QAG1198" s="10"/>
      <c r="QAH1198" s="10"/>
      <c r="QAI1198" s="10"/>
      <c r="QAJ1198" s="10"/>
      <c r="QAK1198" s="10"/>
      <c r="QAL1198" s="10"/>
      <c r="QAM1198" s="10"/>
      <c r="QAN1198" s="10"/>
      <c r="QAO1198" s="10"/>
      <c r="QAP1198" s="10"/>
      <c r="QAQ1198" s="10"/>
      <c r="QAR1198" s="10"/>
      <c r="QAS1198" s="10"/>
      <c r="QAT1198" s="10"/>
      <c r="QAU1198" s="10"/>
      <c r="QAV1198" s="10"/>
      <c r="QAW1198" s="10"/>
      <c r="QAX1198" s="10"/>
      <c r="QAY1198" s="10"/>
      <c r="QAZ1198" s="10"/>
      <c r="QBA1198" s="10"/>
      <c r="QBB1198" s="10"/>
      <c r="QBC1198" s="10"/>
      <c r="QBD1198" s="10"/>
      <c r="QBE1198" s="10"/>
      <c r="QBF1198" s="10"/>
      <c r="QBG1198" s="10"/>
      <c r="QBH1198" s="10"/>
      <c r="QBI1198" s="10"/>
      <c r="QBJ1198" s="10"/>
      <c r="QBK1198" s="10"/>
      <c r="QBL1198" s="10"/>
      <c r="QBM1198" s="10"/>
      <c r="QBN1198" s="10"/>
      <c r="QBO1198" s="10"/>
      <c r="QBP1198" s="10"/>
      <c r="QBQ1198" s="10"/>
      <c r="QBR1198" s="10"/>
      <c r="QBS1198" s="10"/>
      <c r="QBT1198" s="10"/>
      <c r="QBU1198" s="10"/>
      <c r="QBV1198" s="10"/>
      <c r="QBW1198" s="10"/>
      <c r="QBX1198" s="10"/>
      <c r="QBY1198" s="10"/>
      <c r="QBZ1198" s="10"/>
      <c r="QCA1198" s="10"/>
      <c r="QCB1198" s="10"/>
      <c r="QCC1198" s="10"/>
      <c r="QCD1198" s="10"/>
      <c r="QCE1198" s="10"/>
      <c r="QCF1198" s="10"/>
      <c r="QCG1198" s="10"/>
      <c r="QCH1198" s="10"/>
      <c r="QCI1198" s="10"/>
      <c r="QCJ1198" s="10"/>
      <c r="QCK1198" s="10"/>
      <c r="QCL1198" s="10"/>
      <c r="QCM1198" s="10"/>
      <c r="QCN1198" s="10"/>
      <c r="QCO1198" s="10"/>
      <c r="QCP1198" s="10"/>
      <c r="QCQ1198" s="10"/>
      <c r="QCR1198" s="10"/>
      <c r="QCS1198" s="10"/>
      <c r="QCT1198" s="10"/>
      <c r="QCU1198" s="10"/>
      <c r="QCV1198" s="10"/>
      <c r="QCW1198" s="10"/>
      <c r="QCX1198" s="10"/>
      <c r="QCY1198" s="10"/>
      <c r="QCZ1198" s="10"/>
      <c r="QDA1198" s="10"/>
      <c r="QDB1198" s="10"/>
      <c r="QDC1198" s="10"/>
      <c r="QDD1198" s="10"/>
      <c r="QDE1198" s="10"/>
      <c r="QDF1198" s="10"/>
      <c r="QDG1198" s="10"/>
      <c r="QDH1198" s="10"/>
      <c r="QDI1198" s="10"/>
      <c r="QDJ1198" s="10"/>
      <c r="QDK1198" s="10"/>
      <c r="QDL1198" s="10"/>
      <c r="QDM1198" s="10"/>
      <c r="QDN1198" s="10"/>
      <c r="QDO1198" s="10"/>
      <c r="QDP1198" s="10"/>
      <c r="QDQ1198" s="10"/>
      <c r="QDR1198" s="10"/>
      <c r="QDS1198" s="10"/>
      <c r="QDT1198" s="10"/>
      <c r="QDU1198" s="10"/>
      <c r="QDV1198" s="10"/>
      <c r="QDW1198" s="10"/>
      <c r="QDX1198" s="10"/>
      <c r="QDY1198" s="10"/>
      <c r="QDZ1198" s="10"/>
      <c r="QEA1198" s="10"/>
      <c r="QEB1198" s="10"/>
      <c r="QEC1198" s="10"/>
      <c r="QED1198" s="10"/>
      <c r="QEE1198" s="10"/>
      <c r="QEF1198" s="10"/>
      <c r="QEG1198" s="10"/>
      <c r="QEH1198" s="10"/>
      <c r="QEI1198" s="10"/>
      <c r="QEJ1198" s="10"/>
      <c r="QEK1198" s="10"/>
      <c r="QEL1198" s="10"/>
      <c r="QEM1198" s="10"/>
      <c r="QEN1198" s="10"/>
      <c r="QEO1198" s="10"/>
      <c r="QEP1198" s="10"/>
      <c r="QEQ1198" s="10"/>
      <c r="QER1198" s="10"/>
      <c r="QES1198" s="10"/>
      <c r="QET1198" s="10"/>
      <c r="QEU1198" s="10"/>
      <c r="QEV1198" s="10"/>
      <c r="QEW1198" s="10"/>
      <c r="QEX1198" s="10"/>
      <c r="QEY1198" s="10"/>
      <c r="QEZ1198" s="10"/>
      <c r="QFA1198" s="10"/>
      <c r="QFB1198" s="10"/>
      <c r="QFC1198" s="10"/>
      <c r="QFD1198" s="10"/>
      <c r="QFE1198" s="10"/>
      <c r="QFF1198" s="10"/>
      <c r="QFG1198" s="10"/>
      <c r="QFH1198" s="10"/>
      <c r="QFI1198" s="10"/>
      <c r="QFJ1198" s="10"/>
      <c r="QFK1198" s="10"/>
      <c r="QFL1198" s="10"/>
      <c r="QFM1198" s="10"/>
      <c r="QFN1198" s="10"/>
      <c r="QFO1198" s="10"/>
      <c r="QFP1198" s="10"/>
      <c r="QFQ1198" s="10"/>
      <c r="QFR1198" s="10"/>
      <c r="QFS1198" s="10"/>
      <c r="QFT1198" s="10"/>
      <c r="QFU1198" s="10"/>
      <c r="QFV1198" s="10"/>
      <c r="QFW1198" s="10"/>
      <c r="QFX1198" s="10"/>
      <c r="QFY1198" s="10"/>
      <c r="QFZ1198" s="10"/>
      <c r="QGA1198" s="10"/>
      <c r="QGB1198" s="10"/>
      <c r="QGC1198" s="10"/>
      <c r="QGD1198" s="10"/>
      <c r="QGE1198" s="10"/>
      <c r="QGF1198" s="10"/>
      <c r="QGG1198" s="10"/>
      <c r="QGH1198" s="10"/>
      <c r="QGI1198" s="10"/>
      <c r="QGJ1198" s="10"/>
      <c r="QGK1198" s="10"/>
      <c r="QGL1198" s="10"/>
      <c r="QGM1198" s="10"/>
      <c r="QGN1198" s="10"/>
      <c r="QGO1198" s="10"/>
      <c r="QGP1198" s="10"/>
      <c r="QGQ1198" s="10"/>
      <c r="QGR1198" s="10"/>
      <c r="QGS1198" s="10"/>
      <c r="QGT1198" s="10"/>
      <c r="QGU1198" s="10"/>
      <c r="QGV1198" s="10"/>
      <c r="QGW1198" s="10"/>
      <c r="QGX1198" s="10"/>
      <c r="QGY1198" s="10"/>
      <c r="QGZ1198" s="10"/>
      <c r="QHA1198" s="10"/>
      <c r="QHB1198" s="10"/>
      <c r="QHC1198" s="10"/>
      <c r="QHD1198" s="10"/>
      <c r="QHE1198" s="10"/>
      <c r="QHF1198" s="10"/>
      <c r="QHG1198" s="10"/>
      <c r="QHH1198" s="10"/>
      <c r="QHI1198" s="10"/>
      <c r="QHJ1198" s="10"/>
      <c r="QHK1198" s="10"/>
      <c r="QHL1198" s="10"/>
      <c r="QHM1198" s="10"/>
      <c r="QHN1198" s="10"/>
      <c r="QHO1198" s="10"/>
      <c r="QHP1198" s="10"/>
      <c r="QHQ1198" s="10"/>
      <c r="QHR1198" s="10"/>
      <c r="QHS1198" s="10"/>
      <c r="QHT1198" s="10"/>
      <c r="QHU1198" s="10"/>
      <c r="QHV1198" s="10"/>
      <c r="QHW1198" s="10"/>
      <c r="QHX1198" s="10"/>
      <c r="QHY1198" s="10"/>
      <c r="QHZ1198" s="10"/>
      <c r="QIA1198" s="10"/>
      <c r="QIB1198" s="10"/>
      <c r="QIC1198" s="10"/>
      <c r="QID1198" s="10"/>
      <c r="QIE1198" s="10"/>
      <c r="QIF1198" s="10"/>
      <c r="QIG1198" s="10"/>
      <c r="QIH1198" s="10"/>
      <c r="QII1198" s="10"/>
      <c r="QIJ1198" s="10"/>
      <c r="QIK1198" s="10"/>
      <c r="QIL1198" s="10"/>
      <c r="QIM1198" s="10"/>
      <c r="QIN1198" s="10"/>
      <c r="QIO1198" s="10"/>
      <c r="QIP1198" s="10"/>
      <c r="QIQ1198" s="10"/>
      <c r="QIR1198" s="10"/>
      <c r="QIS1198" s="10"/>
      <c r="QIT1198" s="10"/>
      <c r="QIU1198" s="10"/>
      <c r="QIV1198" s="10"/>
      <c r="QIW1198" s="10"/>
      <c r="QIX1198" s="10"/>
      <c r="QIY1198" s="10"/>
      <c r="QIZ1198" s="10"/>
      <c r="QJA1198" s="10"/>
      <c r="QJB1198" s="10"/>
      <c r="QJC1198" s="10"/>
      <c r="QJD1198" s="10"/>
      <c r="QJE1198" s="10"/>
      <c r="QJF1198" s="10"/>
      <c r="QJG1198" s="10"/>
      <c r="QJH1198" s="10"/>
      <c r="QJI1198" s="10"/>
      <c r="QJJ1198" s="10"/>
      <c r="QJK1198" s="10"/>
      <c r="QJL1198" s="10"/>
      <c r="QJM1198" s="10"/>
      <c r="QJN1198" s="10"/>
      <c r="QJO1198" s="10"/>
      <c r="QJP1198" s="10"/>
      <c r="QJQ1198" s="10"/>
      <c r="QJR1198" s="10"/>
      <c r="QJS1198" s="10"/>
      <c r="QJT1198" s="10"/>
      <c r="QJU1198" s="10"/>
      <c r="QJV1198" s="10"/>
      <c r="QJW1198" s="10"/>
      <c r="QJX1198" s="10"/>
      <c r="QJY1198" s="10"/>
      <c r="QJZ1198" s="10"/>
      <c r="QKA1198" s="10"/>
      <c r="QKB1198" s="10"/>
      <c r="QKC1198" s="10"/>
      <c r="QKD1198" s="10"/>
      <c r="QKE1198" s="10"/>
      <c r="QKF1198" s="10"/>
      <c r="QKG1198" s="10"/>
      <c r="QKH1198" s="10"/>
      <c r="QKI1198" s="10"/>
      <c r="QKJ1198" s="10"/>
      <c r="QKK1198" s="10"/>
      <c r="QKL1198" s="10"/>
      <c r="QKM1198" s="10"/>
      <c r="QKN1198" s="10"/>
      <c r="QKO1198" s="10"/>
      <c r="QKP1198" s="10"/>
      <c r="QKQ1198" s="10"/>
      <c r="QKR1198" s="10"/>
      <c r="QKS1198" s="10"/>
      <c r="QKT1198" s="10"/>
      <c r="QKU1198" s="10"/>
      <c r="QKV1198" s="10"/>
      <c r="QKW1198" s="10"/>
      <c r="QKX1198" s="10"/>
      <c r="QKY1198" s="10"/>
      <c r="QKZ1198" s="10"/>
      <c r="QLA1198" s="10"/>
      <c r="QLB1198" s="10"/>
      <c r="QLC1198" s="10"/>
      <c r="QLD1198" s="10"/>
      <c r="QLE1198" s="10"/>
      <c r="QLF1198" s="10"/>
      <c r="QLG1198" s="10"/>
      <c r="QLH1198" s="10"/>
      <c r="QLI1198" s="10"/>
      <c r="QLJ1198" s="10"/>
      <c r="QLK1198" s="10"/>
      <c r="QLL1198" s="10"/>
      <c r="QLM1198" s="10"/>
      <c r="QLN1198" s="10"/>
      <c r="QLO1198" s="10"/>
      <c r="QLP1198" s="10"/>
      <c r="QLQ1198" s="10"/>
      <c r="QLR1198" s="10"/>
      <c r="QLS1198" s="10"/>
      <c r="QLT1198" s="10"/>
      <c r="QLU1198" s="10"/>
      <c r="QLV1198" s="10"/>
      <c r="QLW1198" s="10"/>
      <c r="QLX1198" s="10"/>
      <c r="QLY1198" s="10"/>
      <c r="QLZ1198" s="10"/>
      <c r="QMA1198" s="10"/>
      <c r="QMB1198" s="10"/>
      <c r="QMC1198" s="10"/>
      <c r="QMD1198" s="10"/>
      <c r="QME1198" s="10"/>
      <c r="QMF1198" s="10"/>
      <c r="QMG1198" s="10"/>
      <c r="QMH1198" s="10"/>
      <c r="QMI1198" s="10"/>
      <c r="QMJ1198" s="10"/>
      <c r="QMK1198" s="10"/>
      <c r="QML1198" s="10"/>
      <c r="QMM1198" s="10"/>
      <c r="QMN1198" s="10"/>
      <c r="QMO1198" s="10"/>
      <c r="QMP1198" s="10"/>
      <c r="QMQ1198" s="10"/>
      <c r="QMR1198" s="10"/>
      <c r="QMS1198" s="10"/>
      <c r="QMT1198" s="10"/>
      <c r="QMU1198" s="10"/>
      <c r="QMV1198" s="10"/>
      <c r="QMW1198" s="10"/>
      <c r="QMX1198" s="10"/>
      <c r="QMY1198" s="10"/>
      <c r="QMZ1198" s="10"/>
      <c r="QNA1198" s="10"/>
      <c r="QNB1198" s="10"/>
      <c r="QNC1198" s="10"/>
      <c r="QND1198" s="10"/>
      <c r="QNE1198" s="10"/>
      <c r="QNF1198" s="10"/>
      <c r="QNG1198" s="10"/>
      <c r="QNH1198" s="10"/>
      <c r="QNI1198" s="10"/>
      <c r="QNJ1198" s="10"/>
      <c r="QNK1198" s="10"/>
      <c r="QNL1198" s="10"/>
      <c r="QNM1198" s="10"/>
      <c r="QNN1198" s="10"/>
      <c r="QNO1198" s="10"/>
      <c r="QNP1198" s="10"/>
      <c r="QNQ1198" s="10"/>
      <c r="QNR1198" s="10"/>
      <c r="QNS1198" s="10"/>
      <c r="QNT1198" s="10"/>
      <c r="QNU1198" s="10"/>
      <c r="QNV1198" s="10"/>
      <c r="QNW1198" s="10"/>
      <c r="QNX1198" s="10"/>
      <c r="QNY1198" s="10"/>
      <c r="QNZ1198" s="10"/>
      <c r="QOA1198" s="10"/>
      <c r="QOB1198" s="10"/>
      <c r="QOC1198" s="10"/>
      <c r="QOD1198" s="10"/>
      <c r="QOE1198" s="10"/>
      <c r="QOF1198" s="10"/>
      <c r="QOG1198" s="10"/>
      <c r="QOH1198" s="10"/>
      <c r="QOI1198" s="10"/>
      <c r="QOJ1198" s="10"/>
      <c r="QOK1198" s="10"/>
      <c r="QOL1198" s="10"/>
      <c r="QOM1198" s="10"/>
      <c r="QON1198" s="10"/>
      <c r="QOO1198" s="10"/>
      <c r="QOP1198" s="10"/>
      <c r="QOQ1198" s="10"/>
      <c r="QOR1198" s="10"/>
      <c r="QOS1198" s="10"/>
      <c r="QOT1198" s="10"/>
      <c r="QOU1198" s="10"/>
      <c r="QOV1198" s="10"/>
      <c r="QOW1198" s="10"/>
      <c r="QOX1198" s="10"/>
      <c r="QOY1198" s="10"/>
      <c r="QOZ1198" s="10"/>
      <c r="QPA1198" s="10"/>
      <c r="QPB1198" s="10"/>
      <c r="QPC1198" s="10"/>
      <c r="QPD1198" s="10"/>
      <c r="QPE1198" s="10"/>
      <c r="QPF1198" s="10"/>
      <c r="QPG1198" s="10"/>
      <c r="QPH1198" s="10"/>
      <c r="QPI1198" s="10"/>
      <c r="QPJ1198" s="10"/>
      <c r="QPK1198" s="10"/>
      <c r="QPL1198" s="10"/>
      <c r="QPM1198" s="10"/>
      <c r="QPN1198" s="10"/>
      <c r="QPO1198" s="10"/>
      <c r="QPP1198" s="10"/>
      <c r="QPQ1198" s="10"/>
      <c r="QPR1198" s="10"/>
      <c r="QPS1198" s="10"/>
      <c r="QPT1198" s="10"/>
      <c r="QPU1198" s="10"/>
      <c r="QPV1198" s="10"/>
      <c r="QPW1198" s="10"/>
      <c r="QPX1198" s="10"/>
      <c r="QPY1198" s="10"/>
      <c r="QPZ1198" s="10"/>
      <c r="QQA1198" s="10"/>
      <c r="QQB1198" s="10"/>
      <c r="QQC1198" s="10"/>
      <c r="QQD1198" s="10"/>
      <c r="QQE1198" s="10"/>
      <c r="QQF1198" s="10"/>
      <c r="QQG1198" s="10"/>
      <c r="QQH1198" s="10"/>
      <c r="QQI1198" s="10"/>
      <c r="QQJ1198" s="10"/>
      <c r="QQK1198" s="10"/>
      <c r="QQL1198" s="10"/>
      <c r="QQM1198" s="10"/>
      <c r="QQN1198" s="10"/>
      <c r="QQO1198" s="10"/>
      <c r="QQP1198" s="10"/>
      <c r="QQQ1198" s="10"/>
      <c r="QQR1198" s="10"/>
      <c r="QQS1198" s="10"/>
      <c r="QQT1198" s="10"/>
      <c r="QQU1198" s="10"/>
      <c r="QQV1198" s="10"/>
      <c r="QQW1198" s="10"/>
      <c r="QQX1198" s="10"/>
      <c r="QQY1198" s="10"/>
      <c r="QQZ1198" s="10"/>
      <c r="QRA1198" s="10"/>
      <c r="QRB1198" s="10"/>
      <c r="QRC1198" s="10"/>
      <c r="QRD1198" s="10"/>
      <c r="QRE1198" s="10"/>
      <c r="QRF1198" s="10"/>
      <c r="QRG1198" s="10"/>
      <c r="QRH1198" s="10"/>
      <c r="QRI1198" s="10"/>
      <c r="QRJ1198" s="10"/>
      <c r="QRK1198" s="10"/>
      <c r="QRL1198" s="10"/>
      <c r="QRM1198" s="10"/>
      <c r="QRN1198" s="10"/>
      <c r="QRO1198" s="10"/>
      <c r="QRP1198" s="10"/>
      <c r="QRQ1198" s="10"/>
      <c r="QRR1198" s="10"/>
      <c r="QRS1198" s="10"/>
      <c r="QRT1198" s="10"/>
      <c r="QRU1198" s="10"/>
      <c r="QRV1198" s="10"/>
      <c r="QRW1198" s="10"/>
      <c r="QRX1198" s="10"/>
      <c r="QRY1198" s="10"/>
      <c r="QRZ1198" s="10"/>
      <c r="QSA1198" s="10"/>
      <c r="QSB1198" s="10"/>
      <c r="QSC1198" s="10"/>
      <c r="QSD1198" s="10"/>
      <c r="QSE1198" s="10"/>
      <c r="QSF1198" s="10"/>
      <c r="QSG1198" s="10"/>
      <c r="QSH1198" s="10"/>
      <c r="QSI1198" s="10"/>
      <c r="QSJ1198" s="10"/>
      <c r="QSK1198" s="10"/>
      <c r="QSL1198" s="10"/>
      <c r="QSM1198" s="10"/>
      <c r="QSN1198" s="10"/>
      <c r="QSO1198" s="10"/>
      <c r="QSP1198" s="10"/>
      <c r="QSQ1198" s="10"/>
      <c r="QSR1198" s="10"/>
      <c r="QSS1198" s="10"/>
      <c r="QST1198" s="10"/>
      <c r="QSU1198" s="10"/>
      <c r="QSV1198" s="10"/>
      <c r="QSW1198" s="10"/>
      <c r="QSX1198" s="10"/>
      <c r="QSY1198" s="10"/>
      <c r="QSZ1198" s="10"/>
      <c r="QTA1198" s="10"/>
      <c r="QTB1198" s="10"/>
      <c r="QTC1198" s="10"/>
      <c r="QTD1198" s="10"/>
      <c r="QTE1198" s="10"/>
      <c r="QTF1198" s="10"/>
      <c r="QTG1198" s="10"/>
      <c r="QTH1198" s="10"/>
      <c r="QTI1198" s="10"/>
      <c r="QTJ1198" s="10"/>
      <c r="QTK1198" s="10"/>
      <c r="QTL1198" s="10"/>
      <c r="QTM1198" s="10"/>
      <c r="QTN1198" s="10"/>
      <c r="QTO1198" s="10"/>
      <c r="QTP1198" s="10"/>
      <c r="QTQ1198" s="10"/>
      <c r="QTR1198" s="10"/>
      <c r="QTS1198" s="10"/>
      <c r="QTT1198" s="10"/>
      <c r="QTU1198" s="10"/>
      <c r="QTV1198" s="10"/>
      <c r="QTW1198" s="10"/>
      <c r="QTX1198" s="10"/>
      <c r="QTY1198" s="10"/>
      <c r="QTZ1198" s="10"/>
      <c r="QUA1198" s="10"/>
      <c r="QUB1198" s="10"/>
      <c r="QUC1198" s="10"/>
      <c r="QUD1198" s="10"/>
      <c r="QUE1198" s="10"/>
      <c r="QUF1198" s="10"/>
      <c r="QUG1198" s="10"/>
      <c r="QUH1198" s="10"/>
      <c r="QUI1198" s="10"/>
      <c r="QUJ1198" s="10"/>
      <c r="QUK1198" s="10"/>
      <c r="QUL1198" s="10"/>
      <c r="QUM1198" s="10"/>
      <c r="QUN1198" s="10"/>
      <c r="QUO1198" s="10"/>
      <c r="QUP1198" s="10"/>
      <c r="QUQ1198" s="10"/>
      <c r="QUR1198" s="10"/>
      <c r="QUS1198" s="10"/>
      <c r="QUT1198" s="10"/>
      <c r="QUU1198" s="10"/>
      <c r="QUV1198" s="10"/>
      <c r="QUW1198" s="10"/>
      <c r="QUX1198" s="10"/>
      <c r="QUY1198" s="10"/>
      <c r="QUZ1198" s="10"/>
      <c r="QVA1198" s="10"/>
      <c r="QVB1198" s="10"/>
      <c r="QVC1198" s="10"/>
      <c r="QVD1198" s="10"/>
      <c r="QVE1198" s="10"/>
      <c r="QVF1198" s="10"/>
      <c r="QVG1198" s="10"/>
      <c r="QVH1198" s="10"/>
      <c r="QVI1198" s="10"/>
      <c r="QVJ1198" s="10"/>
      <c r="QVK1198" s="10"/>
      <c r="QVL1198" s="10"/>
      <c r="QVM1198" s="10"/>
      <c r="QVN1198" s="10"/>
      <c r="QVO1198" s="10"/>
      <c r="QVP1198" s="10"/>
      <c r="QVQ1198" s="10"/>
      <c r="QVR1198" s="10"/>
      <c r="QVS1198" s="10"/>
      <c r="QVT1198" s="10"/>
      <c r="QVU1198" s="10"/>
      <c r="QVV1198" s="10"/>
      <c r="QVW1198" s="10"/>
      <c r="QVX1198" s="10"/>
      <c r="QVY1198" s="10"/>
      <c r="QVZ1198" s="10"/>
      <c r="QWA1198" s="10"/>
      <c r="QWB1198" s="10"/>
      <c r="QWC1198" s="10"/>
      <c r="QWD1198" s="10"/>
      <c r="QWE1198" s="10"/>
      <c r="QWF1198" s="10"/>
      <c r="QWG1198" s="10"/>
      <c r="QWH1198" s="10"/>
      <c r="QWI1198" s="10"/>
      <c r="QWJ1198" s="10"/>
      <c r="QWK1198" s="10"/>
      <c r="QWL1198" s="10"/>
      <c r="QWM1198" s="10"/>
      <c r="QWN1198" s="10"/>
      <c r="QWO1198" s="10"/>
      <c r="QWP1198" s="10"/>
      <c r="QWQ1198" s="10"/>
      <c r="QWR1198" s="10"/>
      <c r="QWS1198" s="10"/>
      <c r="QWT1198" s="10"/>
      <c r="QWU1198" s="10"/>
      <c r="QWV1198" s="10"/>
      <c r="QWW1198" s="10"/>
      <c r="QWX1198" s="10"/>
      <c r="QWY1198" s="10"/>
      <c r="QWZ1198" s="10"/>
      <c r="QXA1198" s="10"/>
      <c r="QXB1198" s="10"/>
      <c r="QXC1198" s="10"/>
      <c r="QXD1198" s="10"/>
      <c r="QXE1198" s="10"/>
      <c r="QXF1198" s="10"/>
      <c r="QXG1198" s="10"/>
      <c r="QXH1198" s="10"/>
      <c r="QXI1198" s="10"/>
      <c r="QXJ1198" s="10"/>
      <c r="QXK1198" s="10"/>
      <c r="QXL1198" s="10"/>
      <c r="QXM1198" s="10"/>
      <c r="QXN1198" s="10"/>
      <c r="QXO1198" s="10"/>
      <c r="QXP1198" s="10"/>
      <c r="QXQ1198" s="10"/>
      <c r="QXR1198" s="10"/>
      <c r="QXS1198" s="10"/>
      <c r="QXT1198" s="10"/>
      <c r="QXU1198" s="10"/>
      <c r="QXV1198" s="10"/>
      <c r="QXW1198" s="10"/>
      <c r="QXX1198" s="10"/>
      <c r="QXY1198" s="10"/>
      <c r="QXZ1198" s="10"/>
      <c r="QYA1198" s="10"/>
      <c r="QYB1198" s="10"/>
      <c r="QYC1198" s="10"/>
      <c r="QYD1198" s="10"/>
      <c r="QYE1198" s="10"/>
      <c r="QYF1198" s="10"/>
      <c r="QYG1198" s="10"/>
      <c r="QYH1198" s="10"/>
      <c r="QYI1198" s="10"/>
      <c r="QYJ1198" s="10"/>
      <c r="QYK1198" s="10"/>
      <c r="QYL1198" s="10"/>
      <c r="QYM1198" s="10"/>
      <c r="QYN1198" s="10"/>
      <c r="QYO1198" s="10"/>
      <c r="QYP1198" s="10"/>
      <c r="QYQ1198" s="10"/>
      <c r="QYR1198" s="10"/>
      <c r="QYS1198" s="10"/>
      <c r="QYT1198" s="10"/>
      <c r="QYU1198" s="10"/>
      <c r="QYV1198" s="10"/>
      <c r="QYW1198" s="10"/>
      <c r="QYX1198" s="10"/>
      <c r="QYY1198" s="10"/>
      <c r="QYZ1198" s="10"/>
      <c r="QZA1198" s="10"/>
      <c r="QZB1198" s="10"/>
      <c r="QZC1198" s="10"/>
      <c r="QZD1198" s="10"/>
      <c r="QZE1198" s="10"/>
      <c r="QZF1198" s="10"/>
      <c r="QZG1198" s="10"/>
      <c r="QZH1198" s="10"/>
      <c r="QZI1198" s="10"/>
      <c r="QZJ1198" s="10"/>
      <c r="QZK1198" s="10"/>
      <c r="QZL1198" s="10"/>
      <c r="QZM1198" s="10"/>
      <c r="QZN1198" s="10"/>
      <c r="QZO1198" s="10"/>
      <c r="QZP1198" s="10"/>
      <c r="QZQ1198" s="10"/>
      <c r="QZR1198" s="10"/>
      <c r="QZS1198" s="10"/>
      <c r="QZT1198" s="10"/>
      <c r="QZU1198" s="10"/>
      <c r="QZV1198" s="10"/>
      <c r="QZW1198" s="10"/>
      <c r="QZX1198" s="10"/>
      <c r="QZY1198" s="10"/>
      <c r="QZZ1198" s="10"/>
      <c r="RAA1198" s="10"/>
      <c r="RAB1198" s="10"/>
      <c r="RAC1198" s="10"/>
      <c r="RAD1198" s="10"/>
      <c r="RAE1198" s="10"/>
      <c r="RAF1198" s="10"/>
      <c r="RAG1198" s="10"/>
      <c r="RAH1198" s="10"/>
      <c r="RAI1198" s="10"/>
      <c r="RAJ1198" s="10"/>
      <c r="RAK1198" s="10"/>
      <c r="RAL1198" s="10"/>
      <c r="RAM1198" s="10"/>
      <c r="RAN1198" s="10"/>
      <c r="RAO1198" s="10"/>
      <c r="RAP1198" s="10"/>
      <c r="RAQ1198" s="10"/>
      <c r="RAR1198" s="10"/>
      <c r="RAS1198" s="10"/>
      <c r="RAT1198" s="10"/>
      <c r="RAU1198" s="10"/>
      <c r="RAV1198" s="10"/>
      <c r="RAW1198" s="10"/>
      <c r="RAX1198" s="10"/>
      <c r="RAY1198" s="10"/>
      <c r="RAZ1198" s="10"/>
      <c r="RBA1198" s="10"/>
      <c r="RBB1198" s="10"/>
      <c r="RBC1198" s="10"/>
      <c r="RBD1198" s="10"/>
      <c r="RBE1198" s="10"/>
      <c r="RBF1198" s="10"/>
      <c r="RBG1198" s="10"/>
      <c r="RBH1198" s="10"/>
      <c r="RBI1198" s="10"/>
      <c r="RBJ1198" s="10"/>
      <c r="RBK1198" s="10"/>
      <c r="RBL1198" s="10"/>
      <c r="RBM1198" s="10"/>
      <c r="RBN1198" s="10"/>
      <c r="RBO1198" s="10"/>
      <c r="RBP1198" s="10"/>
      <c r="RBQ1198" s="10"/>
      <c r="RBR1198" s="10"/>
      <c r="RBS1198" s="10"/>
      <c r="RBT1198" s="10"/>
      <c r="RBU1198" s="10"/>
      <c r="RBV1198" s="10"/>
      <c r="RBW1198" s="10"/>
      <c r="RBX1198" s="10"/>
      <c r="RBY1198" s="10"/>
      <c r="RBZ1198" s="10"/>
      <c r="RCA1198" s="10"/>
      <c r="RCB1198" s="10"/>
      <c r="RCC1198" s="10"/>
      <c r="RCD1198" s="10"/>
      <c r="RCE1198" s="10"/>
      <c r="RCF1198" s="10"/>
      <c r="RCG1198" s="10"/>
      <c r="RCH1198" s="10"/>
      <c r="RCI1198" s="10"/>
      <c r="RCJ1198" s="10"/>
      <c r="RCK1198" s="10"/>
      <c r="RCL1198" s="10"/>
      <c r="RCM1198" s="10"/>
      <c r="RCN1198" s="10"/>
      <c r="RCO1198" s="10"/>
      <c r="RCP1198" s="10"/>
      <c r="RCQ1198" s="10"/>
      <c r="RCR1198" s="10"/>
      <c r="RCS1198" s="10"/>
      <c r="RCT1198" s="10"/>
      <c r="RCU1198" s="10"/>
      <c r="RCV1198" s="10"/>
      <c r="RCW1198" s="10"/>
      <c r="RCX1198" s="10"/>
      <c r="RCY1198" s="10"/>
      <c r="RCZ1198" s="10"/>
      <c r="RDA1198" s="10"/>
      <c r="RDB1198" s="10"/>
      <c r="RDC1198" s="10"/>
      <c r="RDD1198" s="10"/>
      <c r="RDE1198" s="10"/>
      <c r="RDF1198" s="10"/>
      <c r="RDG1198" s="10"/>
      <c r="RDH1198" s="10"/>
      <c r="RDI1198" s="10"/>
      <c r="RDJ1198" s="10"/>
      <c r="RDK1198" s="10"/>
      <c r="RDL1198" s="10"/>
      <c r="RDM1198" s="10"/>
      <c r="RDN1198" s="10"/>
      <c r="RDO1198" s="10"/>
      <c r="RDP1198" s="10"/>
      <c r="RDQ1198" s="10"/>
      <c r="RDR1198" s="10"/>
      <c r="RDS1198" s="10"/>
      <c r="RDT1198" s="10"/>
      <c r="RDU1198" s="10"/>
      <c r="RDV1198" s="10"/>
      <c r="RDW1198" s="10"/>
      <c r="RDX1198" s="10"/>
      <c r="RDY1198" s="10"/>
      <c r="RDZ1198" s="10"/>
      <c r="REA1198" s="10"/>
      <c r="REB1198" s="10"/>
      <c r="REC1198" s="10"/>
      <c r="RED1198" s="10"/>
      <c r="REE1198" s="10"/>
      <c r="REF1198" s="10"/>
      <c r="REG1198" s="10"/>
      <c r="REH1198" s="10"/>
      <c r="REI1198" s="10"/>
      <c r="REJ1198" s="10"/>
      <c r="REK1198" s="10"/>
      <c r="REL1198" s="10"/>
      <c r="REM1198" s="10"/>
      <c r="REN1198" s="10"/>
      <c r="REO1198" s="10"/>
      <c r="REP1198" s="10"/>
      <c r="REQ1198" s="10"/>
      <c r="RER1198" s="10"/>
      <c r="RES1198" s="10"/>
      <c r="RET1198" s="10"/>
      <c r="REU1198" s="10"/>
      <c r="REV1198" s="10"/>
      <c r="REW1198" s="10"/>
      <c r="REX1198" s="10"/>
      <c r="REY1198" s="10"/>
      <c r="REZ1198" s="10"/>
      <c r="RFA1198" s="10"/>
      <c r="RFB1198" s="10"/>
      <c r="RFC1198" s="10"/>
      <c r="RFD1198" s="10"/>
      <c r="RFE1198" s="10"/>
      <c r="RFF1198" s="10"/>
      <c r="RFG1198" s="10"/>
      <c r="RFH1198" s="10"/>
      <c r="RFI1198" s="10"/>
      <c r="RFJ1198" s="10"/>
      <c r="RFK1198" s="10"/>
      <c r="RFL1198" s="10"/>
      <c r="RFM1198" s="10"/>
      <c r="RFN1198" s="10"/>
      <c r="RFO1198" s="10"/>
      <c r="RFP1198" s="10"/>
      <c r="RFQ1198" s="10"/>
      <c r="RFR1198" s="10"/>
      <c r="RFS1198" s="10"/>
      <c r="RFT1198" s="10"/>
      <c r="RFU1198" s="10"/>
      <c r="RFV1198" s="10"/>
      <c r="RFW1198" s="10"/>
      <c r="RFX1198" s="10"/>
      <c r="RFY1198" s="10"/>
      <c r="RFZ1198" s="10"/>
      <c r="RGA1198" s="10"/>
      <c r="RGB1198" s="10"/>
      <c r="RGC1198" s="10"/>
      <c r="RGD1198" s="10"/>
      <c r="RGE1198" s="10"/>
      <c r="RGF1198" s="10"/>
      <c r="RGG1198" s="10"/>
      <c r="RGH1198" s="10"/>
      <c r="RGI1198" s="10"/>
      <c r="RGJ1198" s="10"/>
      <c r="RGK1198" s="10"/>
      <c r="RGL1198" s="10"/>
      <c r="RGM1198" s="10"/>
      <c r="RGN1198" s="10"/>
      <c r="RGO1198" s="10"/>
      <c r="RGP1198" s="10"/>
      <c r="RGQ1198" s="10"/>
      <c r="RGR1198" s="10"/>
      <c r="RGS1198" s="10"/>
      <c r="RGT1198" s="10"/>
      <c r="RGU1198" s="10"/>
      <c r="RGV1198" s="10"/>
      <c r="RGW1198" s="10"/>
      <c r="RGX1198" s="10"/>
      <c r="RGY1198" s="10"/>
      <c r="RGZ1198" s="10"/>
      <c r="RHA1198" s="10"/>
      <c r="RHB1198" s="10"/>
      <c r="RHC1198" s="10"/>
      <c r="RHD1198" s="10"/>
      <c r="RHE1198" s="10"/>
      <c r="RHF1198" s="10"/>
      <c r="RHG1198" s="10"/>
      <c r="RHH1198" s="10"/>
      <c r="RHI1198" s="10"/>
      <c r="RHJ1198" s="10"/>
      <c r="RHK1198" s="10"/>
      <c r="RHL1198" s="10"/>
      <c r="RHM1198" s="10"/>
      <c r="RHN1198" s="10"/>
      <c r="RHO1198" s="10"/>
      <c r="RHP1198" s="10"/>
      <c r="RHQ1198" s="10"/>
      <c r="RHR1198" s="10"/>
      <c r="RHS1198" s="10"/>
      <c r="RHT1198" s="10"/>
      <c r="RHU1198" s="10"/>
      <c r="RHV1198" s="10"/>
      <c r="RHW1198" s="10"/>
      <c r="RHX1198" s="10"/>
      <c r="RHY1198" s="10"/>
      <c r="RHZ1198" s="10"/>
      <c r="RIA1198" s="10"/>
      <c r="RIB1198" s="10"/>
      <c r="RIC1198" s="10"/>
      <c r="RID1198" s="10"/>
      <c r="RIE1198" s="10"/>
      <c r="RIF1198" s="10"/>
      <c r="RIG1198" s="10"/>
      <c r="RIH1198" s="10"/>
      <c r="RII1198" s="10"/>
      <c r="RIJ1198" s="10"/>
      <c r="RIK1198" s="10"/>
      <c r="RIL1198" s="10"/>
      <c r="RIM1198" s="10"/>
      <c r="RIN1198" s="10"/>
      <c r="RIO1198" s="10"/>
      <c r="RIP1198" s="10"/>
      <c r="RIQ1198" s="10"/>
      <c r="RIR1198" s="10"/>
      <c r="RIS1198" s="10"/>
      <c r="RIT1198" s="10"/>
      <c r="RIU1198" s="10"/>
      <c r="RIV1198" s="10"/>
      <c r="RIW1198" s="10"/>
      <c r="RIX1198" s="10"/>
      <c r="RIY1198" s="10"/>
      <c r="RIZ1198" s="10"/>
      <c r="RJA1198" s="10"/>
      <c r="RJB1198" s="10"/>
      <c r="RJC1198" s="10"/>
      <c r="RJD1198" s="10"/>
      <c r="RJE1198" s="10"/>
      <c r="RJF1198" s="10"/>
      <c r="RJG1198" s="10"/>
      <c r="RJH1198" s="10"/>
      <c r="RJI1198" s="10"/>
      <c r="RJJ1198" s="10"/>
      <c r="RJK1198" s="10"/>
      <c r="RJL1198" s="10"/>
      <c r="RJM1198" s="10"/>
      <c r="RJN1198" s="10"/>
      <c r="RJO1198" s="10"/>
      <c r="RJP1198" s="10"/>
      <c r="RJQ1198" s="10"/>
      <c r="RJR1198" s="10"/>
      <c r="RJS1198" s="10"/>
      <c r="RJT1198" s="10"/>
      <c r="RJU1198" s="10"/>
      <c r="RJV1198" s="10"/>
      <c r="RJW1198" s="10"/>
      <c r="RJX1198" s="10"/>
      <c r="RJY1198" s="10"/>
      <c r="RJZ1198" s="10"/>
      <c r="RKA1198" s="10"/>
      <c r="RKB1198" s="10"/>
      <c r="RKC1198" s="10"/>
      <c r="RKD1198" s="10"/>
      <c r="RKE1198" s="10"/>
      <c r="RKF1198" s="10"/>
      <c r="RKG1198" s="10"/>
      <c r="RKH1198" s="10"/>
      <c r="RKI1198" s="10"/>
      <c r="RKJ1198" s="10"/>
      <c r="RKK1198" s="10"/>
      <c r="RKL1198" s="10"/>
      <c r="RKM1198" s="10"/>
      <c r="RKN1198" s="10"/>
      <c r="RKO1198" s="10"/>
      <c r="RKP1198" s="10"/>
      <c r="RKQ1198" s="10"/>
      <c r="RKR1198" s="10"/>
      <c r="RKS1198" s="10"/>
      <c r="RKT1198" s="10"/>
      <c r="RKU1198" s="10"/>
      <c r="RKV1198" s="10"/>
      <c r="RKW1198" s="10"/>
      <c r="RKX1198" s="10"/>
      <c r="RKY1198" s="10"/>
      <c r="RKZ1198" s="10"/>
      <c r="RLA1198" s="10"/>
      <c r="RLB1198" s="10"/>
      <c r="RLC1198" s="10"/>
      <c r="RLD1198" s="10"/>
      <c r="RLE1198" s="10"/>
      <c r="RLF1198" s="10"/>
      <c r="RLG1198" s="10"/>
      <c r="RLH1198" s="10"/>
      <c r="RLI1198" s="10"/>
      <c r="RLJ1198" s="10"/>
      <c r="RLK1198" s="10"/>
      <c r="RLL1198" s="10"/>
      <c r="RLM1198" s="10"/>
      <c r="RLN1198" s="10"/>
      <c r="RLO1198" s="10"/>
      <c r="RLP1198" s="10"/>
      <c r="RLQ1198" s="10"/>
      <c r="RLR1198" s="10"/>
      <c r="RLS1198" s="10"/>
      <c r="RLT1198" s="10"/>
      <c r="RLU1198" s="10"/>
      <c r="RLV1198" s="10"/>
      <c r="RLW1198" s="10"/>
      <c r="RLX1198" s="10"/>
      <c r="RLY1198" s="10"/>
      <c r="RLZ1198" s="10"/>
      <c r="RMA1198" s="10"/>
      <c r="RMB1198" s="10"/>
      <c r="RMC1198" s="10"/>
      <c r="RMD1198" s="10"/>
      <c r="RME1198" s="10"/>
      <c r="RMF1198" s="10"/>
      <c r="RMG1198" s="10"/>
      <c r="RMH1198" s="10"/>
      <c r="RMI1198" s="10"/>
      <c r="RMJ1198" s="10"/>
      <c r="RMK1198" s="10"/>
      <c r="RML1198" s="10"/>
      <c r="RMM1198" s="10"/>
      <c r="RMN1198" s="10"/>
      <c r="RMO1198" s="10"/>
      <c r="RMP1198" s="10"/>
      <c r="RMQ1198" s="10"/>
      <c r="RMR1198" s="10"/>
      <c r="RMS1198" s="10"/>
      <c r="RMT1198" s="10"/>
      <c r="RMU1198" s="10"/>
      <c r="RMV1198" s="10"/>
      <c r="RMW1198" s="10"/>
      <c r="RMX1198" s="10"/>
      <c r="RMY1198" s="10"/>
      <c r="RMZ1198" s="10"/>
      <c r="RNA1198" s="10"/>
      <c r="RNB1198" s="10"/>
      <c r="RNC1198" s="10"/>
      <c r="RND1198" s="10"/>
      <c r="RNE1198" s="10"/>
      <c r="RNF1198" s="10"/>
      <c r="RNG1198" s="10"/>
      <c r="RNH1198" s="10"/>
      <c r="RNI1198" s="10"/>
      <c r="RNJ1198" s="10"/>
      <c r="RNK1198" s="10"/>
      <c r="RNL1198" s="10"/>
      <c r="RNM1198" s="10"/>
      <c r="RNN1198" s="10"/>
      <c r="RNO1198" s="10"/>
      <c r="RNP1198" s="10"/>
      <c r="RNQ1198" s="10"/>
      <c r="RNR1198" s="10"/>
      <c r="RNS1198" s="10"/>
      <c r="RNT1198" s="10"/>
      <c r="RNU1198" s="10"/>
      <c r="RNV1198" s="10"/>
      <c r="RNW1198" s="10"/>
      <c r="RNX1198" s="10"/>
      <c r="RNY1198" s="10"/>
      <c r="RNZ1198" s="10"/>
      <c r="ROA1198" s="10"/>
      <c r="ROB1198" s="10"/>
      <c r="ROC1198" s="10"/>
      <c r="ROD1198" s="10"/>
      <c r="ROE1198" s="10"/>
      <c r="ROF1198" s="10"/>
      <c r="ROG1198" s="10"/>
      <c r="ROH1198" s="10"/>
      <c r="ROI1198" s="10"/>
      <c r="ROJ1198" s="10"/>
      <c r="ROK1198" s="10"/>
      <c r="ROL1198" s="10"/>
      <c r="ROM1198" s="10"/>
      <c r="RON1198" s="10"/>
      <c r="ROO1198" s="10"/>
      <c r="ROP1198" s="10"/>
      <c r="ROQ1198" s="10"/>
      <c r="ROR1198" s="10"/>
      <c r="ROS1198" s="10"/>
      <c r="ROT1198" s="10"/>
      <c r="ROU1198" s="10"/>
      <c r="ROV1198" s="10"/>
      <c r="ROW1198" s="10"/>
      <c r="ROX1198" s="10"/>
      <c r="ROY1198" s="10"/>
      <c r="ROZ1198" s="10"/>
      <c r="RPA1198" s="10"/>
      <c r="RPB1198" s="10"/>
      <c r="RPC1198" s="10"/>
      <c r="RPD1198" s="10"/>
      <c r="RPE1198" s="10"/>
      <c r="RPF1198" s="10"/>
      <c r="RPG1198" s="10"/>
      <c r="RPH1198" s="10"/>
      <c r="RPI1198" s="10"/>
      <c r="RPJ1198" s="10"/>
      <c r="RPK1198" s="10"/>
      <c r="RPL1198" s="10"/>
      <c r="RPM1198" s="10"/>
      <c r="RPN1198" s="10"/>
      <c r="RPO1198" s="10"/>
      <c r="RPP1198" s="10"/>
      <c r="RPQ1198" s="10"/>
      <c r="RPR1198" s="10"/>
      <c r="RPS1198" s="10"/>
      <c r="RPT1198" s="10"/>
      <c r="RPU1198" s="10"/>
      <c r="RPV1198" s="10"/>
      <c r="RPW1198" s="10"/>
      <c r="RPX1198" s="10"/>
      <c r="RPY1198" s="10"/>
      <c r="RPZ1198" s="10"/>
      <c r="RQA1198" s="10"/>
      <c r="RQB1198" s="10"/>
      <c r="RQC1198" s="10"/>
      <c r="RQD1198" s="10"/>
      <c r="RQE1198" s="10"/>
      <c r="RQF1198" s="10"/>
      <c r="RQG1198" s="10"/>
      <c r="RQH1198" s="10"/>
      <c r="RQI1198" s="10"/>
      <c r="RQJ1198" s="10"/>
      <c r="RQK1198" s="10"/>
      <c r="RQL1198" s="10"/>
      <c r="RQM1198" s="10"/>
      <c r="RQN1198" s="10"/>
      <c r="RQO1198" s="10"/>
      <c r="RQP1198" s="10"/>
      <c r="RQQ1198" s="10"/>
      <c r="RQR1198" s="10"/>
      <c r="RQS1198" s="10"/>
      <c r="RQT1198" s="10"/>
      <c r="RQU1198" s="10"/>
      <c r="RQV1198" s="10"/>
      <c r="RQW1198" s="10"/>
      <c r="RQX1198" s="10"/>
      <c r="RQY1198" s="10"/>
      <c r="RQZ1198" s="10"/>
      <c r="RRA1198" s="10"/>
      <c r="RRB1198" s="10"/>
      <c r="RRC1198" s="10"/>
      <c r="RRD1198" s="10"/>
      <c r="RRE1198" s="10"/>
      <c r="RRF1198" s="10"/>
      <c r="RRG1198" s="10"/>
      <c r="RRH1198" s="10"/>
      <c r="RRI1198" s="10"/>
      <c r="RRJ1198" s="10"/>
      <c r="RRK1198" s="10"/>
      <c r="RRL1198" s="10"/>
      <c r="RRM1198" s="10"/>
      <c r="RRN1198" s="10"/>
      <c r="RRO1198" s="10"/>
      <c r="RRP1198" s="10"/>
      <c r="RRQ1198" s="10"/>
      <c r="RRR1198" s="10"/>
      <c r="RRS1198" s="10"/>
      <c r="RRT1198" s="10"/>
      <c r="RRU1198" s="10"/>
      <c r="RRV1198" s="10"/>
      <c r="RRW1198" s="10"/>
      <c r="RRX1198" s="10"/>
      <c r="RRY1198" s="10"/>
      <c r="RRZ1198" s="10"/>
      <c r="RSA1198" s="10"/>
      <c r="RSB1198" s="10"/>
      <c r="RSC1198" s="10"/>
      <c r="RSD1198" s="10"/>
      <c r="RSE1198" s="10"/>
      <c r="RSF1198" s="10"/>
      <c r="RSG1198" s="10"/>
      <c r="RSH1198" s="10"/>
      <c r="RSI1198" s="10"/>
      <c r="RSJ1198" s="10"/>
      <c r="RSK1198" s="10"/>
      <c r="RSL1198" s="10"/>
      <c r="RSM1198" s="10"/>
      <c r="RSN1198" s="10"/>
      <c r="RSO1198" s="10"/>
      <c r="RSP1198" s="10"/>
      <c r="RSQ1198" s="10"/>
      <c r="RSR1198" s="10"/>
      <c r="RSS1198" s="10"/>
      <c r="RST1198" s="10"/>
      <c r="RSU1198" s="10"/>
      <c r="RSV1198" s="10"/>
      <c r="RSW1198" s="10"/>
      <c r="RSX1198" s="10"/>
      <c r="RSY1198" s="10"/>
      <c r="RSZ1198" s="10"/>
      <c r="RTA1198" s="10"/>
      <c r="RTB1198" s="10"/>
      <c r="RTC1198" s="10"/>
      <c r="RTD1198" s="10"/>
      <c r="RTE1198" s="10"/>
      <c r="RTF1198" s="10"/>
      <c r="RTG1198" s="10"/>
      <c r="RTH1198" s="10"/>
      <c r="RTI1198" s="10"/>
      <c r="RTJ1198" s="10"/>
      <c r="RTK1198" s="10"/>
      <c r="RTL1198" s="10"/>
      <c r="RTM1198" s="10"/>
      <c r="RTN1198" s="10"/>
      <c r="RTO1198" s="10"/>
      <c r="RTP1198" s="10"/>
      <c r="RTQ1198" s="10"/>
      <c r="RTR1198" s="10"/>
      <c r="RTS1198" s="10"/>
      <c r="RTT1198" s="10"/>
      <c r="RTU1198" s="10"/>
      <c r="RTV1198" s="10"/>
      <c r="RTW1198" s="10"/>
      <c r="RTX1198" s="10"/>
      <c r="RTY1198" s="10"/>
      <c r="RTZ1198" s="10"/>
      <c r="RUA1198" s="10"/>
      <c r="RUB1198" s="10"/>
      <c r="RUC1198" s="10"/>
      <c r="RUD1198" s="10"/>
      <c r="RUE1198" s="10"/>
      <c r="RUF1198" s="10"/>
      <c r="RUG1198" s="10"/>
      <c r="RUH1198" s="10"/>
      <c r="RUI1198" s="10"/>
      <c r="RUJ1198" s="10"/>
      <c r="RUK1198" s="10"/>
      <c r="RUL1198" s="10"/>
      <c r="RUM1198" s="10"/>
      <c r="RUN1198" s="10"/>
      <c r="RUO1198" s="10"/>
      <c r="RUP1198" s="10"/>
      <c r="RUQ1198" s="10"/>
      <c r="RUR1198" s="10"/>
      <c r="RUS1198" s="10"/>
      <c r="RUT1198" s="10"/>
      <c r="RUU1198" s="10"/>
      <c r="RUV1198" s="10"/>
      <c r="RUW1198" s="10"/>
      <c r="RUX1198" s="10"/>
      <c r="RUY1198" s="10"/>
      <c r="RUZ1198" s="10"/>
      <c r="RVA1198" s="10"/>
      <c r="RVB1198" s="10"/>
      <c r="RVC1198" s="10"/>
      <c r="RVD1198" s="10"/>
      <c r="RVE1198" s="10"/>
      <c r="RVF1198" s="10"/>
      <c r="RVG1198" s="10"/>
      <c r="RVH1198" s="10"/>
      <c r="RVI1198" s="10"/>
      <c r="RVJ1198" s="10"/>
      <c r="RVK1198" s="10"/>
      <c r="RVL1198" s="10"/>
      <c r="RVM1198" s="10"/>
      <c r="RVN1198" s="10"/>
      <c r="RVO1198" s="10"/>
      <c r="RVP1198" s="10"/>
      <c r="RVQ1198" s="10"/>
      <c r="RVR1198" s="10"/>
      <c r="RVS1198" s="10"/>
      <c r="RVT1198" s="10"/>
      <c r="RVU1198" s="10"/>
      <c r="RVV1198" s="10"/>
      <c r="RVW1198" s="10"/>
      <c r="RVX1198" s="10"/>
      <c r="RVY1198" s="10"/>
      <c r="RVZ1198" s="10"/>
      <c r="RWA1198" s="10"/>
      <c r="RWB1198" s="10"/>
      <c r="RWC1198" s="10"/>
      <c r="RWD1198" s="10"/>
      <c r="RWE1198" s="10"/>
      <c r="RWF1198" s="10"/>
      <c r="RWG1198" s="10"/>
      <c r="RWH1198" s="10"/>
      <c r="RWI1198" s="10"/>
      <c r="RWJ1198" s="10"/>
      <c r="RWK1198" s="10"/>
      <c r="RWL1198" s="10"/>
      <c r="RWM1198" s="10"/>
      <c r="RWN1198" s="10"/>
      <c r="RWO1198" s="10"/>
      <c r="RWP1198" s="10"/>
      <c r="RWQ1198" s="10"/>
      <c r="RWR1198" s="10"/>
      <c r="RWS1198" s="10"/>
      <c r="RWT1198" s="10"/>
      <c r="RWU1198" s="10"/>
      <c r="RWV1198" s="10"/>
      <c r="RWW1198" s="10"/>
      <c r="RWX1198" s="10"/>
      <c r="RWY1198" s="10"/>
      <c r="RWZ1198" s="10"/>
      <c r="RXA1198" s="10"/>
      <c r="RXB1198" s="10"/>
      <c r="RXC1198" s="10"/>
      <c r="RXD1198" s="10"/>
      <c r="RXE1198" s="10"/>
      <c r="RXF1198" s="10"/>
      <c r="RXG1198" s="10"/>
      <c r="RXH1198" s="10"/>
      <c r="RXI1198" s="10"/>
      <c r="RXJ1198" s="10"/>
      <c r="RXK1198" s="10"/>
      <c r="RXL1198" s="10"/>
      <c r="RXM1198" s="10"/>
      <c r="RXN1198" s="10"/>
      <c r="RXO1198" s="10"/>
      <c r="RXP1198" s="10"/>
      <c r="RXQ1198" s="10"/>
      <c r="RXR1198" s="10"/>
      <c r="RXS1198" s="10"/>
      <c r="RXT1198" s="10"/>
      <c r="RXU1198" s="10"/>
      <c r="RXV1198" s="10"/>
      <c r="RXW1198" s="10"/>
      <c r="RXX1198" s="10"/>
      <c r="RXY1198" s="10"/>
      <c r="RXZ1198" s="10"/>
      <c r="RYA1198" s="10"/>
      <c r="RYB1198" s="10"/>
      <c r="RYC1198" s="10"/>
      <c r="RYD1198" s="10"/>
      <c r="RYE1198" s="10"/>
      <c r="RYF1198" s="10"/>
      <c r="RYG1198" s="10"/>
      <c r="RYH1198" s="10"/>
      <c r="RYI1198" s="10"/>
      <c r="RYJ1198" s="10"/>
      <c r="RYK1198" s="10"/>
      <c r="RYL1198" s="10"/>
      <c r="RYM1198" s="10"/>
      <c r="RYN1198" s="10"/>
      <c r="RYO1198" s="10"/>
      <c r="RYP1198" s="10"/>
      <c r="RYQ1198" s="10"/>
      <c r="RYR1198" s="10"/>
      <c r="RYS1198" s="10"/>
      <c r="RYT1198" s="10"/>
      <c r="RYU1198" s="10"/>
      <c r="RYV1198" s="10"/>
      <c r="RYW1198" s="10"/>
      <c r="RYX1198" s="10"/>
      <c r="RYY1198" s="10"/>
      <c r="RYZ1198" s="10"/>
      <c r="RZA1198" s="10"/>
      <c r="RZB1198" s="10"/>
      <c r="RZC1198" s="10"/>
      <c r="RZD1198" s="10"/>
      <c r="RZE1198" s="10"/>
      <c r="RZF1198" s="10"/>
      <c r="RZG1198" s="10"/>
      <c r="RZH1198" s="10"/>
      <c r="RZI1198" s="10"/>
      <c r="RZJ1198" s="10"/>
      <c r="RZK1198" s="10"/>
      <c r="RZL1198" s="10"/>
      <c r="RZM1198" s="10"/>
      <c r="RZN1198" s="10"/>
      <c r="RZO1198" s="10"/>
      <c r="RZP1198" s="10"/>
      <c r="RZQ1198" s="10"/>
      <c r="RZR1198" s="10"/>
      <c r="RZS1198" s="10"/>
      <c r="RZT1198" s="10"/>
      <c r="RZU1198" s="10"/>
      <c r="RZV1198" s="10"/>
      <c r="RZW1198" s="10"/>
      <c r="RZX1198" s="10"/>
      <c r="RZY1198" s="10"/>
      <c r="RZZ1198" s="10"/>
      <c r="SAA1198" s="10"/>
      <c r="SAB1198" s="10"/>
      <c r="SAC1198" s="10"/>
      <c r="SAD1198" s="10"/>
      <c r="SAE1198" s="10"/>
      <c r="SAF1198" s="10"/>
      <c r="SAG1198" s="10"/>
      <c r="SAH1198" s="10"/>
      <c r="SAI1198" s="10"/>
      <c r="SAJ1198" s="10"/>
      <c r="SAK1198" s="10"/>
      <c r="SAL1198" s="10"/>
      <c r="SAM1198" s="10"/>
      <c r="SAN1198" s="10"/>
      <c r="SAO1198" s="10"/>
      <c r="SAP1198" s="10"/>
      <c r="SAQ1198" s="10"/>
      <c r="SAR1198" s="10"/>
      <c r="SAS1198" s="10"/>
      <c r="SAT1198" s="10"/>
      <c r="SAU1198" s="10"/>
      <c r="SAV1198" s="10"/>
      <c r="SAW1198" s="10"/>
      <c r="SAX1198" s="10"/>
      <c r="SAY1198" s="10"/>
      <c r="SAZ1198" s="10"/>
      <c r="SBA1198" s="10"/>
      <c r="SBB1198" s="10"/>
      <c r="SBC1198" s="10"/>
      <c r="SBD1198" s="10"/>
      <c r="SBE1198" s="10"/>
      <c r="SBF1198" s="10"/>
      <c r="SBG1198" s="10"/>
      <c r="SBH1198" s="10"/>
      <c r="SBI1198" s="10"/>
      <c r="SBJ1198" s="10"/>
      <c r="SBK1198" s="10"/>
      <c r="SBL1198" s="10"/>
      <c r="SBM1198" s="10"/>
      <c r="SBN1198" s="10"/>
      <c r="SBO1198" s="10"/>
      <c r="SBP1198" s="10"/>
      <c r="SBQ1198" s="10"/>
      <c r="SBR1198" s="10"/>
      <c r="SBS1198" s="10"/>
      <c r="SBT1198" s="10"/>
      <c r="SBU1198" s="10"/>
      <c r="SBV1198" s="10"/>
      <c r="SBW1198" s="10"/>
      <c r="SBX1198" s="10"/>
      <c r="SBY1198" s="10"/>
      <c r="SBZ1198" s="10"/>
      <c r="SCA1198" s="10"/>
      <c r="SCB1198" s="10"/>
      <c r="SCC1198" s="10"/>
      <c r="SCD1198" s="10"/>
      <c r="SCE1198" s="10"/>
      <c r="SCF1198" s="10"/>
      <c r="SCG1198" s="10"/>
      <c r="SCH1198" s="10"/>
      <c r="SCI1198" s="10"/>
      <c r="SCJ1198" s="10"/>
      <c r="SCK1198" s="10"/>
      <c r="SCL1198" s="10"/>
      <c r="SCM1198" s="10"/>
      <c r="SCN1198" s="10"/>
      <c r="SCO1198" s="10"/>
      <c r="SCP1198" s="10"/>
      <c r="SCQ1198" s="10"/>
      <c r="SCR1198" s="10"/>
      <c r="SCS1198" s="10"/>
      <c r="SCT1198" s="10"/>
      <c r="SCU1198" s="10"/>
      <c r="SCV1198" s="10"/>
      <c r="SCW1198" s="10"/>
      <c r="SCX1198" s="10"/>
      <c r="SCY1198" s="10"/>
      <c r="SCZ1198" s="10"/>
      <c r="SDA1198" s="10"/>
      <c r="SDB1198" s="10"/>
      <c r="SDC1198" s="10"/>
      <c r="SDD1198" s="10"/>
      <c r="SDE1198" s="10"/>
      <c r="SDF1198" s="10"/>
      <c r="SDG1198" s="10"/>
      <c r="SDH1198" s="10"/>
      <c r="SDI1198" s="10"/>
      <c r="SDJ1198" s="10"/>
      <c r="SDK1198" s="10"/>
      <c r="SDL1198" s="10"/>
      <c r="SDM1198" s="10"/>
      <c r="SDN1198" s="10"/>
      <c r="SDO1198" s="10"/>
      <c r="SDP1198" s="10"/>
      <c r="SDQ1198" s="10"/>
      <c r="SDR1198" s="10"/>
      <c r="SDS1198" s="10"/>
      <c r="SDT1198" s="10"/>
      <c r="SDU1198" s="10"/>
      <c r="SDV1198" s="10"/>
      <c r="SDW1198" s="10"/>
      <c r="SDX1198" s="10"/>
      <c r="SDY1198" s="10"/>
      <c r="SDZ1198" s="10"/>
      <c r="SEA1198" s="10"/>
      <c r="SEB1198" s="10"/>
      <c r="SEC1198" s="10"/>
      <c r="SED1198" s="10"/>
      <c r="SEE1198" s="10"/>
      <c r="SEF1198" s="10"/>
      <c r="SEG1198" s="10"/>
      <c r="SEH1198" s="10"/>
      <c r="SEI1198" s="10"/>
      <c r="SEJ1198" s="10"/>
      <c r="SEK1198" s="10"/>
      <c r="SEL1198" s="10"/>
      <c r="SEM1198" s="10"/>
      <c r="SEN1198" s="10"/>
      <c r="SEO1198" s="10"/>
      <c r="SEP1198" s="10"/>
      <c r="SEQ1198" s="10"/>
      <c r="SER1198" s="10"/>
      <c r="SES1198" s="10"/>
      <c r="SET1198" s="10"/>
      <c r="SEU1198" s="10"/>
      <c r="SEV1198" s="10"/>
      <c r="SEW1198" s="10"/>
      <c r="SEX1198" s="10"/>
      <c r="SEY1198" s="10"/>
      <c r="SEZ1198" s="10"/>
      <c r="SFA1198" s="10"/>
      <c r="SFB1198" s="10"/>
      <c r="SFC1198" s="10"/>
      <c r="SFD1198" s="10"/>
      <c r="SFE1198" s="10"/>
      <c r="SFF1198" s="10"/>
      <c r="SFG1198" s="10"/>
      <c r="SFH1198" s="10"/>
      <c r="SFI1198" s="10"/>
      <c r="SFJ1198" s="10"/>
      <c r="SFK1198" s="10"/>
      <c r="SFL1198" s="10"/>
      <c r="SFM1198" s="10"/>
      <c r="SFN1198" s="10"/>
      <c r="SFO1198" s="10"/>
      <c r="SFP1198" s="10"/>
      <c r="SFQ1198" s="10"/>
      <c r="SFR1198" s="10"/>
      <c r="SFS1198" s="10"/>
      <c r="SFT1198" s="10"/>
      <c r="SFU1198" s="10"/>
      <c r="SFV1198" s="10"/>
      <c r="SFW1198" s="10"/>
      <c r="SFX1198" s="10"/>
      <c r="SFY1198" s="10"/>
      <c r="SFZ1198" s="10"/>
      <c r="SGA1198" s="10"/>
      <c r="SGB1198" s="10"/>
      <c r="SGC1198" s="10"/>
      <c r="SGD1198" s="10"/>
      <c r="SGE1198" s="10"/>
      <c r="SGF1198" s="10"/>
      <c r="SGG1198" s="10"/>
      <c r="SGH1198" s="10"/>
      <c r="SGI1198" s="10"/>
      <c r="SGJ1198" s="10"/>
      <c r="SGK1198" s="10"/>
      <c r="SGL1198" s="10"/>
      <c r="SGM1198" s="10"/>
      <c r="SGN1198" s="10"/>
      <c r="SGO1198" s="10"/>
      <c r="SGP1198" s="10"/>
      <c r="SGQ1198" s="10"/>
      <c r="SGR1198" s="10"/>
      <c r="SGS1198" s="10"/>
      <c r="SGT1198" s="10"/>
      <c r="SGU1198" s="10"/>
      <c r="SGV1198" s="10"/>
      <c r="SGW1198" s="10"/>
      <c r="SGX1198" s="10"/>
      <c r="SGY1198" s="10"/>
      <c r="SGZ1198" s="10"/>
      <c r="SHA1198" s="10"/>
      <c r="SHB1198" s="10"/>
      <c r="SHC1198" s="10"/>
      <c r="SHD1198" s="10"/>
      <c r="SHE1198" s="10"/>
      <c r="SHF1198" s="10"/>
      <c r="SHG1198" s="10"/>
      <c r="SHH1198" s="10"/>
      <c r="SHI1198" s="10"/>
      <c r="SHJ1198" s="10"/>
      <c r="SHK1198" s="10"/>
      <c r="SHL1198" s="10"/>
      <c r="SHM1198" s="10"/>
      <c r="SHN1198" s="10"/>
      <c r="SHO1198" s="10"/>
      <c r="SHP1198" s="10"/>
      <c r="SHQ1198" s="10"/>
      <c r="SHR1198" s="10"/>
      <c r="SHS1198" s="10"/>
      <c r="SHT1198" s="10"/>
      <c r="SHU1198" s="10"/>
      <c r="SHV1198" s="10"/>
      <c r="SHW1198" s="10"/>
      <c r="SHX1198" s="10"/>
      <c r="SHY1198" s="10"/>
      <c r="SHZ1198" s="10"/>
      <c r="SIA1198" s="10"/>
      <c r="SIB1198" s="10"/>
      <c r="SIC1198" s="10"/>
      <c r="SID1198" s="10"/>
      <c r="SIE1198" s="10"/>
      <c r="SIF1198" s="10"/>
      <c r="SIG1198" s="10"/>
      <c r="SIH1198" s="10"/>
      <c r="SII1198" s="10"/>
      <c r="SIJ1198" s="10"/>
      <c r="SIK1198" s="10"/>
      <c r="SIL1198" s="10"/>
      <c r="SIM1198" s="10"/>
      <c r="SIN1198" s="10"/>
      <c r="SIO1198" s="10"/>
      <c r="SIP1198" s="10"/>
      <c r="SIQ1198" s="10"/>
      <c r="SIR1198" s="10"/>
      <c r="SIS1198" s="10"/>
      <c r="SIT1198" s="10"/>
      <c r="SIU1198" s="10"/>
      <c r="SIV1198" s="10"/>
      <c r="SIW1198" s="10"/>
      <c r="SIX1198" s="10"/>
      <c r="SIY1198" s="10"/>
      <c r="SIZ1198" s="10"/>
      <c r="SJA1198" s="10"/>
      <c r="SJB1198" s="10"/>
      <c r="SJC1198" s="10"/>
      <c r="SJD1198" s="10"/>
      <c r="SJE1198" s="10"/>
      <c r="SJF1198" s="10"/>
      <c r="SJG1198" s="10"/>
      <c r="SJH1198" s="10"/>
      <c r="SJI1198" s="10"/>
      <c r="SJJ1198" s="10"/>
      <c r="SJK1198" s="10"/>
      <c r="SJL1198" s="10"/>
      <c r="SJM1198" s="10"/>
      <c r="SJN1198" s="10"/>
      <c r="SJO1198" s="10"/>
      <c r="SJP1198" s="10"/>
      <c r="SJQ1198" s="10"/>
      <c r="SJR1198" s="10"/>
      <c r="SJS1198" s="10"/>
      <c r="SJT1198" s="10"/>
      <c r="SJU1198" s="10"/>
      <c r="SJV1198" s="10"/>
      <c r="SJW1198" s="10"/>
      <c r="SJX1198" s="10"/>
      <c r="SJY1198" s="10"/>
      <c r="SJZ1198" s="10"/>
      <c r="SKA1198" s="10"/>
      <c r="SKB1198" s="10"/>
      <c r="SKC1198" s="10"/>
      <c r="SKD1198" s="10"/>
      <c r="SKE1198" s="10"/>
      <c r="SKF1198" s="10"/>
      <c r="SKG1198" s="10"/>
      <c r="SKH1198" s="10"/>
      <c r="SKI1198" s="10"/>
      <c r="SKJ1198" s="10"/>
      <c r="SKK1198" s="10"/>
      <c r="SKL1198" s="10"/>
      <c r="SKM1198" s="10"/>
      <c r="SKN1198" s="10"/>
      <c r="SKO1198" s="10"/>
      <c r="SKP1198" s="10"/>
      <c r="SKQ1198" s="10"/>
      <c r="SKR1198" s="10"/>
      <c r="SKS1198" s="10"/>
      <c r="SKT1198" s="10"/>
      <c r="SKU1198" s="10"/>
      <c r="SKV1198" s="10"/>
      <c r="SKW1198" s="10"/>
      <c r="SKX1198" s="10"/>
      <c r="SKY1198" s="10"/>
      <c r="SKZ1198" s="10"/>
      <c r="SLA1198" s="10"/>
      <c r="SLB1198" s="10"/>
      <c r="SLC1198" s="10"/>
      <c r="SLD1198" s="10"/>
      <c r="SLE1198" s="10"/>
      <c r="SLF1198" s="10"/>
      <c r="SLG1198" s="10"/>
      <c r="SLH1198" s="10"/>
      <c r="SLI1198" s="10"/>
      <c r="SLJ1198" s="10"/>
      <c r="SLK1198" s="10"/>
      <c r="SLL1198" s="10"/>
      <c r="SLM1198" s="10"/>
      <c r="SLN1198" s="10"/>
      <c r="SLO1198" s="10"/>
      <c r="SLP1198" s="10"/>
      <c r="SLQ1198" s="10"/>
      <c r="SLR1198" s="10"/>
      <c r="SLS1198" s="10"/>
      <c r="SLT1198" s="10"/>
      <c r="SLU1198" s="10"/>
      <c r="SLV1198" s="10"/>
      <c r="SLW1198" s="10"/>
      <c r="SLX1198" s="10"/>
      <c r="SLY1198" s="10"/>
      <c r="SLZ1198" s="10"/>
      <c r="SMA1198" s="10"/>
      <c r="SMB1198" s="10"/>
      <c r="SMC1198" s="10"/>
      <c r="SMD1198" s="10"/>
      <c r="SME1198" s="10"/>
      <c r="SMF1198" s="10"/>
      <c r="SMG1198" s="10"/>
      <c r="SMH1198" s="10"/>
      <c r="SMI1198" s="10"/>
      <c r="SMJ1198" s="10"/>
      <c r="SMK1198" s="10"/>
      <c r="SML1198" s="10"/>
      <c r="SMM1198" s="10"/>
      <c r="SMN1198" s="10"/>
      <c r="SMO1198" s="10"/>
      <c r="SMP1198" s="10"/>
      <c r="SMQ1198" s="10"/>
      <c r="SMR1198" s="10"/>
      <c r="SMS1198" s="10"/>
      <c r="SMT1198" s="10"/>
      <c r="SMU1198" s="10"/>
      <c r="SMV1198" s="10"/>
      <c r="SMW1198" s="10"/>
      <c r="SMX1198" s="10"/>
      <c r="SMY1198" s="10"/>
      <c r="SMZ1198" s="10"/>
      <c r="SNA1198" s="10"/>
      <c r="SNB1198" s="10"/>
      <c r="SNC1198" s="10"/>
      <c r="SND1198" s="10"/>
      <c r="SNE1198" s="10"/>
      <c r="SNF1198" s="10"/>
      <c r="SNG1198" s="10"/>
      <c r="SNH1198" s="10"/>
      <c r="SNI1198" s="10"/>
      <c r="SNJ1198" s="10"/>
      <c r="SNK1198" s="10"/>
      <c r="SNL1198" s="10"/>
      <c r="SNM1198" s="10"/>
      <c r="SNN1198" s="10"/>
      <c r="SNO1198" s="10"/>
      <c r="SNP1198" s="10"/>
      <c r="SNQ1198" s="10"/>
      <c r="SNR1198" s="10"/>
      <c r="SNS1198" s="10"/>
      <c r="SNT1198" s="10"/>
      <c r="SNU1198" s="10"/>
      <c r="SNV1198" s="10"/>
      <c r="SNW1198" s="10"/>
      <c r="SNX1198" s="10"/>
      <c r="SNY1198" s="10"/>
      <c r="SNZ1198" s="10"/>
      <c r="SOA1198" s="10"/>
      <c r="SOB1198" s="10"/>
      <c r="SOC1198" s="10"/>
      <c r="SOD1198" s="10"/>
      <c r="SOE1198" s="10"/>
      <c r="SOF1198" s="10"/>
      <c r="SOG1198" s="10"/>
      <c r="SOH1198" s="10"/>
      <c r="SOI1198" s="10"/>
      <c r="SOJ1198" s="10"/>
      <c r="SOK1198" s="10"/>
      <c r="SOL1198" s="10"/>
      <c r="SOM1198" s="10"/>
      <c r="SON1198" s="10"/>
      <c r="SOO1198" s="10"/>
      <c r="SOP1198" s="10"/>
      <c r="SOQ1198" s="10"/>
      <c r="SOR1198" s="10"/>
      <c r="SOS1198" s="10"/>
      <c r="SOT1198" s="10"/>
      <c r="SOU1198" s="10"/>
      <c r="SOV1198" s="10"/>
      <c r="SOW1198" s="10"/>
      <c r="SOX1198" s="10"/>
      <c r="SOY1198" s="10"/>
      <c r="SOZ1198" s="10"/>
      <c r="SPA1198" s="10"/>
      <c r="SPB1198" s="10"/>
      <c r="SPC1198" s="10"/>
      <c r="SPD1198" s="10"/>
      <c r="SPE1198" s="10"/>
      <c r="SPF1198" s="10"/>
      <c r="SPG1198" s="10"/>
      <c r="SPH1198" s="10"/>
      <c r="SPI1198" s="10"/>
      <c r="SPJ1198" s="10"/>
      <c r="SPK1198" s="10"/>
      <c r="SPL1198" s="10"/>
      <c r="SPM1198" s="10"/>
      <c r="SPN1198" s="10"/>
      <c r="SPO1198" s="10"/>
      <c r="SPP1198" s="10"/>
      <c r="SPQ1198" s="10"/>
      <c r="SPR1198" s="10"/>
      <c r="SPS1198" s="10"/>
      <c r="SPT1198" s="10"/>
      <c r="SPU1198" s="10"/>
      <c r="SPV1198" s="10"/>
      <c r="SPW1198" s="10"/>
      <c r="SPX1198" s="10"/>
      <c r="SPY1198" s="10"/>
      <c r="SPZ1198" s="10"/>
      <c r="SQA1198" s="10"/>
      <c r="SQB1198" s="10"/>
      <c r="SQC1198" s="10"/>
      <c r="SQD1198" s="10"/>
      <c r="SQE1198" s="10"/>
      <c r="SQF1198" s="10"/>
      <c r="SQG1198" s="10"/>
      <c r="SQH1198" s="10"/>
      <c r="SQI1198" s="10"/>
      <c r="SQJ1198" s="10"/>
      <c r="SQK1198" s="10"/>
      <c r="SQL1198" s="10"/>
      <c r="SQM1198" s="10"/>
      <c r="SQN1198" s="10"/>
      <c r="SQO1198" s="10"/>
      <c r="SQP1198" s="10"/>
      <c r="SQQ1198" s="10"/>
      <c r="SQR1198" s="10"/>
      <c r="SQS1198" s="10"/>
      <c r="SQT1198" s="10"/>
      <c r="SQU1198" s="10"/>
      <c r="SQV1198" s="10"/>
      <c r="SQW1198" s="10"/>
      <c r="SQX1198" s="10"/>
      <c r="SQY1198" s="10"/>
      <c r="SQZ1198" s="10"/>
      <c r="SRA1198" s="10"/>
      <c r="SRB1198" s="10"/>
      <c r="SRC1198" s="10"/>
      <c r="SRD1198" s="10"/>
      <c r="SRE1198" s="10"/>
      <c r="SRF1198" s="10"/>
      <c r="SRG1198" s="10"/>
      <c r="SRH1198" s="10"/>
      <c r="SRI1198" s="10"/>
      <c r="SRJ1198" s="10"/>
      <c r="SRK1198" s="10"/>
      <c r="SRL1198" s="10"/>
      <c r="SRM1198" s="10"/>
      <c r="SRN1198" s="10"/>
      <c r="SRO1198" s="10"/>
      <c r="SRP1198" s="10"/>
      <c r="SRQ1198" s="10"/>
      <c r="SRR1198" s="10"/>
      <c r="SRS1198" s="10"/>
      <c r="SRT1198" s="10"/>
      <c r="SRU1198" s="10"/>
      <c r="SRV1198" s="10"/>
      <c r="SRW1198" s="10"/>
      <c r="SRX1198" s="10"/>
      <c r="SRY1198" s="10"/>
      <c r="SRZ1198" s="10"/>
      <c r="SSA1198" s="10"/>
      <c r="SSB1198" s="10"/>
      <c r="SSC1198" s="10"/>
      <c r="SSD1198" s="10"/>
      <c r="SSE1198" s="10"/>
      <c r="SSF1198" s="10"/>
      <c r="SSG1198" s="10"/>
      <c r="SSH1198" s="10"/>
      <c r="SSI1198" s="10"/>
      <c r="SSJ1198" s="10"/>
      <c r="SSK1198" s="10"/>
      <c r="SSL1198" s="10"/>
      <c r="SSM1198" s="10"/>
      <c r="SSN1198" s="10"/>
      <c r="SSO1198" s="10"/>
      <c r="SSP1198" s="10"/>
      <c r="SSQ1198" s="10"/>
      <c r="SSR1198" s="10"/>
      <c r="SSS1198" s="10"/>
      <c r="SST1198" s="10"/>
      <c r="SSU1198" s="10"/>
      <c r="SSV1198" s="10"/>
      <c r="SSW1198" s="10"/>
      <c r="SSX1198" s="10"/>
      <c r="SSY1198" s="10"/>
      <c r="SSZ1198" s="10"/>
      <c r="STA1198" s="10"/>
      <c r="STB1198" s="10"/>
      <c r="STC1198" s="10"/>
      <c r="STD1198" s="10"/>
      <c r="STE1198" s="10"/>
      <c r="STF1198" s="10"/>
      <c r="STG1198" s="10"/>
      <c r="STH1198" s="10"/>
      <c r="STI1198" s="10"/>
      <c r="STJ1198" s="10"/>
      <c r="STK1198" s="10"/>
      <c r="STL1198" s="10"/>
      <c r="STM1198" s="10"/>
      <c r="STN1198" s="10"/>
      <c r="STO1198" s="10"/>
      <c r="STP1198" s="10"/>
      <c r="STQ1198" s="10"/>
      <c r="STR1198" s="10"/>
      <c r="STS1198" s="10"/>
      <c r="STT1198" s="10"/>
      <c r="STU1198" s="10"/>
      <c r="STV1198" s="10"/>
      <c r="STW1198" s="10"/>
      <c r="STX1198" s="10"/>
      <c r="STY1198" s="10"/>
      <c r="STZ1198" s="10"/>
      <c r="SUA1198" s="10"/>
      <c r="SUB1198" s="10"/>
      <c r="SUC1198" s="10"/>
      <c r="SUD1198" s="10"/>
      <c r="SUE1198" s="10"/>
      <c r="SUF1198" s="10"/>
      <c r="SUG1198" s="10"/>
      <c r="SUH1198" s="10"/>
      <c r="SUI1198" s="10"/>
      <c r="SUJ1198" s="10"/>
      <c r="SUK1198" s="10"/>
      <c r="SUL1198" s="10"/>
      <c r="SUM1198" s="10"/>
      <c r="SUN1198" s="10"/>
      <c r="SUO1198" s="10"/>
      <c r="SUP1198" s="10"/>
      <c r="SUQ1198" s="10"/>
      <c r="SUR1198" s="10"/>
      <c r="SUS1198" s="10"/>
      <c r="SUT1198" s="10"/>
      <c r="SUU1198" s="10"/>
      <c r="SUV1198" s="10"/>
      <c r="SUW1198" s="10"/>
      <c r="SUX1198" s="10"/>
      <c r="SUY1198" s="10"/>
      <c r="SUZ1198" s="10"/>
      <c r="SVA1198" s="10"/>
      <c r="SVB1198" s="10"/>
      <c r="SVC1198" s="10"/>
      <c r="SVD1198" s="10"/>
      <c r="SVE1198" s="10"/>
      <c r="SVF1198" s="10"/>
      <c r="SVG1198" s="10"/>
      <c r="SVH1198" s="10"/>
      <c r="SVI1198" s="10"/>
      <c r="SVJ1198" s="10"/>
      <c r="SVK1198" s="10"/>
      <c r="SVL1198" s="10"/>
      <c r="SVM1198" s="10"/>
      <c r="SVN1198" s="10"/>
      <c r="SVO1198" s="10"/>
      <c r="SVP1198" s="10"/>
      <c r="SVQ1198" s="10"/>
      <c r="SVR1198" s="10"/>
      <c r="SVS1198" s="10"/>
      <c r="SVT1198" s="10"/>
      <c r="SVU1198" s="10"/>
      <c r="SVV1198" s="10"/>
      <c r="SVW1198" s="10"/>
      <c r="SVX1198" s="10"/>
      <c r="SVY1198" s="10"/>
      <c r="SVZ1198" s="10"/>
      <c r="SWA1198" s="10"/>
      <c r="SWB1198" s="10"/>
      <c r="SWC1198" s="10"/>
      <c r="SWD1198" s="10"/>
      <c r="SWE1198" s="10"/>
      <c r="SWF1198" s="10"/>
      <c r="SWG1198" s="10"/>
      <c r="SWH1198" s="10"/>
      <c r="SWI1198" s="10"/>
      <c r="SWJ1198" s="10"/>
      <c r="SWK1198" s="10"/>
      <c r="SWL1198" s="10"/>
      <c r="SWM1198" s="10"/>
      <c r="SWN1198" s="10"/>
      <c r="SWO1198" s="10"/>
      <c r="SWP1198" s="10"/>
      <c r="SWQ1198" s="10"/>
      <c r="SWR1198" s="10"/>
      <c r="SWS1198" s="10"/>
      <c r="SWT1198" s="10"/>
      <c r="SWU1198" s="10"/>
      <c r="SWV1198" s="10"/>
      <c r="SWW1198" s="10"/>
      <c r="SWX1198" s="10"/>
      <c r="SWY1198" s="10"/>
      <c r="SWZ1198" s="10"/>
      <c r="SXA1198" s="10"/>
      <c r="SXB1198" s="10"/>
      <c r="SXC1198" s="10"/>
      <c r="SXD1198" s="10"/>
      <c r="SXE1198" s="10"/>
      <c r="SXF1198" s="10"/>
      <c r="SXG1198" s="10"/>
      <c r="SXH1198" s="10"/>
      <c r="SXI1198" s="10"/>
      <c r="SXJ1198" s="10"/>
      <c r="SXK1198" s="10"/>
      <c r="SXL1198" s="10"/>
      <c r="SXM1198" s="10"/>
      <c r="SXN1198" s="10"/>
      <c r="SXO1198" s="10"/>
      <c r="SXP1198" s="10"/>
      <c r="SXQ1198" s="10"/>
      <c r="SXR1198" s="10"/>
      <c r="SXS1198" s="10"/>
      <c r="SXT1198" s="10"/>
      <c r="SXU1198" s="10"/>
      <c r="SXV1198" s="10"/>
      <c r="SXW1198" s="10"/>
      <c r="SXX1198" s="10"/>
      <c r="SXY1198" s="10"/>
      <c r="SXZ1198" s="10"/>
      <c r="SYA1198" s="10"/>
      <c r="SYB1198" s="10"/>
      <c r="SYC1198" s="10"/>
      <c r="SYD1198" s="10"/>
      <c r="SYE1198" s="10"/>
      <c r="SYF1198" s="10"/>
      <c r="SYG1198" s="10"/>
      <c r="SYH1198" s="10"/>
      <c r="SYI1198" s="10"/>
      <c r="SYJ1198" s="10"/>
      <c r="SYK1198" s="10"/>
      <c r="SYL1198" s="10"/>
      <c r="SYM1198" s="10"/>
      <c r="SYN1198" s="10"/>
      <c r="SYO1198" s="10"/>
      <c r="SYP1198" s="10"/>
      <c r="SYQ1198" s="10"/>
      <c r="SYR1198" s="10"/>
      <c r="SYS1198" s="10"/>
      <c r="SYT1198" s="10"/>
      <c r="SYU1198" s="10"/>
      <c r="SYV1198" s="10"/>
      <c r="SYW1198" s="10"/>
      <c r="SYX1198" s="10"/>
      <c r="SYY1198" s="10"/>
      <c r="SYZ1198" s="10"/>
      <c r="SZA1198" s="10"/>
      <c r="SZB1198" s="10"/>
      <c r="SZC1198" s="10"/>
      <c r="SZD1198" s="10"/>
      <c r="SZE1198" s="10"/>
      <c r="SZF1198" s="10"/>
      <c r="SZG1198" s="10"/>
      <c r="SZH1198" s="10"/>
      <c r="SZI1198" s="10"/>
      <c r="SZJ1198" s="10"/>
      <c r="SZK1198" s="10"/>
      <c r="SZL1198" s="10"/>
      <c r="SZM1198" s="10"/>
      <c r="SZN1198" s="10"/>
      <c r="SZO1198" s="10"/>
      <c r="SZP1198" s="10"/>
      <c r="SZQ1198" s="10"/>
      <c r="SZR1198" s="10"/>
      <c r="SZS1198" s="10"/>
      <c r="SZT1198" s="10"/>
      <c r="SZU1198" s="10"/>
      <c r="SZV1198" s="10"/>
      <c r="SZW1198" s="10"/>
      <c r="SZX1198" s="10"/>
      <c r="SZY1198" s="10"/>
      <c r="SZZ1198" s="10"/>
      <c r="TAA1198" s="10"/>
      <c r="TAB1198" s="10"/>
      <c r="TAC1198" s="10"/>
      <c r="TAD1198" s="10"/>
      <c r="TAE1198" s="10"/>
      <c r="TAF1198" s="10"/>
      <c r="TAG1198" s="10"/>
      <c r="TAH1198" s="10"/>
      <c r="TAI1198" s="10"/>
      <c r="TAJ1198" s="10"/>
      <c r="TAK1198" s="10"/>
      <c r="TAL1198" s="10"/>
      <c r="TAM1198" s="10"/>
      <c r="TAN1198" s="10"/>
      <c r="TAO1198" s="10"/>
      <c r="TAP1198" s="10"/>
      <c r="TAQ1198" s="10"/>
      <c r="TAR1198" s="10"/>
      <c r="TAS1198" s="10"/>
      <c r="TAT1198" s="10"/>
      <c r="TAU1198" s="10"/>
      <c r="TAV1198" s="10"/>
      <c r="TAW1198" s="10"/>
      <c r="TAX1198" s="10"/>
      <c r="TAY1198" s="10"/>
      <c r="TAZ1198" s="10"/>
      <c r="TBA1198" s="10"/>
      <c r="TBB1198" s="10"/>
      <c r="TBC1198" s="10"/>
      <c r="TBD1198" s="10"/>
      <c r="TBE1198" s="10"/>
      <c r="TBF1198" s="10"/>
      <c r="TBG1198" s="10"/>
      <c r="TBH1198" s="10"/>
      <c r="TBI1198" s="10"/>
      <c r="TBJ1198" s="10"/>
      <c r="TBK1198" s="10"/>
      <c r="TBL1198" s="10"/>
      <c r="TBM1198" s="10"/>
      <c r="TBN1198" s="10"/>
      <c r="TBO1198" s="10"/>
      <c r="TBP1198" s="10"/>
      <c r="TBQ1198" s="10"/>
      <c r="TBR1198" s="10"/>
      <c r="TBS1198" s="10"/>
      <c r="TBT1198" s="10"/>
      <c r="TBU1198" s="10"/>
      <c r="TBV1198" s="10"/>
      <c r="TBW1198" s="10"/>
      <c r="TBX1198" s="10"/>
      <c r="TBY1198" s="10"/>
      <c r="TBZ1198" s="10"/>
      <c r="TCA1198" s="10"/>
      <c r="TCB1198" s="10"/>
      <c r="TCC1198" s="10"/>
      <c r="TCD1198" s="10"/>
      <c r="TCE1198" s="10"/>
      <c r="TCF1198" s="10"/>
      <c r="TCG1198" s="10"/>
      <c r="TCH1198" s="10"/>
      <c r="TCI1198" s="10"/>
      <c r="TCJ1198" s="10"/>
      <c r="TCK1198" s="10"/>
      <c r="TCL1198" s="10"/>
      <c r="TCM1198" s="10"/>
      <c r="TCN1198" s="10"/>
      <c r="TCO1198" s="10"/>
      <c r="TCP1198" s="10"/>
      <c r="TCQ1198" s="10"/>
      <c r="TCR1198" s="10"/>
      <c r="TCS1198" s="10"/>
      <c r="TCT1198" s="10"/>
      <c r="TCU1198" s="10"/>
      <c r="TCV1198" s="10"/>
      <c r="TCW1198" s="10"/>
      <c r="TCX1198" s="10"/>
      <c r="TCY1198" s="10"/>
      <c r="TCZ1198" s="10"/>
      <c r="TDA1198" s="10"/>
      <c r="TDB1198" s="10"/>
      <c r="TDC1198" s="10"/>
      <c r="TDD1198" s="10"/>
      <c r="TDE1198" s="10"/>
      <c r="TDF1198" s="10"/>
      <c r="TDG1198" s="10"/>
      <c r="TDH1198" s="10"/>
      <c r="TDI1198" s="10"/>
      <c r="TDJ1198" s="10"/>
      <c r="TDK1198" s="10"/>
      <c r="TDL1198" s="10"/>
      <c r="TDM1198" s="10"/>
      <c r="TDN1198" s="10"/>
      <c r="TDO1198" s="10"/>
      <c r="TDP1198" s="10"/>
      <c r="TDQ1198" s="10"/>
      <c r="TDR1198" s="10"/>
      <c r="TDS1198" s="10"/>
      <c r="TDT1198" s="10"/>
      <c r="TDU1198" s="10"/>
      <c r="TDV1198" s="10"/>
      <c r="TDW1198" s="10"/>
      <c r="TDX1198" s="10"/>
      <c r="TDY1198" s="10"/>
      <c r="TDZ1198" s="10"/>
      <c r="TEA1198" s="10"/>
      <c r="TEB1198" s="10"/>
      <c r="TEC1198" s="10"/>
      <c r="TED1198" s="10"/>
      <c r="TEE1198" s="10"/>
      <c r="TEF1198" s="10"/>
      <c r="TEG1198" s="10"/>
      <c r="TEH1198" s="10"/>
      <c r="TEI1198" s="10"/>
      <c r="TEJ1198" s="10"/>
      <c r="TEK1198" s="10"/>
      <c r="TEL1198" s="10"/>
      <c r="TEM1198" s="10"/>
      <c r="TEN1198" s="10"/>
      <c r="TEO1198" s="10"/>
      <c r="TEP1198" s="10"/>
      <c r="TEQ1198" s="10"/>
      <c r="TER1198" s="10"/>
      <c r="TES1198" s="10"/>
      <c r="TET1198" s="10"/>
      <c r="TEU1198" s="10"/>
      <c r="TEV1198" s="10"/>
      <c r="TEW1198" s="10"/>
      <c r="TEX1198" s="10"/>
      <c r="TEY1198" s="10"/>
      <c r="TEZ1198" s="10"/>
      <c r="TFA1198" s="10"/>
      <c r="TFB1198" s="10"/>
      <c r="TFC1198" s="10"/>
      <c r="TFD1198" s="10"/>
      <c r="TFE1198" s="10"/>
      <c r="TFF1198" s="10"/>
      <c r="TFG1198" s="10"/>
      <c r="TFH1198" s="10"/>
      <c r="TFI1198" s="10"/>
      <c r="TFJ1198" s="10"/>
      <c r="TFK1198" s="10"/>
      <c r="TFL1198" s="10"/>
      <c r="TFM1198" s="10"/>
      <c r="TFN1198" s="10"/>
      <c r="TFO1198" s="10"/>
      <c r="TFP1198" s="10"/>
      <c r="TFQ1198" s="10"/>
      <c r="TFR1198" s="10"/>
      <c r="TFS1198" s="10"/>
      <c r="TFT1198" s="10"/>
      <c r="TFU1198" s="10"/>
      <c r="TFV1198" s="10"/>
      <c r="TFW1198" s="10"/>
      <c r="TFX1198" s="10"/>
      <c r="TFY1198" s="10"/>
      <c r="TFZ1198" s="10"/>
      <c r="TGA1198" s="10"/>
      <c r="TGB1198" s="10"/>
      <c r="TGC1198" s="10"/>
      <c r="TGD1198" s="10"/>
      <c r="TGE1198" s="10"/>
      <c r="TGF1198" s="10"/>
      <c r="TGG1198" s="10"/>
      <c r="TGH1198" s="10"/>
      <c r="TGI1198" s="10"/>
      <c r="TGJ1198" s="10"/>
      <c r="TGK1198" s="10"/>
      <c r="TGL1198" s="10"/>
      <c r="TGM1198" s="10"/>
      <c r="TGN1198" s="10"/>
      <c r="TGO1198" s="10"/>
      <c r="TGP1198" s="10"/>
      <c r="TGQ1198" s="10"/>
      <c r="TGR1198" s="10"/>
      <c r="TGS1198" s="10"/>
      <c r="TGT1198" s="10"/>
      <c r="TGU1198" s="10"/>
      <c r="TGV1198" s="10"/>
      <c r="TGW1198" s="10"/>
      <c r="TGX1198" s="10"/>
      <c r="TGY1198" s="10"/>
      <c r="TGZ1198" s="10"/>
      <c r="THA1198" s="10"/>
      <c r="THB1198" s="10"/>
      <c r="THC1198" s="10"/>
      <c r="THD1198" s="10"/>
      <c r="THE1198" s="10"/>
      <c r="THF1198" s="10"/>
      <c r="THG1198" s="10"/>
      <c r="THH1198" s="10"/>
      <c r="THI1198" s="10"/>
      <c r="THJ1198" s="10"/>
      <c r="THK1198" s="10"/>
      <c r="THL1198" s="10"/>
      <c r="THM1198" s="10"/>
      <c r="THN1198" s="10"/>
      <c r="THO1198" s="10"/>
      <c r="THP1198" s="10"/>
      <c r="THQ1198" s="10"/>
      <c r="THR1198" s="10"/>
      <c r="THS1198" s="10"/>
      <c r="THT1198" s="10"/>
      <c r="THU1198" s="10"/>
      <c r="THV1198" s="10"/>
      <c r="THW1198" s="10"/>
      <c r="THX1198" s="10"/>
      <c r="THY1198" s="10"/>
      <c r="THZ1198" s="10"/>
      <c r="TIA1198" s="10"/>
      <c r="TIB1198" s="10"/>
      <c r="TIC1198" s="10"/>
      <c r="TID1198" s="10"/>
      <c r="TIE1198" s="10"/>
      <c r="TIF1198" s="10"/>
      <c r="TIG1198" s="10"/>
      <c r="TIH1198" s="10"/>
      <c r="TII1198" s="10"/>
      <c r="TIJ1198" s="10"/>
      <c r="TIK1198" s="10"/>
      <c r="TIL1198" s="10"/>
      <c r="TIM1198" s="10"/>
      <c r="TIN1198" s="10"/>
      <c r="TIO1198" s="10"/>
      <c r="TIP1198" s="10"/>
      <c r="TIQ1198" s="10"/>
      <c r="TIR1198" s="10"/>
      <c r="TIS1198" s="10"/>
      <c r="TIT1198" s="10"/>
      <c r="TIU1198" s="10"/>
      <c r="TIV1198" s="10"/>
      <c r="TIW1198" s="10"/>
      <c r="TIX1198" s="10"/>
      <c r="TIY1198" s="10"/>
      <c r="TIZ1198" s="10"/>
      <c r="TJA1198" s="10"/>
      <c r="TJB1198" s="10"/>
      <c r="TJC1198" s="10"/>
      <c r="TJD1198" s="10"/>
      <c r="TJE1198" s="10"/>
      <c r="TJF1198" s="10"/>
      <c r="TJG1198" s="10"/>
      <c r="TJH1198" s="10"/>
      <c r="TJI1198" s="10"/>
      <c r="TJJ1198" s="10"/>
      <c r="TJK1198" s="10"/>
      <c r="TJL1198" s="10"/>
      <c r="TJM1198" s="10"/>
      <c r="TJN1198" s="10"/>
      <c r="TJO1198" s="10"/>
      <c r="TJP1198" s="10"/>
      <c r="TJQ1198" s="10"/>
      <c r="TJR1198" s="10"/>
      <c r="TJS1198" s="10"/>
      <c r="TJT1198" s="10"/>
      <c r="TJU1198" s="10"/>
      <c r="TJV1198" s="10"/>
      <c r="TJW1198" s="10"/>
      <c r="TJX1198" s="10"/>
      <c r="TJY1198" s="10"/>
      <c r="TJZ1198" s="10"/>
      <c r="TKA1198" s="10"/>
      <c r="TKB1198" s="10"/>
      <c r="TKC1198" s="10"/>
      <c r="TKD1198" s="10"/>
      <c r="TKE1198" s="10"/>
      <c r="TKF1198" s="10"/>
      <c r="TKG1198" s="10"/>
      <c r="TKH1198" s="10"/>
      <c r="TKI1198" s="10"/>
      <c r="TKJ1198" s="10"/>
      <c r="TKK1198" s="10"/>
      <c r="TKL1198" s="10"/>
      <c r="TKM1198" s="10"/>
      <c r="TKN1198" s="10"/>
      <c r="TKO1198" s="10"/>
      <c r="TKP1198" s="10"/>
      <c r="TKQ1198" s="10"/>
      <c r="TKR1198" s="10"/>
      <c r="TKS1198" s="10"/>
      <c r="TKT1198" s="10"/>
      <c r="TKU1198" s="10"/>
      <c r="TKV1198" s="10"/>
      <c r="TKW1198" s="10"/>
      <c r="TKX1198" s="10"/>
      <c r="TKY1198" s="10"/>
      <c r="TKZ1198" s="10"/>
      <c r="TLA1198" s="10"/>
      <c r="TLB1198" s="10"/>
      <c r="TLC1198" s="10"/>
      <c r="TLD1198" s="10"/>
      <c r="TLE1198" s="10"/>
      <c r="TLF1198" s="10"/>
      <c r="TLG1198" s="10"/>
      <c r="TLH1198" s="10"/>
      <c r="TLI1198" s="10"/>
      <c r="TLJ1198" s="10"/>
      <c r="TLK1198" s="10"/>
      <c r="TLL1198" s="10"/>
      <c r="TLM1198" s="10"/>
      <c r="TLN1198" s="10"/>
      <c r="TLO1198" s="10"/>
      <c r="TLP1198" s="10"/>
      <c r="TLQ1198" s="10"/>
      <c r="TLR1198" s="10"/>
      <c r="TLS1198" s="10"/>
      <c r="TLT1198" s="10"/>
      <c r="TLU1198" s="10"/>
      <c r="TLV1198" s="10"/>
      <c r="TLW1198" s="10"/>
      <c r="TLX1198" s="10"/>
      <c r="TLY1198" s="10"/>
      <c r="TLZ1198" s="10"/>
      <c r="TMA1198" s="10"/>
      <c r="TMB1198" s="10"/>
      <c r="TMC1198" s="10"/>
      <c r="TMD1198" s="10"/>
      <c r="TME1198" s="10"/>
      <c r="TMF1198" s="10"/>
      <c r="TMG1198" s="10"/>
      <c r="TMH1198" s="10"/>
      <c r="TMI1198" s="10"/>
      <c r="TMJ1198" s="10"/>
      <c r="TMK1198" s="10"/>
      <c r="TML1198" s="10"/>
      <c r="TMM1198" s="10"/>
      <c r="TMN1198" s="10"/>
      <c r="TMO1198" s="10"/>
      <c r="TMP1198" s="10"/>
      <c r="TMQ1198" s="10"/>
      <c r="TMR1198" s="10"/>
      <c r="TMS1198" s="10"/>
      <c r="TMT1198" s="10"/>
      <c r="TMU1198" s="10"/>
      <c r="TMV1198" s="10"/>
      <c r="TMW1198" s="10"/>
      <c r="TMX1198" s="10"/>
      <c r="TMY1198" s="10"/>
      <c r="TMZ1198" s="10"/>
      <c r="TNA1198" s="10"/>
      <c r="TNB1198" s="10"/>
      <c r="TNC1198" s="10"/>
      <c r="TND1198" s="10"/>
      <c r="TNE1198" s="10"/>
      <c r="TNF1198" s="10"/>
      <c r="TNG1198" s="10"/>
      <c r="TNH1198" s="10"/>
      <c r="TNI1198" s="10"/>
      <c r="TNJ1198" s="10"/>
      <c r="TNK1198" s="10"/>
      <c r="TNL1198" s="10"/>
      <c r="TNM1198" s="10"/>
      <c r="TNN1198" s="10"/>
      <c r="TNO1198" s="10"/>
      <c r="TNP1198" s="10"/>
      <c r="TNQ1198" s="10"/>
      <c r="TNR1198" s="10"/>
      <c r="TNS1198" s="10"/>
      <c r="TNT1198" s="10"/>
      <c r="TNU1198" s="10"/>
      <c r="TNV1198" s="10"/>
      <c r="TNW1198" s="10"/>
      <c r="TNX1198" s="10"/>
      <c r="TNY1198" s="10"/>
      <c r="TNZ1198" s="10"/>
      <c r="TOA1198" s="10"/>
      <c r="TOB1198" s="10"/>
      <c r="TOC1198" s="10"/>
      <c r="TOD1198" s="10"/>
      <c r="TOE1198" s="10"/>
      <c r="TOF1198" s="10"/>
      <c r="TOG1198" s="10"/>
      <c r="TOH1198" s="10"/>
      <c r="TOI1198" s="10"/>
      <c r="TOJ1198" s="10"/>
      <c r="TOK1198" s="10"/>
      <c r="TOL1198" s="10"/>
      <c r="TOM1198" s="10"/>
      <c r="TON1198" s="10"/>
      <c r="TOO1198" s="10"/>
      <c r="TOP1198" s="10"/>
      <c r="TOQ1198" s="10"/>
      <c r="TOR1198" s="10"/>
      <c r="TOS1198" s="10"/>
      <c r="TOT1198" s="10"/>
      <c r="TOU1198" s="10"/>
      <c r="TOV1198" s="10"/>
      <c r="TOW1198" s="10"/>
      <c r="TOX1198" s="10"/>
      <c r="TOY1198" s="10"/>
      <c r="TOZ1198" s="10"/>
      <c r="TPA1198" s="10"/>
      <c r="TPB1198" s="10"/>
      <c r="TPC1198" s="10"/>
      <c r="TPD1198" s="10"/>
      <c r="TPE1198" s="10"/>
      <c r="TPF1198" s="10"/>
      <c r="TPG1198" s="10"/>
      <c r="TPH1198" s="10"/>
      <c r="TPI1198" s="10"/>
      <c r="TPJ1198" s="10"/>
      <c r="TPK1198" s="10"/>
      <c r="TPL1198" s="10"/>
      <c r="TPM1198" s="10"/>
      <c r="TPN1198" s="10"/>
      <c r="TPO1198" s="10"/>
      <c r="TPP1198" s="10"/>
      <c r="TPQ1198" s="10"/>
      <c r="TPR1198" s="10"/>
      <c r="TPS1198" s="10"/>
      <c r="TPT1198" s="10"/>
      <c r="TPU1198" s="10"/>
      <c r="TPV1198" s="10"/>
      <c r="TPW1198" s="10"/>
      <c r="TPX1198" s="10"/>
      <c r="TPY1198" s="10"/>
      <c r="TPZ1198" s="10"/>
      <c r="TQA1198" s="10"/>
      <c r="TQB1198" s="10"/>
      <c r="TQC1198" s="10"/>
      <c r="TQD1198" s="10"/>
      <c r="TQE1198" s="10"/>
      <c r="TQF1198" s="10"/>
      <c r="TQG1198" s="10"/>
      <c r="TQH1198" s="10"/>
      <c r="TQI1198" s="10"/>
      <c r="TQJ1198" s="10"/>
      <c r="TQK1198" s="10"/>
      <c r="TQL1198" s="10"/>
      <c r="TQM1198" s="10"/>
      <c r="TQN1198" s="10"/>
      <c r="TQO1198" s="10"/>
      <c r="TQP1198" s="10"/>
      <c r="TQQ1198" s="10"/>
      <c r="TQR1198" s="10"/>
      <c r="TQS1198" s="10"/>
      <c r="TQT1198" s="10"/>
      <c r="TQU1198" s="10"/>
      <c r="TQV1198" s="10"/>
      <c r="TQW1198" s="10"/>
      <c r="TQX1198" s="10"/>
      <c r="TQY1198" s="10"/>
      <c r="TQZ1198" s="10"/>
      <c r="TRA1198" s="10"/>
      <c r="TRB1198" s="10"/>
      <c r="TRC1198" s="10"/>
      <c r="TRD1198" s="10"/>
      <c r="TRE1198" s="10"/>
      <c r="TRF1198" s="10"/>
      <c r="TRG1198" s="10"/>
      <c r="TRH1198" s="10"/>
      <c r="TRI1198" s="10"/>
      <c r="TRJ1198" s="10"/>
      <c r="TRK1198" s="10"/>
      <c r="TRL1198" s="10"/>
      <c r="TRM1198" s="10"/>
      <c r="TRN1198" s="10"/>
      <c r="TRO1198" s="10"/>
      <c r="TRP1198" s="10"/>
      <c r="TRQ1198" s="10"/>
      <c r="TRR1198" s="10"/>
      <c r="TRS1198" s="10"/>
      <c r="TRT1198" s="10"/>
      <c r="TRU1198" s="10"/>
      <c r="TRV1198" s="10"/>
      <c r="TRW1198" s="10"/>
      <c r="TRX1198" s="10"/>
      <c r="TRY1198" s="10"/>
      <c r="TRZ1198" s="10"/>
      <c r="TSA1198" s="10"/>
      <c r="TSB1198" s="10"/>
      <c r="TSC1198" s="10"/>
      <c r="TSD1198" s="10"/>
      <c r="TSE1198" s="10"/>
      <c r="TSF1198" s="10"/>
      <c r="TSG1198" s="10"/>
      <c r="TSH1198" s="10"/>
      <c r="TSI1198" s="10"/>
      <c r="TSJ1198" s="10"/>
      <c r="TSK1198" s="10"/>
      <c r="TSL1198" s="10"/>
      <c r="TSM1198" s="10"/>
      <c r="TSN1198" s="10"/>
      <c r="TSO1198" s="10"/>
      <c r="TSP1198" s="10"/>
      <c r="TSQ1198" s="10"/>
      <c r="TSR1198" s="10"/>
      <c r="TSS1198" s="10"/>
      <c r="TST1198" s="10"/>
      <c r="TSU1198" s="10"/>
      <c r="TSV1198" s="10"/>
      <c r="TSW1198" s="10"/>
      <c r="TSX1198" s="10"/>
      <c r="TSY1198" s="10"/>
      <c r="TSZ1198" s="10"/>
      <c r="TTA1198" s="10"/>
      <c r="TTB1198" s="10"/>
      <c r="TTC1198" s="10"/>
      <c r="TTD1198" s="10"/>
      <c r="TTE1198" s="10"/>
      <c r="TTF1198" s="10"/>
      <c r="TTG1198" s="10"/>
      <c r="TTH1198" s="10"/>
      <c r="TTI1198" s="10"/>
      <c r="TTJ1198" s="10"/>
      <c r="TTK1198" s="10"/>
      <c r="TTL1198" s="10"/>
      <c r="TTM1198" s="10"/>
      <c r="TTN1198" s="10"/>
      <c r="TTO1198" s="10"/>
      <c r="TTP1198" s="10"/>
      <c r="TTQ1198" s="10"/>
      <c r="TTR1198" s="10"/>
      <c r="TTS1198" s="10"/>
      <c r="TTT1198" s="10"/>
      <c r="TTU1198" s="10"/>
      <c r="TTV1198" s="10"/>
      <c r="TTW1198" s="10"/>
      <c r="TTX1198" s="10"/>
      <c r="TTY1198" s="10"/>
      <c r="TTZ1198" s="10"/>
      <c r="TUA1198" s="10"/>
      <c r="TUB1198" s="10"/>
      <c r="TUC1198" s="10"/>
      <c r="TUD1198" s="10"/>
      <c r="TUE1198" s="10"/>
      <c r="TUF1198" s="10"/>
      <c r="TUG1198" s="10"/>
      <c r="TUH1198" s="10"/>
      <c r="TUI1198" s="10"/>
      <c r="TUJ1198" s="10"/>
      <c r="TUK1198" s="10"/>
      <c r="TUL1198" s="10"/>
      <c r="TUM1198" s="10"/>
      <c r="TUN1198" s="10"/>
      <c r="TUO1198" s="10"/>
      <c r="TUP1198" s="10"/>
      <c r="TUQ1198" s="10"/>
      <c r="TUR1198" s="10"/>
      <c r="TUS1198" s="10"/>
      <c r="TUT1198" s="10"/>
      <c r="TUU1198" s="10"/>
      <c r="TUV1198" s="10"/>
      <c r="TUW1198" s="10"/>
      <c r="TUX1198" s="10"/>
      <c r="TUY1198" s="10"/>
      <c r="TUZ1198" s="10"/>
      <c r="TVA1198" s="10"/>
      <c r="TVB1198" s="10"/>
      <c r="TVC1198" s="10"/>
      <c r="TVD1198" s="10"/>
      <c r="TVE1198" s="10"/>
      <c r="TVF1198" s="10"/>
      <c r="TVG1198" s="10"/>
      <c r="TVH1198" s="10"/>
      <c r="TVI1198" s="10"/>
      <c r="TVJ1198" s="10"/>
      <c r="TVK1198" s="10"/>
      <c r="TVL1198" s="10"/>
      <c r="TVM1198" s="10"/>
      <c r="TVN1198" s="10"/>
      <c r="TVO1198" s="10"/>
      <c r="TVP1198" s="10"/>
      <c r="TVQ1198" s="10"/>
      <c r="TVR1198" s="10"/>
      <c r="TVS1198" s="10"/>
      <c r="TVT1198" s="10"/>
      <c r="TVU1198" s="10"/>
      <c r="TVV1198" s="10"/>
      <c r="TVW1198" s="10"/>
      <c r="TVX1198" s="10"/>
      <c r="TVY1198" s="10"/>
      <c r="TVZ1198" s="10"/>
      <c r="TWA1198" s="10"/>
      <c r="TWB1198" s="10"/>
      <c r="TWC1198" s="10"/>
      <c r="TWD1198" s="10"/>
      <c r="TWE1198" s="10"/>
      <c r="TWF1198" s="10"/>
      <c r="TWG1198" s="10"/>
      <c r="TWH1198" s="10"/>
      <c r="TWI1198" s="10"/>
      <c r="TWJ1198" s="10"/>
      <c r="TWK1198" s="10"/>
      <c r="TWL1198" s="10"/>
      <c r="TWM1198" s="10"/>
      <c r="TWN1198" s="10"/>
      <c r="TWO1198" s="10"/>
      <c r="TWP1198" s="10"/>
      <c r="TWQ1198" s="10"/>
      <c r="TWR1198" s="10"/>
      <c r="TWS1198" s="10"/>
      <c r="TWT1198" s="10"/>
      <c r="TWU1198" s="10"/>
      <c r="TWV1198" s="10"/>
      <c r="TWW1198" s="10"/>
      <c r="TWX1198" s="10"/>
      <c r="TWY1198" s="10"/>
      <c r="TWZ1198" s="10"/>
      <c r="TXA1198" s="10"/>
      <c r="TXB1198" s="10"/>
      <c r="TXC1198" s="10"/>
      <c r="TXD1198" s="10"/>
      <c r="TXE1198" s="10"/>
      <c r="TXF1198" s="10"/>
      <c r="TXG1198" s="10"/>
      <c r="TXH1198" s="10"/>
      <c r="TXI1198" s="10"/>
      <c r="TXJ1198" s="10"/>
      <c r="TXK1198" s="10"/>
      <c r="TXL1198" s="10"/>
      <c r="TXM1198" s="10"/>
      <c r="TXN1198" s="10"/>
      <c r="TXO1198" s="10"/>
      <c r="TXP1198" s="10"/>
      <c r="TXQ1198" s="10"/>
      <c r="TXR1198" s="10"/>
      <c r="TXS1198" s="10"/>
      <c r="TXT1198" s="10"/>
      <c r="TXU1198" s="10"/>
      <c r="TXV1198" s="10"/>
      <c r="TXW1198" s="10"/>
      <c r="TXX1198" s="10"/>
      <c r="TXY1198" s="10"/>
      <c r="TXZ1198" s="10"/>
      <c r="TYA1198" s="10"/>
      <c r="TYB1198" s="10"/>
      <c r="TYC1198" s="10"/>
      <c r="TYD1198" s="10"/>
      <c r="TYE1198" s="10"/>
      <c r="TYF1198" s="10"/>
      <c r="TYG1198" s="10"/>
      <c r="TYH1198" s="10"/>
      <c r="TYI1198" s="10"/>
      <c r="TYJ1198" s="10"/>
      <c r="TYK1198" s="10"/>
      <c r="TYL1198" s="10"/>
      <c r="TYM1198" s="10"/>
      <c r="TYN1198" s="10"/>
      <c r="TYO1198" s="10"/>
      <c r="TYP1198" s="10"/>
      <c r="TYQ1198" s="10"/>
      <c r="TYR1198" s="10"/>
      <c r="TYS1198" s="10"/>
      <c r="TYT1198" s="10"/>
      <c r="TYU1198" s="10"/>
      <c r="TYV1198" s="10"/>
      <c r="TYW1198" s="10"/>
      <c r="TYX1198" s="10"/>
      <c r="TYY1198" s="10"/>
      <c r="TYZ1198" s="10"/>
      <c r="TZA1198" s="10"/>
      <c r="TZB1198" s="10"/>
      <c r="TZC1198" s="10"/>
      <c r="TZD1198" s="10"/>
      <c r="TZE1198" s="10"/>
      <c r="TZF1198" s="10"/>
      <c r="TZG1198" s="10"/>
      <c r="TZH1198" s="10"/>
      <c r="TZI1198" s="10"/>
      <c r="TZJ1198" s="10"/>
      <c r="TZK1198" s="10"/>
      <c r="TZL1198" s="10"/>
      <c r="TZM1198" s="10"/>
      <c r="TZN1198" s="10"/>
      <c r="TZO1198" s="10"/>
      <c r="TZP1198" s="10"/>
      <c r="TZQ1198" s="10"/>
      <c r="TZR1198" s="10"/>
      <c r="TZS1198" s="10"/>
      <c r="TZT1198" s="10"/>
      <c r="TZU1198" s="10"/>
      <c r="TZV1198" s="10"/>
      <c r="TZW1198" s="10"/>
      <c r="TZX1198" s="10"/>
      <c r="TZY1198" s="10"/>
      <c r="TZZ1198" s="10"/>
      <c r="UAA1198" s="10"/>
      <c r="UAB1198" s="10"/>
      <c r="UAC1198" s="10"/>
      <c r="UAD1198" s="10"/>
      <c r="UAE1198" s="10"/>
      <c r="UAF1198" s="10"/>
      <c r="UAG1198" s="10"/>
      <c r="UAH1198" s="10"/>
      <c r="UAI1198" s="10"/>
      <c r="UAJ1198" s="10"/>
      <c r="UAK1198" s="10"/>
      <c r="UAL1198" s="10"/>
      <c r="UAM1198" s="10"/>
      <c r="UAN1198" s="10"/>
      <c r="UAO1198" s="10"/>
      <c r="UAP1198" s="10"/>
      <c r="UAQ1198" s="10"/>
      <c r="UAR1198" s="10"/>
      <c r="UAS1198" s="10"/>
      <c r="UAT1198" s="10"/>
      <c r="UAU1198" s="10"/>
      <c r="UAV1198" s="10"/>
      <c r="UAW1198" s="10"/>
      <c r="UAX1198" s="10"/>
      <c r="UAY1198" s="10"/>
      <c r="UAZ1198" s="10"/>
      <c r="UBA1198" s="10"/>
      <c r="UBB1198" s="10"/>
      <c r="UBC1198" s="10"/>
      <c r="UBD1198" s="10"/>
      <c r="UBE1198" s="10"/>
      <c r="UBF1198" s="10"/>
      <c r="UBG1198" s="10"/>
      <c r="UBH1198" s="10"/>
      <c r="UBI1198" s="10"/>
      <c r="UBJ1198" s="10"/>
      <c r="UBK1198" s="10"/>
      <c r="UBL1198" s="10"/>
      <c r="UBM1198" s="10"/>
      <c r="UBN1198" s="10"/>
      <c r="UBO1198" s="10"/>
      <c r="UBP1198" s="10"/>
      <c r="UBQ1198" s="10"/>
      <c r="UBR1198" s="10"/>
      <c r="UBS1198" s="10"/>
      <c r="UBT1198" s="10"/>
      <c r="UBU1198" s="10"/>
      <c r="UBV1198" s="10"/>
      <c r="UBW1198" s="10"/>
      <c r="UBX1198" s="10"/>
      <c r="UBY1198" s="10"/>
      <c r="UBZ1198" s="10"/>
      <c r="UCA1198" s="10"/>
      <c r="UCB1198" s="10"/>
      <c r="UCC1198" s="10"/>
      <c r="UCD1198" s="10"/>
      <c r="UCE1198" s="10"/>
      <c r="UCF1198" s="10"/>
      <c r="UCG1198" s="10"/>
      <c r="UCH1198" s="10"/>
      <c r="UCI1198" s="10"/>
      <c r="UCJ1198" s="10"/>
      <c r="UCK1198" s="10"/>
      <c r="UCL1198" s="10"/>
      <c r="UCM1198" s="10"/>
      <c r="UCN1198" s="10"/>
      <c r="UCO1198" s="10"/>
      <c r="UCP1198" s="10"/>
      <c r="UCQ1198" s="10"/>
      <c r="UCR1198" s="10"/>
      <c r="UCS1198" s="10"/>
      <c r="UCT1198" s="10"/>
      <c r="UCU1198" s="10"/>
      <c r="UCV1198" s="10"/>
      <c r="UCW1198" s="10"/>
      <c r="UCX1198" s="10"/>
      <c r="UCY1198" s="10"/>
      <c r="UCZ1198" s="10"/>
      <c r="UDA1198" s="10"/>
      <c r="UDB1198" s="10"/>
      <c r="UDC1198" s="10"/>
      <c r="UDD1198" s="10"/>
      <c r="UDE1198" s="10"/>
      <c r="UDF1198" s="10"/>
      <c r="UDG1198" s="10"/>
      <c r="UDH1198" s="10"/>
      <c r="UDI1198" s="10"/>
      <c r="UDJ1198" s="10"/>
      <c r="UDK1198" s="10"/>
      <c r="UDL1198" s="10"/>
      <c r="UDM1198" s="10"/>
      <c r="UDN1198" s="10"/>
      <c r="UDO1198" s="10"/>
      <c r="UDP1198" s="10"/>
      <c r="UDQ1198" s="10"/>
      <c r="UDR1198" s="10"/>
      <c r="UDS1198" s="10"/>
      <c r="UDT1198" s="10"/>
      <c r="UDU1198" s="10"/>
      <c r="UDV1198" s="10"/>
      <c r="UDW1198" s="10"/>
      <c r="UDX1198" s="10"/>
      <c r="UDY1198" s="10"/>
      <c r="UDZ1198" s="10"/>
      <c r="UEA1198" s="10"/>
      <c r="UEB1198" s="10"/>
      <c r="UEC1198" s="10"/>
      <c r="UED1198" s="10"/>
      <c r="UEE1198" s="10"/>
      <c r="UEF1198" s="10"/>
      <c r="UEG1198" s="10"/>
      <c r="UEH1198" s="10"/>
      <c r="UEI1198" s="10"/>
      <c r="UEJ1198" s="10"/>
      <c r="UEK1198" s="10"/>
      <c r="UEL1198" s="10"/>
      <c r="UEM1198" s="10"/>
      <c r="UEN1198" s="10"/>
      <c r="UEO1198" s="10"/>
      <c r="UEP1198" s="10"/>
      <c r="UEQ1198" s="10"/>
      <c r="UER1198" s="10"/>
      <c r="UES1198" s="10"/>
      <c r="UET1198" s="10"/>
      <c r="UEU1198" s="10"/>
      <c r="UEV1198" s="10"/>
      <c r="UEW1198" s="10"/>
      <c r="UEX1198" s="10"/>
      <c r="UEY1198" s="10"/>
      <c r="UEZ1198" s="10"/>
      <c r="UFA1198" s="10"/>
      <c r="UFB1198" s="10"/>
      <c r="UFC1198" s="10"/>
      <c r="UFD1198" s="10"/>
      <c r="UFE1198" s="10"/>
      <c r="UFF1198" s="10"/>
      <c r="UFG1198" s="10"/>
      <c r="UFH1198" s="10"/>
      <c r="UFI1198" s="10"/>
      <c r="UFJ1198" s="10"/>
      <c r="UFK1198" s="10"/>
      <c r="UFL1198" s="10"/>
      <c r="UFM1198" s="10"/>
      <c r="UFN1198" s="10"/>
      <c r="UFO1198" s="10"/>
      <c r="UFP1198" s="10"/>
      <c r="UFQ1198" s="10"/>
      <c r="UFR1198" s="10"/>
      <c r="UFS1198" s="10"/>
      <c r="UFT1198" s="10"/>
      <c r="UFU1198" s="10"/>
      <c r="UFV1198" s="10"/>
      <c r="UFW1198" s="10"/>
      <c r="UFX1198" s="10"/>
      <c r="UFY1198" s="10"/>
      <c r="UFZ1198" s="10"/>
      <c r="UGA1198" s="10"/>
      <c r="UGB1198" s="10"/>
      <c r="UGC1198" s="10"/>
      <c r="UGD1198" s="10"/>
      <c r="UGE1198" s="10"/>
      <c r="UGF1198" s="10"/>
      <c r="UGG1198" s="10"/>
      <c r="UGH1198" s="10"/>
      <c r="UGI1198" s="10"/>
      <c r="UGJ1198" s="10"/>
      <c r="UGK1198" s="10"/>
      <c r="UGL1198" s="10"/>
      <c r="UGM1198" s="10"/>
      <c r="UGN1198" s="10"/>
      <c r="UGO1198" s="10"/>
      <c r="UGP1198" s="10"/>
      <c r="UGQ1198" s="10"/>
      <c r="UGR1198" s="10"/>
      <c r="UGS1198" s="10"/>
      <c r="UGT1198" s="10"/>
      <c r="UGU1198" s="10"/>
      <c r="UGV1198" s="10"/>
      <c r="UGW1198" s="10"/>
      <c r="UGX1198" s="10"/>
      <c r="UGY1198" s="10"/>
      <c r="UGZ1198" s="10"/>
      <c r="UHA1198" s="10"/>
      <c r="UHB1198" s="10"/>
      <c r="UHC1198" s="10"/>
      <c r="UHD1198" s="10"/>
      <c r="UHE1198" s="10"/>
      <c r="UHF1198" s="10"/>
      <c r="UHG1198" s="10"/>
      <c r="UHH1198" s="10"/>
      <c r="UHI1198" s="10"/>
      <c r="UHJ1198" s="10"/>
      <c r="UHK1198" s="10"/>
      <c r="UHL1198" s="10"/>
      <c r="UHM1198" s="10"/>
      <c r="UHN1198" s="10"/>
      <c r="UHO1198" s="10"/>
      <c r="UHP1198" s="10"/>
      <c r="UHQ1198" s="10"/>
      <c r="UHR1198" s="10"/>
      <c r="UHS1198" s="10"/>
      <c r="UHT1198" s="10"/>
      <c r="UHU1198" s="10"/>
      <c r="UHV1198" s="10"/>
      <c r="UHW1198" s="10"/>
      <c r="UHX1198" s="10"/>
      <c r="UHY1198" s="10"/>
      <c r="UHZ1198" s="10"/>
      <c r="UIA1198" s="10"/>
      <c r="UIB1198" s="10"/>
      <c r="UIC1198" s="10"/>
      <c r="UID1198" s="10"/>
      <c r="UIE1198" s="10"/>
      <c r="UIF1198" s="10"/>
      <c r="UIG1198" s="10"/>
      <c r="UIH1198" s="10"/>
      <c r="UII1198" s="10"/>
      <c r="UIJ1198" s="10"/>
      <c r="UIK1198" s="10"/>
      <c r="UIL1198" s="10"/>
      <c r="UIM1198" s="10"/>
      <c r="UIN1198" s="10"/>
      <c r="UIO1198" s="10"/>
      <c r="UIP1198" s="10"/>
      <c r="UIQ1198" s="10"/>
      <c r="UIR1198" s="10"/>
      <c r="UIS1198" s="10"/>
      <c r="UIT1198" s="10"/>
      <c r="UIU1198" s="10"/>
      <c r="UIV1198" s="10"/>
      <c r="UIW1198" s="10"/>
      <c r="UIX1198" s="10"/>
      <c r="UIY1198" s="10"/>
      <c r="UIZ1198" s="10"/>
      <c r="UJA1198" s="10"/>
      <c r="UJB1198" s="10"/>
      <c r="UJC1198" s="10"/>
      <c r="UJD1198" s="10"/>
      <c r="UJE1198" s="10"/>
      <c r="UJF1198" s="10"/>
      <c r="UJG1198" s="10"/>
      <c r="UJH1198" s="10"/>
      <c r="UJI1198" s="10"/>
      <c r="UJJ1198" s="10"/>
      <c r="UJK1198" s="10"/>
      <c r="UJL1198" s="10"/>
      <c r="UJM1198" s="10"/>
      <c r="UJN1198" s="10"/>
      <c r="UJO1198" s="10"/>
      <c r="UJP1198" s="10"/>
      <c r="UJQ1198" s="10"/>
      <c r="UJR1198" s="10"/>
      <c r="UJS1198" s="10"/>
      <c r="UJT1198" s="10"/>
      <c r="UJU1198" s="10"/>
      <c r="UJV1198" s="10"/>
      <c r="UJW1198" s="10"/>
      <c r="UJX1198" s="10"/>
      <c r="UJY1198" s="10"/>
      <c r="UJZ1198" s="10"/>
      <c r="UKA1198" s="10"/>
      <c r="UKB1198" s="10"/>
      <c r="UKC1198" s="10"/>
      <c r="UKD1198" s="10"/>
      <c r="UKE1198" s="10"/>
      <c r="UKF1198" s="10"/>
      <c r="UKG1198" s="10"/>
      <c r="UKH1198" s="10"/>
      <c r="UKI1198" s="10"/>
      <c r="UKJ1198" s="10"/>
      <c r="UKK1198" s="10"/>
      <c r="UKL1198" s="10"/>
      <c r="UKM1198" s="10"/>
      <c r="UKN1198" s="10"/>
      <c r="UKO1198" s="10"/>
      <c r="UKP1198" s="10"/>
      <c r="UKQ1198" s="10"/>
      <c r="UKR1198" s="10"/>
      <c r="UKS1198" s="10"/>
      <c r="UKT1198" s="10"/>
      <c r="UKU1198" s="10"/>
      <c r="UKV1198" s="10"/>
      <c r="UKW1198" s="10"/>
      <c r="UKX1198" s="10"/>
      <c r="UKY1198" s="10"/>
      <c r="UKZ1198" s="10"/>
      <c r="ULA1198" s="10"/>
      <c r="ULB1198" s="10"/>
      <c r="ULC1198" s="10"/>
      <c r="ULD1198" s="10"/>
      <c r="ULE1198" s="10"/>
      <c r="ULF1198" s="10"/>
      <c r="ULG1198" s="10"/>
      <c r="ULH1198" s="10"/>
      <c r="ULI1198" s="10"/>
      <c r="ULJ1198" s="10"/>
      <c r="ULK1198" s="10"/>
      <c r="ULL1198" s="10"/>
      <c r="ULM1198" s="10"/>
      <c r="ULN1198" s="10"/>
      <c r="ULO1198" s="10"/>
      <c r="ULP1198" s="10"/>
      <c r="ULQ1198" s="10"/>
      <c r="ULR1198" s="10"/>
      <c r="ULS1198" s="10"/>
      <c r="ULT1198" s="10"/>
      <c r="ULU1198" s="10"/>
      <c r="ULV1198" s="10"/>
      <c r="ULW1198" s="10"/>
      <c r="ULX1198" s="10"/>
      <c r="ULY1198" s="10"/>
      <c r="ULZ1198" s="10"/>
      <c r="UMA1198" s="10"/>
      <c r="UMB1198" s="10"/>
      <c r="UMC1198" s="10"/>
      <c r="UMD1198" s="10"/>
      <c r="UME1198" s="10"/>
      <c r="UMF1198" s="10"/>
      <c r="UMG1198" s="10"/>
      <c r="UMH1198" s="10"/>
      <c r="UMI1198" s="10"/>
      <c r="UMJ1198" s="10"/>
      <c r="UMK1198" s="10"/>
      <c r="UML1198" s="10"/>
      <c r="UMM1198" s="10"/>
      <c r="UMN1198" s="10"/>
      <c r="UMO1198" s="10"/>
      <c r="UMP1198" s="10"/>
      <c r="UMQ1198" s="10"/>
      <c r="UMR1198" s="10"/>
      <c r="UMS1198" s="10"/>
      <c r="UMT1198" s="10"/>
      <c r="UMU1198" s="10"/>
      <c r="UMV1198" s="10"/>
      <c r="UMW1198" s="10"/>
      <c r="UMX1198" s="10"/>
      <c r="UMY1198" s="10"/>
      <c r="UMZ1198" s="10"/>
      <c r="UNA1198" s="10"/>
      <c r="UNB1198" s="10"/>
      <c r="UNC1198" s="10"/>
      <c r="UND1198" s="10"/>
      <c r="UNE1198" s="10"/>
      <c r="UNF1198" s="10"/>
      <c r="UNG1198" s="10"/>
      <c r="UNH1198" s="10"/>
      <c r="UNI1198" s="10"/>
      <c r="UNJ1198" s="10"/>
      <c r="UNK1198" s="10"/>
      <c r="UNL1198" s="10"/>
      <c r="UNM1198" s="10"/>
      <c r="UNN1198" s="10"/>
      <c r="UNO1198" s="10"/>
      <c r="UNP1198" s="10"/>
      <c r="UNQ1198" s="10"/>
      <c r="UNR1198" s="10"/>
      <c r="UNS1198" s="10"/>
      <c r="UNT1198" s="10"/>
      <c r="UNU1198" s="10"/>
      <c r="UNV1198" s="10"/>
      <c r="UNW1198" s="10"/>
      <c r="UNX1198" s="10"/>
      <c r="UNY1198" s="10"/>
      <c r="UNZ1198" s="10"/>
      <c r="UOA1198" s="10"/>
      <c r="UOB1198" s="10"/>
      <c r="UOC1198" s="10"/>
      <c r="UOD1198" s="10"/>
      <c r="UOE1198" s="10"/>
      <c r="UOF1198" s="10"/>
      <c r="UOG1198" s="10"/>
      <c r="UOH1198" s="10"/>
      <c r="UOI1198" s="10"/>
      <c r="UOJ1198" s="10"/>
      <c r="UOK1198" s="10"/>
      <c r="UOL1198" s="10"/>
      <c r="UOM1198" s="10"/>
      <c r="UON1198" s="10"/>
      <c r="UOO1198" s="10"/>
      <c r="UOP1198" s="10"/>
      <c r="UOQ1198" s="10"/>
      <c r="UOR1198" s="10"/>
      <c r="UOS1198" s="10"/>
      <c r="UOT1198" s="10"/>
      <c r="UOU1198" s="10"/>
      <c r="UOV1198" s="10"/>
      <c r="UOW1198" s="10"/>
      <c r="UOX1198" s="10"/>
      <c r="UOY1198" s="10"/>
      <c r="UOZ1198" s="10"/>
      <c r="UPA1198" s="10"/>
      <c r="UPB1198" s="10"/>
      <c r="UPC1198" s="10"/>
      <c r="UPD1198" s="10"/>
      <c r="UPE1198" s="10"/>
      <c r="UPF1198" s="10"/>
      <c r="UPG1198" s="10"/>
      <c r="UPH1198" s="10"/>
      <c r="UPI1198" s="10"/>
      <c r="UPJ1198" s="10"/>
      <c r="UPK1198" s="10"/>
      <c r="UPL1198" s="10"/>
      <c r="UPM1198" s="10"/>
      <c r="UPN1198" s="10"/>
      <c r="UPO1198" s="10"/>
      <c r="UPP1198" s="10"/>
      <c r="UPQ1198" s="10"/>
      <c r="UPR1198" s="10"/>
      <c r="UPS1198" s="10"/>
      <c r="UPT1198" s="10"/>
      <c r="UPU1198" s="10"/>
      <c r="UPV1198" s="10"/>
      <c r="UPW1198" s="10"/>
      <c r="UPX1198" s="10"/>
      <c r="UPY1198" s="10"/>
      <c r="UPZ1198" s="10"/>
      <c r="UQA1198" s="10"/>
      <c r="UQB1198" s="10"/>
      <c r="UQC1198" s="10"/>
      <c r="UQD1198" s="10"/>
      <c r="UQE1198" s="10"/>
      <c r="UQF1198" s="10"/>
      <c r="UQG1198" s="10"/>
      <c r="UQH1198" s="10"/>
      <c r="UQI1198" s="10"/>
      <c r="UQJ1198" s="10"/>
      <c r="UQK1198" s="10"/>
      <c r="UQL1198" s="10"/>
      <c r="UQM1198" s="10"/>
      <c r="UQN1198" s="10"/>
      <c r="UQO1198" s="10"/>
      <c r="UQP1198" s="10"/>
      <c r="UQQ1198" s="10"/>
      <c r="UQR1198" s="10"/>
      <c r="UQS1198" s="10"/>
      <c r="UQT1198" s="10"/>
      <c r="UQU1198" s="10"/>
      <c r="UQV1198" s="10"/>
      <c r="UQW1198" s="10"/>
      <c r="UQX1198" s="10"/>
      <c r="UQY1198" s="10"/>
      <c r="UQZ1198" s="10"/>
      <c r="URA1198" s="10"/>
      <c r="URB1198" s="10"/>
      <c r="URC1198" s="10"/>
      <c r="URD1198" s="10"/>
      <c r="URE1198" s="10"/>
      <c r="URF1198" s="10"/>
      <c r="URG1198" s="10"/>
      <c r="URH1198" s="10"/>
      <c r="URI1198" s="10"/>
      <c r="URJ1198" s="10"/>
      <c r="URK1198" s="10"/>
      <c r="URL1198" s="10"/>
      <c r="URM1198" s="10"/>
      <c r="URN1198" s="10"/>
      <c r="URO1198" s="10"/>
      <c r="URP1198" s="10"/>
      <c r="URQ1198" s="10"/>
      <c r="URR1198" s="10"/>
      <c r="URS1198" s="10"/>
      <c r="URT1198" s="10"/>
      <c r="URU1198" s="10"/>
      <c r="URV1198" s="10"/>
      <c r="URW1198" s="10"/>
      <c r="URX1198" s="10"/>
      <c r="URY1198" s="10"/>
      <c r="URZ1198" s="10"/>
      <c r="USA1198" s="10"/>
      <c r="USB1198" s="10"/>
      <c r="USC1198" s="10"/>
      <c r="USD1198" s="10"/>
      <c r="USE1198" s="10"/>
      <c r="USF1198" s="10"/>
      <c r="USG1198" s="10"/>
      <c r="USH1198" s="10"/>
      <c r="USI1198" s="10"/>
      <c r="USJ1198" s="10"/>
      <c r="USK1198" s="10"/>
      <c r="USL1198" s="10"/>
      <c r="USM1198" s="10"/>
      <c r="USN1198" s="10"/>
      <c r="USO1198" s="10"/>
      <c r="USP1198" s="10"/>
      <c r="USQ1198" s="10"/>
      <c r="USR1198" s="10"/>
      <c r="USS1198" s="10"/>
      <c r="UST1198" s="10"/>
      <c r="USU1198" s="10"/>
      <c r="USV1198" s="10"/>
      <c r="USW1198" s="10"/>
      <c r="USX1198" s="10"/>
      <c r="USY1198" s="10"/>
      <c r="USZ1198" s="10"/>
      <c r="UTA1198" s="10"/>
      <c r="UTB1198" s="10"/>
      <c r="UTC1198" s="10"/>
      <c r="UTD1198" s="10"/>
      <c r="UTE1198" s="10"/>
      <c r="UTF1198" s="10"/>
      <c r="UTG1198" s="10"/>
      <c r="UTH1198" s="10"/>
      <c r="UTI1198" s="10"/>
      <c r="UTJ1198" s="10"/>
      <c r="UTK1198" s="10"/>
      <c r="UTL1198" s="10"/>
      <c r="UTM1198" s="10"/>
      <c r="UTN1198" s="10"/>
      <c r="UTO1198" s="10"/>
      <c r="UTP1198" s="10"/>
      <c r="UTQ1198" s="10"/>
      <c r="UTR1198" s="10"/>
      <c r="UTS1198" s="10"/>
      <c r="UTT1198" s="10"/>
      <c r="UTU1198" s="10"/>
      <c r="UTV1198" s="10"/>
      <c r="UTW1198" s="10"/>
      <c r="UTX1198" s="10"/>
      <c r="UTY1198" s="10"/>
      <c r="UTZ1198" s="10"/>
      <c r="UUA1198" s="10"/>
      <c r="UUB1198" s="10"/>
      <c r="UUC1198" s="10"/>
      <c r="UUD1198" s="10"/>
      <c r="UUE1198" s="10"/>
      <c r="UUF1198" s="10"/>
      <c r="UUG1198" s="10"/>
      <c r="UUH1198" s="10"/>
      <c r="UUI1198" s="10"/>
      <c r="UUJ1198" s="10"/>
      <c r="UUK1198" s="10"/>
      <c r="UUL1198" s="10"/>
      <c r="UUM1198" s="10"/>
      <c r="UUN1198" s="10"/>
      <c r="UUO1198" s="10"/>
      <c r="UUP1198" s="10"/>
      <c r="UUQ1198" s="10"/>
      <c r="UUR1198" s="10"/>
      <c r="UUS1198" s="10"/>
      <c r="UUT1198" s="10"/>
      <c r="UUU1198" s="10"/>
      <c r="UUV1198" s="10"/>
      <c r="UUW1198" s="10"/>
      <c r="UUX1198" s="10"/>
      <c r="UUY1198" s="10"/>
      <c r="UUZ1198" s="10"/>
      <c r="UVA1198" s="10"/>
      <c r="UVB1198" s="10"/>
      <c r="UVC1198" s="10"/>
      <c r="UVD1198" s="10"/>
      <c r="UVE1198" s="10"/>
      <c r="UVF1198" s="10"/>
      <c r="UVG1198" s="10"/>
      <c r="UVH1198" s="10"/>
      <c r="UVI1198" s="10"/>
      <c r="UVJ1198" s="10"/>
      <c r="UVK1198" s="10"/>
      <c r="UVL1198" s="10"/>
      <c r="UVM1198" s="10"/>
      <c r="UVN1198" s="10"/>
      <c r="UVO1198" s="10"/>
      <c r="UVP1198" s="10"/>
      <c r="UVQ1198" s="10"/>
      <c r="UVR1198" s="10"/>
      <c r="UVS1198" s="10"/>
      <c r="UVT1198" s="10"/>
      <c r="UVU1198" s="10"/>
      <c r="UVV1198" s="10"/>
      <c r="UVW1198" s="10"/>
      <c r="UVX1198" s="10"/>
      <c r="UVY1198" s="10"/>
      <c r="UVZ1198" s="10"/>
      <c r="UWA1198" s="10"/>
      <c r="UWB1198" s="10"/>
      <c r="UWC1198" s="10"/>
      <c r="UWD1198" s="10"/>
      <c r="UWE1198" s="10"/>
      <c r="UWF1198" s="10"/>
      <c r="UWG1198" s="10"/>
      <c r="UWH1198" s="10"/>
      <c r="UWI1198" s="10"/>
      <c r="UWJ1198" s="10"/>
      <c r="UWK1198" s="10"/>
      <c r="UWL1198" s="10"/>
      <c r="UWM1198" s="10"/>
      <c r="UWN1198" s="10"/>
      <c r="UWO1198" s="10"/>
      <c r="UWP1198" s="10"/>
      <c r="UWQ1198" s="10"/>
      <c r="UWR1198" s="10"/>
      <c r="UWS1198" s="10"/>
      <c r="UWT1198" s="10"/>
      <c r="UWU1198" s="10"/>
      <c r="UWV1198" s="10"/>
      <c r="UWW1198" s="10"/>
      <c r="UWX1198" s="10"/>
      <c r="UWY1198" s="10"/>
      <c r="UWZ1198" s="10"/>
      <c r="UXA1198" s="10"/>
      <c r="UXB1198" s="10"/>
      <c r="UXC1198" s="10"/>
      <c r="UXD1198" s="10"/>
      <c r="UXE1198" s="10"/>
      <c r="UXF1198" s="10"/>
      <c r="UXG1198" s="10"/>
      <c r="UXH1198" s="10"/>
      <c r="UXI1198" s="10"/>
      <c r="UXJ1198" s="10"/>
      <c r="UXK1198" s="10"/>
      <c r="UXL1198" s="10"/>
      <c r="UXM1198" s="10"/>
      <c r="UXN1198" s="10"/>
      <c r="UXO1198" s="10"/>
      <c r="UXP1198" s="10"/>
      <c r="UXQ1198" s="10"/>
      <c r="UXR1198" s="10"/>
      <c r="UXS1198" s="10"/>
      <c r="UXT1198" s="10"/>
      <c r="UXU1198" s="10"/>
      <c r="UXV1198" s="10"/>
      <c r="UXW1198" s="10"/>
      <c r="UXX1198" s="10"/>
      <c r="UXY1198" s="10"/>
      <c r="UXZ1198" s="10"/>
      <c r="UYA1198" s="10"/>
      <c r="UYB1198" s="10"/>
      <c r="UYC1198" s="10"/>
      <c r="UYD1198" s="10"/>
      <c r="UYE1198" s="10"/>
      <c r="UYF1198" s="10"/>
      <c r="UYG1198" s="10"/>
      <c r="UYH1198" s="10"/>
      <c r="UYI1198" s="10"/>
      <c r="UYJ1198" s="10"/>
      <c r="UYK1198" s="10"/>
      <c r="UYL1198" s="10"/>
      <c r="UYM1198" s="10"/>
      <c r="UYN1198" s="10"/>
      <c r="UYO1198" s="10"/>
      <c r="UYP1198" s="10"/>
      <c r="UYQ1198" s="10"/>
      <c r="UYR1198" s="10"/>
      <c r="UYS1198" s="10"/>
      <c r="UYT1198" s="10"/>
      <c r="UYU1198" s="10"/>
      <c r="UYV1198" s="10"/>
      <c r="UYW1198" s="10"/>
      <c r="UYX1198" s="10"/>
      <c r="UYY1198" s="10"/>
      <c r="UYZ1198" s="10"/>
      <c r="UZA1198" s="10"/>
      <c r="UZB1198" s="10"/>
      <c r="UZC1198" s="10"/>
      <c r="UZD1198" s="10"/>
      <c r="UZE1198" s="10"/>
      <c r="UZF1198" s="10"/>
      <c r="UZG1198" s="10"/>
      <c r="UZH1198" s="10"/>
      <c r="UZI1198" s="10"/>
      <c r="UZJ1198" s="10"/>
      <c r="UZK1198" s="10"/>
      <c r="UZL1198" s="10"/>
      <c r="UZM1198" s="10"/>
      <c r="UZN1198" s="10"/>
      <c r="UZO1198" s="10"/>
      <c r="UZP1198" s="10"/>
      <c r="UZQ1198" s="10"/>
      <c r="UZR1198" s="10"/>
      <c r="UZS1198" s="10"/>
      <c r="UZT1198" s="10"/>
      <c r="UZU1198" s="10"/>
      <c r="UZV1198" s="10"/>
      <c r="UZW1198" s="10"/>
      <c r="UZX1198" s="10"/>
      <c r="UZY1198" s="10"/>
      <c r="UZZ1198" s="10"/>
      <c r="VAA1198" s="10"/>
      <c r="VAB1198" s="10"/>
      <c r="VAC1198" s="10"/>
      <c r="VAD1198" s="10"/>
      <c r="VAE1198" s="10"/>
      <c r="VAF1198" s="10"/>
      <c r="VAG1198" s="10"/>
      <c r="VAH1198" s="10"/>
      <c r="VAI1198" s="10"/>
      <c r="VAJ1198" s="10"/>
      <c r="VAK1198" s="10"/>
      <c r="VAL1198" s="10"/>
      <c r="VAM1198" s="10"/>
      <c r="VAN1198" s="10"/>
      <c r="VAO1198" s="10"/>
      <c r="VAP1198" s="10"/>
      <c r="VAQ1198" s="10"/>
      <c r="VAR1198" s="10"/>
      <c r="VAS1198" s="10"/>
      <c r="VAT1198" s="10"/>
      <c r="VAU1198" s="10"/>
      <c r="VAV1198" s="10"/>
      <c r="VAW1198" s="10"/>
      <c r="VAX1198" s="10"/>
      <c r="VAY1198" s="10"/>
      <c r="VAZ1198" s="10"/>
      <c r="VBA1198" s="10"/>
      <c r="VBB1198" s="10"/>
      <c r="VBC1198" s="10"/>
      <c r="VBD1198" s="10"/>
      <c r="VBE1198" s="10"/>
      <c r="VBF1198" s="10"/>
      <c r="VBG1198" s="10"/>
      <c r="VBH1198" s="10"/>
      <c r="VBI1198" s="10"/>
      <c r="VBJ1198" s="10"/>
      <c r="VBK1198" s="10"/>
      <c r="VBL1198" s="10"/>
      <c r="VBM1198" s="10"/>
      <c r="VBN1198" s="10"/>
      <c r="VBO1198" s="10"/>
      <c r="VBP1198" s="10"/>
      <c r="VBQ1198" s="10"/>
      <c r="VBR1198" s="10"/>
      <c r="VBS1198" s="10"/>
      <c r="VBT1198" s="10"/>
      <c r="VBU1198" s="10"/>
      <c r="VBV1198" s="10"/>
      <c r="VBW1198" s="10"/>
      <c r="VBX1198" s="10"/>
      <c r="VBY1198" s="10"/>
      <c r="VBZ1198" s="10"/>
      <c r="VCA1198" s="10"/>
      <c r="VCB1198" s="10"/>
      <c r="VCC1198" s="10"/>
      <c r="VCD1198" s="10"/>
      <c r="VCE1198" s="10"/>
      <c r="VCF1198" s="10"/>
      <c r="VCG1198" s="10"/>
      <c r="VCH1198" s="10"/>
      <c r="VCI1198" s="10"/>
      <c r="VCJ1198" s="10"/>
      <c r="VCK1198" s="10"/>
      <c r="VCL1198" s="10"/>
      <c r="VCM1198" s="10"/>
      <c r="VCN1198" s="10"/>
      <c r="VCO1198" s="10"/>
      <c r="VCP1198" s="10"/>
      <c r="VCQ1198" s="10"/>
      <c r="VCR1198" s="10"/>
      <c r="VCS1198" s="10"/>
      <c r="VCT1198" s="10"/>
      <c r="VCU1198" s="10"/>
      <c r="VCV1198" s="10"/>
      <c r="VCW1198" s="10"/>
      <c r="VCX1198" s="10"/>
      <c r="VCY1198" s="10"/>
      <c r="VCZ1198" s="10"/>
      <c r="VDA1198" s="10"/>
      <c r="VDB1198" s="10"/>
      <c r="VDC1198" s="10"/>
      <c r="VDD1198" s="10"/>
      <c r="VDE1198" s="10"/>
      <c r="VDF1198" s="10"/>
      <c r="VDG1198" s="10"/>
      <c r="VDH1198" s="10"/>
      <c r="VDI1198" s="10"/>
      <c r="VDJ1198" s="10"/>
      <c r="VDK1198" s="10"/>
      <c r="VDL1198" s="10"/>
      <c r="VDM1198" s="10"/>
      <c r="VDN1198" s="10"/>
      <c r="VDO1198" s="10"/>
      <c r="VDP1198" s="10"/>
      <c r="VDQ1198" s="10"/>
      <c r="VDR1198" s="10"/>
      <c r="VDS1198" s="10"/>
      <c r="VDT1198" s="10"/>
      <c r="VDU1198" s="10"/>
      <c r="VDV1198" s="10"/>
      <c r="VDW1198" s="10"/>
      <c r="VDX1198" s="10"/>
      <c r="VDY1198" s="10"/>
      <c r="VDZ1198" s="10"/>
      <c r="VEA1198" s="10"/>
      <c r="VEB1198" s="10"/>
      <c r="VEC1198" s="10"/>
      <c r="VED1198" s="10"/>
      <c r="VEE1198" s="10"/>
      <c r="VEF1198" s="10"/>
      <c r="VEG1198" s="10"/>
      <c r="VEH1198" s="10"/>
      <c r="VEI1198" s="10"/>
      <c r="VEJ1198" s="10"/>
      <c r="VEK1198" s="10"/>
      <c r="VEL1198" s="10"/>
      <c r="VEM1198" s="10"/>
      <c r="VEN1198" s="10"/>
      <c r="VEO1198" s="10"/>
      <c r="VEP1198" s="10"/>
      <c r="VEQ1198" s="10"/>
      <c r="VER1198" s="10"/>
      <c r="VES1198" s="10"/>
      <c r="VET1198" s="10"/>
      <c r="VEU1198" s="10"/>
      <c r="VEV1198" s="10"/>
      <c r="VEW1198" s="10"/>
      <c r="VEX1198" s="10"/>
      <c r="VEY1198" s="10"/>
      <c r="VEZ1198" s="10"/>
      <c r="VFA1198" s="10"/>
      <c r="VFB1198" s="10"/>
      <c r="VFC1198" s="10"/>
      <c r="VFD1198" s="10"/>
      <c r="VFE1198" s="10"/>
      <c r="VFF1198" s="10"/>
      <c r="VFG1198" s="10"/>
      <c r="VFH1198" s="10"/>
      <c r="VFI1198" s="10"/>
      <c r="VFJ1198" s="10"/>
      <c r="VFK1198" s="10"/>
      <c r="VFL1198" s="10"/>
      <c r="VFM1198" s="10"/>
      <c r="VFN1198" s="10"/>
      <c r="VFO1198" s="10"/>
      <c r="VFP1198" s="10"/>
      <c r="VFQ1198" s="10"/>
      <c r="VFR1198" s="10"/>
      <c r="VFS1198" s="10"/>
      <c r="VFT1198" s="10"/>
      <c r="VFU1198" s="10"/>
      <c r="VFV1198" s="10"/>
      <c r="VFW1198" s="10"/>
      <c r="VFX1198" s="10"/>
      <c r="VFY1198" s="10"/>
      <c r="VFZ1198" s="10"/>
      <c r="VGA1198" s="10"/>
      <c r="VGB1198" s="10"/>
      <c r="VGC1198" s="10"/>
      <c r="VGD1198" s="10"/>
      <c r="VGE1198" s="10"/>
      <c r="VGF1198" s="10"/>
      <c r="VGG1198" s="10"/>
      <c r="VGH1198" s="10"/>
      <c r="VGI1198" s="10"/>
      <c r="VGJ1198" s="10"/>
      <c r="VGK1198" s="10"/>
      <c r="VGL1198" s="10"/>
      <c r="VGM1198" s="10"/>
      <c r="VGN1198" s="10"/>
      <c r="VGO1198" s="10"/>
      <c r="VGP1198" s="10"/>
      <c r="VGQ1198" s="10"/>
      <c r="VGR1198" s="10"/>
      <c r="VGS1198" s="10"/>
      <c r="VGT1198" s="10"/>
      <c r="VGU1198" s="10"/>
      <c r="VGV1198" s="10"/>
      <c r="VGW1198" s="10"/>
      <c r="VGX1198" s="10"/>
      <c r="VGY1198" s="10"/>
      <c r="VGZ1198" s="10"/>
      <c r="VHA1198" s="10"/>
      <c r="VHB1198" s="10"/>
      <c r="VHC1198" s="10"/>
      <c r="VHD1198" s="10"/>
      <c r="VHE1198" s="10"/>
      <c r="VHF1198" s="10"/>
      <c r="VHG1198" s="10"/>
      <c r="VHH1198" s="10"/>
      <c r="VHI1198" s="10"/>
      <c r="VHJ1198" s="10"/>
      <c r="VHK1198" s="10"/>
      <c r="VHL1198" s="10"/>
      <c r="VHM1198" s="10"/>
      <c r="VHN1198" s="10"/>
      <c r="VHO1198" s="10"/>
      <c r="VHP1198" s="10"/>
      <c r="VHQ1198" s="10"/>
      <c r="VHR1198" s="10"/>
      <c r="VHS1198" s="10"/>
      <c r="VHT1198" s="10"/>
      <c r="VHU1198" s="10"/>
      <c r="VHV1198" s="10"/>
      <c r="VHW1198" s="10"/>
      <c r="VHX1198" s="10"/>
      <c r="VHY1198" s="10"/>
      <c r="VHZ1198" s="10"/>
      <c r="VIA1198" s="10"/>
      <c r="VIB1198" s="10"/>
      <c r="VIC1198" s="10"/>
      <c r="VID1198" s="10"/>
      <c r="VIE1198" s="10"/>
      <c r="VIF1198" s="10"/>
      <c r="VIG1198" s="10"/>
      <c r="VIH1198" s="10"/>
      <c r="VII1198" s="10"/>
      <c r="VIJ1198" s="10"/>
      <c r="VIK1198" s="10"/>
      <c r="VIL1198" s="10"/>
      <c r="VIM1198" s="10"/>
      <c r="VIN1198" s="10"/>
      <c r="VIO1198" s="10"/>
      <c r="VIP1198" s="10"/>
      <c r="VIQ1198" s="10"/>
      <c r="VIR1198" s="10"/>
      <c r="VIS1198" s="10"/>
      <c r="VIT1198" s="10"/>
      <c r="VIU1198" s="10"/>
      <c r="VIV1198" s="10"/>
      <c r="VIW1198" s="10"/>
      <c r="VIX1198" s="10"/>
      <c r="VIY1198" s="10"/>
      <c r="VIZ1198" s="10"/>
      <c r="VJA1198" s="10"/>
      <c r="VJB1198" s="10"/>
      <c r="VJC1198" s="10"/>
      <c r="VJD1198" s="10"/>
      <c r="VJE1198" s="10"/>
      <c r="VJF1198" s="10"/>
      <c r="VJG1198" s="10"/>
      <c r="VJH1198" s="10"/>
      <c r="VJI1198" s="10"/>
      <c r="VJJ1198" s="10"/>
      <c r="VJK1198" s="10"/>
      <c r="VJL1198" s="10"/>
      <c r="VJM1198" s="10"/>
      <c r="VJN1198" s="10"/>
      <c r="VJO1198" s="10"/>
      <c r="VJP1198" s="10"/>
      <c r="VJQ1198" s="10"/>
      <c r="VJR1198" s="10"/>
      <c r="VJS1198" s="10"/>
      <c r="VJT1198" s="10"/>
      <c r="VJU1198" s="10"/>
      <c r="VJV1198" s="10"/>
      <c r="VJW1198" s="10"/>
      <c r="VJX1198" s="10"/>
      <c r="VJY1198" s="10"/>
      <c r="VJZ1198" s="10"/>
      <c r="VKA1198" s="10"/>
      <c r="VKB1198" s="10"/>
      <c r="VKC1198" s="10"/>
      <c r="VKD1198" s="10"/>
      <c r="VKE1198" s="10"/>
      <c r="VKF1198" s="10"/>
      <c r="VKG1198" s="10"/>
      <c r="VKH1198" s="10"/>
      <c r="VKI1198" s="10"/>
      <c r="VKJ1198" s="10"/>
      <c r="VKK1198" s="10"/>
      <c r="VKL1198" s="10"/>
      <c r="VKM1198" s="10"/>
      <c r="VKN1198" s="10"/>
      <c r="VKO1198" s="10"/>
      <c r="VKP1198" s="10"/>
      <c r="VKQ1198" s="10"/>
      <c r="VKR1198" s="10"/>
      <c r="VKS1198" s="10"/>
      <c r="VKT1198" s="10"/>
      <c r="VKU1198" s="10"/>
      <c r="VKV1198" s="10"/>
      <c r="VKW1198" s="10"/>
      <c r="VKX1198" s="10"/>
      <c r="VKY1198" s="10"/>
      <c r="VKZ1198" s="10"/>
      <c r="VLA1198" s="10"/>
      <c r="VLB1198" s="10"/>
      <c r="VLC1198" s="10"/>
      <c r="VLD1198" s="10"/>
      <c r="VLE1198" s="10"/>
      <c r="VLF1198" s="10"/>
      <c r="VLG1198" s="10"/>
      <c r="VLH1198" s="10"/>
      <c r="VLI1198" s="10"/>
      <c r="VLJ1198" s="10"/>
      <c r="VLK1198" s="10"/>
      <c r="VLL1198" s="10"/>
      <c r="VLM1198" s="10"/>
      <c r="VLN1198" s="10"/>
      <c r="VLO1198" s="10"/>
      <c r="VLP1198" s="10"/>
      <c r="VLQ1198" s="10"/>
      <c r="VLR1198" s="10"/>
      <c r="VLS1198" s="10"/>
      <c r="VLT1198" s="10"/>
      <c r="VLU1198" s="10"/>
      <c r="VLV1198" s="10"/>
      <c r="VLW1198" s="10"/>
      <c r="VLX1198" s="10"/>
      <c r="VLY1198" s="10"/>
      <c r="VLZ1198" s="10"/>
      <c r="VMA1198" s="10"/>
      <c r="VMB1198" s="10"/>
      <c r="VMC1198" s="10"/>
      <c r="VMD1198" s="10"/>
      <c r="VME1198" s="10"/>
      <c r="VMF1198" s="10"/>
      <c r="VMG1198" s="10"/>
      <c r="VMH1198" s="10"/>
      <c r="VMI1198" s="10"/>
      <c r="VMJ1198" s="10"/>
      <c r="VMK1198" s="10"/>
      <c r="VML1198" s="10"/>
      <c r="VMM1198" s="10"/>
      <c r="VMN1198" s="10"/>
      <c r="VMO1198" s="10"/>
      <c r="VMP1198" s="10"/>
      <c r="VMQ1198" s="10"/>
      <c r="VMR1198" s="10"/>
      <c r="VMS1198" s="10"/>
      <c r="VMT1198" s="10"/>
      <c r="VMU1198" s="10"/>
      <c r="VMV1198" s="10"/>
      <c r="VMW1198" s="10"/>
      <c r="VMX1198" s="10"/>
      <c r="VMY1198" s="10"/>
      <c r="VMZ1198" s="10"/>
      <c r="VNA1198" s="10"/>
      <c r="VNB1198" s="10"/>
      <c r="VNC1198" s="10"/>
      <c r="VND1198" s="10"/>
      <c r="VNE1198" s="10"/>
      <c r="VNF1198" s="10"/>
      <c r="VNG1198" s="10"/>
      <c r="VNH1198" s="10"/>
      <c r="VNI1198" s="10"/>
      <c r="VNJ1198" s="10"/>
      <c r="VNK1198" s="10"/>
      <c r="VNL1198" s="10"/>
      <c r="VNM1198" s="10"/>
      <c r="VNN1198" s="10"/>
      <c r="VNO1198" s="10"/>
      <c r="VNP1198" s="10"/>
      <c r="VNQ1198" s="10"/>
      <c r="VNR1198" s="10"/>
      <c r="VNS1198" s="10"/>
      <c r="VNT1198" s="10"/>
      <c r="VNU1198" s="10"/>
      <c r="VNV1198" s="10"/>
      <c r="VNW1198" s="10"/>
      <c r="VNX1198" s="10"/>
      <c r="VNY1198" s="10"/>
      <c r="VNZ1198" s="10"/>
      <c r="VOA1198" s="10"/>
      <c r="VOB1198" s="10"/>
      <c r="VOC1198" s="10"/>
      <c r="VOD1198" s="10"/>
      <c r="VOE1198" s="10"/>
      <c r="VOF1198" s="10"/>
      <c r="VOG1198" s="10"/>
      <c r="VOH1198" s="10"/>
      <c r="VOI1198" s="10"/>
      <c r="VOJ1198" s="10"/>
      <c r="VOK1198" s="10"/>
      <c r="VOL1198" s="10"/>
      <c r="VOM1198" s="10"/>
      <c r="VON1198" s="10"/>
      <c r="VOO1198" s="10"/>
      <c r="VOP1198" s="10"/>
      <c r="VOQ1198" s="10"/>
      <c r="VOR1198" s="10"/>
      <c r="VOS1198" s="10"/>
      <c r="VOT1198" s="10"/>
      <c r="VOU1198" s="10"/>
      <c r="VOV1198" s="10"/>
      <c r="VOW1198" s="10"/>
      <c r="VOX1198" s="10"/>
      <c r="VOY1198" s="10"/>
      <c r="VOZ1198" s="10"/>
      <c r="VPA1198" s="10"/>
      <c r="VPB1198" s="10"/>
      <c r="VPC1198" s="10"/>
      <c r="VPD1198" s="10"/>
      <c r="VPE1198" s="10"/>
      <c r="VPF1198" s="10"/>
      <c r="VPG1198" s="10"/>
      <c r="VPH1198" s="10"/>
      <c r="VPI1198" s="10"/>
      <c r="VPJ1198" s="10"/>
      <c r="VPK1198" s="10"/>
      <c r="VPL1198" s="10"/>
      <c r="VPM1198" s="10"/>
      <c r="VPN1198" s="10"/>
      <c r="VPO1198" s="10"/>
      <c r="VPP1198" s="10"/>
      <c r="VPQ1198" s="10"/>
      <c r="VPR1198" s="10"/>
      <c r="VPS1198" s="10"/>
      <c r="VPT1198" s="10"/>
      <c r="VPU1198" s="10"/>
      <c r="VPV1198" s="10"/>
      <c r="VPW1198" s="10"/>
      <c r="VPX1198" s="10"/>
      <c r="VPY1198" s="10"/>
      <c r="VPZ1198" s="10"/>
      <c r="VQA1198" s="10"/>
      <c r="VQB1198" s="10"/>
      <c r="VQC1198" s="10"/>
      <c r="VQD1198" s="10"/>
      <c r="VQE1198" s="10"/>
      <c r="VQF1198" s="10"/>
      <c r="VQG1198" s="10"/>
      <c r="VQH1198" s="10"/>
      <c r="VQI1198" s="10"/>
      <c r="VQJ1198" s="10"/>
      <c r="VQK1198" s="10"/>
      <c r="VQL1198" s="10"/>
      <c r="VQM1198" s="10"/>
      <c r="VQN1198" s="10"/>
      <c r="VQO1198" s="10"/>
      <c r="VQP1198" s="10"/>
      <c r="VQQ1198" s="10"/>
      <c r="VQR1198" s="10"/>
      <c r="VQS1198" s="10"/>
      <c r="VQT1198" s="10"/>
      <c r="VQU1198" s="10"/>
      <c r="VQV1198" s="10"/>
      <c r="VQW1198" s="10"/>
      <c r="VQX1198" s="10"/>
      <c r="VQY1198" s="10"/>
      <c r="VQZ1198" s="10"/>
      <c r="VRA1198" s="10"/>
      <c r="VRB1198" s="10"/>
      <c r="VRC1198" s="10"/>
      <c r="VRD1198" s="10"/>
      <c r="VRE1198" s="10"/>
      <c r="VRF1198" s="10"/>
      <c r="VRG1198" s="10"/>
      <c r="VRH1198" s="10"/>
      <c r="VRI1198" s="10"/>
      <c r="VRJ1198" s="10"/>
      <c r="VRK1198" s="10"/>
      <c r="VRL1198" s="10"/>
      <c r="VRM1198" s="10"/>
      <c r="VRN1198" s="10"/>
      <c r="VRO1198" s="10"/>
      <c r="VRP1198" s="10"/>
      <c r="VRQ1198" s="10"/>
      <c r="VRR1198" s="10"/>
      <c r="VRS1198" s="10"/>
      <c r="VRT1198" s="10"/>
      <c r="VRU1198" s="10"/>
      <c r="VRV1198" s="10"/>
      <c r="VRW1198" s="10"/>
      <c r="VRX1198" s="10"/>
      <c r="VRY1198" s="10"/>
      <c r="VRZ1198" s="10"/>
      <c r="VSA1198" s="10"/>
      <c r="VSB1198" s="10"/>
      <c r="VSC1198" s="10"/>
      <c r="VSD1198" s="10"/>
      <c r="VSE1198" s="10"/>
      <c r="VSF1198" s="10"/>
      <c r="VSG1198" s="10"/>
      <c r="VSH1198" s="10"/>
      <c r="VSI1198" s="10"/>
      <c r="VSJ1198" s="10"/>
      <c r="VSK1198" s="10"/>
      <c r="VSL1198" s="10"/>
      <c r="VSM1198" s="10"/>
      <c r="VSN1198" s="10"/>
      <c r="VSO1198" s="10"/>
      <c r="VSP1198" s="10"/>
      <c r="VSQ1198" s="10"/>
      <c r="VSR1198" s="10"/>
      <c r="VSS1198" s="10"/>
      <c r="VST1198" s="10"/>
      <c r="VSU1198" s="10"/>
      <c r="VSV1198" s="10"/>
      <c r="VSW1198" s="10"/>
      <c r="VSX1198" s="10"/>
      <c r="VSY1198" s="10"/>
      <c r="VSZ1198" s="10"/>
      <c r="VTA1198" s="10"/>
      <c r="VTB1198" s="10"/>
      <c r="VTC1198" s="10"/>
      <c r="VTD1198" s="10"/>
      <c r="VTE1198" s="10"/>
      <c r="VTF1198" s="10"/>
      <c r="VTG1198" s="10"/>
      <c r="VTH1198" s="10"/>
      <c r="VTI1198" s="10"/>
      <c r="VTJ1198" s="10"/>
      <c r="VTK1198" s="10"/>
      <c r="VTL1198" s="10"/>
      <c r="VTM1198" s="10"/>
      <c r="VTN1198" s="10"/>
      <c r="VTO1198" s="10"/>
      <c r="VTP1198" s="10"/>
      <c r="VTQ1198" s="10"/>
      <c r="VTR1198" s="10"/>
      <c r="VTS1198" s="10"/>
      <c r="VTT1198" s="10"/>
      <c r="VTU1198" s="10"/>
      <c r="VTV1198" s="10"/>
      <c r="VTW1198" s="10"/>
      <c r="VTX1198" s="10"/>
      <c r="VTY1198" s="10"/>
      <c r="VTZ1198" s="10"/>
      <c r="VUA1198" s="10"/>
      <c r="VUB1198" s="10"/>
      <c r="VUC1198" s="10"/>
      <c r="VUD1198" s="10"/>
      <c r="VUE1198" s="10"/>
      <c r="VUF1198" s="10"/>
      <c r="VUG1198" s="10"/>
      <c r="VUH1198" s="10"/>
      <c r="VUI1198" s="10"/>
      <c r="VUJ1198" s="10"/>
      <c r="VUK1198" s="10"/>
      <c r="VUL1198" s="10"/>
      <c r="VUM1198" s="10"/>
      <c r="VUN1198" s="10"/>
      <c r="VUO1198" s="10"/>
      <c r="VUP1198" s="10"/>
      <c r="VUQ1198" s="10"/>
      <c r="VUR1198" s="10"/>
      <c r="VUS1198" s="10"/>
      <c r="VUT1198" s="10"/>
      <c r="VUU1198" s="10"/>
      <c r="VUV1198" s="10"/>
      <c r="VUW1198" s="10"/>
      <c r="VUX1198" s="10"/>
      <c r="VUY1198" s="10"/>
      <c r="VUZ1198" s="10"/>
      <c r="VVA1198" s="10"/>
      <c r="VVB1198" s="10"/>
      <c r="VVC1198" s="10"/>
      <c r="VVD1198" s="10"/>
      <c r="VVE1198" s="10"/>
      <c r="VVF1198" s="10"/>
      <c r="VVG1198" s="10"/>
      <c r="VVH1198" s="10"/>
      <c r="VVI1198" s="10"/>
      <c r="VVJ1198" s="10"/>
      <c r="VVK1198" s="10"/>
      <c r="VVL1198" s="10"/>
      <c r="VVM1198" s="10"/>
      <c r="VVN1198" s="10"/>
      <c r="VVO1198" s="10"/>
      <c r="VVP1198" s="10"/>
      <c r="VVQ1198" s="10"/>
      <c r="VVR1198" s="10"/>
      <c r="VVS1198" s="10"/>
      <c r="VVT1198" s="10"/>
      <c r="VVU1198" s="10"/>
      <c r="VVV1198" s="10"/>
      <c r="VVW1198" s="10"/>
      <c r="VVX1198" s="10"/>
      <c r="VVY1198" s="10"/>
      <c r="VVZ1198" s="10"/>
      <c r="VWA1198" s="10"/>
      <c r="VWB1198" s="10"/>
      <c r="VWC1198" s="10"/>
      <c r="VWD1198" s="10"/>
      <c r="VWE1198" s="10"/>
      <c r="VWF1198" s="10"/>
      <c r="VWG1198" s="10"/>
      <c r="VWH1198" s="10"/>
      <c r="VWI1198" s="10"/>
      <c r="VWJ1198" s="10"/>
      <c r="VWK1198" s="10"/>
      <c r="VWL1198" s="10"/>
      <c r="VWM1198" s="10"/>
      <c r="VWN1198" s="10"/>
      <c r="VWO1198" s="10"/>
      <c r="VWP1198" s="10"/>
      <c r="VWQ1198" s="10"/>
      <c r="VWR1198" s="10"/>
      <c r="VWS1198" s="10"/>
      <c r="VWT1198" s="10"/>
      <c r="VWU1198" s="10"/>
      <c r="VWV1198" s="10"/>
      <c r="VWW1198" s="10"/>
      <c r="VWX1198" s="10"/>
      <c r="VWY1198" s="10"/>
      <c r="VWZ1198" s="10"/>
      <c r="VXA1198" s="10"/>
      <c r="VXB1198" s="10"/>
      <c r="VXC1198" s="10"/>
      <c r="VXD1198" s="10"/>
      <c r="VXE1198" s="10"/>
      <c r="VXF1198" s="10"/>
      <c r="VXG1198" s="10"/>
      <c r="VXH1198" s="10"/>
      <c r="VXI1198" s="10"/>
      <c r="VXJ1198" s="10"/>
      <c r="VXK1198" s="10"/>
      <c r="VXL1198" s="10"/>
      <c r="VXM1198" s="10"/>
      <c r="VXN1198" s="10"/>
      <c r="VXO1198" s="10"/>
      <c r="VXP1198" s="10"/>
      <c r="VXQ1198" s="10"/>
      <c r="VXR1198" s="10"/>
      <c r="VXS1198" s="10"/>
      <c r="VXT1198" s="10"/>
      <c r="VXU1198" s="10"/>
      <c r="VXV1198" s="10"/>
      <c r="VXW1198" s="10"/>
      <c r="VXX1198" s="10"/>
      <c r="VXY1198" s="10"/>
      <c r="VXZ1198" s="10"/>
      <c r="VYA1198" s="10"/>
      <c r="VYB1198" s="10"/>
      <c r="VYC1198" s="10"/>
      <c r="VYD1198" s="10"/>
      <c r="VYE1198" s="10"/>
      <c r="VYF1198" s="10"/>
      <c r="VYG1198" s="10"/>
      <c r="VYH1198" s="10"/>
      <c r="VYI1198" s="10"/>
      <c r="VYJ1198" s="10"/>
      <c r="VYK1198" s="10"/>
      <c r="VYL1198" s="10"/>
      <c r="VYM1198" s="10"/>
      <c r="VYN1198" s="10"/>
      <c r="VYO1198" s="10"/>
      <c r="VYP1198" s="10"/>
      <c r="VYQ1198" s="10"/>
      <c r="VYR1198" s="10"/>
      <c r="VYS1198" s="10"/>
      <c r="VYT1198" s="10"/>
      <c r="VYU1198" s="10"/>
      <c r="VYV1198" s="10"/>
      <c r="VYW1198" s="10"/>
      <c r="VYX1198" s="10"/>
      <c r="VYY1198" s="10"/>
      <c r="VYZ1198" s="10"/>
      <c r="VZA1198" s="10"/>
      <c r="VZB1198" s="10"/>
      <c r="VZC1198" s="10"/>
      <c r="VZD1198" s="10"/>
      <c r="VZE1198" s="10"/>
      <c r="VZF1198" s="10"/>
      <c r="VZG1198" s="10"/>
      <c r="VZH1198" s="10"/>
      <c r="VZI1198" s="10"/>
      <c r="VZJ1198" s="10"/>
      <c r="VZK1198" s="10"/>
      <c r="VZL1198" s="10"/>
      <c r="VZM1198" s="10"/>
      <c r="VZN1198" s="10"/>
      <c r="VZO1198" s="10"/>
      <c r="VZP1198" s="10"/>
      <c r="VZQ1198" s="10"/>
      <c r="VZR1198" s="10"/>
      <c r="VZS1198" s="10"/>
      <c r="VZT1198" s="10"/>
      <c r="VZU1198" s="10"/>
      <c r="VZV1198" s="10"/>
      <c r="VZW1198" s="10"/>
      <c r="VZX1198" s="10"/>
      <c r="VZY1198" s="10"/>
      <c r="VZZ1198" s="10"/>
      <c r="WAA1198" s="10"/>
      <c r="WAB1198" s="10"/>
      <c r="WAC1198" s="10"/>
      <c r="WAD1198" s="10"/>
      <c r="WAE1198" s="10"/>
      <c r="WAF1198" s="10"/>
      <c r="WAG1198" s="10"/>
      <c r="WAH1198" s="10"/>
      <c r="WAI1198" s="10"/>
      <c r="WAJ1198" s="10"/>
      <c r="WAK1198" s="10"/>
      <c r="WAL1198" s="10"/>
      <c r="WAM1198" s="10"/>
      <c r="WAN1198" s="10"/>
      <c r="WAO1198" s="10"/>
      <c r="WAP1198" s="10"/>
      <c r="WAQ1198" s="10"/>
      <c r="WAR1198" s="10"/>
      <c r="WAS1198" s="10"/>
      <c r="WAT1198" s="10"/>
      <c r="WAU1198" s="10"/>
      <c r="WAV1198" s="10"/>
      <c r="WAW1198" s="10"/>
      <c r="WAX1198" s="10"/>
      <c r="WAY1198" s="10"/>
      <c r="WAZ1198" s="10"/>
      <c r="WBA1198" s="10"/>
      <c r="WBB1198" s="10"/>
      <c r="WBC1198" s="10"/>
      <c r="WBD1198" s="10"/>
      <c r="WBE1198" s="10"/>
      <c r="WBF1198" s="10"/>
      <c r="WBG1198" s="10"/>
      <c r="WBH1198" s="10"/>
      <c r="WBI1198" s="10"/>
      <c r="WBJ1198" s="10"/>
      <c r="WBK1198" s="10"/>
      <c r="WBL1198" s="10"/>
      <c r="WBM1198" s="10"/>
      <c r="WBN1198" s="10"/>
      <c r="WBO1198" s="10"/>
      <c r="WBP1198" s="10"/>
      <c r="WBQ1198" s="10"/>
      <c r="WBR1198" s="10"/>
      <c r="WBS1198" s="10"/>
      <c r="WBT1198" s="10"/>
      <c r="WBU1198" s="10"/>
      <c r="WBV1198" s="10"/>
      <c r="WBW1198" s="10"/>
      <c r="WBX1198" s="10"/>
      <c r="WBY1198" s="10"/>
      <c r="WBZ1198" s="10"/>
      <c r="WCA1198" s="10"/>
      <c r="WCB1198" s="10"/>
      <c r="WCC1198" s="10"/>
      <c r="WCD1198" s="10"/>
      <c r="WCE1198" s="10"/>
      <c r="WCF1198" s="10"/>
      <c r="WCG1198" s="10"/>
      <c r="WCH1198" s="10"/>
      <c r="WCI1198" s="10"/>
      <c r="WCJ1198" s="10"/>
      <c r="WCK1198" s="10"/>
      <c r="WCL1198" s="10"/>
      <c r="WCM1198" s="10"/>
      <c r="WCN1198" s="10"/>
      <c r="WCO1198" s="10"/>
      <c r="WCP1198" s="10"/>
      <c r="WCQ1198" s="10"/>
      <c r="WCR1198" s="10"/>
      <c r="WCS1198" s="10"/>
      <c r="WCT1198" s="10"/>
      <c r="WCU1198" s="10"/>
      <c r="WCV1198" s="10"/>
      <c r="WCW1198" s="10"/>
      <c r="WCX1198" s="10"/>
      <c r="WCY1198" s="10"/>
      <c r="WCZ1198" s="10"/>
      <c r="WDA1198" s="10"/>
      <c r="WDB1198" s="10"/>
      <c r="WDC1198" s="10"/>
      <c r="WDD1198" s="10"/>
      <c r="WDE1198" s="10"/>
      <c r="WDF1198" s="10"/>
      <c r="WDG1198" s="10"/>
      <c r="WDH1198" s="10"/>
      <c r="WDI1198" s="10"/>
      <c r="WDJ1198" s="10"/>
      <c r="WDK1198" s="10"/>
      <c r="WDL1198" s="10"/>
      <c r="WDM1198" s="10"/>
      <c r="WDN1198" s="10"/>
      <c r="WDO1198" s="10"/>
      <c r="WDP1198" s="10"/>
      <c r="WDQ1198" s="10"/>
      <c r="WDR1198" s="10"/>
      <c r="WDS1198" s="10"/>
      <c r="WDT1198" s="10"/>
      <c r="WDU1198" s="10"/>
      <c r="WDV1198" s="10"/>
      <c r="WDW1198" s="10"/>
      <c r="WDX1198" s="10"/>
      <c r="WDY1198" s="10"/>
      <c r="WDZ1198" s="10"/>
      <c r="WEA1198" s="10"/>
      <c r="WEB1198" s="10"/>
      <c r="WEC1198" s="10"/>
      <c r="WED1198" s="10"/>
      <c r="WEE1198" s="10"/>
      <c r="WEF1198" s="10"/>
      <c r="WEG1198" s="10"/>
      <c r="WEH1198" s="10"/>
      <c r="WEI1198" s="10"/>
      <c r="WEJ1198" s="10"/>
      <c r="WEK1198" s="10"/>
      <c r="WEL1198" s="10"/>
      <c r="WEM1198" s="10"/>
      <c r="WEN1198" s="10"/>
      <c r="WEO1198" s="10"/>
      <c r="WEP1198" s="10"/>
      <c r="WEQ1198" s="10"/>
      <c r="WER1198" s="10"/>
      <c r="WES1198" s="10"/>
      <c r="WET1198" s="10"/>
      <c r="WEU1198" s="10"/>
      <c r="WEV1198" s="10"/>
      <c r="WEW1198" s="10"/>
      <c r="WEX1198" s="10"/>
      <c r="WEY1198" s="10"/>
      <c r="WEZ1198" s="10"/>
      <c r="WFA1198" s="10"/>
      <c r="WFB1198" s="10"/>
      <c r="WFC1198" s="10"/>
      <c r="WFD1198" s="10"/>
      <c r="WFE1198" s="10"/>
      <c r="WFF1198" s="10"/>
      <c r="WFG1198" s="10"/>
      <c r="WFH1198" s="10"/>
      <c r="WFI1198" s="10"/>
      <c r="WFJ1198" s="10"/>
      <c r="WFK1198" s="10"/>
      <c r="WFL1198" s="10"/>
      <c r="WFM1198" s="10"/>
      <c r="WFN1198" s="10"/>
      <c r="WFO1198" s="10"/>
      <c r="WFP1198" s="10"/>
      <c r="WFQ1198" s="10"/>
      <c r="WFR1198" s="10"/>
      <c r="WFS1198" s="10"/>
      <c r="WFT1198" s="10"/>
      <c r="WFU1198" s="10"/>
      <c r="WFV1198" s="10"/>
      <c r="WFW1198" s="10"/>
      <c r="WFX1198" s="10"/>
      <c r="WFY1198" s="10"/>
      <c r="WFZ1198" s="10"/>
      <c r="WGA1198" s="10"/>
      <c r="WGB1198" s="10"/>
      <c r="WGC1198" s="10"/>
      <c r="WGD1198" s="10"/>
      <c r="WGE1198" s="10"/>
      <c r="WGF1198" s="10"/>
      <c r="WGG1198" s="10"/>
      <c r="WGH1198" s="10"/>
      <c r="WGI1198" s="10"/>
      <c r="WGJ1198" s="10"/>
      <c r="WGK1198" s="10"/>
      <c r="WGL1198" s="10"/>
      <c r="WGM1198" s="10"/>
      <c r="WGN1198" s="10"/>
      <c r="WGO1198" s="10"/>
      <c r="WGP1198" s="10"/>
      <c r="WGQ1198" s="10"/>
      <c r="WGR1198" s="10"/>
      <c r="WGS1198" s="10"/>
      <c r="WGT1198" s="10"/>
      <c r="WGU1198" s="10"/>
      <c r="WGV1198" s="10"/>
      <c r="WGW1198" s="10"/>
      <c r="WGX1198" s="10"/>
      <c r="WGY1198" s="10"/>
      <c r="WGZ1198" s="10"/>
      <c r="WHA1198" s="10"/>
      <c r="WHB1198" s="10"/>
      <c r="WHC1198" s="10"/>
      <c r="WHD1198" s="10"/>
      <c r="WHE1198" s="10"/>
      <c r="WHF1198" s="10"/>
      <c r="WHG1198" s="10"/>
      <c r="WHH1198" s="10"/>
      <c r="WHI1198" s="10"/>
      <c r="WHJ1198" s="10"/>
      <c r="WHK1198" s="10"/>
      <c r="WHL1198" s="10"/>
      <c r="WHM1198" s="10"/>
      <c r="WHN1198" s="10"/>
      <c r="WHO1198" s="10"/>
      <c r="WHP1198" s="10"/>
      <c r="WHQ1198" s="10"/>
      <c r="WHR1198" s="10"/>
      <c r="WHS1198" s="10"/>
      <c r="WHT1198" s="10"/>
      <c r="WHU1198" s="10"/>
      <c r="WHV1198" s="10"/>
      <c r="WHW1198" s="10"/>
      <c r="WHX1198" s="10"/>
      <c r="WHY1198" s="10"/>
      <c r="WHZ1198" s="10"/>
      <c r="WIA1198" s="10"/>
      <c r="WIB1198" s="10"/>
      <c r="WIC1198" s="10"/>
      <c r="WID1198" s="10"/>
      <c r="WIE1198" s="10"/>
      <c r="WIF1198" s="10"/>
      <c r="WIG1198" s="10"/>
      <c r="WIH1198" s="10"/>
      <c r="WII1198" s="10"/>
      <c r="WIJ1198" s="10"/>
      <c r="WIK1198" s="10"/>
      <c r="WIL1198" s="10"/>
      <c r="WIM1198" s="10"/>
      <c r="WIN1198" s="10"/>
      <c r="WIO1198" s="10"/>
      <c r="WIP1198" s="10"/>
      <c r="WIQ1198" s="10"/>
      <c r="WIR1198" s="10"/>
      <c r="WIS1198" s="10"/>
      <c r="WIT1198" s="10"/>
      <c r="WIU1198" s="10"/>
      <c r="WIV1198" s="10"/>
      <c r="WIW1198" s="10"/>
      <c r="WIX1198" s="10"/>
      <c r="WIY1198" s="10"/>
      <c r="WIZ1198" s="10"/>
      <c r="WJA1198" s="10"/>
      <c r="WJB1198" s="10"/>
      <c r="WJC1198" s="10"/>
      <c r="WJD1198" s="10"/>
      <c r="WJE1198" s="10"/>
      <c r="WJF1198" s="10"/>
      <c r="WJG1198" s="10"/>
      <c r="WJH1198" s="10"/>
      <c r="WJI1198" s="10"/>
      <c r="WJJ1198" s="10"/>
      <c r="WJK1198" s="10"/>
      <c r="WJL1198" s="10"/>
      <c r="WJM1198" s="10"/>
      <c r="WJN1198" s="10"/>
      <c r="WJO1198" s="10"/>
      <c r="WJP1198" s="10"/>
      <c r="WJQ1198" s="10"/>
      <c r="WJR1198" s="10"/>
      <c r="WJS1198" s="10"/>
      <c r="WJT1198" s="10"/>
      <c r="WJU1198" s="10"/>
      <c r="WJV1198" s="10"/>
      <c r="WJW1198" s="10"/>
      <c r="WJX1198" s="10"/>
      <c r="WJY1198" s="10"/>
      <c r="WJZ1198" s="10"/>
      <c r="WKA1198" s="10"/>
      <c r="WKB1198" s="10"/>
      <c r="WKC1198" s="10"/>
      <c r="WKD1198" s="10"/>
      <c r="WKE1198" s="10"/>
      <c r="WKF1198" s="10"/>
      <c r="WKG1198" s="10"/>
      <c r="WKH1198" s="10"/>
      <c r="WKI1198" s="10"/>
      <c r="WKJ1198" s="10"/>
      <c r="WKK1198" s="10"/>
      <c r="WKL1198" s="10"/>
      <c r="WKM1198" s="10"/>
      <c r="WKN1198" s="10"/>
      <c r="WKO1198" s="10"/>
      <c r="WKP1198" s="10"/>
      <c r="WKQ1198" s="10"/>
      <c r="WKR1198" s="10"/>
      <c r="WKS1198" s="10"/>
      <c r="WKT1198" s="10"/>
      <c r="WKU1198" s="10"/>
      <c r="WKV1198" s="10"/>
      <c r="WKW1198" s="10"/>
      <c r="WKX1198" s="10"/>
      <c r="WKY1198" s="10"/>
      <c r="WKZ1198" s="10"/>
      <c r="WLA1198" s="10"/>
      <c r="WLB1198" s="10"/>
      <c r="WLC1198" s="10"/>
      <c r="WLD1198" s="10"/>
      <c r="WLE1198" s="10"/>
      <c r="WLF1198" s="10"/>
      <c r="WLG1198" s="10"/>
      <c r="WLH1198" s="10"/>
      <c r="WLI1198" s="10"/>
      <c r="WLJ1198" s="10"/>
      <c r="WLK1198" s="10"/>
      <c r="WLL1198" s="10"/>
      <c r="WLM1198" s="10"/>
      <c r="WLN1198" s="10"/>
      <c r="WLO1198" s="10"/>
      <c r="WLP1198" s="10"/>
      <c r="WLQ1198" s="10"/>
      <c r="WLR1198" s="10"/>
      <c r="WLS1198" s="10"/>
      <c r="WLT1198" s="10"/>
      <c r="WLU1198" s="10"/>
      <c r="WLV1198" s="10"/>
      <c r="WLW1198" s="10"/>
      <c r="WLX1198" s="10"/>
      <c r="WLY1198" s="10"/>
      <c r="WLZ1198" s="10"/>
      <c r="WMA1198" s="10"/>
      <c r="WMB1198" s="10"/>
      <c r="WMC1198" s="10"/>
      <c r="WMD1198" s="10"/>
      <c r="WME1198" s="10"/>
      <c r="WMF1198" s="10"/>
      <c r="WMG1198" s="10"/>
      <c r="WMH1198" s="10"/>
      <c r="WMI1198" s="10"/>
      <c r="WMJ1198" s="10"/>
      <c r="WMK1198" s="10"/>
      <c r="WML1198" s="10"/>
      <c r="WMM1198" s="10"/>
      <c r="WMN1198" s="10"/>
      <c r="WMO1198" s="10"/>
      <c r="WMP1198" s="10"/>
      <c r="WMQ1198" s="10"/>
      <c r="WMR1198" s="10"/>
      <c r="WMS1198" s="10"/>
      <c r="WMT1198" s="10"/>
      <c r="WMU1198" s="10"/>
      <c r="WMV1198" s="10"/>
      <c r="WMW1198" s="10"/>
      <c r="WMX1198" s="10"/>
      <c r="WMY1198" s="10"/>
      <c r="WMZ1198" s="10"/>
      <c r="WNA1198" s="10"/>
      <c r="WNB1198" s="10"/>
      <c r="WNC1198" s="10"/>
      <c r="WND1198" s="10"/>
      <c r="WNE1198" s="10"/>
      <c r="WNF1198" s="10"/>
      <c r="WNG1198" s="10"/>
      <c r="WNH1198" s="10"/>
      <c r="WNI1198" s="10"/>
      <c r="WNJ1198" s="10"/>
      <c r="WNK1198" s="10"/>
      <c r="WNL1198" s="10"/>
      <c r="WNM1198" s="10"/>
      <c r="WNN1198" s="10"/>
      <c r="WNO1198" s="10"/>
      <c r="WNP1198" s="10"/>
      <c r="WNQ1198" s="10"/>
      <c r="WNR1198" s="10"/>
      <c r="WNS1198" s="10"/>
      <c r="WNT1198" s="10"/>
      <c r="WNU1198" s="10"/>
      <c r="WNV1198" s="10"/>
      <c r="WNW1198" s="10"/>
      <c r="WNX1198" s="10"/>
      <c r="WNY1198" s="10"/>
      <c r="WNZ1198" s="10"/>
      <c r="WOA1198" s="10"/>
      <c r="WOB1198" s="10"/>
      <c r="WOC1198" s="10"/>
      <c r="WOD1198" s="10"/>
      <c r="WOE1198" s="10"/>
      <c r="WOF1198" s="10"/>
      <c r="WOG1198" s="10"/>
      <c r="WOH1198" s="10"/>
      <c r="WOI1198" s="10"/>
      <c r="WOJ1198" s="10"/>
      <c r="WOK1198" s="10"/>
      <c r="WOL1198" s="10"/>
      <c r="WOM1198" s="10"/>
      <c r="WON1198" s="10"/>
      <c r="WOO1198" s="10"/>
      <c r="WOP1198" s="10"/>
      <c r="WOQ1198" s="10"/>
      <c r="WOR1198" s="10"/>
      <c r="WOS1198" s="10"/>
      <c r="WOT1198" s="10"/>
      <c r="WOU1198" s="10"/>
      <c r="WOV1198" s="10"/>
      <c r="WOW1198" s="10"/>
      <c r="WOX1198" s="10"/>
      <c r="WOY1198" s="10"/>
      <c r="WOZ1198" s="10"/>
      <c r="WPA1198" s="10"/>
      <c r="WPB1198" s="10"/>
      <c r="WPC1198" s="10"/>
      <c r="WPD1198" s="10"/>
      <c r="WPE1198" s="10"/>
      <c r="WPF1198" s="10"/>
      <c r="WPG1198" s="10"/>
      <c r="WPH1198" s="10"/>
      <c r="WPI1198" s="10"/>
      <c r="WPJ1198" s="10"/>
      <c r="WPK1198" s="10"/>
      <c r="WPL1198" s="10"/>
      <c r="WPM1198" s="10"/>
      <c r="WPN1198" s="10"/>
      <c r="WPO1198" s="10"/>
      <c r="WPP1198" s="10"/>
      <c r="WPQ1198" s="10"/>
      <c r="WPR1198" s="10"/>
      <c r="WPS1198" s="10"/>
      <c r="WPT1198" s="10"/>
      <c r="WPU1198" s="10"/>
      <c r="WPV1198" s="10"/>
      <c r="WPW1198" s="10"/>
      <c r="WPX1198" s="10"/>
      <c r="WPY1198" s="10"/>
      <c r="WPZ1198" s="10"/>
      <c r="WQA1198" s="10"/>
      <c r="WQB1198" s="10"/>
      <c r="WQC1198" s="10"/>
      <c r="WQD1198" s="10"/>
      <c r="WQE1198" s="10"/>
      <c r="WQF1198" s="10"/>
      <c r="WQG1198" s="10"/>
      <c r="WQH1198" s="10"/>
      <c r="WQI1198" s="10"/>
      <c r="WQJ1198" s="10"/>
      <c r="WQK1198" s="10"/>
      <c r="WQL1198" s="10"/>
      <c r="WQM1198" s="10"/>
      <c r="WQN1198" s="10"/>
      <c r="WQO1198" s="10"/>
      <c r="WQP1198" s="10"/>
      <c r="WQQ1198" s="10"/>
      <c r="WQR1198" s="10"/>
      <c r="WQS1198" s="10"/>
      <c r="WQT1198" s="10"/>
      <c r="WQU1198" s="10"/>
      <c r="WQV1198" s="10"/>
      <c r="WQW1198" s="10"/>
      <c r="WQX1198" s="10"/>
      <c r="WQY1198" s="10"/>
      <c r="WQZ1198" s="10"/>
      <c r="WRA1198" s="10"/>
      <c r="WRB1198" s="10"/>
      <c r="WRC1198" s="10"/>
      <c r="WRD1198" s="10"/>
      <c r="WRE1198" s="10"/>
      <c r="WRF1198" s="10"/>
      <c r="WRG1198" s="10"/>
      <c r="WRH1198" s="10"/>
      <c r="WRI1198" s="10"/>
      <c r="WRJ1198" s="10"/>
      <c r="WRK1198" s="10"/>
      <c r="WRL1198" s="10"/>
      <c r="WRM1198" s="10"/>
      <c r="WRN1198" s="10"/>
      <c r="WRO1198" s="10"/>
      <c r="WRP1198" s="10"/>
      <c r="WRQ1198" s="10"/>
      <c r="WRR1198" s="10"/>
      <c r="WRS1198" s="10"/>
      <c r="WRT1198" s="10"/>
      <c r="WRU1198" s="10"/>
      <c r="WRV1198" s="10"/>
      <c r="WRW1198" s="10"/>
      <c r="WRX1198" s="10"/>
      <c r="WRY1198" s="10"/>
      <c r="WRZ1198" s="10"/>
      <c r="WSA1198" s="10"/>
      <c r="WSB1198" s="10"/>
      <c r="WSC1198" s="10"/>
      <c r="WSD1198" s="10"/>
      <c r="WSE1198" s="10"/>
      <c r="WSF1198" s="10"/>
      <c r="WSG1198" s="10"/>
      <c r="WSH1198" s="10"/>
      <c r="WSI1198" s="10"/>
      <c r="WSJ1198" s="10"/>
      <c r="WSK1198" s="10"/>
      <c r="WSL1198" s="10"/>
      <c r="WSM1198" s="10"/>
      <c r="WSN1198" s="10"/>
      <c r="WSO1198" s="10"/>
      <c r="WSP1198" s="10"/>
      <c r="WSQ1198" s="10"/>
      <c r="WSR1198" s="10"/>
      <c r="WSS1198" s="10"/>
      <c r="WST1198" s="10"/>
      <c r="WSU1198" s="10"/>
      <c r="WSV1198" s="10"/>
      <c r="WSW1198" s="10"/>
      <c r="WSX1198" s="10"/>
      <c r="WSY1198" s="10"/>
      <c r="WSZ1198" s="10"/>
      <c r="WTA1198" s="10"/>
      <c r="WTB1198" s="10"/>
      <c r="WTC1198" s="10"/>
      <c r="WTD1198" s="10"/>
      <c r="WTE1198" s="10"/>
      <c r="WTF1198" s="10"/>
      <c r="WTG1198" s="10"/>
      <c r="WTH1198" s="10"/>
      <c r="WTI1198" s="10"/>
      <c r="WTJ1198" s="10"/>
      <c r="WTK1198" s="10"/>
      <c r="WTL1198" s="10"/>
      <c r="WTM1198" s="10"/>
      <c r="WTN1198" s="10"/>
      <c r="WTO1198" s="10"/>
      <c r="WTP1198" s="10"/>
      <c r="WTQ1198" s="10"/>
      <c r="WTR1198" s="10"/>
      <c r="WTS1198" s="10"/>
      <c r="WTT1198" s="10"/>
      <c r="WTU1198" s="10"/>
      <c r="WTV1198" s="10"/>
      <c r="WTW1198" s="10"/>
      <c r="WTX1198" s="10"/>
      <c r="WTY1198" s="10"/>
      <c r="WTZ1198" s="10"/>
      <c r="WUA1198" s="10"/>
      <c r="WUB1198" s="10"/>
      <c r="WUC1198" s="10"/>
      <c r="WUD1198" s="10"/>
      <c r="WUE1198" s="10"/>
      <c r="WUF1198" s="10"/>
      <c r="WUG1198" s="10"/>
      <c r="WUH1198" s="10"/>
      <c r="WUI1198" s="10"/>
      <c r="WUJ1198" s="10"/>
      <c r="WUK1198" s="10"/>
      <c r="WUL1198" s="10"/>
      <c r="WUM1198" s="10"/>
      <c r="WUN1198" s="10"/>
      <c r="WUO1198" s="10"/>
      <c r="WUP1198" s="10"/>
      <c r="WUQ1198" s="10"/>
      <c r="WUR1198" s="10"/>
      <c r="WUS1198" s="10"/>
      <c r="WUT1198" s="10"/>
      <c r="WUU1198" s="10"/>
      <c r="WUV1198" s="10"/>
      <c r="WUW1198" s="10"/>
      <c r="WUX1198" s="10"/>
      <c r="WUY1198" s="10"/>
      <c r="WUZ1198" s="10"/>
      <c r="WVA1198" s="10"/>
      <c r="WVB1198" s="10"/>
      <c r="WVC1198" s="10"/>
      <c r="WVD1198" s="10"/>
      <c r="WVE1198" s="10"/>
      <c r="WVF1198" s="10"/>
      <c r="WVG1198" s="10"/>
      <c r="WVH1198" s="10"/>
      <c r="WVI1198" s="10"/>
      <c r="WVJ1198" s="10"/>
      <c r="WVK1198" s="10"/>
      <c r="WVL1198" s="10"/>
      <c r="WVM1198" s="10"/>
      <c r="WVN1198" s="10"/>
      <c r="WVO1198" s="10"/>
      <c r="WVP1198" s="10"/>
      <c r="WVQ1198" s="10"/>
      <c r="WVR1198" s="10"/>
      <c r="WVS1198" s="10"/>
      <c r="WVT1198" s="10"/>
      <c r="WVU1198" s="10"/>
      <c r="WVV1198" s="10"/>
      <c r="WVW1198" s="10"/>
      <c r="WVX1198" s="10"/>
      <c r="WVY1198" s="10"/>
      <c r="WVZ1198" s="10"/>
      <c r="WWA1198" s="10"/>
      <c r="WWB1198" s="10"/>
      <c r="WWC1198" s="10"/>
      <c r="WWD1198" s="10"/>
      <c r="WWE1198" s="10"/>
      <c r="WWF1198" s="10"/>
      <c r="WWG1198" s="10"/>
      <c r="WWH1198" s="10"/>
      <c r="WWI1198" s="10"/>
      <c r="WWJ1198" s="10"/>
      <c r="WWK1198" s="10"/>
      <c r="WWL1198" s="10"/>
      <c r="WWM1198" s="10"/>
      <c r="WWN1198" s="10"/>
      <c r="WWO1198" s="10"/>
      <c r="WWP1198" s="10"/>
      <c r="WWQ1198" s="10"/>
      <c r="WWR1198" s="10"/>
      <c r="WWS1198" s="10"/>
      <c r="WWT1198" s="10"/>
      <c r="WWU1198" s="10"/>
      <c r="WWV1198" s="10"/>
      <c r="WWW1198" s="10"/>
      <c r="WWX1198" s="10"/>
      <c r="WWY1198" s="10"/>
      <c r="WWZ1198" s="10"/>
      <c r="WXA1198" s="10"/>
      <c r="WXB1198" s="10"/>
      <c r="WXC1198" s="10"/>
      <c r="WXD1198" s="10"/>
      <c r="WXE1198" s="10"/>
      <c r="WXF1198" s="10"/>
      <c r="WXG1198" s="10"/>
      <c r="WXH1198" s="10"/>
      <c r="WXI1198" s="10"/>
      <c r="WXJ1198" s="10"/>
      <c r="WXK1198" s="10"/>
      <c r="WXL1198" s="10"/>
      <c r="WXM1198" s="10"/>
      <c r="WXN1198" s="10"/>
      <c r="WXO1198" s="10"/>
      <c r="WXP1198" s="10"/>
      <c r="WXQ1198" s="10"/>
      <c r="WXR1198" s="10"/>
      <c r="WXS1198" s="10"/>
      <c r="WXT1198" s="10"/>
      <c r="WXU1198" s="10"/>
      <c r="WXV1198" s="10"/>
      <c r="WXW1198" s="10"/>
      <c r="WXX1198" s="10"/>
      <c r="WXY1198" s="10"/>
      <c r="WXZ1198" s="10"/>
      <c r="WYA1198" s="10"/>
      <c r="WYB1198" s="10"/>
      <c r="WYC1198" s="10"/>
      <c r="WYD1198" s="10"/>
      <c r="WYE1198" s="10"/>
      <c r="WYF1198" s="10"/>
      <c r="WYG1198" s="10"/>
      <c r="WYH1198" s="10"/>
      <c r="WYI1198" s="10"/>
      <c r="WYJ1198" s="10"/>
      <c r="WYK1198" s="10"/>
      <c r="WYL1198" s="10"/>
      <c r="WYM1198" s="10"/>
      <c r="WYN1198" s="10"/>
      <c r="WYO1198" s="10"/>
      <c r="WYP1198" s="10"/>
      <c r="WYQ1198" s="10"/>
      <c r="WYR1198" s="10"/>
      <c r="WYS1198" s="10"/>
      <c r="WYT1198" s="10"/>
      <c r="WYU1198" s="10"/>
      <c r="WYV1198" s="10"/>
      <c r="WYW1198" s="10"/>
      <c r="WYX1198" s="10"/>
      <c r="WYY1198" s="10"/>
      <c r="WYZ1198" s="10"/>
      <c r="WZA1198" s="10"/>
      <c r="WZB1198" s="10"/>
      <c r="WZC1198" s="10"/>
      <c r="WZD1198" s="10"/>
      <c r="WZE1198" s="10"/>
      <c r="WZF1198" s="10"/>
      <c r="WZG1198" s="10"/>
      <c r="WZH1198" s="10"/>
      <c r="WZI1198" s="10"/>
      <c r="WZJ1198" s="10"/>
      <c r="WZK1198" s="10"/>
      <c r="WZL1198" s="10"/>
      <c r="WZM1198" s="10"/>
      <c r="WZN1198" s="10"/>
      <c r="WZO1198" s="10"/>
      <c r="WZP1198" s="10"/>
      <c r="WZQ1198" s="10"/>
      <c r="WZR1198" s="10"/>
      <c r="WZS1198" s="10"/>
      <c r="WZT1198" s="10"/>
      <c r="WZU1198" s="10"/>
      <c r="WZV1198" s="10"/>
      <c r="WZW1198" s="10"/>
      <c r="WZX1198" s="10"/>
      <c r="WZY1198" s="10"/>
      <c r="WZZ1198" s="10"/>
      <c r="XAA1198" s="10"/>
      <c r="XAB1198" s="10"/>
      <c r="XAC1198" s="10"/>
      <c r="XAD1198" s="10"/>
      <c r="XAE1198" s="10"/>
      <c r="XAF1198" s="10"/>
      <c r="XAG1198" s="10"/>
      <c r="XAH1198" s="10"/>
      <c r="XAI1198" s="10"/>
      <c r="XAJ1198" s="10"/>
      <c r="XAK1198" s="10"/>
      <c r="XAL1198" s="10"/>
      <c r="XAM1198" s="10"/>
      <c r="XAN1198" s="10"/>
      <c r="XAO1198" s="10"/>
      <c r="XAP1198" s="10"/>
      <c r="XAQ1198" s="10"/>
      <c r="XAR1198" s="10"/>
      <c r="XAS1198" s="10"/>
      <c r="XAT1198" s="10"/>
      <c r="XAU1198" s="10"/>
      <c r="XAV1198" s="10"/>
      <c r="XAW1198" s="10"/>
      <c r="XAX1198" s="10"/>
      <c r="XAY1198" s="10"/>
      <c r="XAZ1198" s="10"/>
      <c r="XBA1198" s="10"/>
      <c r="XBB1198" s="10"/>
      <c r="XBC1198" s="10"/>
      <c r="XBD1198" s="10"/>
      <c r="XBE1198" s="10"/>
      <c r="XBF1198" s="10"/>
      <c r="XBG1198" s="10"/>
      <c r="XBH1198" s="10"/>
      <c r="XBI1198" s="10"/>
      <c r="XBJ1198" s="10"/>
      <c r="XBK1198" s="10"/>
      <c r="XBL1198" s="10"/>
      <c r="XBM1198" s="10"/>
      <c r="XBN1198" s="10"/>
      <c r="XBO1198" s="10"/>
      <c r="XBP1198" s="10"/>
      <c r="XBQ1198" s="10"/>
      <c r="XBR1198" s="10"/>
      <c r="XBS1198" s="10"/>
      <c r="XBT1198" s="10"/>
      <c r="XBU1198" s="10"/>
      <c r="XBV1198" s="10"/>
      <c r="XBW1198" s="10"/>
      <c r="XBX1198" s="10"/>
      <c r="XBY1198" s="10"/>
      <c r="XBZ1198" s="10"/>
      <c r="XCA1198" s="10"/>
      <c r="XCB1198" s="10"/>
      <c r="XCC1198" s="10"/>
      <c r="XCD1198" s="10"/>
      <c r="XCE1198" s="10"/>
      <c r="XCF1198" s="10"/>
      <c r="XCG1198" s="10"/>
      <c r="XCH1198" s="10"/>
      <c r="XCI1198" s="10"/>
      <c r="XCJ1198" s="10"/>
      <c r="XCK1198" s="10"/>
      <c r="XCL1198" s="10"/>
      <c r="XCM1198" s="10"/>
      <c r="XCN1198" s="10"/>
      <c r="XCO1198" s="10"/>
      <c r="XCP1198" s="10"/>
      <c r="XCQ1198" s="10"/>
      <c r="XCR1198" s="10"/>
      <c r="XCS1198" s="10"/>
      <c r="XCT1198" s="10"/>
      <c r="XCU1198" s="10"/>
      <c r="XCV1198" s="10"/>
      <c r="XCW1198" s="10"/>
      <c r="XCX1198" s="10"/>
      <c r="XCY1198" s="10"/>
      <c r="XCZ1198" s="10"/>
      <c r="XDA1198" s="10"/>
      <c r="XDB1198" s="10"/>
      <c r="XDC1198" s="10"/>
      <c r="XDD1198" s="10"/>
      <c r="XDE1198" s="10"/>
      <c r="XDF1198" s="10"/>
      <c r="XDG1198" s="10"/>
      <c r="XDH1198" s="10"/>
      <c r="XDI1198" s="10"/>
      <c r="XDJ1198" s="10"/>
      <c r="XDK1198" s="10"/>
      <c r="XDL1198" s="10"/>
      <c r="XDM1198" s="10"/>
    </row>
    <row r="1199" spans="1:16341" hidden="1" outlineLevel="1">
      <c r="E1199" s="8" t="s">
        <v>83</v>
      </c>
      <c r="F1199" s="8">
        <v>374</v>
      </c>
      <c r="G1199" s="8" t="s">
        <v>82</v>
      </c>
      <c r="H1199" s="8" t="s">
        <v>66</v>
      </c>
      <c r="I1199" s="8" t="s">
        <v>65</v>
      </c>
      <c r="J1199" s="8">
        <v>1</v>
      </c>
      <c r="K1199" s="8" t="s">
        <v>514</v>
      </c>
      <c r="L1199" s="8">
        <v>3</v>
      </c>
      <c r="M1199" s="8">
        <v>3</v>
      </c>
      <c r="N1199" s="72" t="s">
        <v>732</v>
      </c>
      <c r="O1199" s="98"/>
    </row>
    <row r="1200" spans="1:16341" hidden="1" outlineLevel="1">
      <c r="E1200" s="8" t="s">
        <v>81</v>
      </c>
      <c r="F1200" s="8">
        <v>373</v>
      </c>
      <c r="G1200" s="8" t="s">
        <v>1</v>
      </c>
      <c r="H1200" s="8" t="s">
        <v>78</v>
      </c>
      <c r="I1200" s="8" t="s">
        <v>71</v>
      </c>
      <c r="J1200" s="8">
        <v>1</v>
      </c>
      <c r="K1200" s="8" t="s">
        <v>519</v>
      </c>
      <c r="L1200" s="8">
        <v>8</v>
      </c>
      <c r="M1200" s="8">
        <v>8</v>
      </c>
      <c r="O1200" s="98"/>
    </row>
    <row r="1201" spans="1:15" hidden="1" outlineLevel="1">
      <c r="E1201" s="8" t="s">
        <v>80</v>
      </c>
      <c r="F1201" s="8">
        <v>337</v>
      </c>
      <c r="G1201" s="8" t="s">
        <v>79</v>
      </c>
      <c r="H1201" s="8" t="s">
        <v>78</v>
      </c>
      <c r="I1201" s="8" t="s">
        <v>71</v>
      </c>
      <c r="J1201" s="8">
        <v>1</v>
      </c>
      <c r="K1201" s="8" t="s">
        <v>518</v>
      </c>
      <c r="L1201" s="8">
        <v>4</v>
      </c>
      <c r="M1201" s="8">
        <v>8</v>
      </c>
      <c r="O1201" s="98"/>
    </row>
    <row r="1202" spans="1:15" hidden="1" outlineLevel="1">
      <c r="E1202" s="8" t="s">
        <v>77</v>
      </c>
      <c r="F1202" s="8">
        <v>623</v>
      </c>
      <c r="G1202" s="8" t="s">
        <v>76</v>
      </c>
      <c r="H1202" s="8" t="s">
        <v>17</v>
      </c>
      <c r="I1202" s="8" t="s">
        <v>71</v>
      </c>
      <c r="J1202" s="8">
        <v>1</v>
      </c>
      <c r="K1202" s="8" t="s">
        <v>514</v>
      </c>
      <c r="L1202" s="8">
        <v>2</v>
      </c>
      <c r="M1202" s="8">
        <v>2</v>
      </c>
      <c r="N1202" s="70" t="s">
        <v>624</v>
      </c>
      <c r="O1202" s="98"/>
    </row>
    <row r="1203" spans="1:15" hidden="1" outlineLevel="1">
      <c r="A1203" s="17"/>
      <c r="B1203" s="17"/>
      <c r="C1203" s="17" t="s">
        <v>237</v>
      </c>
      <c r="D1203" s="139" t="s">
        <v>517</v>
      </c>
      <c r="E1203" s="17"/>
      <c r="F1203" s="17"/>
      <c r="G1203" s="17"/>
      <c r="H1203" s="17" t="s">
        <v>17</v>
      </c>
      <c r="I1203" s="17" t="s">
        <v>71</v>
      </c>
      <c r="J1203" s="17" t="s">
        <v>525</v>
      </c>
      <c r="K1203" s="17"/>
      <c r="L1203" s="17"/>
      <c r="M1203" s="17"/>
      <c r="N1203" s="138"/>
      <c r="O1203" s="98"/>
    </row>
    <row r="1204" spans="1:15" hidden="1" outlineLevel="1">
      <c r="E1204" s="8" t="s">
        <v>236</v>
      </c>
      <c r="F1204" s="8">
        <v>963</v>
      </c>
      <c r="G1204" s="8" t="s">
        <v>235</v>
      </c>
      <c r="H1204" s="8" t="s">
        <v>66</v>
      </c>
      <c r="I1204" s="8" t="s">
        <v>65</v>
      </c>
      <c r="J1204" s="8">
        <v>1</v>
      </c>
      <c r="K1204" s="8" t="s">
        <v>514</v>
      </c>
      <c r="L1204" s="8">
        <v>2</v>
      </c>
      <c r="M1204" s="8">
        <v>2</v>
      </c>
      <c r="N1204" s="72" t="s">
        <v>668</v>
      </c>
      <c r="O1204" s="98"/>
    </row>
    <row r="1205" spans="1:15" hidden="1" outlineLevel="1">
      <c r="E1205" s="8" t="s">
        <v>234</v>
      </c>
      <c r="F1205" s="8">
        <v>782</v>
      </c>
      <c r="G1205" s="8" t="s">
        <v>67</v>
      </c>
      <c r="H1205" s="8" t="s">
        <v>78</v>
      </c>
      <c r="I1205" s="8" t="s">
        <v>71</v>
      </c>
      <c r="J1205" s="8">
        <v>1</v>
      </c>
      <c r="K1205" s="8" t="s">
        <v>438</v>
      </c>
      <c r="L1205" s="8">
        <v>1</v>
      </c>
      <c r="M1205" s="8">
        <v>18</v>
      </c>
      <c r="O1205" s="98"/>
    </row>
    <row r="1206" spans="1:15" hidden="1" outlineLevel="1">
      <c r="A1206" s="17"/>
      <c r="B1206" s="17"/>
      <c r="C1206" s="17" t="s">
        <v>237</v>
      </c>
      <c r="D1206" s="139" t="s">
        <v>517</v>
      </c>
      <c r="E1206" s="17"/>
      <c r="F1206" s="17"/>
      <c r="G1206" s="17"/>
      <c r="H1206" s="17" t="s">
        <v>17</v>
      </c>
      <c r="I1206" s="17" t="s">
        <v>71</v>
      </c>
      <c r="J1206" s="17" t="s">
        <v>525</v>
      </c>
      <c r="K1206" s="17"/>
      <c r="L1206" s="17"/>
      <c r="M1206" s="17"/>
      <c r="N1206" s="138"/>
      <c r="O1206" s="98"/>
    </row>
    <row r="1207" spans="1:15" s="99" customFormat="1" hidden="1" outlineLevel="1">
      <c r="A1207" s="10"/>
      <c r="B1207" s="10"/>
      <c r="C1207" s="8"/>
      <c r="D1207" s="10"/>
      <c r="E1207" s="8" t="s">
        <v>236</v>
      </c>
      <c r="F1207" s="8">
        <v>963</v>
      </c>
      <c r="G1207" s="8" t="s">
        <v>235</v>
      </c>
      <c r="H1207" s="8" t="s">
        <v>66</v>
      </c>
      <c r="I1207" s="8" t="s">
        <v>65</v>
      </c>
      <c r="J1207" s="8">
        <v>1</v>
      </c>
      <c r="K1207" s="8" t="s">
        <v>514</v>
      </c>
      <c r="L1207" s="8">
        <v>2</v>
      </c>
      <c r="M1207" s="8">
        <v>2</v>
      </c>
      <c r="N1207" s="70" t="s">
        <v>624</v>
      </c>
      <c r="O1207" s="98"/>
    </row>
    <row r="1208" spans="1:15" s="99" customFormat="1" hidden="1" outlineLevel="1">
      <c r="A1208" s="10"/>
      <c r="B1208" s="10"/>
      <c r="C1208" s="8"/>
      <c r="D1208" s="10"/>
      <c r="E1208" s="8" t="s">
        <v>234</v>
      </c>
      <c r="F1208" s="8">
        <v>782</v>
      </c>
      <c r="G1208" s="8" t="s">
        <v>67</v>
      </c>
      <c r="H1208" s="8" t="s">
        <v>78</v>
      </c>
      <c r="I1208" s="8" t="s">
        <v>71</v>
      </c>
      <c r="J1208" s="8">
        <v>1</v>
      </c>
      <c r="K1208" s="8" t="s">
        <v>438</v>
      </c>
      <c r="L1208" s="8">
        <v>1</v>
      </c>
      <c r="M1208" s="8">
        <v>18</v>
      </c>
      <c r="N1208" s="72"/>
      <c r="O1208" s="98"/>
    </row>
    <row r="1209" spans="1:15" s="99" customFormat="1" hidden="1" outlineLevel="1">
      <c r="A1209" s="10"/>
      <c r="B1209" s="10"/>
      <c r="C1209" s="8"/>
      <c r="D1209" s="10"/>
      <c r="E1209" s="8" t="s">
        <v>233</v>
      </c>
      <c r="F1209" s="8">
        <v>954</v>
      </c>
      <c r="G1209" s="8" t="s">
        <v>232</v>
      </c>
      <c r="H1209" s="8" t="s">
        <v>78</v>
      </c>
      <c r="I1209" s="8" t="s">
        <v>71</v>
      </c>
      <c r="J1209" s="8">
        <v>1</v>
      </c>
      <c r="K1209" s="8" t="s">
        <v>438</v>
      </c>
      <c r="L1209" s="8">
        <v>1</v>
      </c>
      <c r="M1209" s="8">
        <v>10</v>
      </c>
      <c r="N1209" s="72"/>
      <c r="O1209" s="98"/>
    </row>
    <row r="1210" spans="1:15" s="99" customFormat="1" hidden="1" outlineLevel="1">
      <c r="A1210" s="10"/>
      <c r="B1210" s="10"/>
      <c r="C1210" s="8"/>
      <c r="D1210" s="8"/>
      <c r="E1210" s="8" t="s">
        <v>231</v>
      </c>
      <c r="F1210" s="8">
        <v>955</v>
      </c>
      <c r="G1210" s="10" t="s">
        <v>230</v>
      </c>
      <c r="H1210" s="10" t="s">
        <v>78</v>
      </c>
      <c r="I1210" s="10" t="s">
        <v>71</v>
      </c>
      <c r="J1210" s="8">
        <v>1</v>
      </c>
      <c r="K1210" s="8" t="s">
        <v>514</v>
      </c>
      <c r="L1210" s="8">
        <v>2</v>
      </c>
      <c r="M1210" s="8">
        <v>2</v>
      </c>
      <c r="N1210" s="72" t="s">
        <v>669</v>
      </c>
      <c r="O1210" s="98"/>
    </row>
    <row r="1211" spans="1:15" s="99" customFormat="1" hidden="1" outlineLevel="1">
      <c r="A1211" s="10"/>
      <c r="B1211" s="10"/>
      <c r="C1211" s="8"/>
      <c r="D1211" s="8"/>
      <c r="E1211" s="8" t="s">
        <v>229</v>
      </c>
      <c r="F1211" s="8">
        <v>956</v>
      </c>
      <c r="G1211" s="10" t="s">
        <v>228</v>
      </c>
      <c r="H1211" s="10" t="s">
        <v>78</v>
      </c>
      <c r="I1211" s="10" t="s">
        <v>71</v>
      </c>
      <c r="J1211" s="8">
        <v>1</v>
      </c>
      <c r="K1211" s="8" t="s">
        <v>509</v>
      </c>
      <c r="L1211" s="8">
        <v>1</v>
      </c>
      <c r="M1211" s="8">
        <v>10</v>
      </c>
      <c r="N1211" s="72"/>
      <c r="O1211" s="98"/>
    </row>
    <row r="1212" spans="1:15" s="99" customFormat="1" hidden="1" outlineLevel="1">
      <c r="A1212" s="10"/>
      <c r="B1212" s="10"/>
      <c r="C1212" s="8"/>
      <c r="D1212" s="8"/>
      <c r="E1212" s="8" t="s">
        <v>227</v>
      </c>
      <c r="F1212" s="8">
        <v>441</v>
      </c>
      <c r="G1212" s="10" t="s">
        <v>226</v>
      </c>
      <c r="H1212" s="10" t="s">
        <v>78</v>
      </c>
      <c r="I1212" s="10" t="s">
        <v>71</v>
      </c>
      <c r="J1212" s="8">
        <v>1</v>
      </c>
      <c r="K1212" s="8" t="s">
        <v>514</v>
      </c>
      <c r="L1212" s="8">
        <v>1</v>
      </c>
      <c r="M1212" s="8">
        <v>1</v>
      </c>
      <c r="N1212" s="70" t="s">
        <v>624</v>
      </c>
      <c r="O1212" s="98"/>
    </row>
    <row r="1213" spans="1:15" s="99" customFormat="1" hidden="1" outlineLevel="1">
      <c r="A1213" s="10"/>
      <c r="B1213" s="10"/>
      <c r="C1213" s="8"/>
      <c r="D1213" s="10"/>
      <c r="E1213" s="19" t="s">
        <v>225</v>
      </c>
      <c r="F1213" s="19">
        <v>662</v>
      </c>
      <c r="G1213" s="19" t="s">
        <v>97</v>
      </c>
      <c r="H1213" s="19" t="s">
        <v>17</v>
      </c>
      <c r="I1213" s="25" t="s">
        <v>96</v>
      </c>
      <c r="J1213" s="19">
        <v>1</v>
      </c>
      <c r="K1213" s="19" t="s">
        <v>514</v>
      </c>
      <c r="L1213" s="19">
        <v>1</v>
      </c>
      <c r="M1213" s="19">
        <v>1</v>
      </c>
      <c r="N1213" s="25"/>
      <c r="O1213" s="98"/>
    </row>
    <row r="1214" spans="1:15" s="99" customFormat="1" hidden="1" outlineLevel="1">
      <c r="A1214" s="10"/>
      <c r="B1214" s="10"/>
      <c r="C1214" s="8"/>
      <c r="D1214" s="8"/>
      <c r="E1214" s="8" t="s">
        <v>224</v>
      </c>
      <c r="F1214" s="8">
        <v>828</v>
      </c>
      <c r="G1214" s="10" t="s">
        <v>223</v>
      </c>
      <c r="H1214" s="10" t="s">
        <v>17</v>
      </c>
      <c r="I1214" s="10" t="s">
        <v>71</v>
      </c>
      <c r="J1214" s="8">
        <v>1</v>
      </c>
      <c r="K1214" s="8" t="s">
        <v>438</v>
      </c>
      <c r="L1214" s="8">
        <v>1</v>
      </c>
      <c r="M1214" s="8">
        <v>9</v>
      </c>
      <c r="N1214" s="72"/>
      <c r="O1214" s="98"/>
    </row>
    <row r="1215" spans="1:15" s="99" customFormat="1" hidden="1" outlineLevel="1">
      <c r="A1215" s="10"/>
      <c r="B1215" s="10"/>
      <c r="C1215" s="11"/>
      <c r="D1215" s="11"/>
      <c r="E1215" s="11" t="s">
        <v>222</v>
      </c>
      <c r="F1215" s="11">
        <v>325</v>
      </c>
      <c r="G1215" s="11" t="s">
        <v>221</v>
      </c>
      <c r="H1215" s="11" t="s">
        <v>17</v>
      </c>
      <c r="I1215" s="11" t="s">
        <v>71</v>
      </c>
      <c r="J1215" s="11">
        <v>1</v>
      </c>
      <c r="K1215" s="11" t="s">
        <v>509</v>
      </c>
      <c r="L1215" s="11">
        <v>1</v>
      </c>
      <c r="M1215" s="11">
        <v>20</v>
      </c>
      <c r="N1215" s="18"/>
      <c r="O1215" s="98"/>
    </row>
    <row r="1216" spans="1:15" s="99" customFormat="1" hidden="1" outlineLevel="1">
      <c r="A1216" s="10"/>
      <c r="B1216" s="10"/>
      <c r="C1216" s="8"/>
      <c r="D1216" s="8"/>
      <c r="E1216" s="8" t="s">
        <v>220</v>
      </c>
      <c r="F1216" s="8">
        <v>350</v>
      </c>
      <c r="G1216" s="10" t="s">
        <v>108</v>
      </c>
      <c r="H1216" s="10" t="s">
        <v>17</v>
      </c>
      <c r="I1216" s="10" t="s">
        <v>71</v>
      </c>
      <c r="J1216" s="8">
        <v>1</v>
      </c>
      <c r="K1216" s="8" t="s">
        <v>509</v>
      </c>
      <c r="L1216" s="8">
        <v>1</v>
      </c>
      <c r="M1216" s="8">
        <v>20</v>
      </c>
      <c r="N1216" s="72"/>
      <c r="O1216" s="98"/>
    </row>
    <row r="1217" spans="1:16" s="99" customFormat="1" hidden="1" outlineLevel="1">
      <c r="A1217" s="17" t="s">
        <v>219</v>
      </c>
      <c r="B1217" s="17" t="s">
        <v>105</v>
      </c>
      <c r="C1217" s="17"/>
      <c r="D1217" s="139"/>
      <c r="E1217" s="17"/>
      <c r="F1217" s="17"/>
      <c r="G1217" s="17"/>
      <c r="H1217" s="17" t="s">
        <v>17</v>
      </c>
      <c r="I1217" s="17" t="s">
        <v>71</v>
      </c>
      <c r="J1217" s="17" t="s">
        <v>525</v>
      </c>
      <c r="K1217" s="17"/>
      <c r="L1217" s="17"/>
      <c r="M1217" s="17"/>
      <c r="N1217" s="138"/>
      <c r="O1217" s="98"/>
    </row>
    <row r="1218" spans="1:16" s="99" customFormat="1" hidden="1" outlineLevel="1">
      <c r="A1218" s="17"/>
      <c r="B1218" s="17"/>
      <c r="C1218" s="17" t="s">
        <v>219</v>
      </c>
      <c r="D1218" s="139" t="s">
        <v>105</v>
      </c>
      <c r="E1218" s="17"/>
      <c r="F1218" s="17"/>
      <c r="G1218" s="17"/>
      <c r="H1218" s="17" t="s">
        <v>66</v>
      </c>
      <c r="I1218" s="17" t="s">
        <v>65</v>
      </c>
      <c r="J1218" s="17">
        <v>1</v>
      </c>
      <c r="K1218" s="17"/>
      <c r="L1218" s="17"/>
      <c r="M1218" s="17"/>
      <c r="N1218" s="138"/>
      <c r="O1218" s="98"/>
    </row>
    <row r="1219" spans="1:16" s="99" customFormat="1" hidden="1" outlineLevel="1">
      <c r="A1219" s="10"/>
      <c r="B1219" s="10"/>
      <c r="C1219" s="8"/>
      <c r="D1219" s="10"/>
      <c r="E1219" s="8" t="s">
        <v>218</v>
      </c>
      <c r="F1219" s="8">
        <v>673</v>
      </c>
      <c r="G1219" s="8" t="s">
        <v>217</v>
      </c>
      <c r="H1219" s="8" t="s">
        <v>66</v>
      </c>
      <c r="I1219" s="8" t="s">
        <v>65</v>
      </c>
      <c r="J1219" s="8">
        <v>1</v>
      </c>
      <c r="K1219" s="8" t="s">
        <v>514</v>
      </c>
      <c r="L1219" s="8">
        <v>2</v>
      </c>
      <c r="M1219" s="8"/>
      <c r="N1219" s="72" t="s">
        <v>733</v>
      </c>
      <c r="O1219" s="98"/>
    </row>
    <row r="1220" spans="1:16" s="99" customFormat="1" hidden="1" outlineLevel="1">
      <c r="A1220" s="10"/>
      <c r="B1220" s="10"/>
      <c r="C1220" s="8"/>
      <c r="D1220" s="10"/>
      <c r="E1220" s="8" t="s">
        <v>216</v>
      </c>
      <c r="F1220" s="8">
        <v>380</v>
      </c>
      <c r="G1220" s="8" t="s">
        <v>105</v>
      </c>
      <c r="H1220" s="8" t="s">
        <v>78</v>
      </c>
      <c r="I1220" s="8" t="s">
        <v>71</v>
      </c>
      <c r="J1220" s="8">
        <v>1</v>
      </c>
      <c r="K1220" s="8" t="s">
        <v>438</v>
      </c>
      <c r="L1220" s="8">
        <v>1</v>
      </c>
      <c r="M1220" s="8"/>
      <c r="N1220" s="72"/>
      <c r="O1220" s="98"/>
    </row>
    <row r="1221" spans="1:16" s="99" customFormat="1" hidden="1" outlineLevel="1">
      <c r="A1221" s="17" t="s">
        <v>219</v>
      </c>
      <c r="B1221" s="17" t="s">
        <v>105</v>
      </c>
      <c r="C1221" s="17"/>
      <c r="D1221" s="139"/>
      <c r="E1221" s="17"/>
      <c r="F1221" s="17"/>
      <c r="G1221" s="17"/>
      <c r="H1221" s="17" t="s">
        <v>17</v>
      </c>
      <c r="I1221" s="17" t="s">
        <v>71</v>
      </c>
      <c r="J1221" s="17" t="s">
        <v>525</v>
      </c>
      <c r="K1221" s="17"/>
      <c r="L1221" s="17"/>
      <c r="M1221" s="17"/>
      <c r="N1221" s="138"/>
      <c r="O1221" s="98"/>
    </row>
    <row r="1222" spans="1:16" s="99" customFormat="1" hidden="1" outlineLevel="1">
      <c r="A1222" s="17"/>
      <c r="B1222" s="17"/>
      <c r="C1222" s="17" t="s">
        <v>219</v>
      </c>
      <c r="D1222" s="139" t="s">
        <v>105</v>
      </c>
      <c r="E1222" s="17"/>
      <c r="F1222" s="17"/>
      <c r="G1222" s="17"/>
      <c r="H1222" s="17" t="s">
        <v>66</v>
      </c>
      <c r="I1222" s="17" t="s">
        <v>65</v>
      </c>
      <c r="J1222" s="17">
        <v>1</v>
      </c>
      <c r="K1222" s="17"/>
      <c r="L1222" s="17"/>
      <c r="M1222" s="17"/>
      <c r="N1222" s="138"/>
      <c r="O1222" s="98"/>
    </row>
    <row r="1223" spans="1:16" hidden="1" outlineLevel="1">
      <c r="E1223" s="8" t="s">
        <v>218</v>
      </c>
      <c r="F1223" s="8">
        <v>673</v>
      </c>
      <c r="G1223" s="8" t="s">
        <v>217</v>
      </c>
      <c r="H1223" s="8" t="s">
        <v>66</v>
      </c>
      <c r="I1223" s="8" t="s">
        <v>65</v>
      </c>
      <c r="J1223" s="8">
        <v>1</v>
      </c>
      <c r="K1223" s="8" t="s">
        <v>514</v>
      </c>
      <c r="L1223" s="8">
        <v>2</v>
      </c>
      <c r="N1223" s="72" t="s">
        <v>734</v>
      </c>
      <c r="O1223" s="98"/>
    </row>
    <row r="1224" spans="1:16" hidden="1" outlineLevel="1">
      <c r="E1224" s="8" t="s">
        <v>216</v>
      </c>
      <c r="F1224" s="8">
        <v>380</v>
      </c>
      <c r="G1224" s="8" t="s">
        <v>105</v>
      </c>
      <c r="H1224" s="8" t="s">
        <v>78</v>
      </c>
      <c r="I1224" s="8" t="s">
        <v>71</v>
      </c>
      <c r="J1224" s="8">
        <v>1</v>
      </c>
      <c r="K1224" s="8" t="s">
        <v>438</v>
      </c>
      <c r="L1224" s="8">
        <v>1</v>
      </c>
      <c r="O1224" s="98"/>
    </row>
    <row r="1225" spans="1:16" collapsed="1">
      <c r="A1225" s="17" t="s">
        <v>212</v>
      </c>
      <c r="B1225" s="139" t="s">
        <v>735</v>
      </c>
      <c r="C1225" s="17"/>
      <c r="D1225" s="139"/>
      <c r="E1225" s="17"/>
      <c r="F1225" s="17"/>
      <c r="G1225" s="17"/>
      <c r="H1225" s="17" t="s">
        <v>17</v>
      </c>
      <c r="I1225" s="17" t="s">
        <v>71</v>
      </c>
      <c r="J1225" s="17">
        <v>200</v>
      </c>
      <c r="K1225" s="17"/>
      <c r="L1225" s="17"/>
      <c r="M1225" s="17"/>
      <c r="N1225" s="141"/>
      <c r="O1225" s="98" t="s">
        <v>957</v>
      </c>
      <c r="P1225" s="99" t="s">
        <v>1087</v>
      </c>
    </row>
    <row r="1226" spans="1:16" hidden="1" outlineLevel="1">
      <c r="A1226" s="17"/>
      <c r="B1226" s="17"/>
      <c r="C1226" s="17" t="s">
        <v>212</v>
      </c>
      <c r="D1226" s="139" t="s">
        <v>735</v>
      </c>
      <c r="E1226" s="17"/>
      <c r="F1226" s="17"/>
      <c r="G1226" s="17"/>
      <c r="H1226" s="17" t="s">
        <v>66</v>
      </c>
      <c r="I1226" s="17" t="s">
        <v>65</v>
      </c>
      <c r="J1226" s="17">
        <v>1</v>
      </c>
      <c r="K1226" s="17"/>
      <c r="L1226" s="17"/>
      <c r="M1226" s="17"/>
      <c r="N1226" s="141"/>
      <c r="O1226" s="98"/>
    </row>
    <row r="1227" spans="1:16" hidden="1" outlineLevel="1">
      <c r="E1227" s="8" t="s">
        <v>211</v>
      </c>
      <c r="F1227" s="8">
        <v>380</v>
      </c>
      <c r="G1227" s="8" t="s">
        <v>105</v>
      </c>
      <c r="H1227" s="8" t="s">
        <v>66</v>
      </c>
      <c r="I1227" s="8" t="s">
        <v>65</v>
      </c>
      <c r="J1227" s="8">
        <v>1</v>
      </c>
      <c r="K1227" s="8" t="s">
        <v>438</v>
      </c>
      <c r="L1227" s="8">
        <v>1</v>
      </c>
      <c r="M1227" s="8">
        <v>15</v>
      </c>
      <c r="O1227" s="98"/>
    </row>
    <row r="1228" spans="1:16" hidden="1" outlineLevel="1">
      <c r="E1228" s="8" t="s">
        <v>210</v>
      </c>
      <c r="F1228" s="8">
        <v>355</v>
      </c>
      <c r="G1228" s="8" t="s">
        <v>103</v>
      </c>
      <c r="H1228" s="8" t="s">
        <v>66</v>
      </c>
      <c r="I1228" s="8" t="s">
        <v>65</v>
      </c>
      <c r="J1228" s="8">
        <v>1</v>
      </c>
      <c r="K1228" s="8" t="s">
        <v>514</v>
      </c>
      <c r="L1228" s="8">
        <v>2</v>
      </c>
      <c r="M1228" s="8">
        <v>2</v>
      </c>
      <c r="N1228" s="70" t="s">
        <v>624</v>
      </c>
      <c r="O1228" s="98"/>
    </row>
    <row r="1229" spans="1:16" hidden="1" outlineLevel="1">
      <c r="E1229" s="8" t="s">
        <v>209</v>
      </c>
      <c r="F1229" s="8">
        <v>98</v>
      </c>
      <c r="G1229" s="8" t="s">
        <v>156</v>
      </c>
      <c r="H1229" s="8" t="s">
        <v>17</v>
      </c>
      <c r="I1229" s="8" t="s">
        <v>71</v>
      </c>
      <c r="J1229" s="8">
        <v>1</v>
      </c>
      <c r="K1229" s="8" t="s">
        <v>514</v>
      </c>
      <c r="L1229" s="8">
        <v>2</v>
      </c>
      <c r="M1229" s="8">
        <v>3</v>
      </c>
      <c r="N1229" s="8" t="s">
        <v>694</v>
      </c>
      <c r="O1229" s="98"/>
    </row>
    <row r="1230" spans="1:16" hidden="1" outlineLevel="1">
      <c r="E1230" s="8" t="s">
        <v>208</v>
      </c>
      <c r="F1230" s="8">
        <v>93</v>
      </c>
      <c r="G1230" s="8" t="s">
        <v>120</v>
      </c>
      <c r="H1230" s="8" t="s">
        <v>78</v>
      </c>
      <c r="I1230" s="8" t="s">
        <v>71</v>
      </c>
      <c r="J1230" s="8">
        <v>1</v>
      </c>
      <c r="K1230" s="8" t="s">
        <v>509</v>
      </c>
      <c r="L1230" s="8">
        <v>1</v>
      </c>
      <c r="M1230" s="8">
        <v>60</v>
      </c>
      <c r="N1230" s="25"/>
      <c r="O1230" s="98"/>
    </row>
    <row r="1231" spans="1:16" hidden="1" outlineLevel="1">
      <c r="E1231" s="8" t="s">
        <v>207</v>
      </c>
      <c r="F1231" s="8">
        <v>374</v>
      </c>
      <c r="G1231" s="8" t="s">
        <v>82</v>
      </c>
      <c r="H1231" s="8" t="s">
        <v>66</v>
      </c>
      <c r="I1231" s="8" t="s">
        <v>65</v>
      </c>
      <c r="J1231" s="8">
        <v>1</v>
      </c>
      <c r="K1231" s="8" t="s">
        <v>514</v>
      </c>
      <c r="L1231" s="8">
        <v>3</v>
      </c>
      <c r="M1231" s="8">
        <v>3</v>
      </c>
      <c r="N1231" s="72" t="s">
        <v>663</v>
      </c>
      <c r="O1231" s="98"/>
    </row>
    <row r="1232" spans="1:16" hidden="1" outlineLevel="1">
      <c r="E1232" s="8" t="s">
        <v>206</v>
      </c>
      <c r="F1232" s="8">
        <v>373</v>
      </c>
      <c r="G1232" s="8" t="s">
        <v>1</v>
      </c>
      <c r="H1232" s="8" t="s">
        <v>66</v>
      </c>
      <c r="I1232" s="8" t="s">
        <v>65</v>
      </c>
      <c r="J1232" s="8">
        <v>1</v>
      </c>
      <c r="K1232" s="8" t="s">
        <v>519</v>
      </c>
      <c r="L1232" s="8">
        <v>8</v>
      </c>
      <c r="M1232" s="8">
        <v>8</v>
      </c>
      <c r="O1232" s="98"/>
    </row>
    <row r="1233" spans="1:16" s="33" customFormat="1" hidden="1" outlineLevel="1">
      <c r="C1233" s="11"/>
      <c r="E1233" s="11" t="s">
        <v>205</v>
      </c>
      <c r="F1233" s="11">
        <v>337</v>
      </c>
      <c r="G1233" s="11" t="s">
        <v>79</v>
      </c>
      <c r="H1233" s="11" t="s">
        <v>17</v>
      </c>
      <c r="I1233" s="11" t="s">
        <v>71</v>
      </c>
      <c r="J1233" s="11">
        <v>1</v>
      </c>
      <c r="K1233" s="11" t="s">
        <v>518</v>
      </c>
      <c r="L1233" s="11">
        <v>4</v>
      </c>
      <c r="M1233" s="11">
        <v>8</v>
      </c>
      <c r="N1233" s="18"/>
      <c r="O1233" s="98"/>
      <c r="P1233" s="99"/>
    </row>
    <row r="1234" spans="1:16" s="33" customFormat="1" hidden="1" outlineLevel="1">
      <c r="C1234" s="11"/>
      <c r="E1234" s="11" t="s">
        <v>204</v>
      </c>
      <c r="F1234" s="11">
        <v>374</v>
      </c>
      <c r="G1234" s="11" t="s">
        <v>82</v>
      </c>
      <c r="H1234" s="11" t="s">
        <v>78</v>
      </c>
      <c r="I1234" s="11" t="s">
        <v>71</v>
      </c>
      <c r="J1234" s="11">
        <v>1</v>
      </c>
      <c r="K1234" s="11" t="s">
        <v>514</v>
      </c>
      <c r="L1234" s="11">
        <v>3</v>
      </c>
      <c r="M1234" s="11">
        <v>3</v>
      </c>
      <c r="N1234" s="18" t="s">
        <v>731</v>
      </c>
      <c r="O1234" s="98"/>
      <c r="P1234" s="99"/>
    </row>
    <row r="1235" spans="1:16" s="33" customFormat="1" hidden="1" outlineLevel="1">
      <c r="C1235" s="11"/>
      <c r="E1235" s="11" t="s">
        <v>206</v>
      </c>
      <c r="F1235" s="11">
        <v>373</v>
      </c>
      <c r="G1235" s="11" t="s">
        <v>1</v>
      </c>
      <c r="H1235" s="11" t="s">
        <v>66</v>
      </c>
      <c r="I1235" s="11" t="s">
        <v>65</v>
      </c>
      <c r="J1235" s="11">
        <v>1</v>
      </c>
      <c r="K1235" s="11" t="s">
        <v>519</v>
      </c>
      <c r="L1235" s="11">
        <v>8</v>
      </c>
      <c r="M1235" s="11">
        <v>8</v>
      </c>
      <c r="N1235" s="18"/>
      <c r="O1235" s="98"/>
      <c r="P1235" s="99"/>
    </row>
    <row r="1236" spans="1:16" s="33" customFormat="1" hidden="1" outlineLevel="1">
      <c r="C1236" s="11"/>
      <c r="E1236" s="11" t="s">
        <v>205</v>
      </c>
      <c r="F1236" s="11">
        <v>337</v>
      </c>
      <c r="G1236" s="11" t="s">
        <v>79</v>
      </c>
      <c r="H1236" s="11" t="s">
        <v>17</v>
      </c>
      <c r="I1236" s="11" t="s">
        <v>71</v>
      </c>
      <c r="J1236" s="11">
        <v>1</v>
      </c>
      <c r="K1236" s="11" t="s">
        <v>518</v>
      </c>
      <c r="L1236" s="11">
        <v>4</v>
      </c>
      <c r="M1236" s="11">
        <v>8</v>
      </c>
      <c r="N1236" s="18"/>
      <c r="O1236" s="98"/>
      <c r="P1236" s="99"/>
    </row>
    <row r="1237" spans="1:16" s="33" customFormat="1" hidden="1" outlineLevel="1">
      <c r="C1237" s="11"/>
      <c r="E1237" s="11" t="s">
        <v>215</v>
      </c>
      <c r="F1237" s="11">
        <v>326</v>
      </c>
      <c r="G1237" s="11" t="s">
        <v>214</v>
      </c>
      <c r="H1237" s="11" t="s">
        <v>17</v>
      </c>
      <c r="I1237" s="11" t="s">
        <v>71</v>
      </c>
      <c r="J1237" s="11">
        <v>1</v>
      </c>
      <c r="K1237" s="11" t="s">
        <v>509</v>
      </c>
      <c r="L1237" s="11">
        <v>1</v>
      </c>
      <c r="M1237" s="11">
        <v>45</v>
      </c>
      <c r="N1237" s="18"/>
      <c r="O1237" s="98"/>
      <c r="P1237" s="99"/>
    </row>
    <row r="1238" spans="1:16" s="33" customFormat="1" hidden="1" outlineLevel="1">
      <c r="C1238" s="11"/>
      <c r="E1238" s="11" t="s">
        <v>213</v>
      </c>
      <c r="F1238" s="11">
        <v>350</v>
      </c>
      <c r="G1238" s="11" t="s">
        <v>108</v>
      </c>
      <c r="H1238" s="11" t="s">
        <v>17</v>
      </c>
      <c r="I1238" s="11" t="s">
        <v>71</v>
      </c>
      <c r="J1238" s="11">
        <v>1</v>
      </c>
      <c r="K1238" s="11" t="s">
        <v>509</v>
      </c>
      <c r="L1238" s="11">
        <v>1</v>
      </c>
      <c r="M1238" s="11">
        <v>20</v>
      </c>
      <c r="N1238" s="18"/>
      <c r="O1238" s="98"/>
      <c r="P1238" s="99"/>
    </row>
    <row r="1239" spans="1:16" s="99" customFormat="1" hidden="1" collapsed="1">
      <c r="A1239" s="17"/>
      <c r="B1239" s="17"/>
      <c r="C1239" s="17" t="s">
        <v>130</v>
      </c>
      <c r="D1239" s="139" t="s">
        <v>126</v>
      </c>
      <c r="E1239" s="17"/>
      <c r="F1239" s="17"/>
      <c r="G1239" s="17"/>
      <c r="H1239" s="17" t="s">
        <v>17</v>
      </c>
      <c r="I1239" s="17" t="s">
        <v>71</v>
      </c>
      <c r="J1239" s="17" t="s">
        <v>525</v>
      </c>
      <c r="K1239" s="17"/>
      <c r="L1239" s="17"/>
      <c r="M1239" s="17"/>
      <c r="N1239" s="138"/>
      <c r="O1239" s="98"/>
    </row>
    <row r="1240" spans="1:16" s="99" customFormat="1" hidden="1">
      <c r="A1240" s="10"/>
      <c r="B1240" s="10"/>
      <c r="C1240" s="8"/>
      <c r="D1240" s="10"/>
      <c r="E1240" s="8" t="s">
        <v>129</v>
      </c>
      <c r="F1240" s="8">
        <v>128</v>
      </c>
      <c r="G1240" s="8" t="s">
        <v>128</v>
      </c>
      <c r="H1240" s="8" t="s">
        <v>66</v>
      </c>
      <c r="I1240" s="8" t="s">
        <v>65</v>
      </c>
      <c r="J1240" s="8">
        <v>1</v>
      </c>
      <c r="K1240" s="8" t="s">
        <v>514</v>
      </c>
      <c r="L1240" s="8">
        <v>2</v>
      </c>
      <c r="M1240" s="8">
        <v>3</v>
      </c>
      <c r="N1240" s="72" t="s">
        <v>644</v>
      </c>
      <c r="O1240" s="98"/>
    </row>
    <row r="1241" spans="1:16" s="99" customFormat="1" hidden="1">
      <c r="A1241" s="10"/>
      <c r="B1241" s="10"/>
      <c r="C1241" s="8"/>
      <c r="D1241" s="10"/>
      <c r="E1241" s="8" t="s">
        <v>127</v>
      </c>
      <c r="F1241" s="8">
        <v>127</v>
      </c>
      <c r="G1241" s="8" t="s">
        <v>126</v>
      </c>
      <c r="H1241" s="8" t="s">
        <v>78</v>
      </c>
      <c r="I1241" s="8" t="s">
        <v>174</v>
      </c>
      <c r="J1241" s="8">
        <v>1</v>
      </c>
      <c r="K1241" s="8" t="s">
        <v>509</v>
      </c>
      <c r="L1241" s="8">
        <v>1</v>
      </c>
      <c r="M1241" s="8">
        <v>30</v>
      </c>
      <c r="N1241" s="72"/>
      <c r="O1241" s="98"/>
    </row>
    <row r="1242" spans="1:16" s="99" customFormat="1" hidden="1">
      <c r="A1242" s="17" t="s">
        <v>203</v>
      </c>
      <c r="B1242" s="139" t="s">
        <v>736</v>
      </c>
      <c r="C1242" s="17"/>
      <c r="D1242" s="139"/>
      <c r="E1242" s="17"/>
      <c r="F1242" s="17"/>
      <c r="G1242" s="17"/>
      <c r="H1242" s="17" t="s">
        <v>17</v>
      </c>
      <c r="I1242" s="17" t="s">
        <v>71</v>
      </c>
      <c r="J1242" s="17">
        <v>200</v>
      </c>
      <c r="K1242" s="17"/>
      <c r="L1242" s="17"/>
      <c r="M1242" s="17"/>
      <c r="N1242" s="138"/>
      <c r="O1242" s="98"/>
    </row>
    <row r="1243" spans="1:16" s="99" customFormat="1" hidden="1">
      <c r="A1243" s="17"/>
      <c r="B1243" s="17"/>
      <c r="C1243" s="17" t="s">
        <v>203</v>
      </c>
      <c r="D1243" s="139" t="s">
        <v>736</v>
      </c>
      <c r="E1243" s="17"/>
      <c r="F1243" s="17"/>
      <c r="G1243" s="17"/>
      <c r="H1243" s="17" t="s">
        <v>66</v>
      </c>
      <c r="I1243" s="17" t="s">
        <v>65</v>
      </c>
      <c r="J1243" s="17">
        <v>1</v>
      </c>
      <c r="K1243" s="17"/>
      <c r="L1243" s="17"/>
      <c r="M1243" s="17"/>
      <c r="N1243" s="138"/>
      <c r="O1243" s="98"/>
    </row>
    <row r="1244" spans="1:16" s="99" customFormat="1" hidden="1">
      <c r="A1244" s="10"/>
      <c r="B1244" s="10"/>
      <c r="C1244" s="8"/>
      <c r="D1244" s="10"/>
      <c r="E1244" s="8" t="s">
        <v>202</v>
      </c>
      <c r="F1244" s="8">
        <v>349</v>
      </c>
      <c r="G1244" s="8" t="s">
        <v>201</v>
      </c>
      <c r="H1244" s="8" t="s">
        <v>78</v>
      </c>
      <c r="I1244" s="8" t="s">
        <v>71</v>
      </c>
      <c r="J1244" s="8">
        <v>1</v>
      </c>
      <c r="K1244" s="8" t="s">
        <v>514</v>
      </c>
      <c r="L1244" s="8">
        <v>1</v>
      </c>
      <c r="M1244" s="8">
        <v>1</v>
      </c>
      <c r="N1244" s="72" t="s">
        <v>666</v>
      </c>
      <c r="O1244" s="98"/>
    </row>
    <row r="1245" spans="1:16" s="99" customFormat="1" hidden="1">
      <c r="A1245" s="10"/>
      <c r="B1245" s="10"/>
      <c r="C1245" s="8"/>
      <c r="D1245" s="10"/>
      <c r="E1245" s="8" t="s">
        <v>200</v>
      </c>
      <c r="F1245" s="8">
        <v>753</v>
      </c>
      <c r="G1245" s="8" t="s">
        <v>199</v>
      </c>
      <c r="H1245" s="8" t="s">
        <v>17</v>
      </c>
      <c r="I1245" s="8" t="s">
        <v>71</v>
      </c>
      <c r="J1245" s="8">
        <v>1</v>
      </c>
      <c r="K1245" s="8" t="s">
        <v>514</v>
      </c>
      <c r="L1245" s="8">
        <v>1</v>
      </c>
      <c r="M1245" s="8">
        <v>5</v>
      </c>
      <c r="N1245" s="72" t="s">
        <v>730</v>
      </c>
      <c r="O1245" s="98"/>
    </row>
    <row r="1246" spans="1:16" s="99" customFormat="1" hidden="1">
      <c r="A1246" s="10"/>
      <c r="B1246" s="10"/>
      <c r="C1246" s="8"/>
      <c r="D1246" s="10"/>
      <c r="E1246" s="8" t="s">
        <v>198</v>
      </c>
      <c r="F1246" s="8">
        <v>559</v>
      </c>
      <c r="G1246" s="8" t="s">
        <v>197</v>
      </c>
      <c r="H1246" s="8" t="s">
        <v>78</v>
      </c>
      <c r="I1246" s="8" t="s">
        <v>71</v>
      </c>
      <c r="J1246" s="8">
        <v>1</v>
      </c>
      <c r="K1246" s="8" t="s">
        <v>514</v>
      </c>
      <c r="L1246" s="8">
        <v>2</v>
      </c>
      <c r="M1246" s="8">
        <v>2</v>
      </c>
      <c r="N1246" s="72" t="s">
        <v>643</v>
      </c>
      <c r="O1246" s="98"/>
    </row>
    <row r="1247" spans="1:16" s="99" customFormat="1" hidden="1">
      <c r="A1247" s="10"/>
      <c r="B1247" s="10"/>
      <c r="C1247" s="8"/>
      <c r="D1247" s="10"/>
      <c r="E1247" s="8" t="s">
        <v>196</v>
      </c>
      <c r="F1247" s="8">
        <v>754</v>
      </c>
      <c r="G1247" s="8" t="s">
        <v>195</v>
      </c>
      <c r="H1247" s="8" t="s">
        <v>78</v>
      </c>
      <c r="I1247" s="8" t="s">
        <v>71</v>
      </c>
      <c r="J1247" s="8">
        <v>1</v>
      </c>
      <c r="K1247" s="8" t="s">
        <v>509</v>
      </c>
      <c r="L1247" s="8">
        <v>1</v>
      </c>
      <c r="M1247" s="8">
        <v>7</v>
      </c>
      <c r="N1247" s="72"/>
      <c r="O1247" s="98"/>
    </row>
    <row r="1248" spans="1:16" s="99" customFormat="1" hidden="1">
      <c r="A1248" s="10"/>
      <c r="B1248" s="10"/>
      <c r="C1248" s="8"/>
      <c r="D1248" s="10"/>
      <c r="E1248" s="8" t="s">
        <v>194</v>
      </c>
      <c r="F1248" s="8">
        <v>352</v>
      </c>
      <c r="G1248" s="8" t="s">
        <v>3</v>
      </c>
      <c r="H1248" s="8" t="s">
        <v>78</v>
      </c>
      <c r="I1248" s="8" t="s">
        <v>71</v>
      </c>
      <c r="J1248" s="8">
        <v>1</v>
      </c>
      <c r="K1248" s="8" t="s">
        <v>509</v>
      </c>
      <c r="L1248" s="8">
        <v>1</v>
      </c>
      <c r="M1248" s="8">
        <v>80</v>
      </c>
      <c r="N1248" s="72"/>
      <c r="O1248" s="98"/>
    </row>
    <row r="1249" spans="1:16" s="99" customFormat="1" hidden="1">
      <c r="A1249" s="17"/>
      <c r="B1249" s="17"/>
      <c r="C1249" s="17" t="s">
        <v>193</v>
      </c>
      <c r="D1249" s="139" t="s">
        <v>497</v>
      </c>
      <c r="E1249" s="17"/>
      <c r="F1249" s="17"/>
      <c r="G1249" s="17"/>
      <c r="H1249" s="17" t="s">
        <v>17</v>
      </c>
      <c r="I1249" s="17" t="s">
        <v>71</v>
      </c>
      <c r="J1249" s="17" t="s">
        <v>525</v>
      </c>
      <c r="K1249" s="17"/>
      <c r="L1249" s="17"/>
      <c r="M1249" s="17"/>
      <c r="N1249" s="138"/>
      <c r="O1249" s="98"/>
    </row>
    <row r="1250" spans="1:16" s="99" customFormat="1" hidden="1">
      <c r="A1250" s="10"/>
      <c r="B1250" s="10"/>
      <c r="C1250" s="8"/>
      <c r="D1250" s="10"/>
      <c r="E1250" s="8" t="s">
        <v>192</v>
      </c>
      <c r="F1250" s="8">
        <v>737</v>
      </c>
      <c r="G1250" s="8" t="s">
        <v>191</v>
      </c>
      <c r="H1250" s="8" t="s">
        <v>17</v>
      </c>
      <c r="I1250" s="8" t="s">
        <v>71</v>
      </c>
      <c r="J1250" s="8">
        <v>1</v>
      </c>
      <c r="K1250" s="8" t="s">
        <v>514</v>
      </c>
      <c r="L1250" s="8">
        <v>2</v>
      </c>
      <c r="M1250" s="8">
        <v>2</v>
      </c>
      <c r="N1250" s="72" t="s">
        <v>646</v>
      </c>
      <c r="O1250" s="98"/>
    </row>
    <row r="1251" spans="1:16" s="99" customFormat="1" hidden="1">
      <c r="A1251" s="10"/>
      <c r="B1251" s="10"/>
      <c r="C1251" s="8"/>
      <c r="D1251" s="10"/>
      <c r="E1251" s="8" t="s">
        <v>190</v>
      </c>
      <c r="F1251" s="8">
        <v>738</v>
      </c>
      <c r="G1251" s="8" t="s">
        <v>189</v>
      </c>
      <c r="H1251" s="8" t="s">
        <v>17</v>
      </c>
      <c r="I1251" s="8" t="s">
        <v>71</v>
      </c>
      <c r="J1251" s="8">
        <v>1</v>
      </c>
      <c r="K1251" s="8" t="s">
        <v>514</v>
      </c>
      <c r="L1251" s="8">
        <v>1</v>
      </c>
      <c r="M1251" s="8">
        <v>3</v>
      </c>
      <c r="N1251" s="70" t="s">
        <v>624</v>
      </c>
      <c r="O1251" s="98"/>
    </row>
    <row r="1252" spans="1:16" s="99" customFormat="1" hidden="1">
      <c r="A1252" s="10"/>
      <c r="B1252" s="10"/>
      <c r="C1252" s="8"/>
      <c r="D1252" s="10"/>
      <c r="E1252" s="8" t="s">
        <v>188</v>
      </c>
      <c r="F1252" s="8">
        <v>739</v>
      </c>
      <c r="G1252" s="8" t="s">
        <v>187</v>
      </c>
      <c r="H1252" s="8" t="s">
        <v>78</v>
      </c>
      <c r="I1252" s="8" t="s">
        <v>71</v>
      </c>
      <c r="J1252" s="8">
        <v>1</v>
      </c>
      <c r="K1252" s="8" t="s">
        <v>438</v>
      </c>
      <c r="L1252" s="8">
        <v>1</v>
      </c>
      <c r="M1252" s="8">
        <v>20</v>
      </c>
      <c r="N1252" s="72"/>
      <c r="O1252" s="98"/>
    </row>
    <row r="1253" spans="1:16" s="99" customFormat="1" hidden="1">
      <c r="A1253" s="10"/>
      <c r="B1253" s="10"/>
      <c r="C1253" s="8"/>
      <c r="D1253" s="10" t="s">
        <v>186</v>
      </c>
      <c r="E1253" s="8" t="s">
        <v>185</v>
      </c>
      <c r="F1253" s="8"/>
      <c r="G1253" s="8"/>
      <c r="H1253" s="8" t="s">
        <v>78</v>
      </c>
      <c r="I1253" s="8" t="s">
        <v>71</v>
      </c>
      <c r="J1253" s="8">
        <v>1</v>
      </c>
      <c r="K1253" s="8"/>
      <c r="L1253" s="8"/>
      <c r="M1253" s="8"/>
      <c r="N1253" s="72"/>
      <c r="O1253" s="98"/>
    </row>
    <row r="1254" spans="1:16" s="99" customFormat="1" hidden="1">
      <c r="A1254" s="10"/>
      <c r="B1254" s="10"/>
      <c r="C1254" s="8"/>
      <c r="D1254" s="10"/>
      <c r="E1254" s="8" t="s">
        <v>711</v>
      </c>
      <c r="F1254" s="8">
        <v>355</v>
      </c>
      <c r="G1254" s="8" t="s">
        <v>103</v>
      </c>
      <c r="H1254" s="8" t="s">
        <v>66</v>
      </c>
      <c r="I1254" s="8" t="s">
        <v>65</v>
      </c>
      <c r="J1254" s="8">
        <v>1</v>
      </c>
      <c r="K1254" s="8" t="s">
        <v>514</v>
      </c>
      <c r="L1254" s="8">
        <v>2</v>
      </c>
      <c r="M1254" s="8">
        <v>2</v>
      </c>
      <c r="N1254" s="70" t="s">
        <v>624</v>
      </c>
      <c r="O1254" s="98"/>
    </row>
    <row r="1255" spans="1:16" hidden="1">
      <c r="A1255" s="17" t="s">
        <v>177</v>
      </c>
      <c r="B1255" s="139" t="s">
        <v>126</v>
      </c>
      <c r="C1255" s="17"/>
      <c r="D1255" s="139"/>
      <c r="E1255" s="17"/>
      <c r="F1255" s="17"/>
      <c r="G1255" s="17"/>
      <c r="H1255" s="17" t="s">
        <v>17</v>
      </c>
      <c r="I1255" s="17" t="s">
        <v>71</v>
      </c>
      <c r="J1255" s="17">
        <v>1000</v>
      </c>
      <c r="K1255" s="17"/>
      <c r="L1255" s="17"/>
      <c r="M1255" s="17"/>
      <c r="N1255" s="138"/>
      <c r="O1255" s="98"/>
    </row>
    <row r="1256" spans="1:16" hidden="1">
      <c r="A1256" s="17"/>
      <c r="B1256" s="17"/>
      <c r="C1256" s="17" t="s">
        <v>177</v>
      </c>
      <c r="D1256" s="139" t="s">
        <v>126</v>
      </c>
      <c r="E1256" s="17"/>
      <c r="F1256" s="17"/>
      <c r="G1256" s="17"/>
      <c r="H1256" s="17" t="s">
        <v>66</v>
      </c>
      <c r="I1256" s="17" t="s">
        <v>65</v>
      </c>
      <c r="J1256" s="17">
        <v>1</v>
      </c>
      <c r="K1256" s="17"/>
      <c r="L1256" s="17"/>
      <c r="M1256" s="17"/>
      <c r="N1256" s="138"/>
      <c r="O1256" s="98"/>
    </row>
    <row r="1257" spans="1:16" hidden="1">
      <c r="E1257" s="8" t="s">
        <v>176</v>
      </c>
      <c r="F1257" s="8">
        <v>128</v>
      </c>
      <c r="G1257" s="8" t="s">
        <v>128</v>
      </c>
      <c r="H1257" s="8" t="s">
        <v>66</v>
      </c>
      <c r="I1257" s="8" t="s">
        <v>65</v>
      </c>
      <c r="J1257" s="8">
        <v>1</v>
      </c>
      <c r="K1257" s="8" t="s">
        <v>514</v>
      </c>
      <c r="L1257" s="8">
        <v>2</v>
      </c>
      <c r="M1257" s="8">
        <v>3</v>
      </c>
      <c r="N1257" s="72" t="s">
        <v>688</v>
      </c>
      <c r="O1257" s="98"/>
    </row>
    <row r="1258" spans="1:16" hidden="1">
      <c r="E1258" s="8" t="s">
        <v>175</v>
      </c>
      <c r="F1258" s="8">
        <v>127</v>
      </c>
      <c r="G1258" s="8" t="s">
        <v>126</v>
      </c>
      <c r="H1258" s="8" t="s">
        <v>78</v>
      </c>
      <c r="I1258" s="8" t="s">
        <v>71</v>
      </c>
      <c r="J1258" s="8">
        <v>1</v>
      </c>
      <c r="K1258" s="8" t="s">
        <v>509</v>
      </c>
      <c r="L1258" s="8">
        <v>1</v>
      </c>
      <c r="M1258" s="8">
        <v>30</v>
      </c>
      <c r="N1258" s="72" t="s">
        <v>688</v>
      </c>
      <c r="O1258" s="98"/>
    </row>
    <row r="1259" spans="1:16" hidden="1">
      <c r="E1259" s="8" t="s">
        <v>173</v>
      </c>
      <c r="F1259" s="8">
        <v>369</v>
      </c>
      <c r="G1259" s="8" t="s">
        <v>172</v>
      </c>
      <c r="H1259" s="8" t="s">
        <v>78</v>
      </c>
      <c r="I1259" s="8" t="s">
        <v>71</v>
      </c>
      <c r="J1259" s="8">
        <v>1</v>
      </c>
      <c r="K1259" s="8" t="s">
        <v>509</v>
      </c>
      <c r="L1259" s="8">
        <v>1</v>
      </c>
      <c r="M1259" s="8">
        <v>45</v>
      </c>
      <c r="O1259" s="98"/>
    </row>
    <row r="1260" spans="1:16" hidden="1">
      <c r="A1260" s="17"/>
      <c r="B1260" s="17"/>
      <c r="C1260" s="75" t="s">
        <v>87</v>
      </c>
      <c r="D1260" s="142" t="s">
        <v>515</v>
      </c>
      <c r="E1260" s="75"/>
      <c r="F1260" s="75"/>
      <c r="G1260" s="75"/>
      <c r="H1260" s="75" t="s">
        <v>17</v>
      </c>
      <c r="I1260" s="75" t="s">
        <v>71</v>
      </c>
      <c r="J1260" s="75">
        <v>1000</v>
      </c>
      <c r="K1260" s="75"/>
      <c r="L1260" s="75"/>
      <c r="M1260" s="75"/>
      <c r="N1260" s="78"/>
      <c r="O1260" s="98"/>
    </row>
    <row r="1261" spans="1:16" hidden="1">
      <c r="E1261" s="8" t="s">
        <v>86</v>
      </c>
      <c r="F1261" s="8">
        <v>933</v>
      </c>
      <c r="G1261" s="8" t="s">
        <v>85</v>
      </c>
      <c r="H1261" s="8" t="s">
        <v>66</v>
      </c>
      <c r="I1261" s="8" t="s">
        <v>65</v>
      </c>
      <c r="J1261" s="8">
        <v>1</v>
      </c>
      <c r="K1261" s="8" t="s">
        <v>509</v>
      </c>
      <c r="L1261" s="8">
        <v>1</v>
      </c>
      <c r="M1261" s="8">
        <v>264</v>
      </c>
      <c r="O1261" s="98"/>
    </row>
    <row r="1262" spans="1:16">
      <c r="A1262" s="17" t="s">
        <v>177</v>
      </c>
      <c r="B1262" s="139" t="s">
        <v>126</v>
      </c>
      <c r="C1262" s="17"/>
      <c r="D1262" s="139"/>
      <c r="E1262" s="17"/>
      <c r="F1262" s="17"/>
      <c r="G1262" s="17"/>
      <c r="H1262" s="17" t="s">
        <v>17</v>
      </c>
      <c r="I1262" s="17" t="s">
        <v>71</v>
      </c>
      <c r="J1262" s="17">
        <v>1000</v>
      </c>
      <c r="K1262" s="17"/>
      <c r="L1262" s="17"/>
      <c r="M1262" s="17"/>
      <c r="N1262" s="138"/>
      <c r="O1262" s="98"/>
    </row>
    <row r="1263" spans="1:16" ht="52.5">
      <c r="A1263" s="17"/>
      <c r="B1263" s="17"/>
      <c r="C1263" s="17" t="s">
        <v>177</v>
      </c>
      <c r="D1263" s="139" t="s">
        <v>126</v>
      </c>
      <c r="E1263" s="17"/>
      <c r="F1263" s="17"/>
      <c r="G1263" s="17"/>
      <c r="H1263" s="17" t="s">
        <v>66</v>
      </c>
      <c r="I1263" s="17" t="s">
        <v>65</v>
      </c>
      <c r="J1263" s="17">
        <v>1</v>
      </c>
      <c r="K1263" s="17"/>
      <c r="L1263" s="17"/>
      <c r="M1263" s="17"/>
      <c r="N1263" s="138"/>
      <c r="O1263" s="98" t="s">
        <v>1012</v>
      </c>
      <c r="P1263" s="99" t="s">
        <v>1682</v>
      </c>
    </row>
    <row r="1264" spans="1:16">
      <c r="E1264" s="8" t="s">
        <v>176</v>
      </c>
      <c r="F1264" s="8">
        <v>128</v>
      </c>
      <c r="G1264" s="8" t="s">
        <v>128</v>
      </c>
      <c r="H1264" s="8" t="s">
        <v>66</v>
      </c>
      <c r="I1264" s="8" t="s">
        <v>65</v>
      </c>
      <c r="J1264" s="8">
        <v>1</v>
      </c>
      <c r="K1264" s="8" t="s">
        <v>514</v>
      </c>
      <c r="L1264" s="8">
        <v>2</v>
      </c>
      <c r="M1264" s="8">
        <v>3</v>
      </c>
      <c r="N1264" s="72" t="s">
        <v>643</v>
      </c>
      <c r="O1264" s="98" t="s">
        <v>1013</v>
      </c>
    </row>
    <row r="1265" spans="1:15">
      <c r="E1265" s="8" t="s">
        <v>175</v>
      </c>
      <c r="F1265" s="8">
        <v>127</v>
      </c>
      <c r="G1265" s="8" t="s">
        <v>126</v>
      </c>
      <c r="H1265" s="8" t="s">
        <v>78</v>
      </c>
      <c r="I1265" s="8" t="s">
        <v>71</v>
      </c>
      <c r="J1265" s="8">
        <v>1</v>
      </c>
      <c r="K1265" s="8" t="s">
        <v>509</v>
      </c>
      <c r="L1265" s="8">
        <v>1</v>
      </c>
      <c r="M1265" s="8">
        <v>30</v>
      </c>
      <c r="O1265" s="98" t="s">
        <v>2103</v>
      </c>
    </row>
    <row r="1266" spans="1:15">
      <c r="E1266" s="8" t="s">
        <v>173</v>
      </c>
      <c r="F1266" s="8">
        <v>369</v>
      </c>
      <c r="G1266" s="8" t="s">
        <v>172</v>
      </c>
      <c r="H1266" s="8" t="s">
        <v>78</v>
      </c>
      <c r="I1266" s="8" t="s">
        <v>71</v>
      </c>
      <c r="J1266" s="8">
        <v>1</v>
      </c>
      <c r="K1266" s="8" t="s">
        <v>509</v>
      </c>
      <c r="L1266" s="8">
        <v>1</v>
      </c>
      <c r="M1266" s="8">
        <v>45</v>
      </c>
      <c r="N1266" s="18" t="s">
        <v>673</v>
      </c>
      <c r="O1266" s="98" t="s">
        <v>2102</v>
      </c>
    </row>
    <row r="1267" spans="1:15">
      <c r="A1267" s="17"/>
      <c r="B1267" s="17"/>
      <c r="C1267" s="17" t="s">
        <v>87</v>
      </c>
      <c r="D1267" s="139" t="s">
        <v>515</v>
      </c>
      <c r="E1267" s="17"/>
      <c r="F1267" s="17"/>
      <c r="G1267" s="17"/>
      <c r="H1267" s="17" t="s">
        <v>17</v>
      </c>
      <c r="I1267" s="17" t="s">
        <v>71</v>
      </c>
      <c r="J1267" s="17">
        <v>1000</v>
      </c>
      <c r="K1267" s="17"/>
      <c r="L1267" s="17"/>
      <c r="M1267" s="17"/>
      <c r="N1267" s="138"/>
      <c r="O1267" s="98" t="s">
        <v>2101</v>
      </c>
    </row>
    <row r="1268" spans="1:15">
      <c r="E1268" s="8" t="s">
        <v>86</v>
      </c>
      <c r="F1268" s="8">
        <v>933</v>
      </c>
      <c r="G1268" s="8" t="s">
        <v>85</v>
      </c>
      <c r="H1268" s="8" t="s">
        <v>66</v>
      </c>
      <c r="I1268" s="8" t="s">
        <v>65</v>
      </c>
      <c r="J1268" s="8">
        <v>1</v>
      </c>
      <c r="K1268" s="8" t="s">
        <v>509</v>
      </c>
      <c r="L1268" s="8">
        <v>1</v>
      </c>
      <c r="M1268" s="8">
        <v>264</v>
      </c>
      <c r="O1268" s="98" t="s">
        <v>2100</v>
      </c>
    </row>
    <row r="1269" spans="1:15">
      <c r="E1269" s="8" t="s">
        <v>179</v>
      </c>
      <c r="F1269" s="8">
        <v>934</v>
      </c>
      <c r="G1269" s="8" t="s">
        <v>178</v>
      </c>
      <c r="H1269" s="8" t="s">
        <v>78</v>
      </c>
      <c r="I1269" s="8" t="s">
        <v>71</v>
      </c>
      <c r="J1269" s="8">
        <v>1</v>
      </c>
      <c r="K1269" s="8" t="s">
        <v>514</v>
      </c>
      <c r="L1269" s="8">
        <v>2</v>
      </c>
      <c r="M1269" s="8">
        <v>2</v>
      </c>
      <c r="N1269" s="72" t="s">
        <v>674</v>
      </c>
      <c r="O1269" s="98" t="s">
        <v>2099</v>
      </c>
    </row>
    <row r="1270" spans="1:15">
      <c r="O1270" s="98" t="s">
        <v>2098</v>
      </c>
    </row>
    <row r="1271" spans="1:15" s="99" customFormat="1">
      <c r="C1271" s="8"/>
      <c r="D1271" s="10"/>
      <c r="E1271" s="8"/>
      <c r="F1271" s="8"/>
      <c r="G1271" s="8"/>
      <c r="H1271" s="8"/>
      <c r="I1271" s="8"/>
      <c r="J1271" s="8"/>
      <c r="K1271" s="8"/>
      <c r="L1271" s="8"/>
      <c r="M1271" s="8"/>
      <c r="N1271" s="72"/>
      <c r="O1271" s="98" t="s">
        <v>2097</v>
      </c>
    </row>
    <row r="1272" spans="1:15" s="99" customFormat="1">
      <c r="C1272" s="8"/>
      <c r="D1272" s="10"/>
      <c r="E1272" s="8"/>
      <c r="F1272" s="8"/>
      <c r="G1272" s="8"/>
      <c r="H1272" s="8"/>
      <c r="I1272" s="8"/>
      <c r="J1272" s="8"/>
      <c r="K1272" s="8"/>
      <c r="L1272" s="8"/>
      <c r="M1272" s="8"/>
      <c r="N1272" s="72"/>
      <c r="O1272" s="98" t="s">
        <v>2096</v>
      </c>
    </row>
    <row r="1273" spans="1:15" s="99" customFormat="1">
      <c r="C1273" s="8"/>
      <c r="D1273" s="10"/>
      <c r="E1273" s="8"/>
      <c r="F1273" s="8"/>
      <c r="G1273" s="8"/>
      <c r="H1273" s="8"/>
      <c r="I1273" s="8"/>
      <c r="J1273" s="8"/>
      <c r="K1273" s="8"/>
      <c r="L1273" s="8"/>
      <c r="M1273" s="8"/>
      <c r="N1273" s="72"/>
      <c r="O1273" s="98" t="s">
        <v>2057</v>
      </c>
    </row>
    <row r="1274" spans="1:15" s="99" customFormat="1">
      <c r="C1274" s="8"/>
      <c r="D1274" s="10"/>
      <c r="E1274" s="8"/>
      <c r="F1274" s="8"/>
      <c r="G1274" s="8"/>
      <c r="H1274" s="8"/>
      <c r="I1274" s="8"/>
      <c r="J1274" s="8"/>
      <c r="K1274" s="8"/>
      <c r="L1274" s="8"/>
      <c r="M1274" s="8"/>
      <c r="N1274" s="72"/>
      <c r="O1274" s="98" t="s">
        <v>2095</v>
      </c>
    </row>
    <row r="1275" spans="1:15" s="99" customFormat="1">
      <c r="C1275" s="8"/>
      <c r="D1275" s="10"/>
      <c r="E1275" s="8"/>
      <c r="F1275" s="8"/>
      <c r="G1275" s="8"/>
      <c r="H1275" s="8"/>
      <c r="I1275" s="8"/>
      <c r="J1275" s="8"/>
      <c r="K1275" s="8"/>
      <c r="L1275" s="8"/>
      <c r="M1275" s="8"/>
      <c r="N1275" s="72"/>
      <c r="O1275" s="98" t="s">
        <v>1658</v>
      </c>
    </row>
    <row r="1276" spans="1:15" s="99" customFormat="1">
      <c r="C1276" s="8"/>
      <c r="D1276" s="10"/>
      <c r="E1276" s="8"/>
      <c r="F1276" s="8"/>
      <c r="G1276" s="8"/>
      <c r="H1276" s="8"/>
      <c r="I1276" s="8"/>
      <c r="J1276" s="8"/>
      <c r="K1276" s="8"/>
      <c r="L1276" s="8"/>
      <c r="M1276" s="8"/>
      <c r="N1276" s="72"/>
      <c r="O1276" s="98" t="s">
        <v>1659</v>
      </c>
    </row>
    <row r="1277" spans="1:15" s="99" customFormat="1">
      <c r="C1277" s="8"/>
      <c r="D1277" s="10"/>
      <c r="E1277" s="8"/>
      <c r="F1277" s="8"/>
      <c r="G1277" s="8"/>
      <c r="H1277" s="8"/>
      <c r="I1277" s="8"/>
      <c r="J1277" s="8"/>
      <c r="K1277" s="8"/>
      <c r="L1277" s="8"/>
      <c r="M1277" s="8"/>
      <c r="N1277" s="72"/>
      <c r="O1277" s="98" t="s">
        <v>1649</v>
      </c>
    </row>
    <row r="1278" spans="1:15" s="99" customFormat="1">
      <c r="C1278" s="8"/>
      <c r="D1278" s="10"/>
      <c r="E1278" s="8"/>
      <c r="F1278" s="8"/>
      <c r="G1278" s="8"/>
      <c r="H1278" s="8"/>
      <c r="I1278" s="8"/>
      <c r="J1278" s="8"/>
      <c r="K1278" s="8"/>
      <c r="L1278" s="8"/>
      <c r="M1278" s="8"/>
      <c r="N1278" s="72"/>
      <c r="O1278" s="98" t="s">
        <v>1650</v>
      </c>
    </row>
    <row r="1279" spans="1:15" s="99" customFormat="1">
      <c r="C1279" s="8"/>
      <c r="D1279" s="10"/>
      <c r="E1279" s="8"/>
      <c r="F1279" s="8"/>
      <c r="G1279" s="8"/>
      <c r="H1279" s="8"/>
      <c r="I1279" s="8"/>
      <c r="J1279" s="8"/>
      <c r="K1279" s="8"/>
      <c r="L1279" s="8"/>
      <c r="M1279" s="8"/>
      <c r="N1279" s="72"/>
      <c r="O1279" s="98" t="s">
        <v>1014</v>
      </c>
    </row>
    <row r="1280" spans="1:15" s="99" customFormat="1">
      <c r="C1280" s="8"/>
      <c r="D1280" s="10"/>
      <c r="E1280" s="8"/>
      <c r="F1280" s="8"/>
      <c r="G1280" s="8"/>
      <c r="H1280" s="8"/>
      <c r="I1280" s="8"/>
      <c r="J1280" s="8"/>
      <c r="K1280" s="8"/>
      <c r="L1280" s="8"/>
      <c r="M1280" s="8"/>
      <c r="N1280" s="72"/>
      <c r="O1280" s="98" t="s">
        <v>1015</v>
      </c>
    </row>
    <row r="1281" spans="3:15" s="99" customFormat="1">
      <c r="C1281" s="8"/>
      <c r="D1281" s="10"/>
      <c r="E1281" s="8"/>
      <c r="F1281" s="8"/>
      <c r="G1281" s="8"/>
      <c r="H1281" s="8"/>
      <c r="I1281" s="8"/>
      <c r="J1281" s="8"/>
      <c r="K1281" s="8"/>
      <c r="L1281" s="8"/>
      <c r="M1281" s="8"/>
      <c r="N1281" s="72"/>
      <c r="O1281" s="98" t="s">
        <v>2094</v>
      </c>
    </row>
    <row r="1282" spans="3:15" s="99" customFormat="1">
      <c r="C1282" s="8"/>
      <c r="D1282" s="10"/>
      <c r="E1282" s="8"/>
      <c r="F1282" s="8"/>
      <c r="G1282" s="8"/>
      <c r="H1282" s="8"/>
      <c r="I1282" s="8"/>
      <c r="J1282" s="8"/>
      <c r="K1282" s="8"/>
      <c r="L1282" s="8"/>
      <c r="M1282" s="8"/>
      <c r="N1282" s="72"/>
      <c r="O1282" s="98" t="s">
        <v>1019</v>
      </c>
    </row>
    <row r="1283" spans="3:15" s="99" customFormat="1">
      <c r="C1283" s="8"/>
      <c r="D1283" s="10"/>
      <c r="E1283" s="8"/>
      <c r="F1283" s="8"/>
      <c r="G1283" s="8"/>
      <c r="H1283" s="8"/>
      <c r="I1283" s="8"/>
      <c r="J1283" s="8"/>
      <c r="K1283" s="8"/>
      <c r="L1283" s="8"/>
      <c r="M1283" s="8"/>
      <c r="N1283" s="72"/>
      <c r="O1283" s="98" t="s">
        <v>2093</v>
      </c>
    </row>
    <row r="1284" spans="3:15" s="99" customFormat="1">
      <c r="C1284" s="8"/>
      <c r="D1284" s="10"/>
      <c r="E1284" s="8"/>
      <c r="F1284" s="8"/>
      <c r="G1284" s="8"/>
      <c r="H1284" s="8"/>
      <c r="I1284" s="8"/>
      <c r="J1284" s="8"/>
      <c r="K1284" s="8"/>
      <c r="L1284" s="8"/>
      <c r="M1284" s="8"/>
      <c r="N1284" s="72"/>
      <c r="O1284" s="98" t="s">
        <v>2092</v>
      </c>
    </row>
    <row r="1285" spans="3:15" s="99" customFormat="1">
      <c r="C1285" s="8"/>
      <c r="D1285" s="10"/>
      <c r="E1285" s="8"/>
      <c r="F1285" s="8"/>
      <c r="G1285" s="8"/>
      <c r="H1285" s="8"/>
      <c r="I1285" s="8"/>
      <c r="J1285" s="8"/>
      <c r="K1285" s="8"/>
      <c r="L1285" s="8"/>
      <c r="M1285" s="8"/>
      <c r="N1285" s="72"/>
      <c r="O1285" s="98" t="s">
        <v>1651</v>
      </c>
    </row>
    <row r="1286" spans="3:15" s="99" customFormat="1">
      <c r="C1286" s="8"/>
      <c r="D1286" s="10"/>
      <c r="E1286" s="8"/>
      <c r="F1286" s="8"/>
      <c r="G1286" s="8"/>
      <c r="H1286" s="8"/>
      <c r="I1286" s="8"/>
      <c r="J1286" s="8"/>
      <c r="K1286" s="8"/>
      <c r="L1286" s="8"/>
      <c r="M1286" s="8"/>
      <c r="N1286" s="72"/>
      <c r="O1286" s="98" t="s">
        <v>1652</v>
      </c>
    </row>
    <row r="1287" spans="3:15" s="99" customFormat="1">
      <c r="C1287" s="8"/>
      <c r="D1287" s="10"/>
      <c r="E1287" s="8"/>
      <c r="F1287" s="8"/>
      <c r="G1287" s="8"/>
      <c r="H1287" s="8"/>
      <c r="I1287" s="8"/>
      <c r="J1287" s="8"/>
      <c r="K1287" s="8"/>
      <c r="L1287" s="8"/>
      <c r="M1287" s="8"/>
      <c r="N1287" s="72"/>
      <c r="O1287" s="98" t="s">
        <v>989</v>
      </c>
    </row>
    <row r="1288" spans="3:15" s="99" customFormat="1">
      <c r="C1288" s="8"/>
      <c r="D1288" s="10"/>
      <c r="E1288" s="8"/>
      <c r="F1288" s="8"/>
      <c r="G1288" s="8"/>
      <c r="H1288" s="8"/>
      <c r="I1288" s="8"/>
      <c r="J1288" s="8"/>
      <c r="K1288" s="8"/>
      <c r="L1288" s="8"/>
      <c r="M1288" s="8"/>
      <c r="N1288" s="72"/>
      <c r="O1288" s="98" t="s">
        <v>990</v>
      </c>
    </row>
    <row r="1289" spans="3:15" s="99" customFormat="1">
      <c r="C1289" s="8"/>
      <c r="D1289" s="10"/>
      <c r="E1289" s="8"/>
      <c r="F1289" s="8"/>
      <c r="G1289" s="8"/>
      <c r="H1289" s="8"/>
      <c r="I1289" s="8"/>
      <c r="J1289" s="8"/>
      <c r="K1289" s="8"/>
      <c r="L1289" s="8"/>
      <c r="M1289" s="8"/>
      <c r="N1289" s="72"/>
      <c r="O1289" s="98" t="s">
        <v>1016</v>
      </c>
    </row>
    <row r="1290" spans="3:15" s="99" customFormat="1">
      <c r="C1290" s="8"/>
      <c r="D1290" s="10"/>
      <c r="E1290" s="8"/>
      <c r="F1290" s="8"/>
      <c r="G1290" s="8"/>
      <c r="H1290" s="8"/>
      <c r="I1290" s="8"/>
      <c r="J1290" s="8"/>
      <c r="K1290" s="8"/>
      <c r="L1290" s="8"/>
      <c r="M1290" s="8"/>
      <c r="N1290" s="72"/>
      <c r="O1290" s="98" t="s">
        <v>981</v>
      </c>
    </row>
    <row r="1291" spans="3:15" s="99" customFormat="1">
      <c r="C1291" s="8"/>
      <c r="D1291" s="10"/>
      <c r="E1291" s="8"/>
      <c r="F1291" s="8"/>
      <c r="G1291" s="8"/>
      <c r="H1291" s="8"/>
      <c r="I1291" s="8"/>
      <c r="J1291" s="8"/>
      <c r="K1291" s="8"/>
      <c r="L1291" s="8"/>
      <c r="M1291" s="8"/>
      <c r="N1291" s="72"/>
      <c r="O1291" s="98" t="s">
        <v>1017</v>
      </c>
    </row>
    <row r="1292" spans="3:15" s="99" customFormat="1">
      <c r="C1292" s="8"/>
      <c r="D1292" s="10"/>
      <c r="E1292" s="8"/>
      <c r="F1292" s="8"/>
      <c r="G1292" s="8"/>
      <c r="H1292" s="8"/>
      <c r="I1292" s="8"/>
      <c r="J1292" s="8"/>
      <c r="K1292" s="8"/>
      <c r="L1292" s="8"/>
      <c r="M1292" s="8"/>
      <c r="N1292" s="72"/>
      <c r="O1292" s="98" t="s">
        <v>1018</v>
      </c>
    </row>
    <row r="1293" spans="3:15" s="99" customFormat="1">
      <c r="C1293" s="8"/>
      <c r="D1293" s="10"/>
      <c r="E1293" s="8"/>
      <c r="F1293" s="8"/>
      <c r="G1293" s="8"/>
      <c r="H1293" s="8"/>
      <c r="I1293" s="8"/>
      <c r="J1293" s="8"/>
      <c r="K1293" s="8"/>
      <c r="L1293" s="8"/>
      <c r="M1293" s="8"/>
      <c r="N1293" s="72"/>
      <c r="O1293" s="98" t="s">
        <v>991</v>
      </c>
    </row>
    <row r="1294" spans="3:15" s="99" customFormat="1">
      <c r="C1294" s="8"/>
      <c r="D1294" s="10"/>
      <c r="E1294" s="8"/>
      <c r="F1294" s="8"/>
      <c r="G1294" s="8"/>
      <c r="H1294" s="8"/>
      <c r="I1294" s="8"/>
      <c r="J1294" s="8"/>
      <c r="K1294" s="8"/>
      <c r="L1294" s="8"/>
      <c r="M1294" s="8"/>
      <c r="N1294" s="72"/>
      <c r="O1294" s="98" t="s">
        <v>1027</v>
      </c>
    </row>
    <row r="1295" spans="3:15" s="99" customFormat="1">
      <c r="C1295" s="8"/>
      <c r="D1295" s="10"/>
      <c r="E1295" s="8"/>
      <c r="F1295" s="8"/>
      <c r="G1295" s="8"/>
      <c r="H1295" s="8"/>
      <c r="I1295" s="8"/>
      <c r="J1295" s="8"/>
      <c r="K1295" s="8"/>
      <c r="L1295" s="8"/>
      <c r="M1295" s="8"/>
      <c r="N1295" s="72"/>
      <c r="O1295" s="98" t="s">
        <v>1655</v>
      </c>
    </row>
    <row r="1296" spans="3:15" s="99" customFormat="1">
      <c r="C1296" s="8"/>
      <c r="D1296" s="10"/>
      <c r="E1296" s="8"/>
      <c r="F1296" s="8"/>
      <c r="G1296" s="8"/>
      <c r="H1296" s="8"/>
      <c r="I1296" s="8"/>
      <c r="J1296" s="8"/>
      <c r="K1296" s="8"/>
      <c r="L1296" s="8"/>
      <c r="M1296" s="8"/>
      <c r="N1296" s="72"/>
      <c r="O1296" s="98" t="s">
        <v>992</v>
      </c>
    </row>
    <row r="1297" spans="3:15" s="99" customFormat="1">
      <c r="C1297" s="8"/>
      <c r="D1297" s="10"/>
      <c r="E1297" s="8"/>
      <c r="F1297" s="8"/>
      <c r="G1297" s="8"/>
      <c r="H1297" s="8"/>
      <c r="I1297" s="8"/>
      <c r="J1297" s="8"/>
      <c r="K1297" s="8"/>
      <c r="L1297" s="8"/>
      <c r="M1297" s="8"/>
      <c r="N1297" s="72"/>
      <c r="O1297" s="98" t="s">
        <v>2091</v>
      </c>
    </row>
    <row r="1298" spans="3:15" s="99" customFormat="1">
      <c r="C1298" s="8"/>
      <c r="D1298" s="10"/>
      <c r="E1298" s="8"/>
      <c r="F1298" s="8"/>
      <c r="G1298" s="8"/>
      <c r="H1298" s="8"/>
      <c r="I1298" s="8"/>
      <c r="J1298" s="8"/>
      <c r="K1298" s="8"/>
      <c r="L1298" s="8"/>
      <c r="M1298" s="8"/>
      <c r="N1298" s="72"/>
      <c r="O1298" s="98" t="s">
        <v>2090</v>
      </c>
    </row>
    <row r="1299" spans="3:15" s="99" customFormat="1">
      <c r="C1299" s="8"/>
      <c r="D1299" s="10"/>
      <c r="E1299" s="8"/>
      <c r="F1299" s="8"/>
      <c r="G1299" s="8"/>
      <c r="H1299" s="8"/>
      <c r="I1299" s="8"/>
      <c r="J1299" s="8"/>
      <c r="K1299" s="8"/>
      <c r="L1299" s="8"/>
      <c r="M1299" s="8"/>
      <c r="N1299" s="72"/>
      <c r="O1299" s="98" t="s">
        <v>2089</v>
      </c>
    </row>
    <row r="1300" spans="3:15" s="99" customFormat="1">
      <c r="C1300" s="8"/>
      <c r="D1300" s="10"/>
      <c r="E1300" s="8"/>
      <c r="F1300" s="8"/>
      <c r="G1300" s="8"/>
      <c r="H1300" s="8"/>
      <c r="I1300" s="8"/>
      <c r="J1300" s="8"/>
      <c r="K1300" s="8"/>
      <c r="L1300" s="8"/>
      <c r="M1300" s="8"/>
      <c r="N1300" s="72"/>
      <c r="O1300" s="98" t="s">
        <v>2088</v>
      </c>
    </row>
    <row r="1301" spans="3:15" s="99" customFormat="1">
      <c r="C1301" s="8"/>
      <c r="D1301" s="10"/>
      <c r="E1301" s="8"/>
      <c r="F1301" s="8"/>
      <c r="G1301" s="8"/>
      <c r="H1301" s="8"/>
      <c r="I1301" s="8"/>
      <c r="J1301" s="8"/>
      <c r="K1301" s="8"/>
      <c r="L1301" s="8"/>
      <c r="M1301" s="8"/>
      <c r="N1301" s="72"/>
      <c r="O1301" s="98" t="s">
        <v>2087</v>
      </c>
    </row>
    <row r="1302" spans="3:15" s="99" customFormat="1">
      <c r="C1302" s="8"/>
      <c r="D1302" s="10"/>
      <c r="E1302" s="8"/>
      <c r="F1302" s="8"/>
      <c r="G1302" s="8"/>
      <c r="H1302" s="8"/>
      <c r="I1302" s="8"/>
      <c r="J1302" s="8"/>
      <c r="K1302" s="8"/>
      <c r="L1302" s="8"/>
      <c r="M1302" s="8"/>
      <c r="N1302" s="72"/>
      <c r="O1302" s="98" t="s">
        <v>2086</v>
      </c>
    </row>
    <row r="1303" spans="3:15">
      <c r="O1303" s="98" t="s">
        <v>1656</v>
      </c>
    </row>
    <row r="1304" spans="3:15">
      <c r="O1304" s="98" t="s">
        <v>1657</v>
      </c>
    </row>
    <row r="1305" spans="3:15">
      <c r="O1305" s="98" t="s">
        <v>2085</v>
      </c>
    </row>
    <row r="1306" spans="3:15">
      <c r="O1306" s="98" t="s">
        <v>2084</v>
      </c>
    </row>
    <row r="1307" spans="3:15">
      <c r="O1307" s="98" t="s">
        <v>1653</v>
      </c>
    </row>
    <row r="1308" spans="3:15">
      <c r="O1308" s="98" t="s">
        <v>1654</v>
      </c>
    </row>
    <row r="1309" spans="3:15">
      <c r="O1309" s="98" t="s">
        <v>2083</v>
      </c>
    </row>
    <row r="1310" spans="3:15">
      <c r="O1310" s="98" t="s">
        <v>2082</v>
      </c>
    </row>
    <row r="1311" spans="3:15">
      <c r="O1311" s="98" t="s">
        <v>2081</v>
      </c>
    </row>
    <row r="1312" spans="3:15">
      <c r="O1312" s="98" t="s">
        <v>2080</v>
      </c>
    </row>
    <row r="1313" spans="15:17">
      <c r="O1313" s="98" t="s">
        <v>2079</v>
      </c>
      <c r="Q1313" s="10" t="s">
        <v>2029</v>
      </c>
    </row>
    <row r="1314" spans="15:17">
      <c r="O1314" s="98" t="s">
        <v>1019</v>
      </c>
    </row>
    <row r="1315" spans="15:17">
      <c r="O1315" s="98" t="s">
        <v>2078</v>
      </c>
      <c r="Q1315" s="10" t="s">
        <v>2029</v>
      </c>
    </row>
    <row r="1316" spans="15:17">
      <c r="O1316" s="98" t="s">
        <v>1019</v>
      </c>
    </row>
    <row r="1317" spans="15:17">
      <c r="O1317" s="98" t="s">
        <v>2077</v>
      </c>
      <c r="Q1317" s="10" t="s">
        <v>2029</v>
      </c>
    </row>
    <row r="1318" spans="15:17">
      <c r="O1318" s="98" t="s">
        <v>2075</v>
      </c>
    </row>
    <row r="1319" spans="15:17">
      <c r="O1319" s="98" t="s">
        <v>2076</v>
      </c>
      <c r="Q1319" s="10" t="s">
        <v>2029</v>
      </c>
    </row>
    <row r="1320" spans="15:17">
      <c r="O1320" s="98" t="s">
        <v>2075</v>
      </c>
    </row>
    <row r="1321" spans="15:17">
      <c r="O1321" s="98" t="s">
        <v>2074</v>
      </c>
      <c r="Q1321" s="10" t="s">
        <v>2029</v>
      </c>
    </row>
    <row r="1322" spans="15:17">
      <c r="O1322" s="98" t="s">
        <v>2073</v>
      </c>
    </row>
    <row r="1323" spans="15:17">
      <c r="O1323" s="98" t="s">
        <v>2072</v>
      </c>
      <c r="Q1323" s="10" t="s">
        <v>2029</v>
      </c>
    </row>
    <row r="1324" spans="15:17">
      <c r="O1324" s="98" t="s">
        <v>2071</v>
      </c>
    </row>
    <row r="1325" spans="15:17">
      <c r="O1325" s="98" t="s">
        <v>2070</v>
      </c>
      <c r="Q1325" s="10" t="s">
        <v>2029</v>
      </c>
    </row>
    <row r="1326" spans="15:17">
      <c r="O1326" s="98" t="s">
        <v>2069</v>
      </c>
    </row>
    <row r="1327" spans="15:17">
      <c r="O1327" s="98" t="s">
        <v>2068</v>
      </c>
      <c r="Q1327" s="10" t="s">
        <v>2029</v>
      </c>
    </row>
    <row r="1328" spans="15:17">
      <c r="O1328" s="98" t="s">
        <v>2067</v>
      </c>
    </row>
    <row r="1329" spans="1:17">
      <c r="O1329" s="98" t="s">
        <v>2066</v>
      </c>
      <c r="Q1329" s="10" t="s">
        <v>2029</v>
      </c>
    </row>
    <row r="1330" spans="1:17">
      <c r="O1330" s="98" t="s">
        <v>2065</v>
      </c>
    </row>
    <row r="1331" spans="1:17">
      <c r="O1331" s="98" t="s">
        <v>2064</v>
      </c>
      <c r="Q1331" s="10" t="s">
        <v>2029</v>
      </c>
    </row>
    <row r="1332" spans="1:17">
      <c r="O1332" s="98" t="s">
        <v>1019</v>
      </c>
    </row>
    <row r="1333" spans="1:17">
      <c r="O1333" s="98" t="s">
        <v>2063</v>
      </c>
      <c r="Q1333" s="10" t="s">
        <v>2029</v>
      </c>
    </row>
    <row r="1334" spans="1:17">
      <c r="O1334" s="98" t="s">
        <v>2062</v>
      </c>
    </row>
    <row r="1335" spans="1:17" s="99" customFormat="1">
      <c r="A1335" s="10"/>
      <c r="B1335" s="10"/>
      <c r="C1335" s="8"/>
      <c r="D1335" s="10"/>
      <c r="E1335" s="8"/>
      <c r="F1335" s="8"/>
      <c r="G1335" s="8"/>
      <c r="H1335" s="8"/>
      <c r="I1335" s="8"/>
      <c r="J1335" s="8"/>
      <c r="K1335" s="8"/>
      <c r="L1335" s="8"/>
      <c r="M1335" s="8"/>
      <c r="N1335" s="72"/>
      <c r="O1335" s="98" t="s">
        <v>2061</v>
      </c>
    </row>
    <row r="1336" spans="1:17" s="99" customFormat="1">
      <c r="A1336" s="10"/>
      <c r="B1336" s="10"/>
      <c r="C1336" s="8"/>
      <c r="D1336" s="10"/>
      <c r="E1336" s="8"/>
      <c r="F1336" s="8"/>
      <c r="G1336" s="8"/>
      <c r="H1336" s="8"/>
      <c r="I1336" s="8"/>
      <c r="J1336" s="8"/>
      <c r="K1336" s="8"/>
      <c r="L1336" s="8"/>
      <c r="M1336" s="8"/>
      <c r="N1336" s="72"/>
      <c r="O1336" s="98" t="s">
        <v>2060</v>
      </c>
    </row>
    <row r="1337" spans="1:17" s="99" customFormat="1">
      <c r="A1337" s="10"/>
      <c r="B1337" s="10"/>
      <c r="C1337" s="8"/>
      <c r="D1337" s="10"/>
      <c r="E1337" s="8"/>
      <c r="F1337" s="8"/>
      <c r="G1337" s="8"/>
      <c r="H1337" s="8"/>
      <c r="I1337" s="8"/>
      <c r="J1337" s="8"/>
      <c r="K1337" s="8"/>
      <c r="L1337" s="8"/>
      <c r="M1337" s="8"/>
      <c r="N1337" s="72"/>
      <c r="O1337" s="98" t="s">
        <v>2059</v>
      </c>
    </row>
    <row r="1338" spans="1:17" s="99" customFormat="1">
      <c r="A1338" s="10"/>
      <c r="B1338" s="10"/>
      <c r="C1338" s="8"/>
      <c r="D1338" s="10"/>
      <c r="E1338" s="8"/>
      <c r="F1338" s="8"/>
      <c r="G1338" s="8"/>
      <c r="H1338" s="8"/>
      <c r="I1338" s="8"/>
      <c r="J1338" s="8"/>
      <c r="K1338" s="8"/>
      <c r="L1338" s="8"/>
      <c r="M1338" s="8"/>
      <c r="N1338" s="72"/>
      <c r="O1338" s="98" t="s">
        <v>2058</v>
      </c>
    </row>
    <row r="1339" spans="1:17" s="99" customFormat="1">
      <c r="A1339" s="10"/>
      <c r="B1339" s="10"/>
      <c r="C1339" s="8"/>
      <c r="D1339" s="10"/>
      <c r="E1339" s="8"/>
      <c r="F1339" s="8"/>
      <c r="G1339" s="8"/>
      <c r="H1339" s="8"/>
      <c r="I1339" s="8"/>
      <c r="J1339" s="8"/>
      <c r="K1339" s="8"/>
      <c r="L1339" s="8"/>
      <c r="M1339" s="8"/>
      <c r="N1339" s="72"/>
      <c r="O1339" s="98" t="s">
        <v>1020</v>
      </c>
    </row>
    <row r="1340" spans="1:17" s="99" customFormat="1">
      <c r="A1340" s="10"/>
      <c r="B1340" s="10"/>
      <c r="C1340" s="8"/>
      <c r="D1340" s="10"/>
      <c r="E1340" s="8"/>
      <c r="F1340" s="8"/>
      <c r="G1340" s="8"/>
      <c r="H1340" s="8"/>
      <c r="I1340" s="8"/>
      <c r="J1340" s="8"/>
      <c r="K1340" s="8"/>
      <c r="L1340" s="8"/>
      <c r="M1340" s="8"/>
      <c r="N1340" s="72"/>
      <c r="O1340" s="98" t="s">
        <v>984</v>
      </c>
    </row>
    <row r="1341" spans="1:17" s="99" customFormat="1">
      <c r="A1341" s="10"/>
      <c r="B1341" s="10"/>
      <c r="C1341" s="8"/>
      <c r="D1341" s="10"/>
      <c r="E1341" s="8"/>
      <c r="F1341" s="8"/>
      <c r="G1341" s="8"/>
      <c r="H1341" s="8"/>
      <c r="I1341" s="8"/>
      <c r="J1341" s="8"/>
      <c r="K1341" s="8"/>
      <c r="L1341" s="8"/>
      <c r="M1341" s="8"/>
      <c r="N1341" s="72"/>
      <c r="O1341" s="98" t="s">
        <v>1021</v>
      </c>
    </row>
    <row r="1342" spans="1:17" s="99" customFormat="1">
      <c r="A1342" s="10"/>
      <c r="B1342" s="10"/>
      <c r="C1342" s="8"/>
      <c r="D1342" s="10"/>
      <c r="E1342" s="8"/>
      <c r="F1342" s="8"/>
      <c r="G1342" s="8"/>
      <c r="H1342" s="8"/>
      <c r="I1342" s="8"/>
      <c r="J1342" s="8"/>
      <c r="K1342" s="8"/>
      <c r="L1342" s="8"/>
      <c r="M1342" s="8"/>
      <c r="N1342" s="72"/>
      <c r="O1342" s="98" t="s">
        <v>1022</v>
      </c>
    </row>
    <row r="1343" spans="1:17" s="99" customFormat="1">
      <c r="A1343" s="10"/>
      <c r="B1343" s="10"/>
      <c r="C1343" s="8"/>
      <c r="D1343" s="10"/>
      <c r="E1343" s="8"/>
      <c r="F1343" s="8"/>
      <c r="G1343" s="8"/>
      <c r="H1343" s="8"/>
      <c r="I1343" s="8"/>
      <c r="J1343" s="8"/>
      <c r="K1343" s="8"/>
      <c r="L1343" s="8"/>
      <c r="M1343" s="8"/>
      <c r="N1343" s="72"/>
      <c r="O1343" s="98" t="s">
        <v>2057</v>
      </c>
    </row>
    <row r="1344" spans="1:17" s="99" customFormat="1">
      <c r="A1344" s="10"/>
      <c r="B1344" s="10"/>
      <c r="C1344" s="8"/>
      <c r="D1344" s="10"/>
      <c r="E1344" s="8"/>
      <c r="F1344" s="8"/>
      <c r="G1344" s="8"/>
      <c r="H1344" s="8"/>
      <c r="I1344" s="8"/>
      <c r="J1344" s="8"/>
      <c r="K1344" s="8"/>
      <c r="L1344" s="8"/>
      <c r="M1344" s="8"/>
      <c r="N1344" s="72"/>
      <c r="O1344" s="98" t="s">
        <v>2056</v>
      </c>
    </row>
    <row r="1345" spans="1:16" s="99" customFormat="1">
      <c r="A1345" s="10"/>
      <c r="B1345" s="10"/>
      <c r="C1345" s="8"/>
      <c r="D1345" s="10"/>
      <c r="E1345" s="8"/>
      <c r="F1345" s="8"/>
      <c r="G1345" s="8"/>
      <c r="H1345" s="8"/>
      <c r="I1345" s="8"/>
      <c r="J1345" s="8"/>
      <c r="K1345" s="8"/>
      <c r="L1345" s="8"/>
      <c r="M1345" s="8"/>
      <c r="N1345" s="72"/>
      <c r="O1345" s="98" t="s">
        <v>2055</v>
      </c>
    </row>
    <row r="1346" spans="1:16" s="99" customFormat="1">
      <c r="A1346" s="10"/>
      <c r="B1346" s="10"/>
      <c r="C1346" s="8"/>
      <c r="D1346" s="10"/>
      <c r="E1346" s="8"/>
      <c r="F1346" s="8"/>
      <c r="G1346" s="8"/>
      <c r="H1346" s="8"/>
      <c r="I1346" s="8"/>
      <c r="J1346" s="8"/>
      <c r="K1346" s="8"/>
      <c r="L1346" s="8"/>
      <c r="M1346" s="8"/>
      <c r="N1346" s="72"/>
      <c r="O1346" s="98" t="s">
        <v>975</v>
      </c>
    </row>
    <row r="1347" spans="1:16" s="99" customFormat="1">
      <c r="A1347" s="10"/>
      <c r="B1347" s="10"/>
      <c r="C1347" s="8"/>
      <c r="D1347" s="10"/>
      <c r="E1347" s="8"/>
      <c r="F1347" s="8"/>
      <c r="G1347" s="8"/>
      <c r="H1347" s="8"/>
      <c r="I1347" s="8"/>
      <c r="J1347" s="8"/>
      <c r="K1347" s="8"/>
      <c r="L1347" s="8"/>
      <c r="M1347" s="8"/>
      <c r="N1347" s="72"/>
      <c r="O1347" s="356" t="s">
        <v>1992</v>
      </c>
    </row>
    <row r="1348" spans="1:16" s="99" customFormat="1">
      <c r="A1348" s="10"/>
      <c r="B1348" s="10"/>
      <c r="C1348" s="8"/>
      <c r="D1348" s="10"/>
      <c r="E1348" s="8"/>
      <c r="F1348" s="8"/>
      <c r="G1348" s="8"/>
      <c r="H1348" s="8"/>
      <c r="I1348" s="8"/>
      <c r="J1348" s="8"/>
      <c r="K1348" s="8"/>
      <c r="L1348" s="8"/>
      <c r="M1348" s="8"/>
      <c r="N1348" s="72"/>
      <c r="O1348" s="356" t="s">
        <v>1908</v>
      </c>
    </row>
    <row r="1349" spans="1:16" s="99" customFormat="1" hidden="1">
      <c r="A1349" s="17"/>
      <c r="B1349" s="17"/>
      <c r="C1349" s="17" t="s">
        <v>177</v>
      </c>
      <c r="D1349" s="139" t="s">
        <v>126</v>
      </c>
      <c r="E1349" s="17"/>
      <c r="F1349" s="17"/>
      <c r="G1349" s="17"/>
      <c r="H1349" s="17" t="s">
        <v>66</v>
      </c>
      <c r="I1349" s="17" t="s">
        <v>65</v>
      </c>
      <c r="J1349" s="17">
        <v>1</v>
      </c>
      <c r="K1349" s="17"/>
      <c r="L1349" s="17"/>
      <c r="M1349" s="17"/>
      <c r="N1349" s="78"/>
      <c r="O1349" s="98"/>
    </row>
    <row r="1350" spans="1:16" s="99" customFormat="1" hidden="1">
      <c r="A1350" s="10"/>
      <c r="B1350" s="10"/>
      <c r="C1350" s="8"/>
      <c r="D1350" s="10"/>
      <c r="E1350" s="8" t="s">
        <v>176</v>
      </c>
      <c r="F1350" s="8">
        <v>128</v>
      </c>
      <c r="G1350" s="8" t="s">
        <v>128</v>
      </c>
      <c r="H1350" s="8" t="s">
        <v>66</v>
      </c>
      <c r="I1350" s="8" t="s">
        <v>65</v>
      </c>
      <c r="J1350" s="8">
        <v>1</v>
      </c>
      <c r="K1350" s="8" t="s">
        <v>514</v>
      </c>
      <c r="L1350" s="8">
        <v>2</v>
      </c>
      <c r="M1350" s="8">
        <v>3</v>
      </c>
      <c r="N1350" s="18" t="s">
        <v>737</v>
      </c>
      <c r="O1350" s="98"/>
    </row>
    <row r="1351" spans="1:16" s="99" customFormat="1" hidden="1">
      <c r="A1351" s="10"/>
      <c r="B1351" s="10"/>
      <c r="C1351" s="8"/>
      <c r="D1351" s="10"/>
      <c r="E1351" s="8" t="s">
        <v>175</v>
      </c>
      <c r="F1351" s="8">
        <v>127</v>
      </c>
      <c r="G1351" s="8" t="s">
        <v>126</v>
      </c>
      <c r="H1351" s="8" t="s">
        <v>78</v>
      </c>
      <c r="I1351" s="8" t="s">
        <v>71</v>
      </c>
      <c r="J1351" s="8">
        <v>1</v>
      </c>
      <c r="K1351" s="8" t="s">
        <v>509</v>
      </c>
      <c r="L1351" s="8">
        <v>1</v>
      </c>
      <c r="M1351" s="8">
        <v>30</v>
      </c>
      <c r="N1351" s="18" t="s">
        <v>738</v>
      </c>
      <c r="O1351" s="98"/>
    </row>
    <row r="1352" spans="1:16" s="99" customFormat="1" hidden="1">
      <c r="A1352" s="10"/>
      <c r="B1352" s="10"/>
      <c r="C1352" s="8"/>
      <c r="D1352" s="10"/>
      <c r="E1352" s="8" t="s">
        <v>173</v>
      </c>
      <c r="F1352" s="8">
        <v>369</v>
      </c>
      <c r="G1352" s="8" t="s">
        <v>172</v>
      </c>
      <c r="H1352" s="8" t="s">
        <v>78</v>
      </c>
      <c r="I1352" s="8" t="s">
        <v>71</v>
      </c>
      <c r="J1352" s="8">
        <v>1</v>
      </c>
      <c r="K1352" s="8" t="s">
        <v>509</v>
      </c>
      <c r="L1352" s="8">
        <v>1</v>
      </c>
      <c r="M1352" s="8">
        <v>45</v>
      </c>
      <c r="N1352" s="18" t="s">
        <v>739</v>
      </c>
      <c r="O1352" s="98"/>
    </row>
    <row r="1353" spans="1:16" s="143" customFormat="1" hidden="1">
      <c r="A1353" s="75" t="s">
        <v>177</v>
      </c>
      <c r="B1353" s="142" t="s">
        <v>126</v>
      </c>
      <c r="C1353" s="75"/>
      <c r="D1353" s="142"/>
      <c r="E1353" s="75"/>
      <c r="F1353" s="75"/>
      <c r="G1353" s="75"/>
      <c r="H1353" s="75" t="s">
        <v>17</v>
      </c>
      <c r="I1353" s="75" t="s">
        <v>71</v>
      </c>
      <c r="J1353" s="75">
        <v>1000</v>
      </c>
      <c r="K1353" s="75"/>
      <c r="L1353" s="75"/>
      <c r="M1353" s="75"/>
      <c r="N1353" s="78"/>
      <c r="O1353" s="98"/>
      <c r="P1353" s="99"/>
    </row>
    <row r="1354" spans="1:16" hidden="1">
      <c r="A1354" s="75"/>
      <c r="B1354" s="75"/>
      <c r="C1354" s="75" t="s">
        <v>177</v>
      </c>
      <c r="D1354" s="142" t="s">
        <v>126</v>
      </c>
      <c r="E1354" s="75"/>
      <c r="F1354" s="75"/>
      <c r="G1354" s="75"/>
      <c r="H1354" s="75" t="s">
        <v>66</v>
      </c>
      <c r="I1354" s="75" t="s">
        <v>65</v>
      </c>
      <c r="J1354" s="75">
        <v>1</v>
      </c>
      <c r="K1354" s="75"/>
      <c r="L1354" s="75"/>
      <c r="M1354" s="75"/>
      <c r="N1354" s="78"/>
      <c r="O1354" s="98"/>
    </row>
    <row r="1355" spans="1:16" hidden="1">
      <c r="A1355" s="33"/>
      <c r="B1355" s="33"/>
      <c r="C1355" s="11"/>
      <c r="D1355" s="33"/>
      <c r="E1355" s="11" t="s">
        <v>176</v>
      </c>
      <c r="F1355" s="11">
        <v>128</v>
      </c>
      <c r="G1355" s="11" t="s">
        <v>128</v>
      </c>
      <c r="H1355" s="11" t="s">
        <v>66</v>
      </c>
      <c r="I1355" s="11" t="s">
        <v>65</v>
      </c>
      <c r="J1355" s="11">
        <v>1</v>
      </c>
      <c r="K1355" s="11" t="s">
        <v>514</v>
      </c>
      <c r="L1355" s="11">
        <v>2</v>
      </c>
      <c r="M1355" s="11">
        <v>3</v>
      </c>
      <c r="N1355" s="18" t="s">
        <v>849</v>
      </c>
      <c r="O1355" s="98"/>
    </row>
    <row r="1356" spans="1:16" hidden="1">
      <c r="A1356" s="33"/>
      <c r="B1356" s="33"/>
      <c r="C1356" s="11"/>
      <c r="D1356" s="33"/>
      <c r="E1356" s="11" t="s">
        <v>175</v>
      </c>
      <c r="F1356" s="11">
        <v>127</v>
      </c>
      <c r="G1356" s="11" t="s">
        <v>126</v>
      </c>
      <c r="H1356" s="11" t="s">
        <v>78</v>
      </c>
      <c r="I1356" s="11" t="s">
        <v>71</v>
      </c>
      <c r="J1356" s="11">
        <v>1</v>
      </c>
      <c r="K1356" s="11" t="s">
        <v>509</v>
      </c>
      <c r="L1356" s="11">
        <v>1</v>
      </c>
      <c r="M1356" s="11">
        <v>30</v>
      </c>
      <c r="N1356" s="18" t="s">
        <v>904</v>
      </c>
      <c r="O1356" s="98"/>
    </row>
    <row r="1357" spans="1:16" hidden="1">
      <c r="A1357" s="33"/>
      <c r="B1357" s="33"/>
      <c r="C1357" s="11"/>
      <c r="D1357" s="33"/>
      <c r="E1357" s="11" t="s">
        <v>173</v>
      </c>
      <c r="F1357" s="11">
        <v>369</v>
      </c>
      <c r="G1357" s="11" t="s">
        <v>172</v>
      </c>
      <c r="H1357" s="11" t="s">
        <v>78</v>
      </c>
      <c r="I1357" s="11" t="s">
        <v>71</v>
      </c>
      <c r="J1357" s="11">
        <v>1</v>
      </c>
      <c r="K1357" s="11" t="s">
        <v>509</v>
      </c>
      <c r="L1357" s="11">
        <v>1</v>
      </c>
      <c r="M1357" s="11">
        <v>45</v>
      </c>
      <c r="N1357" s="18" t="s">
        <v>903</v>
      </c>
      <c r="O1357" s="98"/>
    </row>
    <row r="1358" spans="1:16" s="143" customFormat="1" hidden="1">
      <c r="A1358" s="75" t="s">
        <v>177</v>
      </c>
      <c r="B1358" s="142" t="s">
        <v>126</v>
      </c>
      <c r="C1358" s="75"/>
      <c r="D1358" s="142"/>
      <c r="E1358" s="75"/>
      <c r="F1358" s="75"/>
      <c r="G1358" s="75"/>
      <c r="H1358" s="75" t="s">
        <v>17</v>
      </c>
      <c r="I1358" s="75" t="s">
        <v>71</v>
      </c>
      <c r="J1358" s="75">
        <v>1000</v>
      </c>
      <c r="K1358" s="75"/>
      <c r="L1358" s="75"/>
      <c r="M1358" s="75"/>
      <c r="N1358" s="78"/>
      <c r="O1358" s="98"/>
      <c r="P1358" s="99"/>
    </row>
    <row r="1359" spans="1:16" hidden="1">
      <c r="A1359" s="75"/>
      <c r="B1359" s="75"/>
      <c r="C1359" s="75" t="s">
        <v>177</v>
      </c>
      <c r="D1359" s="142" t="s">
        <v>126</v>
      </c>
      <c r="E1359" s="75"/>
      <c r="F1359" s="75"/>
      <c r="G1359" s="75"/>
      <c r="H1359" s="75" t="s">
        <v>66</v>
      </c>
      <c r="I1359" s="75" t="s">
        <v>65</v>
      </c>
      <c r="J1359" s="75">
        <v>1</v>
      </c>
      <c r="K1359" s="75"/>
      <c r="L1359" s="75"/>
      <c r="M1359" s="75"/>
      <c r="N1359" s="78"/>
      <c r="O1359" s="98"/>
    </row>
    <row r="1360" spans="1:16" hidden="1">
      <c r="A1360" s="33"/>
      <c r="B1360" s="33"/>
      <c r="C1360" s="11"/>
      <c r="D1360" s="33"/>
      <c r="E1360" s="11" t="s">
        <v>176</v>
      </c>
      <c r="F1360" s="11">
        <v>128</v>
      </c>
      <c r="G1360" s="11" t="s">
        <v>128</v>
      </c>
      <c r="H1360" s="11" t="s">
        <v>66</v>
      </c>
      <c r="I1360" s="11" t="s">
        <v>65</v>
      </c>
      <c r="J1360" s="11">
        <v>1</v>
      </c>
      <c r="K1360" s="11" t="s">
        <v>514</v>
      </c>
      <c r="L1360" s="11">
        <v>2</v>
      </c>
      <c r="M1360" s="11">
        <v>3</v>
      </c>
      <c r="N1360" s="18" t="s">
        <v>689</v>
      </c>
      <c r="O1360" s="98"/>
    </row>
    <row r="1361" spans="1:16" hidden="1">
      <c r="A1361" s="33"/>
      <c r="B1361" s="33"/>
      <c r="C1361" s="11"/>
      <c r="D1361" s="33"/>
      <c r="E1361" s="11" t="s">
        <v>175</v>
      </c>
      <c r="F1361" s="11">
        <v>127</v>
      </c>
      <c r="G1361" s="11" t="s">
        <v>126</v>
      </c>
      <c r="H1361" s="11" t="s">
        <v>78</v>
      </c>
      <c r="I1361" s="11" t="s">
        <v>71</v>
      </c>
      <c r="J1361" s="11">
        <v>1</v>
      </c>
      <c r="K1361" s="11" t="s">
        <v>509</v>
      </c>
      <c r="L1361" s="11">
        <v>1</v>
      </c>
      <c r="M1361" s="11">
        <v>30</v>
      </c>
      <c r="N1361" s="18" t="s">
        <v>905</v>
      </c>
      <c r="O1361" s="98"/>
    </row>
    <row r="1362" spans="1:16" hidden="1">
      <c r="A1362" s="33"/>
      <c r="B1362" s="33"/>
      <c r="C1362" s="11"/>
      <c r="D1362" s="33"/>
      <c r="E1362" s="11" t="s">
        <v>173</v>
      </c>
      <c r="F1362" s="11">
        <v>369</v>
      </c>
      <c r="G1362" s="11" t="s">
        <v>172</v>
      </c>
      <c r="H1362" s="11" t="s">
        <v>78</v>
      </c>
      <c r="I1362" s="11" t="s">
        <v>71</v>
      </c>
      <c r="J1362" s="11">
        <v>1</v>
      </c>
      <c r="K1362" s="11" t="s">
        <v>509</v>
      </c>
      <c r="L1362" s="11">
        <v>1</v>
      </c>
      <c r="M1362" s="11">
        <v>45</v>
      </c>
      <c r="N1362" s="18" t="s">
        <v>903</v>
      </c>
      <c r="O1362" s="98"/>
    </row>
    <row r="1363" spans="1:16" s="143" customFormat="1" hidden="1">
      <c r="A1363" s="75" t="s">
        <v>177</v>
      </c>
      <c r="B1363" s="142" t="s">
        <v>126</v>
      </c>
      <c r="C1363" s="75"/>
      <c r="D1363" s="142"/>
      <c r="E1363" s="75"/>
      <c r="F1363" s="75"/>
      <c r="G1363" s="75"/>
      <c r="H1363" s="75" t="s">
        <v>17</v>
      </c>
      <c r="I1363" s="75" t="s">
        <v>71</v>
      </c>
      <c r="J1363" s="75">
        <v>1000</v>
      </c>
      <c r="K1363" s="75"/>
      <c r="L1363" s="75"/>
      <c r="M1363" s="75"/>
      <c r="N1363" s="78"/>
      <c r="O1363" s="98"/>
      <c r="P1363" s="99"/>
    </row>
    <row r="1364" spans="1:16" s="143" customFormat="1" hidden="1">
      <c r="A1364" s="75"/>
      <c r="B1364" s="75"/>
      <c r="C1364" s="75" t="s">
        <v>177</v>
      </c>
      <c r="D1364" s="142" t="s">
        <v>126</v>
      </c>
      <c r="E1364" s="75"/>
      <c r="F1364" s="75"/>
      <c r="G1364" s="75"/>
      <c r="H1364" s="75" t="s">
        <v>66</v>
      </c>
      <c r="I1364" s="75" t="s">
        <v>65</v>
      </c>
      <c r="J1364" s="75">
        <v>1</v>
      </c>
      <c r="K1364" s="75"/>
      <c r="L1364" s="75"/>
      <c r="M1364" s="75"/>
      <c r="N1364" s="78"/>
      <c r="O1364" s="98"/>
      <c r="P1364" s="99"/>
    </row>
    <row r="1365" spans="1:16" s="143" customFormat="1" hidden="1">
      <c r="A1365" s="33"/>
      <c r="B1365" s="33"/>
      <c r="C1365" s="11"/>
      <c r="D1365" s="33"/>
      <c r="E1365" s="11" t="s">
        <v>176</v>
      </c>
      <c r="F1365" s="11">
        <v>128</v>
      </c>
      <c r="G1365" s="11" t="s">
        <v>128</v>
      </c>
      <c r="H1365" s="11" t="s">
        <v>66</v>
      </c>
      <c r="I1365" s="11" t="s">
        <v>65</v>
      </c>
      <c r="J1365" s="11">
        <v>1</v>
      </c>
      <c r="K1365" s="11" t="s">
        <v>514</v>
      </c>
      <c r="L1365" s="11">
        <v>2</v>
      </c>
      <c r="M1365" s="11">
        <v>3</v>
      </c>
      <c r="N1365" s="18" t="s">
        <v>906</v>
      </c>
      <c r="O1365" s="98"/>
      <c r="P1365" s="99"/>
    </row>
    <row r="1366" spans="1:16" s="143" customFormat="1" hidden="1">
      <c r="A1366" s="33"/>
      <c r="B1366" s="33"/>
      <c r="C1366" s="11"/>
      <c r="D1366" s="33"/>
      <c r="E1366" s="11" t="s">
        <v>175</v>
      </c>
      <c r="F1366" s="11">
        <v>127</v>
      </c>
      <c r="G1366" s="11" t="s">
        <v>126</v>
      </c>
      <c r="H1366" s="11" t="s">
        <v>78</v>
      </c>
      <c r="I1366" s="11" t="s">
        <v>71</v>
      </c>
      <c r="J1366" s="11">
        <v>1</v>
      </c>
      <c r="K1366" s="11" t="s">
        <v>509</v>
      </c>
      <c r="L1366" s="11">
        <v>1</v>
      </c>
      <c r="M1366" s="11">
        <v>30</v>
      </c>
      <c r="N1366" s="18" t="s">
        <v>907</v>
      </c>
      <c r="O1366" s="98"/>
      <c r="P1366" s="99"/>
    </row>
    <row r="1367" spans="1:16" s="143" customFormat="1" hidden="1">
      <c r="A1367" s="33"/>
      <c r="B1367" s="33"/>
      <c r="C1367" s="11"/>
      <c r="D1367" s="33"/>
      <c r="E1367" s="11" t="s">
        <v>173</v>
      </c>
      <c r="F1367" s="11">
        <v>369</v>
      </c>
      <c r="G1367" s="11" t="s">
        <v>172</v>
      </c>
      <c r="H1367" s="11" t="s">
        <v>78</v>
      </c>
      <c r="I1367" s="11" t="s">
        <v>71</v>
      </c>
      <c r="J1367" s="11">
        <v>1</v>
      </c>
      <c r="K1367" s="11" t="s">
        <v>509</v>
      </c>
      <c r="L1367" s="11">
        <v>1</v>
      </c>
      <c r="M1367" s="11">
        <v>45</v>
      </c>
      <c r="N1367" s="18"/>
      <c r="O1367" s="98"/>
      <c r="P1367" s="99"/>
    </row>
    <row r="1368" spans="1:16" s="143" customFormat="1" hidden="1">
      <c r="A1368" s="75" t="s">
        <v>177</v>
      </c>
      <c r="B1368" s="142" t="s">
        <v>126</v>
      </c>
      <c r="C1368" s="75"/>
      <c r="D1368" s="142"/>
      <c r="E1368" s="75"/>
      <c r="F1368" s="75"/>
      <c r="G1368" s="75"/>
      <c r="H1368" s="75" t="s">
        <v>17</v>
      </c>
      <c r="I1368" s="75" t="s">
        <v>71</v>
      </c>
      <c r="J1368" s="75">
        <v>1000</v>
      </c>
      <c r="K1368" s="75"/>
      <c r="L1368" s="75"/>
      <c r="M1368" s="75"/>
      <c r="N1368" s="78"/>
      <c r="O1368" s="98"/>
      <c r="P1368" s="99"/>
    </row>
    <row r="1369" spans="1:16" s="143" customFormat="1" hidden="1">
      <c r="A1369" s="75"/>
      <c r="B1369" s="75"/>
      <c r="C1369" s="75" t="s">
        <v>177</v>
      </c>
      <c r="D1369" s="142" t="s">
        <v>126</v>
      </c>
      <c r="E1369" s="75"/>
      <c r="F1369" s="75"/>
      <c r="G1369" s="75"/>
      <c r="H1369" s="75" t="s">
        <v>66</v>
      </c>
      <c r="I1369" s="75" t="s">
        <v>65</v>
      </c>
      <c r="J1369" s="75">
        <v>1</v>
      </c>
      <c r="K1369" s="75"/>
      <c r="L1369" s="75"/>
      <c r="M1369" s="75"/>
      <c r="N1369" s="78"/>
      <c r="O1369" s="98"/>
      <c r="P1369" s="99"/>
    </row>
    <row r="1370" spans="1:16" s="143" customFormat="1" hidden="1">
      <c r="A1370" s="33"/>
      <c r="B1370" s="33"/>
      <c r="C1370" s="11"/>
      <c r="D1370" s="33"/>
      <c r="E1370" s="11" t="s">
        <v>176</v>
      </c>
      <c r="F1370" s="11">
        <v>128</v>
      </c>
      <c r="G1370" s="11" t="s">
        <v>128</v>
      </c>
      <c r="H1370" s="11" t="s">
        <v>66</v>
      </c>
      <c r="I1370" s="11" t="s">
        <v>65</v>
      </c>
      <c r="J1370" s="11">
        <v>1</v>
      </c>
      <c r="K1370" s="11" t="s">
        <v>514</v>
      </c>
      <c r="L1370" s="11">
        <v>2</v>
      </c>
      <c r="M1370" s="11">
        <v>3</v>
      </c>
      <c r="N1370" s="18" t="s">
        <v>755</v>
      </c>
      <c r="O1370" s="98"/>
      <c r="P1370" s="99"/>
    </row>
    <row r="1371" spans="1:16" s="143" customFormat="1" hidden="1">
      <c r="A1371" s="33"/>
      <c r="B1371" s="33"/>
      <c r="C1371" s="11"/>
      <c r="D1371" s="33"/>
      <c r="E1371" s="11" t="s">
        <v>175</v>
      </c>
      <c r="F1371" s="11">
        <v>127</v>
      </c>
      <c r="G1371" s="11" t="s">
        <v>126</v>
      </c>
      <c r="H1371" s="11" t="s">
        <v>78</v>
      </c>
      <c r="I1371" s="11" t="s">
        <v>71</v>
      </c>
      <c r="J1371" s="11">
        <v>1</v>
      </c>
      <c r="K1371" s="11" t="s">
        <v>509</v>
      </c>
      <c r="L1371" s="11">
        <v>1</v>
      </c>
      <c r="M1371" s="11">
        <v>30</v>
      </c>
      <c r="N1371" s="18" t="s">
        <v>908</v>
      </c>
      <c r="O1371" s="98"/>
      <c r="P1371" s="99"/>
    </row>
    <row r="1372" spans="1:16" s="143" customFormat="1" hidden="1">
      <c r="A1372" s="33"/>
      <c r="B1372" s="33"/>
      <c r="C1372" s="11"/>
      <c r="D1372" s="33"/>
      <c r="E1372" s="11" t="s">
        <v>173</v>
      </c>
      <c r="F1372" s="11">
        <v>369</v>
      </c>
      <c r="G1372" s="11" t="s">
        <v>172</v>
      </c>
      <c r="H1372" s="11" t="s">
        <v>78</v>
      </c>
      <c r="I1372" s="11" t="s">
        <v>71</v>
      </c>
      <c r="J1372" s="11">
        <v>1</v>
      </c>
      <c r="K1372" s="11" t="s">
        <v>509</v>
      </c>
      <c r="L1372" s="11">
        <v>1</v>
      </c>
      <c r="M1372" s="11">
        <v>45</v>
      </c>
      <c r="N1372" s="18"/>
      <c r="O1372" s="98"/>
      <c r="P1372" s="99"/>
    </row>
    <row r="1373" spans="1:16" s="143" customFormat="1">
      <c r="A1373" s="75" t="s">
        <v>177</v>
      </c>
      <c r="B1373" s="142" t="s">
        <v>126</v>
      </c>
      <c r="C1373" s="75"/>
      <c r="D1373" s="142"/>
      <c r="E1373" s="75"/>
      <c r="F1373" s="75"/>
      <c r="G1373" s="75"/>
      <c r="H1373" s="75" t="s">
        <v>17</v>
      </c>
      <c r="I1373" s="75" t="s">
        <v>71</v>
      </c>
      <c r="J1373" s="75">
        <v>1000</v>
      </c>
      <c r="K1373" s="75"/>
      <c r="L1373" s="75"/>
      <c r="M1373" s="75"/>
      <c r="N1373" s="78"/>
      <c r="O1373" s="98" t="s">
        <v>945</v>
      </c>
      <c r="P1373" s="99" t="s">
        <v>1090</v>
      </c>
    </row>
    <row r="1374" spans="1:16" hidden="1" outlineLevel="1">
      <c r="A1374" s="75"/>
      <c r="B1374" s="75"/>
      <c r="C1374" s="75" t="s">
        <v>177</v>
      </c>
      <c r="D1374" s="142" t="s">
        <v>126</v>
      </c>
      <c r="E1374" s="75"/>
      <c r="F1374" s="75"/>
      <c r="G1374" s="75"/>
      <c r="H1374" s="75" t="s">
        <v>66</v>
      </c>
      <c r="I1374" s="75" t="s">
        <v>65</v>
      </c>
      <c r="J1374" s="75">
        <v>1</v>
      </c>
      <c r="K1374" s="75"/>
      <c r="L1374" s="75"/>
      <c r="M1374" s="75"/>
      <c r="N1374" s="78"/>
      <c r="O1374" s="98"/>
    </row>
    <row r="1375" spans="1:16" hidden="1" outlineLevel="1">
      <c r="A1375" s="33"/>
      <c r="B1375" s="33"/>
      <c r="C1375" s="11"/>
      <c r="D1375" s="33"/>
      <c r="E1375" s="11" t="s">
        <v>176</v>
      </c>
      <c r="F1375" s="11">
        <v>128</v>
      </c>
      <c r="G1375" s="11" t="s">
        <v>128</v>
      </c>
      <c r="H1375" s="11" t="s">
        <v>66</v>
      </c>
      <c r="I1375" s="11" t="s">
        <v>65</v>
      </c>
      <c r="J1375" s="11">
        <v>1</v>
      </c>
      <c r="K1375" s="11" t="s">
        <v>514</v>
      </c>
      <c r="L1375" s="11">
        <v>2</v>
      </c>
      <c r="M1375" s="11">
        <v>3</v>
      </c>
      <c r="N1375" s="18" t="s">
        <v>681</v>
      </c>
      <c r="O1375" s="98"/>
    </row>
    <row r="1376" spans="1:16" hidden="1" outlineLevel="1">
      <c r="A1376" s="33"/>
      <c r="B1376" s="33"/>
      <c r="C1376" s="11"/>
      <c r="D1376" s="33"/>
      <c r="E1376" s="11" t="s">
        <v>175</v>
      </c>
      <c r="F1376" s="11">
        <v>127</v>
      </c>
      <c r="G1376" s="11" t="s">
        <v>126</v>
      </c>
      <c r="H1376" s="11" t="s">
        <v>78</v>
      </c>
      <c r="I1376" s="11" t="s">
        <v>71</v>
      </c>
      <c r="J1376" s="11">
        <v>1</v>
      </c>
      <c r="K1376" s="11" t="s">
        <v>509</v>
      </c>
      <c r="L1376" s="11">
        <v>1</v>
      </c>
      <c r="M1376" s="11">
        <v>30</v>
      </c>
      <c r="N1376" s="18" t="s">
        <v>682</v>
      </c>
      <c r="O1376" s="98"/>
    </row>
    <row r="1377" spans="1:16" hidden="1" outlineLevel="1">
      <c r="A1377" s="33"/>
      <c r="B1377" s="33"/>
      <c r="C1377" s="11"/>
      <c r="D1377" s="33"/>
      <c r="E1377" s="11" t="s">
        <v>173</v>
      </c>
      <c r="F1377" s="11">
        <v>369</v>
      </c>
      <c r="G1377" s="11" t="s">
        <v>172</v>
      </c>
      <c r="H1377" s="11" t="s">
        <v>78</v>
      </c>
      <c r="I1377" s="11" t="s">
        <v>71</v>
      </c>
      <c r="J1377" s="11">
        <v>1</v>
      </c>
      <c r="K1377" s="11" t="s">
        <v>509</v>
      </c>
      <c r="L1377" s="11">
        <v>1</v>
      </c>
      <c r="M1377" s="11">
        <v>45</v>
      </c>
      <c r="N1377" s="18"/>
      <c r="O1377" s="98"/>
    </row>
    <row r="1378" spans="1:16" s="143" customFormat="1" collapsed="1">
      <c r="A1378" s="75" t="s">
        <v>177</v>
      </c>
      <c r="B1378" s="142" t="s">
        <v>126</v>
      </c>
      <c r="C1378" s="75"/>
      <c r="D1378" s="142"/>
      <c r="E1378" s="75"/>
      <c r="F1378" s="75"/>
      <c r="G1378" s="75"/>
      <c r="H1378" s="75" t="s">
        <v>17</v>
      </c>
      <c r="I1378" s="75" t="s">
        <v>71</v>
      </c>
      <c r="J1378" s="75">
        <v>1000</v>
      </c>
      <c r="K1378" s="75"/>
      <c r="L1378" s="75"/>
      <c r="M1378" s="75"/>
      <c r="N1378" s="78"/>
      <c r="O1378" s="98" t="s">
        <v>946</v>
      </c>
      <c r="P1378" s="99" t="s">
        <v>1088</v>
      </c>
    </row>
    <row r="1379" spans="1:16" hidden="1" outlineLevel="1">
      <c r="A1379" s="75"/>
      <c r="B1379" s="75"/>
      <c r="C1379" s="75" t="s">
        <v>177</v>
      </c>
      <c r="D1379" s="142" t="s">
        <v>126</v>
      </c>
      <c r="E1379" s="75"/>
      <c r="F1379" s="75"/>
      <c r="G1379" s="75"/>
      <c r="H1379" s="75" t="s">
        <v>66</v>
      </c>
      <c r="I1379" s="75" t="s">
        <v>65</v>
      </c>
      <c r="J1379" s="75">
        <v>1</v>
      </c>
      <c r="K1379" s="75"/>
      <c r="L1379" s="75"/>
      <c r="M1379" s="75"/>
      <c r="N1379" s="78"/>
      <c r="O1379" s="98"/>
    </row>
    <row r="1380" spans="1:16" hidden="1" outlineLevel="1">
      <c r="A1380" s="33"/>
      <c r="B1380" s="33"/>
      <c r="C1380" s="11"/>
      <c r="D1380" s="33"/>
      <c r="E1380" s="11" t="s">
        <v>176</v>
      </c>
      <c r="F1380" s="11">
        <v>128</v>
      </c>
      <c r="G1380" s="11" t="s">
        <v>128</v>
      </c>
      <c r="H1380" s="11" t="s">
        <v>66</v>
      </c>
      <c r="I1380" s="11" t="s">
        <v>65</v>
      </c>
      <c r="J1380" s="11">
        <v>1</v>
      </c>
      <c r="K1380" s="11" t="s">
        <v>514</v>
      </c>
      <c r="L1380" s="11">
        <v>2</v>
      </c>
      <c r="M1380" s="11">
        <v>3</v>
      </c>
      <c r="N1380" s="18" t="s">
        <v>681</v>
      </c>
      <c r="O1380" s="98"/>
    </row>
    <row r="1381" spans="1:16" hidden="1" outlineLevel="1">
      <c r="A1381" s="33"/>
      <c r="B1381" s="33"/>
      <c r="C1381" s="11"/>
      <c r="D1381" s="33"/>
      <c r="E1381" s="11" t="s">
        <v>175</v>
      </c>
      <c r="F1381" s="11">
        <v>127</v>
      </c>
      <c r="G1381" s="11" t="s">
        <v>126</v>
      </c>
      <c r="H1381" s="11" t="s">
        <v>78</v>
      </c>
      <c r="I1381" s="11" t="s">
        <v>71</v>
      </c>
      <c r="J1381" s="11">
        <v>1</v>
      </c>
      <c r="K1381" s="11" t="s">
        <v>509</v>
      </c>
      <c r="L1381" s="11">
        <v>1</v>
      </c>
      <c r="M1381" s="11">
        <v>30</v>
      </c>
      <c r="N1381" s="18" t="s">
        <v>683</v>
      </c>
      <c r="O1381" s="98"/>
    </row>
    <row r="1382" spans="1:16" hidden="1" outlineLevel="1">
      <c r="A1382" s="33"/>
      <c r="B1382" s="33"/>
      <c r="C1382" s="11"/>
      <c r="D1382" s="33"/>
      <c r="E1382" s="11" t="s">
        <v>173</v>
      </c>
      <c r="F1382" s="11">
        <v>369</v>
      </c>
      <c r="G1382" s="11" t="s">
        <v>172</v>
      </c>
      <c r="H1382" s="11" t="s">
        <v>78</v>
      </c>
      <c r="I1382" s="11" t="s">
        <v>71</v>
      </c>
      <c r="J1382" s="11">
        <v>1</v>
      </c>
      <c r="K1382" s="11" t="s">
        <v>509</v>
      </c>
      <c r="L1382" s="11">
        <v>1</v>
      </c>
      <c r="M1382" s="11">
        <v>45</v>
      </c>
      <c r="N1382" s="18"/>
      <c r="O1382" s="98"/>
    </row>
    <row r="1383" spans="1:16" s="143" customFormat="1" collapsed="1">
      <c r="A1383" s="75" t="s">
        <v>177</v>
      </c>
      <c r="B1383" s="142" t="s">
        <v>126</v>
      </c>
      <c r="C1383" s="75"/>
      <c r="D1383" s="142"/>
      <c r="E1383" s="75"/>
      <c r="F1383" s="75"/>
      <c r="G1383" s="75"/>
      <c r="H1383" s="75" t="s">
        <v>17</v>
      </c>
      <c r="I1383" s="75" t="s">
        <v>71</v>
      </c>
      <c r="J1383" s="75">
        <v>1000</v>
      </c>
      <c r="K1383" s="75"/>
      <c r="L1383" s="75"/>
      <c r="M1383" s="75"/>
      <c r="N1383" s="78"/>
      <c r="O1383" s="98" t="s">
        <v>947</v>
      </c>
      <c r="P1383" s="99" t="s">
        <v>1089</v>
      </c>
    </row>
    <row r="1384" spans="1:16" hidden="1" outlineLevel="1">
      <c r="A1384" s="75"/>
      <c r="B1384" s="75"/>
      <c r="C1384" s="75" t="s">
        <v>177</v>
      </c>
      <c r="D1384" s="142" t="s">
        <v>126</v>
      </c>
      <c r="E1384" s="75"/>
      <c r="F1384" s="75"/>
      <c r="G1384" s="75"/>
      <c r="H1384" s="75" t="s">
        <v>66</v>
      </c>
      <c r="I1384" s="75" t="s">
        <v>65</v>
      </c>
      <c r="J1384" s="75">
        <v>1</v>
      </c>
      <c r="K1384" s="75"/>
      <c r="L1384" s="75"/>
      <c r="M1384" s="75"/>
      <c r="N1384" s="78"/>
      <c r="O1384" s="98"/>
    </row>
    <row r="1385" spans="1:16" hidden="1" outlineLevel="1">
      <c r="A1385" s="33"/>
      <c r="B1385" s="33"/>
      <c r="C1385" s="11"/>
      <c r="D1385" s="33"/>
      <c r="E1385" s="11" t="s">
        <v>176</v>
      </c>
      <c r="F1385" s="11">
        <v>128</v>
      </c>
      <c r="G1385" s="11" t="s">
        <v>128</v>
      </c>
      <c r="H1385" s="11" t="s">
        <v>66</v>
      </c>
      <c r="I1385" s="11" t="s">
        <v>65</v>
      </c>
      <c r="J1385" s="11">
        <v>1</v>
      </c>
      <c r="K1385" s="11" t="s">
        <v>514</v>
      </c>
      <c r="L1385" s="11">
        <v>2</v>
      </c>
      <c r="M1385" s="11">
        <v>3</v>
      </c>
      <c r="N1385" s="18" t="s">
        <v>681</v>
      </c>
      <c r="O1385" s="98"/>
    </row>
    <row r="1386" spans="1:16" hidden="1" outlineLevel="1">
      <c r="A1386" s="33"/>
      <c r="B1386" s="33"/>
      <c r="C1386" s="11"/>
      <c r="D1386" s="33"/>
      <c r="E1386" s="11" t="s">
        <v>175</v>
      </c>
      <c r="F1386" s="11">
        <v>127</v>
      </c>
      <c r="G1386" s="11" t="s">
        <v>126</v>
      </c>
      <c r="H1386" s="11" t="s">
        <v>78</v>
      </c>
      <c r="I1386" s="11" t="s">
        <v>71</v>
      </c>
      <c r="J1386" s="11">
        <v>1</v>
      </c>
      <c r="K1386" s="11" t="s">
        <v>509</v>
      </c>
      <c r="L1386" s="11">
        <v>1</v>
      </c>
      <c r="M1386" s="11">
        <v>30</v>
      </c>
      <c r="N1386" s="18" t="s">
        <v>684</v>
      </c>
      <c r="O1386" s="98"/>
    </row>
    <row r="1387" spans="1:16" hidden="1" outlineLevel="1">
      <c r="A1387" s="33"/>
      <c r="B1387" s="33"/>
      <c r="C1387" s="11"/>
      <c r="D1387" s="33"/>
      <c r="E1387" s="11" t="s">
        <v>173</v>
      </c>
      <c r="F1387" s="11">
        <v>369</v>
      </c>
      <c r="G1387" s="11" t="s">
        <v>172</v>
      </c>
      <c r="H1387" s="11" t="s">
        <v>78</v>
      </c>
      <c r="I1387" s="11" t="s">
        <v>71</v>
      </c>
      <c r="J1387" s="11">
        <v>1</v>
      </c>
      <c r="K1387" s="11" t="s">
        <v>509</v>
      </c>
      <c r="L1387" s="11">
        <v>1</v>
      </c>
      <c r="M1387" s="11">
        <v>45</v>
      </c>
      <c r="N1387" s="18"/>
      <c r="O1387" s="98"/>
    </row>
    <row r="1388" spans="1:16" s="143" customFormat="1" ht="14" collapsed="1">
      <c r="A1388" s="75" t="s">
        <v>177</v>
      </c>
      <c r="B1388" s="142" t="s">
        <v>126</v>
      </c>
      <c r="C1388" s="75"/>
      <c r="D1388" s="142"/>
      <c r="E1388" s="75"/>
      <c r="F1388" s="75"/>
      <c r="G1388" s="75"/>
      <c r="H1388" s="75" t="s">
        <v>17</v>
      </c>
      <c r="I1388" s="75" t="s">
        <v>71</v>
      </c>
      <c r="J1388" s="75">
        <v>1000</v>
      </c>
      <c r="K1388" s="75"/>
      <c r="L1388" s="75"/>
      <c r="M1388" s="75"/>
      <c r="N1388" s="78"/>
    </row>
    <row r="1389" spans="1:16" hidden="1" outlineLevel="1">
      <c r="A1389" s="75"/>
      <c r="B1389" s="75"/>
      <c r="C1389" s="75" t="s">
        <v>177</v>
      </c>
      <c r="D1389" s="142" t="s">
        <v>126</v>
      </c>
      <c r="E1389" s="75"/>
      <c r="F1389" s="75"/>
      <c r="G1389" s="75"/>
      <c r="H1389" s="75" t="s">
        <v>66</v>
      </c>
      <c r="I1389" s="75" t="s">
        <v>65</v>
      </c>
      <c r="J1389" s="75">
        <v>1</v>
      </c>
      <c r="K1389" s="75"/>
      <c r="L1389" s="75"/>
      <c r="M1389" s="75"/>
      <c r="N1389" s="78"/>
      <c r="O1389" s="98"/>
    </row>
    <row r="1390" spans="1:16" hidden="1" outlineLevel="1">
      <c r="A1390" s="33"/>
      <c r="B1390" s="33"/>
      <c r="C1390" s="11"/>
      <c r="D1390" s="33"/>
      <c r="E1390" s="11" t="s">
        <v>176</v>
      </c>
      <c r="F1390" s="11">
        <v>128</v>
      </c>
      <c r="G1390" s="11" t="s">
        <v>128</v>
      </c>
      <c r="H1390" s="11" t="s">
        <v>66</v>
      </c>
      <c r="I1390" s="11" t="s">
        <v>65</v>
      </c>
      <c r="J1390" s="11">
        <v>1</v>
      </c>
      <c r="K1390" s="11" t="s">
        <v>514</v>
      </c>
      <c r="L1390" s="11">
        <v>2</v>
      </c>
      <c r="M1390" s="11">
        <v>3</v>
      </c>
      <c r="N1390" s="18" t="s">
        <v>681</v>
      </c>
      <c r="O1390" s="98"/>
    </row>
    <row r="1391" spans="1:16" hidden="1" outlineLevel="1">
      <c r="A1391" s="33"/>
      <c r="B1391" s="33"/>
      <c r="C1391" s="11"/>
      <c r="D1391" s="33"/>
      <c r="E1391" s="11" t="s">
        <v>175</v>
      </c>
      <c r="F1391" s="11">
        <v>127</v>
      </c>
      <c r="G1391" s="11" t="s">
        <v>126</v>
      </c>
      <c r="H1391" s="11" t="s">
        <v>78</v>
      </c>
      <c r="I1391" s="11" t="s">
        <v>71</v>
      </c>
      <c r="J1391" s="11">
        <v>1</v>
      </c>
      <c r="K1391" s="11" t="s">
        <v>509</v>
      </c>
      <c r="L1391" s="11">
        <v>1</v>
      </c>
      <c r="M1391" s="11">
        <v>30</v>
      </c>
      <c r="N1391" s="18" t="s">
        <v>685</v>
      </c>
      <c r="O1391" s="98"/>
    </row>
    <row r="1392" spans="1:16" hidden="1" outlineLevel="1">
      <c r="A1392" s="33"/>
      <c r="B1392" s="33"/>
      <c r="C1392" s="11"/>
      <c r="D1392" s="33"/>
      <c r="E1392" s="11" t="s">
        <v>173</v>
      </c>
      <c r="F1392" s="11">
        <v>369</v>
      </c>
      <c r="G1392" s="11" t="s">
        <v>172</v>
      </c>
      <c r="H1392" s="11" t="s">
        <v>78</v>
      </c>
      <c r="I1392" s="11" t="s">
        <v>71</v>
      </c>
      <c r="J1392" s="11">
        <v>1</v>
      </c>
      <c r="K1392" s="11" t="s">
        <v>509</v>
      </c>
      <c r="L1392" s="11">
        <v>1</v>
      </c>
      <c r="M1392" s="11">
        <v>45</v>
      </c>
      <c r="N1392" s="18"/>
      <c r="O1392" s="98"/>
    </row>
    <row r="1393" spans="1:16" s="33" customFormat="1" collapsed="1">
      <c r="A1393" s="75" t="s">
        <v>177</v>
      </c>
      <c r="B1393" s="142" t="s">
        <v>126</v>
      </c>
      <c r="C1393" s="75"/>
      <c r="D1393" s="142"/>
      <c r="E1393" s="75"/>
      <c r="F1393" s="75"/>
      <c r="G1393" s="75"/>
      <c r="H1393" s="75" t="s">
        <v>17</v>
      </c>
      <c r="I1393" s="75" t="s">
        <v>71</v>
      </c>
      <c r="J1393" s="75">
        <v>1000</v>
      </c>
      <c r="K1393" s="75"/>
      <c r="L1393" s="75"/>
      <c r="M1393" s="75"/>
      <c r="N1393" s="78"/>
      <c r="O1393" s="98" t="s">
        <v>948</v>
      </c>
      <c r="P1393" s="99" t="s">
        <v>1092</v>
      </c>
    </row>
    <row r="1394" spans="1:16" hidden="1" outlineLevel="1">
      <c r="A1394" s="75"/>
      <c r="B1394" s="75"/>
      <c r="C1394" s="75" t="s">
        <v>177</v>
      </c>
      <c r="D1394" s="142" t="s">
        <v>126</v>
      </c>
      <c r="E1394" s="75"/>
      <c r="F1394" s="75"/>
      <c r="G1394" s="75"/>
      <c r="H1394" s="75" t="s">
        <v>66</v>
      </c>
      <c r="I1394" s="75" t="s">
        <v>65</v>
      </c>
      <c r="J1394" s="75">
        <v>1</v>
      </c>
      <c r="K1394" s="75"/>
      <c r="L1394" s="75"/>
      <c r="M1394" s="75"/>
      <c r="N1394" s="78"/>
      <c r="O1394" s="98"/>
    </row>
    <row r="1395" spans="1:16" hidden="1" outlineLevel="1">
      <c r="A1395" s="33"/>
      <c r="B1395" s="33"/>
      <c r="C1395" s="11"/>
      <c r="D1395" s="33"/>
      <c r="E1395" s="11" t="s">
        <v>176</v>
      </c>
      <c r="F1395" s="11">
        <v>128</v>
      </c>
      <c r="G1395" s="11" t="s">
        <v>128</v>
      </c>
      <c r="H1395" s="11" t="s">
        <v>66</v>
      </c>
      <c r="I1395" s="11" t="s">
        <v>65</v>
      </c>
      <c r="J1395" s="11">
        <v>1</v>
      </c>
      <c r="K1395" s="11" t="s">
        <v>514</v>
      </c>
      <c r="L1395" s="11">
        <v>2</v>
      </c>
      <c r="M1395" s="11">
        <v>3</v>
      </c>
      <c r="N1395" s="18" t="s">
        <v>681</v>
      </c>
      <c r="O1395" s="98"/>
    </row>
    <row r="1396" spans="1:16" hidden="1" outlineLevel="1">
      <c r="A1396" s="33"/>
      <c r="B1396" s="33"/>
      <c r="C1396" s="11"/>
      <c r="D1396" s="33"/>
      <c r="E1396" s="11" t="s">
        <v>175</v>
      </c>
      <c r="F1396" s="11">
        <v>127</v>
      </c>
      <c r="G1396" s="11" t="s">
        <v>126</v>
      </c>
      <c r="H1396" s="11" t="s">
        <v>78</v>
      </c>
      <c r="I1396" s="11" t="s">
        <v>71</v>
      </c>
      <c r="J1396" s="11">
        <v>1</v>
      </c>
      <c r="K1396" s="11" t="s">
        <v>509</v>
      </c>
      <c r="L1396" s="11">
        <v>1</v>
      </c>
      <c r="M1396" s="11">
        <v>30</v>
      </c>
      <c r="N1396" s="18" t="s">
        <v>686</v>
      </c>
      <c r="O1396" s="98"/>
    </row>
    <row r="1397" spans="1:16" hidden="1" outlineLevel="1">
      <c r="A1397" s="33"/>
      <c r="B1397" s="33"/>
      <c r="C1397" s="11"/>
      <c r="D1397" s="33"/>
      <c r="E1397" s="11" t="s">
        <v>173</v>
      </c>
      <c r="F1397" s="11">
        <v>369</v>
      </c>
      <c r="G1397" s="11" t="s">
        <v>172</v>
      </c>
      <c r="H1397" s="11" t="s">
        <v>78</v>
      </c>
      <c r="I1397" s="11" t="s">
        <v>71</v>
      </c>
      <c r="J1397" s="11">
        <v>1</v>
      </c>
      <c r="K1397" s="11" t="s">
        <v>509</v>
      </c>
      <c r="L1397" s="11">
        <v>1</v>
      </c>
      <c r="M1397" s="11">
        <v>45</v>
      </c>
      <c r="N1397" s="18"/>
      <c r="O1397" s="98"/>
    </row>
    <row r="1398" spans="1:16" s="143" customFormat="1" collapsed="1">
      <c r="A1398" s="75" t="s">
        <v>177</v>
      </c>
      <c r="B1398" s="142" t="s">
        <v>126</v>
      </c>
      <c r="C1398" s="75"/>
      <c r="D1398" s="142"/>
      <c r="E1398" s="75"/>
      <c r="F1398" s="75"/>
      <c r="G1398" s="75"/>
      <c r="H1398" s="75" t="s">
        <v>17</v>
      </c>
      <c r="I1398" s="75" t="s">
        <v>71</v>
      </c>
      <c r="J1398" s="75">
        <v>1000</v>
      </c>
      <c r="K1398" s="75"/>
      <c r="L1398" s="75"/>
      <c r="M1398" s="75"/>
      <c r="N1398" s="78"/>
      <c r="O1398" s="98" t="s">
        <v>958</v>
      </c>
      <c r="P1398" s="99" t="s">
        <v>1091</v>
      </c>
    </row>
    <row r="1399" spans="1:16" hidden="1" outlineLevel="1">
      <c r="A1399" s="75"/>
      <c r="B1399" s="75"/>
      <c r="C1399" s="75" t="s">
        <v>177</v>
      </c>
      <c r="D1399" s="142" t="s">
        <v>126</v>
      </c>
      <c r="E1399" s="75"/>
      <c r="F1399" s="75"/>
      <c r="G1399" s="75"/>
      <c r="H1399" s="75" t="s">
        <v>66</v>
      </c>
      <c r="I1399" s="75" t="s">
        <v>65</v>
      </c>
      <c r="J1399" s="75">
        <v>1</v>
      </c>
      <c r="K1399" s="75"/>
      <c r="L1399" s="75"/>
      <c r="M1399" s="75"/>
      <c r="N1399" s="78"/>
      <c r="O1399" s="98"/>
    </row>
    <row r="1400" spans="1:16" hidden="1" outlineLevel="1">
      <c r="A1400" s="33"/>
      <c r="B1400" s="33"/>
      <c r="C1400" s="11"/>
      <c r="D1400" s="33"/>
      <c r="E1400" s="11" t="s">
        <v>176</v>
      </c>
      <c r="F1400" s="11">
        <v>128</v>
      </c>
      <c r="G1400" s="11" t="s">
        <v>128</v>
      </c>
      <c r="H1400" s="11" t="s">
        <v>66</v>
      </c>
      <c r="I1400" s="11" t="s">
        <v>65</v>
      </c>
      <c r="J1400" s="11">
        <v>1</v>
      </c>
      <c r="K1400" s="11" t="s">
        <v>514</v>
      </c>
      <c r="L1400" s="11">
        <v>2</v>
      </c>
      <c r="M1400" s="11">
        <v>3</v>
      </c>
      <c r="N1400" s="18" t="s">
        <v>681</v>
      </c>
      <c r="O1400" s="98"/>
    </row>
    <row r="1401" spans="1:16" hidden="1" outlineLevel="1">
      <c r="A1401" s="33"/>
      <c r="B1401" s="33"/>
      <c r="C1401" s="11"/>
      <c r="D1401" s="33"/>
      <c r="E1401" s="11" t="s">
        <v>175</v>
      </c>
      <c r="F1401" s="11">
        <v>127</v>
      </c>
      <c r="G1401" s="11" t="s">
        <v>126</v>
      </c>
      <c r="H1401" s="11" t="s">
        <v>78</v>
      </c>
      <c r="I1401" s="11" t="s">
        <v>71</v>
      </c>
      <c r="J1401" s="11">
        <v>1</v>
      </c>
      <c r="K1401" s="11" t="s">
        <v>509</v>
      </c>
      <c r="L1401" s="11">
        <v>1</v>
      </c>
      <c r="M1401" s="11">
        <v>30</v>
      </c>
      <c r="N1401" s="18" t="s">
        <v>685</v>
      </c>
      <c r="O1401" s="98"/>
    </row>
    <row r="1402" spans="1:16" hidden="1" outlineLevel="1">
      <c r="A1402" s="33"/>
      <c r="B1402" s="33"/>
      <c r="C1402" s="11"/>
      <c r="D1402" s="33"/>
      <c r="E1402" s="11" t="s">
        <v>173</v>
      </c>
      <c r="F1402" s="11">
        <v>369</v>
      </c>
      <c r="G1402" s="11" t="s">
        <v>172</v>
      </c>
      <c r="H1402" s="11" t="s">
        <v>78</v>
      </c>
      <c r="I1402" s="11" t="s">
        <v>71</v>
      </c>
      <c r="J1402" s="11">
        <v>1</v>
      </c>
      <c r="K1402" s="11" t="s">
        <v>509</v>
      </c>
      <c r="L1402" s="11">
        <v>1</v>
      </c>
      <c r="M1402" s="11">
        <v>45</v>
      </c>
      <c r="N1402" s="18"/>
      <c r="O1402" s="98"/>
    </row>
    <row r="1403" spans="1:16" s="143" customFormat="1" hidden="1" collapsed="1">
      <c r="A1403" s="75" t="s">
        <v>177</v>
      </c>
      <c r="B1403" s="142" t="s">
        <v>126</v>
      </c>
      <c r="C1403" s="75"/>
      <c r="D1403" s="142"/>
      <c r="E1403" s="75"/>
      <c r="F1403" s="75"/>
      <c r="G1403" s="75"/>
      <c r="H1403" s="75" t="s">
        <v>17</v>
      </c>
      <c r="I1403" s="75" t="s">
        <v>71</v>
      </c>
      <c r="J1403" s="75">
        <v>1000</v>
      </c>
      <c r="K1403" s="75"/>
      <c r="L1403" s="75"/>
      <c r="M1403" s="75"/>
      <c r="N1403" s="78"/>
      <c r="O1403" s="98"/>
      <c r="P1403" s="99"/>
    </row>
    <row r="1404" spans="1:16" hidden="1">
      <c r="A1404" s="75"/>
      <c r="B1404" s="75"/>
      <c r="C1404" s="75" t="s">
        <v>177</v>
      </c>
      <c r="D1404" s="142" t="s">
        <v>126</v>
      </c>
      <c r="E1404" s="75"/>
      <c r="F1404" s="75"/>
      <c r="G1404" s="75"/>
      <c r="H1404" s="75" t="s">
        <v>66</v>
      </c>
      <c r="I1404" s="75" t="s">
        <v>65</v>
      </c>
      <c r="J1404" s="75">
        <v>1</v>
      </c>
      <c r="K1404" s="75"/>
      <c r="L1404" s="75"/>
      <c r="M1404" s="75"/>
      <c r="N1404" s="78"/>
      <c r="O1404" s="98"/>
    </row>
    <row r="1405" spans="1:16" hidden="1">
      <c r="A1405" s="33"/>
      <c r="B1405" s="33"/>
      <c r="C1405" s="11"/>
      <c r="D1405" s="33"/>
      <c r="E1405" s="11" t="s">
        <v>176</v>
      </c>
      <c r="F1405" s="11">
        <v>128</v>
      </c>
      <c r="G1405" s="11" t="s">
        <v>128</v>
      </c>
      <c r="H1405" s="11" t="s">
        <v>66</v>
      </c>
      <c r="I1405" s="11" t="s">
        <v>65</v>
      </c>
      <c r="J1405" s="11">
        <v>1</v>
      </c>
      <c r="K1405" s="11" t="s">
        <v>514</v>
      </c>
      <c r="L1405" s="11">
        <v>2</v>
      </c>
      <c r="M1405" s="11">
        <v>3</v>
      </c>
      <c r="N1405" s="18" t="s">
        <v>681</v>
      </c>
      <c r="O1405" s="98"/>
    </row>
    <row r="1406" spans="1:16" hidden="1">
      <c r="A1406" s="33"/>
      <c r="B1406" s="33"/>
      <c r="C1406" s="11"/>
      <c r="D1406" s="33"/>
      <c r="E1406" s="11" t="s">
        <v>175</v>
      </c>
      <c r="F1406" s="11">
        <v>127</v>
      </c>
      <c r="G1406" s="11" t="s">
        <v>126</v>
      </c>
      <c r="H1406" s="11" t="s">
        <v>78</v>
      </c>
      <c r="I1406" s="11" t="s">
        <v>71</v>
      </c>
      <c r="J1406" s="11">
        <v>1</v>
      </c>
      <c r="K1406" s="11" t="s">
        <v>509</v>
      </c>
      <c r="L1406" s="11">
        <v>1</v>
      </c>
      <c r="M1406" s="11">
        <v>30</v>
      </c>
      <c r="N1406" s="18" t="s">
        <v>895</v>
      </c>
      <c r="O1406" s="98"/>
    </row>
    <row r="1407" spans="1:16" hidden="1">
      <c r="A1407" s="33"/>
      <c r="B1407" s="33"/>
      <c r="C1407" s="11"/>
      <c r="D1407" s="33"/>
      <c r="E1407" s="11" t="s">
        <v>173</v>
      </c>
      <c r="F1407" s="11">
        <v>369</v>
      </c>
      <c r="G1407" s="11" t="s">
        <v>172</v>
      </c>
      <c r="H1407" s="11" t="s">
        <v>78</v>
      </c>
      <c r="I1407" s="11" t="s">
        <v>71</v>
      </c>
      <c r="J1407" s="11">
        <v>1</v>
      </c>
      <c r="K1407" s="11" t="s">
        <v>509</v>
      </c>
      <c r="L1407" s="11">
        <v>1</v>
      </c>
      <c r="M1407" s="11">
        <v>45</v>
      </c>
      <c r="N1407" s="18"/>
      <c r="O1407" s="98"/>
    </row>
    <row r="1408" spans="1:16" s="143" customFormat="1" hidden="1">
      <c r="A1408" s="75" t="s">
        <v>177</v>
      </c>
      <c r="B1408" s="142" t="s">
        <v>126</v>
      </c>
      <c r="C1408" s="75"/>
      <c r="D1408" s="142"/>
      <c r="E1408" s="75"/>
      <c r="F1408" s="75"/>
      <c r="G1408" s="75"/>
      <c r="H1408" s="75" t="s">
        <v>17</v>
      </c>
      <c r="I1408" s="75" t="s">
        <v>71</v>
      </c>
      <c r="J1408" s="75">
        <v>1000</v>
      </c>
      <c r="K1408" s="75"/>
      <c r="L1408" s="75"/>
      <c r="M1408" s="75"/>
      <c r="N1408" s="78"/>
      <c r="O1408" s="98"/>
      <c r="P1408" s="99"/>
    </row>
    <row r="1409" spans="1:16" hidden="1">
      <c r="A1409" s="75"/>
      <c r="B1409" s="75"/>
      <c r="C1409" s="75" t="s">
        <v>177</v>
      </c>
      <c r="D1409" s="142" t="s">
        <v>126</v>
      </c>
      <c r="E1409" s="75"/>
      <c r="F1409" s="75"/>
      <c r="G1409" s="75"/>
      <c r="H1409" s="75" t="s">
        <v>66</v>
      </c>
      <c r="I1409" s="75" t="s">
        <v>65</v>
      </c>
      <c r="J1409" s="75">
        <v>1</v>
      </c>
      <c r="K1409" s="75"/>
      <c r="L1409" s="75"/>
      <c r="M1409" s="75"/>
      <c r="N1409" s="78"/>
      <c r="O1409" s="98"/>
    </row>
    <row r="1410" spans="1:16" hidden="1">
      <c r="A1410" s="33"/>
      <c r="B1410" s="33"/>
      <c r="C1410" s="11"/>
      <c r="D1410" s="33"/>
      <c r="E1410" s="11" t="s">
        <v>176</v>
      </c>
      <c r="F1410" s="11">
        <v>128</v>
      </c>
      <c r="G1410" s="11" t="s">
        <v>128</v>
      </c>
      <c r="H1410" s="11" t="s">
        <v>66</v>
      </c>
      <c r="I1410" s="11" t="s">
        <v>65</v>
      </c>
      <c r="J1410" s="11">
        <v>1</v>
      </c>
      <c r="K1410" s="11" t="s">
        <v>514</v>
      </c>
      <c r="L1410" s="11">
        <v>2</v>
      </c>
      <c r="M1410" s="11">
        <v>3</v>
      </c>
      <c r="N1410" s="18" t="s">
        <v>681</v>
      </c>
      <c r="O1410" s="98"/>
    </row>
    <row r="1411" spans="1:16" hidden="1">
      <c r="A1411" s="33"/>
      <c r="B1411" s="33"/>
      <c r="C1411" s="11"/>
      <c r="D1411" s="33"/>
      <c r="E1411" s="11" t="s">
        <v>175</v>
      </c>
      <c r="F1411" s="11">
        <v>127</v>
      </c>
      <c r="G1411" s="11" t="s">
        <v>126</v>
      </c>
      <c r="H1411" s="11" t="s">
        <v>78</v>
      </c>
      <c r="I1411" s="11" t="s">
        <v>71</v>
      </c>
      <c r="J1411" s="11">
        <v>1</v>
      </c>
      <c r="K1411" s="11" t="s">
        <v>509</v>
      </c>
      <c r="L1411" s="11">
        <v>1</v>
      </c>
      <c r="M1411" s="11">
        <v>30</v>
      </c>
      <c r="N1411" s="18" t="s">
        <v>687</v>
      </c>
      <c r="O1411" s="98"/>
    </row>
    <row r="1412" spans="1:16" hidden="1">
      <c r="A1412" s="33"/>
      <c r="B1412" s="33"/>
      <c r="C1412" s="11"/>
      <c r="D1412" s="33"/>
      <c r="E1412" s="11" t="s">
        <v>173</v>
      </c>
      <c r="F1412" s="11">
        <v>369</v>
      </c>
      <c r="G1412" s="11" t="s">
        <v>172</v>
      </c>
      <c r="H1412" s="11" t="s">
        <v>78</v>
      </c>
      <c r="I1412" s="11" t="s">
        <v>71</v>
      </c>
      <c r="J1412" s="11">
        <v>1</v>
      </c>
      <c r="K1412" s="11" t="s">
        <v>509</v>
      </c>
      <c r="L1412" s="11">
        <v>1</v>
      </c>
      <c r="M1412" s="11">
        <v>45</v>
      </c>
      <c r="N1412" s="18"/>
      <c r="O1412" s="98"/>
    </row>
    <row r="1413" spans="1:16" s="143" customFormat="1" hidden="1">
      <c r="A1413" s="75" t="s">
        <v>177</v>
      </c>
      <c r="B1413" s="142" t="s">
        <v>126</v>
      </c>
      <c r="C1413" s="75"/>
      <c r="D1413" s="142"/>
      <c r="E1413" s="75"/>
      <c r="F1413" s="75"/>
      <c r="G1413" s="75"/>
      <c r="H1413" s="75" t="s">
        <v>17</v>
      </c>
      <c r="I1413" s="75" t="s">
        <v>71</v>
      </c>
      <c r="J1413" s="75">
        <v>1000</v>
      </c>
      <c r="K1413" s="75"/>
      <c r="L1413" s="75"/>
      <c r="M1413" s="75"/>
      <c r="N1413" s="78"/>
      <c r="O1413" s="98"/>
      <c r="P1413" s="99"/>
    </row>
    <row r="1414" spans="1:16" hidden="1">
      <c r="A1414" s="75"/>
      <c r="B1414" s="75"/>
      <c r="C1414" s="75" t="s">
        <v>177</v>
      </c>
      <c r="D1414" s="142" t="s">
        <v>126</v>
      </c>
      <c r="E1414" s="75"/>
      <c r="F1414" s="75"/>
      <c r="G1414" s="75"/>
      <c r="H1414" s="75" t="s">
        <v>66</v>
      </c>
      <c r="I1414" s="75" t="s">
        <v>65</v>
      </c>
      <c r="J1414" s="75">
        <v>1</v>
      </c>
      <c r="K1414" s="75"/>
      <c r="L1414" s="75"/>
      <c r="M1414" s="75"/>
      <c r="N1414" s="78"/>
      <c r="O1414" s="98"/>
    </row>
    <row r="1415" spans="1:16" hidden="1">
      <c r="A1415" s="33"/>
      <c r="B1415" s="33"/>
      <c r="C1415" s="11"/>
      <c r="D1415" s="33"/>
      <c r="E1415" s="11" t="s">
        <v>176</v>
      </c>
      <c r="F1415" s="11">
        <v>128</v>
      </c>
      <c r="G1415" s="11" t="s">
        <v>128</v>
      </c>
      <c r="H1415" s="11" t="s">
        <v>66</v>
      </c>
      <c r="I1415" s="11" t="s">
        <v>65</v>
      </c>
      <c r="J1415" s="11">
        <v>1</v>
      </c>
      <c r="K1415" s="11" t="s">
        <v>514</v>
      </c>
      <c r="L1415" s="11">
        <v>2</v>
      </c>
      <c r="M1415" s="11">
        <v>3</v>
      </c>
      <c r="N1415" s="18" t="s">
        <v>681</v>
      </c>
      <c r="O1415" s="98"/>
    </row>
    <row r="1416" spans="1:16" hidden="1">
      <c r="A1416" s="33"/>
      <c r="B1416" s="33"/>
      <c r="C1416" s="11"/>
      <c r="D1416" s="33"/>
      <c r="E1416" s="11" t="s">
        <v>175</v>
      </c>
      <c r="F1416" s="11">
        <v>127</v>
      </c>
      <c r="G1416" s="11" t="s">
        <v>126</v>
      </c>
      <c r="H1416" s="11" t="s">
        <v>78</v>
      </c>
      <c r="I1416" s="11" t="s">
        <v>71</v>
      </c>
      <c r="J1416" s="11">
        <v>1</v>
      </c>
      <c r="K1416" s="11" t="s">
        <v>509</v>
      </c>
      <c r="L1416" s="11">
        <v>1</v>
      </c>
      <c r="M1416" s="11">
        <v>30</v>
      </c>
      <c r="N1416" s="18" t="s">
        <v>896</v>
      </c>
      <c r="O1416" s="98"/>
    </row>
    <row r="1417" spans="1:16" hidden="1">
      <c r="A1417" s="33"/>
      <c r="B1417" s="33"/>
      <c r="C1417" s="11"/>
      <c r="D1417" s="33"/>
      <c r="E1417" s="11" t="s">
        <v>173</v>
      </c>
      <c r="F1417" s="11">
        <v>369</v>
      </c>
      <c r="G1417" s="11" t="s">
        <v>172</v>
      </c>
      <c r="H1417" s="11" t="s">
        <v>78</v>
      </c>
      <c r="I1417" s="11" t="s">
        <v>71</v>
      </c>
      <c r="J1417" s="11">
        <v>1</v>
      </c>
      <c r="K1417" s="11" t="s">
        <v>509</v>
      </c>
      <c r="L1417" s="11">
        <v>1</v>
      </c>
      <c r="M1417" s="11">
        <v>45</v>
      </c>
      <c r="N1417" s="18"/>
      <c r="O1417" s="98"/>
    </row>
    <row r="1418" spans="1:16" s="143" customFormat="1" hidden="1">
      <c r="A1418" s="75" t="s">
        <v>177</v>
      </c>
      <c r="B1418" s="142" t="s">
        <v>126</v>
      </c>
      <c r="C1418" s="75"/>
      <c r="D1418" s="142"/>
      <c r="E1418" s="75"/>
      <c r="F1418" s="75"/>
      <c r="G1418" s="75"/>
      <c r="H1418" s="75" t="s">
        <v>17</v>
      </c>
      <c r="I1418" s="75" t="s">
        <v>71</v>
      </c>
      <c r="J1418" s="75">
        <v>1000</v>
      </c>
      <c r="K1418" s="75"/>
      <c r="L1418" s="75"/>
      <c r="M1418" s="75"/>
      <c r="N1418" s="78"/>
      <c r="O1418" s="98"/>
      <c r="P1418" s="99"/>
    </row>
    <row r="1419" spans="1:16" hidden="1">
      <c r="A1419" s="75"/>
      <c r="B1419" s="75"/>
      <c r="C1419" s="75" t="s">
        <v>177</v>
      </c>
      <c r="D1419" s="142" t="s">
        <v>126</v>
      </c>
      <c r="E1419" s="75"/>
      <c r="F1419" s="75"/>
      <c r="G1419" s="75"/>
      <c r="H1419" s="75" t="s">
        <v>66</v>
      </c>
      <c r="I1419" s="75" t="s">
        <v>65</v>
      </c>
      <c r="J1419" s="75">
        <v>1</v>
      </c>
      <c r="K1419" s="75"/>
      <c r="L1419" s="75"/>
      <c r="M1419" s="75"/>
      <c r="N1419" s="78"/>
      <c r="O1419" s="98"/>
    </row>
    <row r="1420" spans="1:16" hidden="1">
      <c r="A1420" s="33"/>
      <c r="B1420" s="33"/>
      <c r="C1420" s="11"/>
      <c r="D1420" s="33"/>
      <c r="E1420" s="11" t="s">
        <v>176</v>
      </c>
      <c r="F1420" s="11">
        <v>128</v>
      </c>
      <c r="G1420" s="11" t="s">
        <v>128</v>
      </c>
      <c r="H1420" s="11" t="s">
        <v>66</v>
      </c>
      <c r="I1420" s="11" t="s">
        <v>65</v>
      </c>
      <c r="J1420" s="11">
        <v>1</v>
      </c>
      <c r="K1420" s="11" t="s">
        <v>514</v>
      </c>
      <c r="L1420" s="11">
        <v>2</v>
      </c>
      <c r="M1420" s="11">
        <v>3</v>
      </c>
      <c r="N1420" s="18" t="s">
        <v>912</v>
      </c>
      <c r="O1420" s="98"/>
    </row>
    <row r="1421" spans="1:16" hidden="1">
      <c r="A1421" s="33"/>
      <c r="B1421" s="33"/>
      <c r="C1421" s="11"/>
      <c r="D1421" s="33"/>
      <c r="E1421" s="11" t="s">
        <v>175</v>
      </c>
      <c r="F1421" s="11">
        <v>127</v>
      </c>
      <c r="G1421" s="11" t="s">
        <v>126</v>
      </c>
      <c r="H1421" s="11" t="s">
        <v>78</v>
      </c>
      <c r="I1421" s="11" t="s">
        <v>71</v>
      </c>
      <c r="J1421" s="11">
        <v>1</v>
      </c>
      <c r="K1421" s="11" t="s">
        <v>509</v>
      </c>
      <c r="L1421" s="11">
        <v>1</v>
      </c>
      <c r="M1421" s="11">
        <v>30</v>
      </c>
      <c r="N1421" s="18"/>
      <c r="O1421" s="98"/>
    </row>
    <row r="1422" spans="1:16" hidden="1">
      <c r="A1422" s="33"/>
      <c r="B1422" s="33"/>
      <c r="C1422" s="11"/>
      <c r="D1422" s="33"/>
      <c r="E1422" s="11" t="s">
        <v>173</v>
      </c>
      <c r="F1422" s="11">
        <v>369</v>
      </c>
      <c r="G1422" s="11" t="s">
        <v>172</v>
      </c>
      <c r="H1422" s="11" t="s">
        <v>78</v>
      </c>
      <c r="I1422" s="11" t="s">
        <v>71</v>
      </c>
      <c r="J1422" s="11">
        <v>1</v>
      </c>
      <c r="K1422" s="11" t="s">
        <v>509</v>
      </c>
      <c r="L1422" s="11">
        <v>1</v>
      </c>
      <c r="M1422" s="11">
        <v>45</v>
      </c>
      <c r="N1422" s="18" t="s">
        <v>913</v>
      </c>
      <c r="O1422" s="98"/>
    </row>
    <row r="1423" spans="1:16" hidden="1">
      <c r="C1423" s="24"/>
      <c r="D1423" s="143"/>
      <c r="E1423" s="19" t="s">
        <v>184</v>
      </c>
      <c r="F1423" s="19">
        <v>373</v>
      </c>
      <c r="G1423" s="19" t="s">
        <v>1</v>
      </c>
      <c r="H1423" s="19" t="s">
        <v>17</v>
      </c>
      <c r="I1423" s="19" t="s">
        <v>96</v>
      </c>
      <c r="J1423" s="19">
        <v>1</v>
      </c>
      <c r="K1423" s="19" t="s">
        <v>519</v>
      </c>
      <c r="L1423" s="19">
        <v>8</v>
      </c>
      <c r="M1423" s="19">
        <v>8</v>
      </c>
      <c r="N1423" s="19"/>
      <c r="O1423" s="98"/>
    </row>
    <row r="1424" spans="1:16" hidden="1">
      <c r="C1424" s="24"/>
      <c r="D1424" s="143"/>
      <c r="E1424" s="19" t="s">
        <v>183</v>
      </c>
      <c r="F1424" s="19">
        <v>337</v>
      </c>
      <c r="G1424" s="19" t="s">
        <v>79</v>
      </c>
      <c r="H1424" s="19" t="s">
        <v>78</v>
      </c>
      <c r="I1424" s="19" t="s">
        <v>96</v>
      </c>
      <c r="J1424" s="19">
        <v>1</v>
      </c>
      <c r="K1424" s="19" t="s">
        <v>518</v>
      </c>
      <c r="L1424" s="19">
        <v>4</v>
      </c>
      <c r="M1424" s="19">
        <v>8</v>
      </c>
      <c r="N1424" s="19"/>
      <c r="O1424" s="98"/>
    </row>
    <row r="1425" spans="1:16" hidden="1">
      <c r="C1425" s="24"/>
      <c r="D1425" s="143"/>
      <c r="E1425" s="19" t="s">
        <v>182</v>
      </c>
      <c r="F1425" s="19">
        <v>623</v>
      </c>
      <c r="G1425" s="19" t="s">
        <v>76</v>
      </c>
      <c r="H1425" s="19" t="s">
        <v>17</v>
      </c>
      <c r="I1425" s="19" t="s">
        <v>96</v>
      </c>
      <c r="J1425" s="19">
        <v>1</v>
      </c>
      <c r="K1425" s="19" t="s">
        <v>514</v>
      </c>
      <c r="L1425" s="19">
        <v>2</v>
      </c>
      <c r="M1425" s="19">
        <v>2</v>
      </c>
      <c r="N1425" s="19"/>
      <c r="O1425" s="98"/>
    </row>
    <row r="1426" spans="1:16" hidden="1">
      <c r="C1426" s="33"/>
      <c r="D1426" s="33" t="s">
        <v>181</v>
      </c>
      <c r="E1426" s="33"/>
      <c r="F1426" s="11"/>
      <c r="G1426" s="33" t="s">
        <v>180</v>
      </c>
      <c r="H1426" s="33" t="s">
        <v>17</v>
      </c>
      <c r="I1426" s="33" t="s">
        <v>71</v>
      </c>
      <c r="J1426" s="11">
        <v>1</v>
      </c>
      <c r="K1426" s="11"/>
      <c r="L1426" s="11"/>
      <c r="M1426" s="11"/>
      <c r="N1426" s="18"/>
      <c r="O1426" s="98"/>
    </row>
    <row r="1427" spans="1:16" hidden="1">
      <c r="C1427" s="33"/>
      <c r="D1427" s="33"/>
      <c r="E1427" s="33" t="s">
        <v>914</v>
      </c>
      <c r="F1427" s="11">
        <v>128</v>
      </c>
      <c r="G1427" s="33" t="s">
        <v>128</v>
      </c>
      <c r="H1427" s="33" t="s">
        <v>66</v>
      </c>
      <c r="I1427" s="33" t="s">
        <v>65</v>
      </c>
      <c r="J1427" s="11">
        <v>1</v>
      </c>
      <c r="K1427" s="11" t="s">
        <v>514</v>
      </c>
      <c r="L1427" s="11">
        <v>2</v>
      </c>
      <c r="M1427" s="11">
        <v>3</v>
      </c>
      <c r="N1427" s="18" t="s">
        <v>912</v>
      </c>
      <c r="O1427" s="98"/>
    </row>
    <row r="1428" spans="1:16" hidden="1">
      <c r="C1428" s="33"/>
      <c r="D1428" s="33"/>
      <c r="E1428" s="33" t="s">
        <v>915</v>
      </c>
      <c r="F1428" s="11">
        <v>127</v>
      </c>
      <c r="G1428" s="33" t="s">
        <v>126</v>
      </c>
      <c r="H1428" s="33" t="s">
        <v>66</v>
      </c>
      <c r="I1428" s="33" t="s">
        <v>65</v>
      </c>
      <c r="J1428" s="11">
        <v>1</v>
      </c>
      <c r="K1428" s="11" t="s">
        <v>509</v>
      </c>
      <c r="L1428" s="11">
        <v>1</v>
      </c>
      <c r="M1428" s="11">
        <v>30</v>
      </c>
      <c r="N1428" s="18"/>
      <c r="O1428" s="98"/>
    </row>
    <row r="1429" spans="1:16" hidden="1">
      <c r="A1429" s="17"/>
      <c r="B1429" s="17"/>
      <c r="C1429" s="75" t="s">
        <v>87</v>
      </c>
      <c r="D1429" s="142" t="s">
        <v>515</v>
      </c>
      <c r="E1429" s="75"/>
      <c r="F1429" s="75"/>
      <c r="G1429" s="75"/>
      <c r="H1429" s="75" t="s">
        <v>17</v>
      </c>
      <c r="I1429" s="75" t="s">
        <v>71</v>
      </c>
      <c r="J1429" s="75">
        <v>1000</v>
      </c>
      <c r="K1429" s="75"/>
      <c r="L1429" s="75"/>
      <c r="M1429" s="75"/>
      <c r="N1429" s="78"/>
      <c r="O1429" s="98"/>
    </row>
    <row r="1430" spans="1:16" hidden="1">
      <c r="C1430" s="11"/>
      <c r="D1430" s="33"/>
      <c r="E1430" s="11" t="s">
        <v>86</v>
      </c>
      <c r="F1430" s="11">
        <v>933</v>
      </c>
      <c r="G1430" s="11" t="s">
        <v>85</v>
      </c>
      <c r="H1430" s="11" t="s">
        <v>66</v>
      </c>
      <c r="I1430" s="11" t="s">
        <v>65</v>
      </c>
      <c r="J1430" s="11">
        <v>1</v>
      </c>
      <c r="K1430" s="11" t="s">
        <v>509</v>
      </c>
      <c r="L1430" s="11">
        <v>1</v>
      </c>
      <c r="M1430" s="11">
        <v>264</v>
      </c>
      <c r="N1430" s="18"/>
      <c r="O1430" s="98"/>
    </row>
    <row r="1431" spans="1:16" s="143" customFormat="1" hidden="1">
      <c r="A1431" s="75" t="s">
        <v>177</v>
      </c>
      <c r="B1431" s="142" t="s">
        <v>126</v>
      </c>
      <c r="C1431" s="75"/>
      <c r="D1431" s="142"/>
      <c r="E1431" s="75"/>
      <c r="F1431" s="75"/>
      <c r="G1431" s="75"/>
      <c r="H1431" s="75" t="s">
        <v>17</v>
      </c>
      <c r="I1431" s="75" t="s">
        <v>71</v>
      </c>
      <c r="J1431" s="75">
        <v>1000</v>
      </c>
      <c r="K1431" s="75"/>
      <c r="L1431" s="75"/>
      <c r="M1431" s="75"/>
      <c r="N1431" s="78"/>
      <c r="O1431" s="98"/>
      <c r="P1431" s="99"/>
    </row>
    <row r="1432" spans="1:16" hidden="1">
      <c r="A1432" s="17"/>
      <c r="B1432" s="17"/>
      <c r="C1432" s="75" t="s">
        <v>177</v>
      </c>
      <c r="D1432" s="142" t="s">
        <v>126</v>
      </c>
      <c r="E1432" s="75"/>
      <c r="F1432" s="75"/>
      <c r="G1432" s="75"/>
      <c r="H1432" s="75" t="s">
        <v>66</v>
      </c>
      <c r="I1432" s="75" t="s">
        <v>65</v>
      </c>
      <c r="J1432" s="75">
        <v>1</v>
      </c>
      <c r="K1432" s="75"/>
      <c r="L1432" s="75"/>
      <c r="M1432" s="75"/>
      <c r="N1432" s="78"/>
      <c r="O1432" s="98"/>
    </row>
    <row r="1433" spans="1:16" hidden="1">
      <c r="A1433" s="33"/>
      <c r="B1433" s="33"/>
      <c r="C1433" s="11"/>
      <c r="D1433" s="33"/>
      <c r="E1433" s="11" t="s">
        <v>176</v>
      </c>
      <c r="F1433" s="11">
        <v>128</v>
      </c>
      <c r="G1433" s="11" t="s">
        <v>128</v>
      </c>
      <c r="H1433" s="11" t="s">
        <v>66</v>
      </c>
      <c r="I1433" s="11" t="s">
        <v>65</v>
      </c>
      <c r="J1433" s="11">
        <v>1</v>
      </c>
      <c r="K1433" s="11" t="s">
        <v>514</v>
      </c>
      <c r="L1433" s="11">
        <v>2</v>
      </c>
      <c r="M1433" s="11">
        <v>3</v>
      </c>
      <c r="N1433" s="18" t="s">
        <v>912</v>
      </c>
      <c r="O1433" s="98"/>
    </row>
    <row r="1434" spans="1:16" hidden="1">
      <c r="A1434" s="33"/>
      <c r="B1434" s="33"/>
      <c r="C1434" s="11"/>
      <c r="D1434" s="33"/>
      <c r="E1434" s="11" t="s">
        <v>175</v>
      </c>
      <c r="F1434" s="11">
        <v>127</v>
      </c>
      <c r="G1434" s="11" t="s">
        <v>126</v>
      </c>
      <c r="H1434" s="11" t="s">
        <v>78</v>
      </c>
      <c r="I1434" s="11" t="s">
        <v>71</v>
      </c>
      <c r="J1434" s="11">
        <v>1</v>
      </c>
      <c r="K1434" s="11" t="s">
        <v>509</v>
      </c>
      <c r="L1434" s="11">
        <v>1</v>
      </c>
      <c r="M1434" s="11">
        <v>30</v>
      </c>
      <c r="N1434" s="18"/>
      <c r="O1434" s="98"/>
    </row>
    <row r="1435" spans="1:16" hidden="1">
      <c r="A1435" s="33"/>
      <c r="B1435" s="33"/>
      <c r="C1435" s="11"/>
      <c r="D1435" s="33"/>
      <c r="E1435" s="11" t="s">
        <v>173</v>
      </c>
      <c r="F1435" s="11">
        <v>369</v>
      </c>
      <c r="G1435" s="11" t="s">
        <v>172</v>
      </c>
      <c r="H1435" s="11" t="s">
        <v>78</v>
      </c>
      <c r="I1435" s="11" t="s">
        <v>71</v>
      </c>
      <c r="J1435" s="11">
        <v>1</v>
      </c>
      <c r="K1435" s="11" t="s">
        <v>509</v>
      </c>
      <c r="L1435" s="11">
        <v>1</v>
      </c>
      <c r="M1435" s="11">
        <v>45</v>
      </c>
      <c r="N1435" s="18" t="s">
        <v>916</v>
      </c>
      <c r="O1435" s="98"/>
    </row>
    <row r="1436" spans="1:16" hidden="1">
      <c r="A1436" s="33"/>
      <c r="B1436" s="33"/>
      <c r="C1436" s="11"/>
      <c r="D1436" s="33"/>
      <c r="E1436" s="19" t="s">
        <v>184</v>
      </c>
      <c r="F1436" s="19">
        <v>373</v>
      </c>
      <c r="G1436" s="19" t="s">
        <v>1</v>
      </c>
      <c r="H1436" s="19" t="s">
        <v>17</v>
      </c>
      <c r="I1436" s="19" t="s">
        <v>96</v>
      </c>
      <c r="J1436" s="19">
        <v>1</v>
      </c>
      <c r="K1436" s="19" t="s">
        <v>519</v>
      </c>
      <c r="L1436" s="19">
        <v>8</v>
      </c>
      <c r="M1436" s="19">
        <v>8</v>
      </c>
      <c r="N1436" s="19"/>
      <c r="O1436" s="98"/>
    </row>
    <row r="1437" spans="1:16" hidden="1">
      <c r="A1437" s="33"/>
      <c r="B1437" s="33"/>
      <c r="C1437" s="11"/>
      <c r="D1437" s="33"/>
      <c r="E1437" s="19" t="s">
        <v>183</v>
      </c>
      <c r="F1437" s="19">
        <v>337</v>
      </c>
      <c r="G1437" s="19" t="s">
        <v>79</v>
      </c>
      <c r="H1437" s="19" t="s">
        <v>78</v>
      </c>
      <c r="I1437" s="19" t="s">
        <v>96</v>
      </c>
      <c r="J1437" s="19">
        <v>1</v>
      </c>
      <c r="K1437" s="19" t="s">
        <v>518</v>
      </c>
      <c r="L1437" s="19">
        <v>4</v>
      </c>
      <c r="M1437" s="19">
        <v>8</v>
      </c>
      <c r="N1437" s="19"/>
      <c r="O1437" s="98"/>
    </row>
    <row r="1438" spans="1:16" hidden="1">
      <c r="A1438" s="33"/>
      <c r="B1438" s="33"/>
      <c r="C1438" s="11"/>
      <c r="D1438" s="33"/>
      <c r="E1438" s="19" t="s">
        <v>182</v>
      </c>
      <c r="F1438" s="19">
        <v>623</v>
      </c>
      <c r="G1438" s="19" t="s">
        <v>76</v>
      </c>
      <c r="H1438" s="19" t="s">
        <v>17</v>
      </c>
      <c r="I1438" s="19" t="s">
        <v>96</v>
      </c>
      <c r="J1438" s="19">
        <v>1</v>
      </c>
      <c r="K1438" s="19" t="s">
        <v>514</v>
      </c>
      <c r="L1438" s="19">
        <v>2</v>
      </c>
      <c r="M1438" s="19">
        <v>2</v>
      </c>
      <c r="N1438" s="19"/>
      <c r="O1438" s="98"/>
    </row>
    <row r="1439" spans="1:16" hidden="1">
      <c r="A1439" s="33"/>
      <c r="B1439" s="33"/>
      <c r="C1439" s="33"/>
      <c r="D1439" s="33" t="s">
        <v>181</v>
      </c>
      <c r="E1439" s="33"/>
      <c r="F1439" s="11"/>
      <c r="G1439" s="33" t="s">
        <v>180</v>
      </c>
      <c r="H1439" s="33" t="s">
        <v>17</v>
      </c>
      <c r="I1439" s="33" t="s">
        <v>71</v>
      </c>
      <c r="J1439" s="11">
        <v>1</v>
      </c>
      <c r="K1439" s="11"/>
      <c r="L1439" s="11"/>
      <c r="M1439" s="11"/>
      <c r="N1439" s="18"/>
      <c r="O1439" s="98"/>
    </row>
    <row r="1440" spans="1:16" hidden="1">
      <c r="A1440" s="33"/>
      <c r="B1440" s="33"/>
      <c r="C1440" s="33"/>
      <c r="D1440" s="33"/>
      <c r="E1440" s="33" t="s">
        <v>914</v>
      </c>
      <c r="F1440" s="11">
        <v>128</v>
      </c>
      <c r="G1440" s="33" t="s">
        <v>128</v>
      </c>
      <c r="H1440" s="33" t="s">
        <v>66</v>
      </c>
      <c r="I1440" s="33" t="s">
        <v>65</v>
      </c>
      <c r="J1440" s="11">
        <v>1</v>
      </c>
      <c r="K1440" s="11" t="s">
        <v>514</v>
      </c>
      <c r="L1440" s="11">
        <v>2</v>
      </c>
      <c r="M1440" s="11">
        <v>3</v>
      </c>
      <c r="N1440" s="18" t="s">
        <v>912</v>
      </c>
      <c r="O1440" s="98"/>
    </row>
    <row r="1441" spans="1:16" hidden="1">
      <c r="A1441" s="33"/>
      <c r="B1441" s="33"/>
      <c r="C1441" s="33"/>
      <c r="D1441" s="33"/>
      <c r="E1441" s="33" t="s">
        <v>915</v>
      </c>
      <c r="F1441" s="11">
        <v>127</v>
      </c>
      <c r="G1441" s="33" t="s">
        <v>126</v>
      </c>
      <c r="H1441" s="33" t="s">
        <v>66</v>
      </c>
      <c r="I1441" s="33" t="s">
        <v>65</v>
      </c>
      <c r="J1441" s="11">
        <v>1</v>
      </c>
      <c r="K1441" s="11" t="s">
        <v>509</v>
      </c>
      <c r="L1441" s="11">
        <v>1</v>
      </c>
      <c r="M1441" s="11">
        <v>30</v>
      </c>
      <c r="N1441" s="18"/>
      <c r="O1441" s="98"/>
    </row>
    <row r="1442" spans="1:16" hidden="1">
      <c r="A1442" s="75"/>
      <c r="B1442" s="75"/>
      <c r="C1442" s="75" t="s">
        <v>87</v>
      </c>
      <c r="D1442" s="142" t="s">
        <v>515</v>
      </c>
      <c r="E1442" s="75"/>
      <c r="F1442" s="75"/>
      <c r="G1442" s="75"/>
      <c r="H1442" s="75" t="s">
        <v>17</v>
      </c>
      <c r="I1442" s="75" t="s">
        <v>71</v>
      </c>
      <c r="J1442" s="75">
        <v>1000</v>
      </c>
      <c r="K1442" s="75"/>
      <c r="L1442" s="75"/>
      <c r="M1442" s="75"/>
      <c r="N1442" s="78"/>
      <c r="O1442" s="98"/>
    </row>
    <row r="1443" spans="1:16" hidden="1">
      <c r="A1443" s="33"/>
      <c r="B1443" s="33"/>
      <c r="C1443" s="11"/>
      <c r="D1443" s="33"/>
      <c r="E1443" s="11" t="s">
        <v>86</v>
      </c>
      <c r="F1443" s="11">
        <v>933</v>
      </c>
      <c r="G1443" s="11" t="s">
        <v>85</v>
      </c>
      <c r="H1443" s="11" t="s">
        <v>66</v>
      </c>
      <c r="I1443" s="11" t="s">
        <v>65</v>
      </c>
      <c r="J1443" s="11">
        <v>1</v>
      </c>
      <c r="K1443" s="11" t="s">
        <v>509</v>
      </c>
      <c r="L1443" s="11">
        <v>1</v>
      </c>
      <c r="M1443" s="11">
        <v>264</v>
      </c>
      <c r="N1443" s="18"/>
      <c r="O1443" s="98"/>
    </row>
    <row r="1444" spans="1:16" s="33" customFormat="1" hidden="1">
      <c r="A1444" s="75" t="s">
        <v>177</v>
      </c>
      <c r="B1444" s="142" t="s">
        <v>126</v>
      </c>
      <c r="C1444" s="75"/>
      <c r="D1444" s="142"/>
      <c r="E1444" s="75"/>
      <c r="F1444" s="75"/>
      <c r="G1444" s="75"/>
      <c r="H1444" s="75" t="s">
        <v>17</v>
      </c>
      <c r="I1444" s="75" t="s">
        <v>71</v>
      </c>
      <c r="J1444" s="75">
        <v>1000</v>
      </c>
      <c r="K1444" s="75"/>
      <c r="L1444" s="75"/>
      <c r="M1444" s="75"/>
      <c r="N1444" s="78"/>
      <c r="O1444" s="98"/>
      <c r="P1444" s="99"/>
    </row>
    <row r="1445" spans="1:16" hidden="1">
      <c r="A1445" s="17"/>
      <c r="B1445" s="17"/>
      <c r="C1445" s="17" t="s">
        <v>177</v>
      </c>
      <c r="D1445" s="139" t="s">
        <v>126</v>
      </c>
      <c r="E1445" s="17"/>
      <c r="F1445" s="17"/>
      <c r="G1445" s="17"/>
      <c r="H1445" s="17" t="s">
        <v>66</v>
      </c>
      <c r="I1445" s="17" t="s">
        <v>65</v>
      </c>
      <c r="J1445" s="17">
        <v>1</v>
      </c>
      <c r="K1445" s="17"/>
      <c r="L1445" s="17"/>
      <c r="M1445" s="17"/>
      <c r="N1445" s="138"/>
      <c r="O1445" s="98"/>
    </row>
    <row r="1446" spans="1:16" hidden="1">
      <c r="E1446" s="8" t="s">
        <v>176</v>
      </c>
      <c r="F1446" s="8">
        <v>128</v>
      </c>
      <c r="G1446" s="8" t="s">
        <v>128</v>
      </c>
      <c r="H1446" s="8" t="s">
        <v>66</v>
      </c>
      <c r="I1446" s="8" t="s">
        <v>65</v>
      </c>
      <c r="J1446" s="8">
        <v>1</v>
      </c>
      <c r="K1446" s="8" t="s">
        <v>514</v>
      </c>
      <c r="L1446" s="8">
        <v>2</v>
      </c>
      <c r="M1446" s="8">
        <v>3</v>
      </c>
      <c r="N1446" s="72" t="s">
        <v>643</v>
      </c>
      <c r="O1446" s="98"/>
    </row>
    <row r="1447" spans="1:16" hidden="1">
      <c r="E1447" s="19" t="s">
        <v>175</v>
      </c>
      <c r="F1447" s="19">
        <v>127</v>
      </c>
      <c r="G1447" s="19" t="s">
        <v>126</v>
      </c>
      <c r="H1447" s="19" t="s">
        <v>78</v>
      </c>
      <c r="I1447" s="19" t="s">
        <v>174</v>
      </c>
      <c r="J1447" s="19">
        <v>1</v>
      </c>
      <c r="K1447" s="19" t="s">
        <v>509</v>
      </c>
      <c r="L1447" s="19">
        <v>1</v>
      </c>
      <c r="M1447" s="19">
        <v>30</v>
      </c>
      <c r="N1447" s="25"/>
      <c r="O1447" s="98"/>
    </row>
    <row r="1448" spans="1:16" hidden="1">
      <c r="E1448" s="8" t="s">
        <v>173</v>
      </c>
      <c r="F1448" s="8">
        <v>369</v>
      </c>
      <c r="G1448" s="8" t="s">
        <v>172</v>
      </c>
      <c r="H1448" s="8" t="s">
        <v>78</v>
      </c>
      <c r="I1448" s="8" t="s">
        <v>71</v>
      </c>
      <c r="J1448" s="8">
        <v>1</v>
      </c>
      <c r="K1448" s="8" t="s">
        <v>509</v>
      </c>
      <c r="L1448" s="8">
        <v>1</v>
      </c>
      <c r="M1448" s="8">
        <v>45</v>
      </c>
      <c r="O1448" s="98"/>
    </row>
    <row r="1449" spans="1:16" hidden="1">
      <c r="A1449" s="17"/>
      <c r="B1449" s="17"/>
      <c r="C1449" s="17" t="s">
        <v>87</v>
      </c>
      <c r="D1449" s="139" t="s">
        <v>515</v>
      </c>
      <c r="E1449" s="17"/>
      <c r="F1449" s="17"/>
      <c r="G1449" s="17"/>
      <c r="H1449" s="17" t="s">
        <v>17</v>
      </c>
      <c r="I1449" s="17" t="s">
        <v>71</v>
      </c>
      <c r="J1449" s="17">
        <v>1000</v>
      </c>
      <c r="K1449" s="17"/>
      <c r="L1449" s="17"/>
      <c r="M1449" s="17"/>
      <c r="N1449" s="138"/>
      <c r="O1449" s="98"/>
    </row>
    <row r="1450" spans="1:16" hidden="1">
      <c r="E1450" s="8" t="s">
        <v>86</v>
      </c>
      <c r="F1450" s="8">
        <v>933</v>
      </c>
      <c r="G1450" s="8" t="s">
        <v>85</v>
      </c>
      <c r="H1450" s="8" t="s">
        <v>66</v>
      </c>
      <c r="I1450" s="8" t="s">
        <v>65</v>
      </c>
      <c r="J1450" s="8">
        <v>1</v>
      </c>
      <c r="K1450" s="8" t="s">
        <v>509</v>
      </c>
      <c r="L1450" s="8">
        <v>1</v>
      </c>
      <c r="M1450" s="8">
        <v>264</v>
      </c>
      <c r="O1450" s="98"/>
    </row>
    <row r="1451" spans="1:16" hidden="1">
      <c r="E1451" s="8" t="s">
        <v>179</v>
      </c>
      <c r="F1451" s="8">
        <v>934</v>
      </c>
      <c r="G1451" s="8" t="s">
        <v>178</v>
      </c>
      <c r="H1451" s="8" t="s">
        <v>78</v>
      </c>
      <c r="I1451" s="8" t="s">
        <v>71</v>
      </c>
      <c r="J1451" s="8">
        <v>1</v>
      </c>
      <c r="K1451" s="8" t="s">
        <v>514</v>
      </c>
      <c r="L1451" s="8">
        <v>2</v>
      </c>
      <c r="M1451" s="8">
        <v>2</v>
      </c>
      <c r="N1451" s="72" t="s">
        <v>674</v>
      </c>
      <c r="O1451" s="98"/>
    </row>
    <row r="1452" spans="1:16" s="33" customFormat="1" ht="35">
      <c r="A1452" s="75" t="s">
        <v>177</v>
      </c>
      <c r="B1452" s="142" t="s">
        <v>126</v>
      </c>
      <c r="C1452" s="75"/>
      <c r="D1452" s="142"/>
      <c r="E1452" s="75"/>
      <c r="F1452" s="75"/>
      <c r="G1452" s="75"/>
      <c r="H1452" s="75" t="s">
        <v>17</v>
      </c>
      <c r="I1452" s="75" t="s">
        <v>71</v>
      </c>
      <c r="J1452" s="75">
        <v>1000</v>
      </c>
      <c r="K1452" s="75"/>
      <c r="L1452" s="75"/>
      <c r="M1452" s="75"/>
      <c r="N1452" s="78"/>
      <c r="O1452" s="98" t="s">
        <v>2054</v>
      </c>
      <c r="P1452" s="99" t="s">
        <v>1093</v>
      </c>
    </row>
    <row r="1453" spans="1:16" hidden="1" outlineLevel="1">
      <c r="A1453" s="17"/>
      <c r="B1453" s="17"/>
      <c r="C1453" s="17" t="s">
        <v>177</v>
      </c>
      <c r="D1453" s="139" t="s">
        <v>126</v>
      </c>
      <c r="E1453" s="17"/>
      <c r="F1453" s="17"/>
      <c r="G1453" s="17"/>
      <c r="H1453" s="17" t="s">
        <v>66</v>
      </c>
      <c r="I1453" s="17" t="s">
        <v>65</v>
      </c>
      <c r="J1453" s="17">
        <v>1</v>
      </c>
      <c r="K1453" s="17"/>
      <c r="L1453" s="17"/>
      <c r="M1453" s="17"/>
      <c r="N1453" s="138"/>
      <c r="O1453" s="98"/>
    </row>
    <row r="1454" spans="1:16" hidden="1" outlineLevel="1">
      <c r="E1454" s="8" t="s">
        <v>176</v>
      </c>
      <c r="F1454" s="8">
        <v>128</v>
      </c>
      <c r="G1454" s="8" t="s">
        <v>128</v>
      </c>
      <c r="H1454" s="8" t="s">
        <v>66</v>
      </c>
      <c r="I1454" s="8" t="s">
        <v>65</v>
      </c>
      <c r="J1454" s="8">
        <v>1</v>
      </c>
      <c r="K1454" s="8" t="s">
        <v>514</v>
      </c>
      <c r="L1454" s="8">
        <v>2</v>
      </c>
      <c r="M1454" s="8">
        <v>3</v>
      </c>
      <c r="N1454" s="72" t="s">
        <v>743</v>
      </c>
      <c r="O1454" s="98"/>
    </row>
    <row r="1455" spans="1:16" hidden="1" outlineLevel="1">
      <c r="E1455" s="152" t="s">
        <v>175</v>
      </c>
      <c r="F1455" s="152">
        <v>127</v>
      </c>
      <c r="G1455" s="152" t="s">
        <v>126</v>
      </c>
      <c r="H1455" s="152" t="s">
        <v>78</v>
      </c>
      <c r="I1455" s="19" t="s">
        <v>174</v>
      </c>
      <c r="J1455" s="19">
        <v>1</v>
      </c>
      <c r="K1455" s="19" t="s">
        <v>509</v>
      </c>
      <c r="L1455" s="19">
        <v>1</v>
      </c>
      <c r="M1455" s="19">
        <v>30</v>
      </c>
      <c r="N1455" s="25"/>
      <c r="O1455" s="98"/>
    </row>
    <row r="1456" spans="1:16" hidden="1" outlineLevel="1">
      <c r="E1456" s="8" t="s">
        <v>173</v>
      </c>
      <c r="F1456" s="8">
        <v>369</v>
      </c>
      <c r="G1456" s="8" t="s">
        <v>172</v>
      </c>
      <c r="H1456" s="8" t="s">
        <v>78</v>
      </c>
      <c r="I1456" s="8" t="s">
        <v>71</v>
      </c>
      <c r="J1456" s="8">
        <v>1</v>
      </c>
      <c r="K1456" s="8" t="s">
        <v>509</v>
      </c>
      <c r="L1456" s="8">
        <v>1</v>
      </c>
      <c r="M1456" s="8">
        <v>45</v>
      </c>
      <c r="O1456" s="98"/>
    </row>
    <row r="1457" spans="1:16" collapsed="1">
      <c r="A1457" s="17"/>
      <c r="B1457" s="17"/>
      <c r="C1457" s="17" t="s">
        <v>87</v>
      </c>
      <c r="D1457" s="139" t="s">
        <v>515</v>
      </c>
      <c r="E1457" s="17"/>
      <c r="F1457" s="17"/>
      <c r="G1457" s="17"/>
      <c r="H1457" s="17" t="s">
        <v>17</v>
      </c>
      <c r="I1457" s="17" t="s">
        <v>71</v>
      </c>
      <c r="J1457" s="17">
        <v>1000</v>
      </c>
      <c r="K1457" s="17"/>
      <c r="L1457" s="17"/>
      <c r="M1457" s="17"/>
      <c r="N1457" s="138"/>
      <c r="O1457" s="98" t="s">
        <v>2053</v>
      </c>
      <c r="P1457" s="99" t="s">
        <v>1094</v>
      </c>
    </row>
    <row r="1458" spans="1:16" ht="35">
      <c r="E1458" s="8" t="s">
        <v>86</v>
      </c>
      <c r="F1458" s="8">
        <v>933</v>
      </c>
      <c r="G1458" s="8" t="s">
        <v>85</v>
      </c>
      <c r="H1458" s="8" t="s">
        <v>66</v>
      </c>
      <c r="I1458" s="8" t="s">
        <v>65</v>
      </c>
      <c r="J1458" s="8">
        <v>1</v>
      </c>
      <c r="K1458" s="8" t="s">
        <v>509</v>
      </c>
      <c r="L1458" s="8">
        <v>1</v>
      </c>
      <c r="M1458" s="8">
        <v>264</v>
      </c>
      <c r="O1458" s="98" t="s">
        <v>2052</v>
      </c>
      <c r="P1458" s="99" t="s">
        <v>1093</v>
      </c>
    </row>
    <row r="1459" spans="1:16">
      <c r="O1459" s="98" t="s">
        <v>2051</v>
      </c>
      <c r="P1459" s="99" t="s">
        <v>1094</v>
      </c>
    </row>
    <row r="1460" spans="1:16">
      <c r="O1460" s="98" t="s">
        <v>2050</v>
      </c>
    </row>
    <row r="1461" spans="1:16">
      <c r="O1461" s="98" t="s">
        <v>2049</v>
      </c>
    </row>
    <row r="1462" spans="1:16">
      <c r="O1462" s="98" t="s">
        <v>2048</v>
      </c>
    </row>
    <row r="1463" spans="1:16">
      <c r="O1463" s="98" t="s">
        <v>2047</v>
      </c>
    </row>
    <row r="1464" spans="1:16">
      <c r="O1464" s="98" t="s">
        <v>2046</v>
      </c>
    </row>
    <row r="1465" spans="1:16">
      <c r="O1465" s="98" t="s">
        <v>2045</v>
      </c>
    </row>
    <row r="1466" spans="1:16">
      <c r="O1466" s="98" t="s">
        <v>2044</v>
      </c>
    </row>
    <row r="1467" spans="1:16">
      <c r="O1467" s="98" t="s">
        <v>2043</v>
      </c>
    </row>
    <row r="1468" spans="1:16">
      <c r="O1468" s="98" t="s">
        <v>2042</v>
      </c>
    </row>
    <row r="1469" spans="1:16">
      <c r="O1469" s="98" t="s">
        <v>2041</v>
      </c>
    </row>
    <row r="1470" spans="1:16" s="33" customFormat="1">
      <c r="A1470" s="75" t="s">
        <v>177</v>
      </c>
      <c r="B1470" s="142" t="s">
        <v>126</v>
      </c>
      <c r="C1470" s="75"/>
      <c r="D1470" s="142"/>
      <c r="E1470" s="75"/>
      <c r="F1470" s="75"/>
      <c r="G1470" s="75"/>
      <c r="H1470" s="75" t="s">
        <v>17</v>
      </c>
      <c r="I1470" s="75" t="s">
        <v>71</v>
      </c>
      <c r="J1470" s="75">
        <v>1000</v>
      </c>
      <c r="K1470" s="75"/>
      <c r="L1470" s="75"/>
      <c r="M1470" s="75"/>
      <c r="N1470" s="78"/>
      <c r="O1470" s="98" t="s">
        <v>2040</v>
      </c>
      <c r="P1470" s="99"/>
    </row>
    <row r="1471" spans="1:16" hidden="1" outlineLevel="1">
      <c r="A1471" s="17"/>
      <c r="B1471" s="17"/>
      <c r="C1471" s="17" t="s">
        <v>177</v>
      </c>
      <c r="D1471" s="139" t="s">
        <v>126</v>
      </c>
      <c r="E1471" s="17"/>
      <c r="F1471" s="17"/>
      <c r="G1471" s="17"/>
      <c r="H1471" s="17" t="s">
        <v>66</v>
      </c>
      <c r="I1471" s="17" t="s">
        <v>65</v>
      </c>
      <c r="J1471" s="17">
        <v>1</v>
      </c>
      <c r="K1471" s="17"/>
      <c r="L1471" s="17"/>
      <c r="M1471" s="17"/>
      <c r="N1471" s="138"/>
      <c r="O1471" s="98"/>
    </row>
    <row r="1472" spans="1:16" s="8" customFormat="1" hidden="1" outlineLevel="1">
      <c r="E1472" s="8" t="s">
        <v>176</v>
      </c>
      <c r="F1472" s="8">
        <v>128</v>
      </c>
      <c r="G1472" s="8" t="s">
        <v>128</v>
      </c>
      <c r="H1472" s="8" t="s">
        <v>66</v>
      </c>
      <c r="I1472" s="8" t="s">
        <v>65</v>
      </c>
      <c r="J1472" s="8">
        <v>1</v>
      </c>
      <c r="K1472" s="8" t="s">
        <v>514</v>
      </c>
      <c r="L1472" s="8">
        <v>2</v>
      </c>
      <c r="M1472" s="8">
        <v>3</v>
      </c>
      <c r="N1472" s="72" t="s">
        <v>627</v>
      </c>
      <c r="O1472" s="98"/>
      <c r="P1472" s="99"/>
    </row>
    <row r="1473" spans="1:16" s="8" customFormat="1" hidden="1" outlineLevel="1">
      <c r="E1473" s="8" t="s">
        <v>175</v>
      </c>
      <c r="F1473" s="8">
        <v>127</v>
      </c>
      <c r="G1473" s="8" t="s">
        <v>126</v>
      </c>
      <c r="H1473" s="8" t="s">
        <v>78</v>
      </c>
      <c r="I1473" s="8" t="s">
        <v>71</v>
      </c>
      <c r="J1473" s="8">
        <v>1</v>
      </c>
      <c r="K1473" s="8" t="s">
        <v>509</v>
      </c>
      <c r="L1473" s="8">
        <v>1</v>
      </c>
      <c r="M1473" s="8">
        <v>30</v>
      </c>
      <c r="N1473" s="72"/>
      <c r="O1473" s="98"/>
      <c r="P1473" s="99"/>
    </row>
    <row r="1474" spans="1:16" s="8" customFormat="1" hidden="1" outlineLevel="1">
      <c r="E1474" s="8" t="s">
        <v>173</v>
      </c>
      <c r="F1474" s="8">
        <v>369</v>
      </c>
      <c r="G1474" s="8" t="s">
        <v>172</v>
      </c>
      <c r="H1474" s="8" t="s">
        <v>78</v>
      </c>
      <c r="I1474" s="8" t="s">
        <v>71</v>
      </c>
      <c r="J1474" s="8">
        <v>1</v>
      </c>
      <c r="K1474" s="8" t="s">
        <v>509</v>
      </c>
      <c r="L1474" s="8">
        <v>1</v>
      </c>
      <c r="M1474" s="8">
        <v>45</v>
      </c>
      <c r="N1474" s="72"/>
      <c r="O1474" s="98"/>
      <c r="P1474" s="99"/>
    </row>
    <row r="1475" spans="1:16" s="8" customFormat="1" hidden="1" outlineLevel="1">
      <c r="E1475" s="8" t="s">
        <v>184</v>
      </c>
      <c r="F1475" s="8">
        <v>373</v>
      </c>
      <c r="G1475" s="8" t="s">
        <v>1</v>
      </c>
      <c r="H1475" s="8" t="s">
        <v>17</v>
      </c>
      <c r="I1475" s="8" t="s">
        <v>71</v>
      </c>
      <c r="J1475" s="8">
        <v>1</v>
      </c>
      <c r="K1475" s="8" t="s">
        <v>519</v>
      </c>
      <c r="L1475" s="8">
        <v>8</v>
      </c>
      <c r="M1475" s="8">
        <v>8</v>
      </c>
      <c r="N1475" s="72"/>
      <c r="O1475" s="98"/>
      <c r="P1475" s="99"/>
    </row>
    <row r="1476" spans="1:16" s="8" customFormat="1" hidden="1" outlineLevel="1">
      <c r="E1476" s="8" t="s">
        <v>183</v>
      </c>
      <c r="F1476" s="8">
        <v>337</v>
      </c>
      <c r="G1476" s="8" t="s">
        <v>79</v>
      </c>
      <c r="H1476" s="8" t="s">
        <v>78</v>
      </c>
      <c r="I1476" s="8" t="s">
        <v>71</v>
      </c>
      <c r="J1476" s="8">
        <v>1</v>
      </c>
      <c r="K1476" s="8" t="s">
        <v>518</v>
      </c>
      <c r="L1476" s="8">
        <v>4</v>
      </c>
      <c r="M1476" s="8">
        <v>8</v>
      </c>
      <c r="N1476" s="72"/>
      <c r="O1476" s="98"/>
      <c r="P1476" s="99"/>
    </row>
    <row r="1477" spans="1:16" s="8" customFormat="1" hidden="1" outlineLevel="1">
      <c r="E1477" s="8" t="s">
        <v>182</v>
      </c>
      <c r="F1477" s="8">
        <v>623</v>
      </c>
      <c r="G1477" s="8" t="s">
        <v>76</v>
      </c>
      <c r="H1477" s="8" t="s">
        <v>17</v>
      </c>
      <c r="I1477" s="8" t="s">
        <v>71</v>
      </c>
      <c r="J1477" s="8">
        <v>1</v>
      </c>
      <c r="K1477" s="8" t="s">
        <v>514</v>
      </c>
      <c r="L1477" s="8">
        <v>2</v>
      </c>
      <c r="M1477" s="8">
        <v>2</v>
      </c>
      <c r="N1477" s="70" t="s">
        <v>624</v>
      </c>
      <c r="O1477" s="98"/>
      <c r="P1477" s="99"/>
    </row>
    <row r="1478" spans="1:16" s="8" customFormat="1" hidden="1" outlineLevel="1">
      <c r="D1478" s="8" t="s">
        <v>181</v>
      </c>
      <c r="G1478" s="8" t="s">
        <v>180</v>
      </c>
      <c r="H1478" s="8" t="s">
        <v>17</v>
      </c>
      <c r="I1478" s="8" t="s">
        <v>71</v>
      </c>
      <c r="J1478" s="8">
        <v>1</v>
      </c>
      <c r="N1478" s="72"/>
      <c r="O1478" s="98"/>
      <c r="P1478" s="99"/>
    </row>
    <row r="1479" spans="1:16" s="8" customFormat="1" hidden="1" outlineLevel="1">
      <c r="E1479" s="8" t="s">
        <v>740</v>
      </c>
      <c r="F1479" s="8">
        <v>128</v>
      </c>
      <c r="G1479" s="8" t="s">
        <v>128</v>
      </c>
      <c r="H1479" s="8" t="s">
        <v>66</v>
      </c>
      <c r="I1479" s="8" t="s">
        <v>65</v>
      </c>
      <c r="J1479" s="8">
        <v>1</v>
      </c>
      <c r="K1479" s="8" t="s">
        <v>514</v>
      </c>
      <c r="L1479" s="8">
        <v>2</v>
      </c>
      <c r="M1479" s="8">
        <v>3</v>
      </c>
      <c r="N1479" s="72" t="s">
        <v>741</v>
      </c>
      <c r="O1479" s="98"/>
      <c r="P1479" s="99"/>
    </row>
    <row r="1480" spans="1:16" s="8" customFormat="1" hidden="1" outlineLevel="1">
      <c r="E1480" s="8" t="s">
        <v>742</v>
      </c>
      <c r="F1480" s="8">
        <v>127</v>
      </c>
      <c r="G1480" s="8" t="s">
        <v>126</v>
      </c>
      <c r="H1480" s="8" t="s">
        <v>66</v>
      </c>
      <c r="I1480" s="8" t="s">
        <v>65</v>
      </c>
      <c r="J1480" s="8">
        <v>1</v>
      </c>
      <c r="K1480" s="8" t="s">
        <v>509</v>
      </c>
      <c r="L1480" s="8">
        <v>1</v>
      </c>
      <c r="M1480" s="8">
        <v>30</v>
      </c>
      <c r="N1480" s="72"/>
      <c r="O1480" s="98"/>
      <c r="P1480" s="99"/>
    </row>
    <row r="1481" spans="1:16" s="8" customFormat="1" hidden="1" outlineLevel="1">
      <c r="E1481" s="8" t="s">
        <v>909</v>
      </c>
      <c r="F1481" s="8">
        <v>128</v>
      </c>
      <c r="G1481" s="8" t="s">
        <v>128</v>
      </c>
      <c r="H1481" s="8" t="s">
        <v>66</v>
      </c>
      <c r="I1481" s="8" t="s">
        <v>65</v>
      </c>
      <c r="J1481" s="8">
        <v>1</v>
      </c>
      <c r="K1481" s="8" t="s">
        <v>514</v>
      </c>
      <c r="L1481" s="8">
        <v>2</v>
      </c>
      <c r="M1481" s="8">
        <v>3</v>
      </c>
      <c r="N1481" s="72" t="s">
        <v>910</v>
      </c>
      <c r="O1481" s="98"/>
      <c r="P1481" s="99"/>
    </row>
    <row r="1482" spans="1:16" s="8" customFormat="1" hidden="1" outlineLevel="1">
      <c r="E1482" s="8" t="s">
        <v>911</v>
      </c>
      <c r="F1482" s="8">
        <v>127</v>
      </c>
      <c r="G1482" s="8" t="s">
        <v>126</v>
      </c>
      <c r="H1482" s="8" t="s">
        <v>66</v>
      </c>
      <c r="I1482" s="8" t="s">
        <v>65</v>
      </c>
      <c r="J1482" s="8">
        <v>1</v>
      </c>
      <c r="K1482" s="8" t="s">
        <v>509</v>
      </c>
      <c r="L1482" s="8">
        <v>1</v>
      </c>
      <c r="M1482" s="8">
        <v>30</v>
      </c>
      <c r="N1482" s="72"/>
      <c r="O1482" s="98"/>
      <c r="P1482" s="99"/>
    </row>
    <row r="1483" spans="1:16" collapsed="1">
      <c r="A1483" s="17" t="s">
        <v>158</v>
      </c>
      <c r="B1483" s="139" t="s">
        <v>120</v>
      </c>
      <c r="C1483" s="17"/>
      <c r="D1483" s="139"/>
      <c r="E1483" s="17"/>
      <c r="F1483" s="17"/>
      <c r="G1483" s="17"/>
      <c r="H1483" s="17" t="s">
        <v>17</v>
      </c>
      <c r="I1483" s="17" t="s">
        <v>71</v>
      </c>
      <c r="J1483" s="17">
        <v>200</v>
      </c>
      <c r="K1483" s="17"/>
      <c r="L1483" s="17"/>
      <c r="M1483" s="17"/>
      <c r="N1483" s="138"/>
      <c r="O1483" s="98" t="s">
        <v>2039</v>
      </c>
    </row>
    <row r="1484" spans="1:16">
      <c r="A1484" s="17"/>
      <c r="B1484" s="17"/>
      <c r="C1484" s="17" t="s">
        <v>158</v>
      </c>
      <c r="D1484" s="139" t="s">
        <v>120</v>
      </c>
      <c r="E1484" s="17"/>
      <c r="F1484" s="17"/>
      <c r="G1484" s="17"/>
      <c r="H1484" s="17" t="s">
        <v>66</v>
      </c>
      <c r="I1484" s="17" t="s">
        <v>65</v>
      </c>
      <c r="J1484" s="17">
        <v>1</v>
      </c>
      <c r="K1484" s="17"/>
      <c r="L1484" s="17"/>
      <c r="M1484" s="17"/>
      <c r="N1484" s="138"/>
      <c r="O1484" s="98"/>
    </row>
    <row r="1485" spans="1:16" hidden="1" outlineLevel="1">
      <c r="E1485" s="8" t="s">
        <v>157</v>
      </c>
      <c r="F1485" s="8">
        <v>98</v>
      </c>
      <c r="G1485" s="8" t="s">
        <v>156</v>
      </c>
      <c r="H1485" s="8" t="s">
        <v>66</v>
      </c>
      <c r="I1485" s="8" t="s">
        <v>65</v>
      </c>
      <c r="J1485" s="8">
        <v>1</v>
      </c>
      <c r="K1485" s="8" t="s">
        <v>514</v>
      </c>
      <c r="L1485" s="8">
        <v>2</v>
      </c>
      <c r="M1485" s="8">
        <v>3</v>
      </c>
      <c r="N1485" s="72" t="s">
        <v>1311</v>
      </c>
      <c r="O1485" s="98"/>
    </row>
    <row r="1486" spans="1:16" hidden="1" outlineLevel="1">
      <c r="E1486" s="8" t="s">
        <v>155</v>
      </c>
      <c r="F1486" s="8">
        <v>93</v>
      </c>
      <c r="G1486" s="8" t="s">
        <v>120</v>
      </c>
      <c r="H1486" s="8" t="s">
        <v>78</v>
      </c>
      <c r="I1486" s="8" t="s">
        <v>71</v>
      </c>
      <c r="J1486" s="8">
        <v>1</v>
      </c>
      <c r="K1486" s="8" t="s">
        <v>509</v>
      </c>
      <c r="L1486" s="8">
        <v>1</v>
      </c>
      <c r="M1486" s="8">
        <v>60</v>
      </c>
      <c r="O1486" s="98"/>
    </row>
    <row r="1487" spans="1:16" hidden="1" outlineLevel="1">
      <c r="E1487" s="8" t="s">
        <v>154</v>
      </c>
      <c r="F1487" s="8">
        <v>66</v>
      </c>
      <c r="G1487" s="8" t="s">
        <v>153</v>
      </c>
      <c r="H1487" s="8" t="s">
        <v>78</v>
      </c>
      <c r="I1487" s="8" t="s">
        <v>71</v>
      </c>
      <c r="J1487" s="8">
        <v>1</v>
      </c>
      <c r="K1487" s="8" t="s">
        <v>514</v>
      </c>
      <c r="L1487" s="8">
        <v>1</v>
      </c>
      <c r="M1487" s="8">
        <v>2</v>
      </c>
      <c r="N1487" s="70" t="s">
        <v>624</v>
      </c>
      <c r="O1487" s="98"/>
    </row>
    <row r="1488" spans="1:16" hidden="1" outlineLevel="1">
      <c r="E1488" s="8" t="s">
        <v>152</v>
      </c>
      <c r="F1488" s="8">
        <v>67</v>
      </c>
      <c r="G1488" s="8" t="s">
        <v>151</v>
      </c>
      <c r="H1488" s="8" t="s">
        <v>78</v>
      </c>
      <c r="I1488" s="8" t="s">
        <v>71</v>
      </c>
      <c r="J1488" s="8">
        <v>1</v>
      </c>
      <c r="K1488" s="8" t="s">
        <v>509</v>
      </c>
      <c r="L1488" s="8">
        <v>2</v>
      </c>
      <c r="M1488" s="8">
        <v>80</v>
      </c>
      <c r="O1488" s="98"/>
    </row>
    <row r="1489" spans="1:15" hidden="1" outlineLevel="1" collapsed="1">
      <c r="A1489" s="17"/>
      <c r="B1489" s="17"/>
      <c r="C1489" s="17" t="s">
        <v>150</v>
      </c>
      <c r="D1489" s="139" t="s">
        <v>473</v>
      </c>
      <c r="E1489" s="17"/>
      <c r="F1489" s="17"/>
      <c r="G1489" s="17"/>
      <c r="H1489" s="17" t="s">
        <v>17</v>
      </c>
      <c r="I1489" s="17" t="s">
        <v>71</v>
      </c>
      <c r="J1489" s="17">
        <v>2</v>
      </c>
      <c r="K1489" s="17"/>
      <c r="L1489" s="17"/>
      <c r="M1489" s="17"/>
      <c r="N1489" s="138"/>
      <c r="O1489" s="98"/>
    </row>
    <row r="1490" spans="1:15" hidden="1" outlineLevel="1">
      <c r="E1490" s="8" t="s">
        <v>149</v>
      </c>
      <c r="F1490" s="8">
        <v>93</v>
      </c>
      <c r="G1490" s="8" t="s">
        <v>120</v>
      </c>
      <c r="H1490" s="8" t="s">
        <v>66</v>
      </c>
      <c r="I1490" s="8" t="s">
        <v>65</v>
      </c>
      <c r="J1490" s="8">
        <v>1</v>
      </c>
      <c r="K1490" s="8" t="s">
        <v>509</v>
      </c>
      <c r="L1490" s="8">
        <v>1</v>
      </c>
      <c r="M1490" s="8">
        <v>60</v>
      </c>
      <c r="O1490" s="98"/>
    </row>
    <row r="1491" spans="1:15" hidden="1" outlineLevel="1">
      <c r="E1491" s="8" t="s">
        <v>148</v>
      </c>
      <c r="F1491" s="8">
        <v>93</v>
      </c>
      <c r="G1491" s="8" t="s">
        <v>120</v>
      </c>
      <c r="H1491" s="8" t="s">
        <v>17</v>
      </c>
      <c r="I1491" s="8" t="s">
        <v>71</v>
      </c>
      <c r="J1491" s="8">
        <v>1</v>
      </c>
      <c r="K1491" s="8" t="s">
        <v>509</v>
      </c>
      <c r="L1491" s="8">
        <v>1</v>
      </c>
      <c r="M1491" s="8">
        <v>60</v>
      </c>
      <c r="O1491" s="98"/>
    </row>
    <row r="1492" spans="1:15" hidden="1" outlineLevel="1">
      <c r="A1492" s="17"/>
      <c r="B1492" s="17"/>
      <c r="C1492" s="17" t="s">
        <v>150</v>
      </c>
      <c r="D1492" s="139" t="s">
        <v>473</v>
      </c>
      <c r="E1492" s="17"/>
      <c r="F1492" s="17"/>
      <c r="G1492" s="17"/>
      <c r="H1492" s="17" t="s">
        <v>17</v>
      </c>
      <c r="I1492" s="17" t="s">
        <v>71</v>
      </c>
      <c r="J1492" s="17">
        <v>2</v>
      </c>
      <c r="K1492" s="17"/>
      <c r="L1492" s="17"/>
      <c r="M1492" s="17"/>
      <c r="N1492" s="138"/>
      <c r="O1492" s="98"/>
    </row>
    <row r="1493" spans="1:15" hidden="1" outlineLevel="1">
      <c r="E1493" s="8" t="s">
        <v>149</v>
      </c>
      <c r="F1493" s="8">
        <v>93</v>
      </c>
      <c r="G1493" s="8" t="s">
        <v>120</v>
      </c>
      <c r="H1493" s="8" t="s">
        <v>66</v>
      </c>
      <c r="I1493" s="8" t="s">
        <v>65</v>
      </c>
      <c r="J1493" s="8">
        <v>1</v>
      </c>
      <c r="K1493" s="8" t="s">
        <v>509</v>
      </c>
      <c r="L1493" s="8">
        <v>1</v>
      </c>
      <c r="M1493" s="8">
        <v>60</v>
      </c>
      <c r="O1493" s="98"/>
    </row>
    <row r="1494" spans="1:15" hidden="1" outlineLevel="1">
      <c r="E1494" s="8" t="s">
        <v>148</v>
      </c>
      <c r="F1494" s="8">
        <v>93</v>
      </c>
      <c r="G1494" s="8" t="s">
        <v>120</v>
      </c>
      <c r="H1494" s="8" t="s">
        <v>17</v>
      </c>
      <c r="I1494" s="8" t="s">
        <v>71</v>
      </c>
      <c r="J1494" s="8">
        <v>1</v>
      </c>
      <c r="K1494" s="8" t="s">
        <v>509</v>
      </c>
      <c r="L1494" s="8">
        <v>1</v>
      </c>
      <c r="M1494" s="8">
        <v>60</v>
      </c>
      <c r="O1494" s="98"/>
    </row>
    <row r="1495" spans="1:15" collapsed="1">
      <c r="A1495" s="17"/>
      <c r="B1495" s="17"/>
      <c r="C1495" s="17" t="s">
        <v>147</v>
      </c>
      <c r="D1495" s="139" t="s">
        <v>144</v>
      </c>
      <c r="E1495" s="17"/>
      <c r="F1495" s="17"/>
      <c r="G1495" s="17"/>
      <c r="H1495" s="17" t="s">
        <v>17</v>
      </c>
      <c r="I1495" s="17" t="s">
        <v>71</v>
      </c>
      <c r="J1495" s="17">
        <v>2</v>
      </c>
      <c r="K1495" s="17"/>
      <c r="L1495" s="17"/>
      <c r="M1495" s="17"/>
      <c r="N1495" s="138"/>
      <c r="O1495" s="98" t="s">
        <v>936</v>
      </c>
    </row>
    <row r="1496" spans="1:15" hidden="1" outlineLevel="1">
      <c r="E1496" s="8" t="s">
        <v>146</v>
      </c>
      <c r="F1496" s="8">
        <v>166</v>
      </c>
      <c r="G1496" s="8" t="s">
        <v>144</v>
      </c>
      <c r="H1496" s="8" t="s">
        <v>66</v>
      </c>
      <c r="I1496" s="8" t="s">
        <v>65</v>
      </c>
      <c r="J1496" s="8">
        <v>1</v>
      </c>
      <c r="K1496" s="8" t="s">
        <v>509</v>
      </c>
      <c r="L1496" s="8">
        <v>1</v>
      </c>
      <c r="M1496" s="8">
        <v>55</v>
      </c>
      <c r="O1496" s="98"/>
    </row>
    <row r="1497" spans="1:15" hidden="1" outlineLevel="1">
      <c r="E1497" s="8" t="s">
        <v>145</v>
      </c>
      <c r="F1497" s="8">
        <v>166</v>
      </c>
      <c r="G1497" s="8" t="s">
        <v>144</v>
      </c>
      <c r="H1497" s="8" t="s">
        <v>17</v>
      </c>
      <c r="I1497" s="8" t="s">
        <v>71</v>
      </c>
      <c r="J1497" s="8">
        <v>1</v>
      </c>
      <c r="K1497" s="8" t="s">
        <v>509</v>
      </c>
      <c r="L1497" s="8">
        <v>1</v>
      </c>
      <c r="M1497" s="8">
        <v>55</v>
      </c>
      <c r="O1497" s="98"/>
    </row>
    <row r="1498" spans="1:15" hidden="1" collapsed="1">
      <c r="A1498" s="17"/>
      <c r="B1498" s="17"/>
      <c r="C1498" s="17" t="s">
        <v>147</v>
      </c>
      <c r="D1498" s="139" t="s">
        <v>144</v>
      </c>
      <c r="E1498" s="17"/>
      <c r="F1498" s="17"/>
      <c r="G1498" s="17"/>
      <c r="H1498" s="17" t="s">
        <v>17</v>
      </c>
      <c r="I1498" s="17" t="s">
        <v>71</v>
      </c>
      <c r="J1498" s="17">
        <v>2</v>
      </c>
      <c r="K1498" s="17"/>
      <c r="L1498" s="17"/>
      <c r="M1498" s="17"/>
      <c r="N1498" s="138"/>
      <c r="O1498" s="98"/>
    </row>
    <row r="1499" spans="1:15" hidden="1">
      <c r="E1499" s="8" t="s">
        <v>146</v>
      </c>
      <c r="F1499" s="8">
        <v>166</v>
      </c>
      <c r="G1499" s="8" t="s">
        <v>144</v>
      </c>
      <c r="H1499" s="8" t="s">
        <v>66</v>
      </c>
      <c r="I1499" s="8" t="s">
        <v>65</v>
      </c>
      <c r="J1499" s="8">
        <v>1</v>
      </c>
      <c r="K1499" s="8" t="s">
        <v>509</v>
      </c>
      <c r="L1499" s="8">
        <v>1</v>
      </c>
      <c r="M1499" s="8">
        <v>55</v>
      </c>
      <c r="O1499" s="98"/>
    </row>
    <row r="1500" spans="1:15" hidden="1">
      <c r="E1500" s="8" t="s">
        <v>145</v>
      </c>
      <c r="F1500" s="8">
        <v>166</v>
      </c>
      <c r="G1500" s="8" t="s">
        <v>144</v>
      </c>
      <c r="H1500" s="8" t="s">
        <v>17</v>
      </c>
      <c r="I1500" s="8" t="s">
        <v>71</v>
      </c>
      <c r="J1500" s="8">
        <v>1</v>
      </c>
      <c r="K1500" s="8" t="s">
        <v>509</v>
      </c>
      <c r="L1500" s="8">
        <v>1</v>
      </c>
      <c r="M1500" s="8">
        <v>55</v>
      </c>
      <c r="O1500" s="98"/>
    </row>
    <row r="1501" spans="1:15">
      <c r="A1501" s="17"/>
      <c r="B1501" s="17"/>
      <c r="C1501" s="17" t="s">
        <v>143</v>
      </c>
      <c r="D1501" s="139" t="s">
        <v>474</v>
      </c>
      <c r="E1501" s="17"/>
      <c r="F1501" s="17"/>
      <c r="G1501" s="17"/>
      <c r="H1501" s="17" t="s">
        <v>17</v>
      </c>
      <c r="I1501" s="17" t="s">
        <v>71</v>
      </c>
      <c r="J1501" s="17">
        <v>1</v>
      </c>
      <c r="K1501" s="17"/>
      <c r="L1501" s="17"/>
      <c r="M1501" s="17"/>
      <c r="N1501" s="138"/>
      <c r="O1501" s="98" t="s">
        <v>950</v>
      </c>
    </row>
    <row r="1502" spans="1:15" hidden="1" outlineLevel="1">
      <c r="E1502" s="8" t="s">
        <v>142</v>
      </c>
      <c r="F1502" s="8">
        <v>19</v>
      </c>
      <c r="G1502" s="8" t="s">
        <v>141</v>
      </c>
      <c r="H1502" s="8" t="s">
        <v>17</v>
      </c>
      <c r="I1502" s="8" t="s">
        <v>71</v>
      </c>
      <c r="J1502" s="8">
        <v>1</v>
      </c>
      <c r="K1502" s="8" t="s">
        <v>509</v>
      </c>
      <c r="L1502" s="8">
        <v>2</v>
      </c>
      <c r="M1502" s="8">
        <v>30</v>
      </c>
      <c r="O1502" s="98"/>
    </row>
    <row r="1503" spans="1:15" hidden="1" outlineLevel="1">
      <c r="E1503" s="8" t="s">
        <v>140</v>
      </c>
      <c r="F1503" s="8">
        <v>156</v>
      </c>
      <c r="G1503" s="8" t="s">
        <v>139</v>
      </c>
      <c r="H1503" s="8" t="s">
        <v>17</v>
      </c>
      <c r="I1503" s="8" t="s">
        <v>71</v>
      </c>
      <c r="J1503" s="8">
        <v>1</v>
      </c>
      <c r="K1503" s="8" t="s">
        <v>514</v>
      </c>
      <c r="L1503" s="8">
        <v>2</v>
      </c>
      <c r="M1503" s="8">
        <v>2</v>
      </c>
      <c r="N1503" s="70" t="s">
        <v>624</v>
      </c>
      <c r="O1503" s="98"/>
    </row>
    <row r="1504" spans="1:15" hidden="1" outlineLevel="1">
      <c r="E1504" s="8" t="s">
        <v>138</v>
      </c>
      <c r="F1504" s="8">
        <v>116</v>
      </c>
      <c r="G1504" s="8" t="s">
        <v>137</v>
      </c>
      <c r="H1504" s="8" t="s">
        <v>17</v>
      </c>
      <c r="I1504" s="8" t="s">
        <v>71</v>
      </c>
      <c r="J1504" s="8">
        <v>1</v>
      </c>
      <c r="K1504" s="8" t="s">
        <v>514</v>
      </c>
      <c r="L1504" s="8">
        <v>3</v>
      </c>
      <c r="M1504" s="8">
        <v>15</v>
      </c>
      <c r="N1504" s="18"/>
      <c r="O1504" s="98"/>
    </row>
    <row r="1505" spans="1:16" hidden="1" outlineLevel="1">
      <c r="E1505" s="8" t="s">
        <v>136</v>
      </c>
      <c r="F1505" s="8">
        <v>26</v>
      </c>
      <c r="G1505" s="8" t="s">
        <v>135</v>
      </c>
      <c r="H1505" s="8" t="s">
        <v>17</v>
      </c>
      <c r="I1505" s="8" t="s">
        <v>71</v>
      </c>
      <c r="J1505" s="8">
        <v>1</v>
      </c>
      <c r="K1505" s="8" t="s">
        <v>514</v>
      </c>
      <c r="L1505" s="8">
        <v>2</v>
      </c>
      <c r="M1505" s="8">
        <v>3</v>
      </c>
      <c r="N1505" s="18"/>
      <c r="O1505" s="98"/>
    </row>
    <row r="1506" spans="1:16" s="8" customFormat="1" hidden="1" outlineLevel="1">
      <c r="C1506" s="33"/>
      <c r="D1506" s="33"/>
      <c r="E1506" s="33" t="s">
        <v>134</v>
      </c>
      <c r="F1506" s="11">
        <v>309</v>
      </c>
      <c r="G1506" s="33" t="s">
        <v>133</v>
      </c>
      <c r="H1506" s="33" t="s">
        <v>78</v>
      </c>
      <c r="I1506" s="33" t="s">
        <v>71</v>
      </c>
      <c r="J1506" s="11">
        <v>1</v>
      </c>
      <c r="K1506" s="11" t="s">
        <v>514</v>
      </c>
      <c r="L1506" s="11">
        <v>1</v>
      </c>
      <c r="M1506" s="11">
        <v>2</v>
      </c>
      <c r="N1506" s="18" t="s">
        <v>690</v>
      </c>
      <c r="O1506" s="98"/>
      <c r="P1506" s="99"/>
    </row>
    <row r="1507" spans="1:16" s="8" customFormat="1" hidden="1" outlineLevel="1">
      <c r="C1507" s="33"/>
      <c r="D1507" s="33"/>
      <c r="E1507" s="33" t="s">
        <v>132</v>
      </c>
      <c r="F1507" s="11">
        <v>310</v>
      </c>
      <c r="G1507" s="33" t="s">
        <v>131</v>
      </c>
      <c r="H1507" s="33" t="s">
        <v>17</v>
      </c>
      <c r="I1507" s="33" t="s">
        <v>71</v>
      </c>
      <c r="J1507" s="11">
        <v>1</v>
      </c>
      <c r="K1507" s="11" t="s">
        <v>509</v>
      </c>
      <c r="L1507" s="11">
        <v>1</v>
      </c>
      <c r="M1507" s="11">
        <v>30</v>
      </c>
      <c r="N1507" s="18"/>
      <c r="O1507" s="98"/>
      <c r="P1507" s="99"/>
    </row>
    <row r="1508" spans="1:16" collapsed="1">
      <c r="A1508" s="17"/>
      <c r="B1508" s="17"/>
      <c r="C1508" s="17" t="s">
        <v>130</v>
      </c>
      <c r="D1508" s="139" t="s">
        <v>126</v>
      </c>
      <c r="E1508" s="17"/>
      <c r="F1508" s="17"/>
      <c r="G1508" s="17"/>
      <c r="H1508" s="17" t="s">
        <v>17</v>
      </c>
      <c r="I1508" s="17" t="s">
        <v>71</v>
      </c>
      <c r="J1508" s="17">
        <v>12</v>
      </c>
      <c r="K1508" s="17"/>
      <c r="L1508" s="17"/>
      <c r="M1508" s="17"/>
      <c r="N1508" s="138"/>
    </row>
    <row r="1509" spans="1:16" hidden="1" outlineLevel="1">
      <c r="E1509" s="8" t="s">
        <v>129</v>
      </c>
      <c r="F1509" s="72">
        <v>128</v>
      </c>
      <c r="G1509" s="72" t="s">
        <v>128</v>
      </c>
      <c r="H1509" s="8" t="s">
        <v>66</v>
      </c>
      <c r="I1509" s="8" t="s">
        <v>65</v>
      </c>
      <c r="J1509" s="8">
        <v>1</v>
      </c>
      <c r="K1509" s="8" t="s">
        <v>514</v>
      </c>
      <c r="L1509" s="8">
        <v>2</v>
      </c>
      <c r="M1509" s="8">
        <v>3</v>
      </c>
      <c r="N1509" s="70" t="s">
        <v>624</v>
      </c>
      <c r="O1509" s="98"/>
    </row>
    <row r="1510" spans="1:16" hidden="1" outlineLevel="1">
      <c r="C1510" s="19"/>
      <c r="D1510" s="19"/>
      <c r="E1510" s="19" t="s">
        <v>127</v>
      </c>
      <c r="F1510" s="19">
        <v>127</v>
      </c>
      <c r="G1510" s="19" t="s">
        <v>126</v>
      </c>
      <c r="H1510" s="19" t="s">
        <v>78</v>
      </c>
      <c r="I1510" s="25" t="s">
        <v>96</v>
      </c>
      <c r="J1510" s="19">
        <v>1</v>
      </c>
      <c r="K1510" s="19" t="s">
        <v>509</v>
      </c>
      <c r="L1510" s="19">
        <v>1</v>
      </c>
      <c r="M1510" s="19">
        <v>30</v>
      </c>
      <c r="N1510" s="25"/>
      <c r="O1510" s="98"/>
    </row>
    <row r="1511" spans="1:16" hidden="1" outlineLevel="1">
      <c r="E1511" s="8" t="s">
        <v>125</v>
      </c>
      <c r="F1511" s="72">
        <v>352</v>
      </c>
      <c r="G1511" s="72" t="s">
        <v>3</v>
      </c>
      <c r="H1511" s="8" t="s">
        <v>78</v>
      </c>
      <c r="I1511" s="8" t="s">
        <v>71</v>
      </c>
      <c r="J1511" s="8">
        <v>1</v>
      </c>
      <c r="K1511" s="8" t="s">
        <v>509</v>
      </c>
      <c r="L1511" s="8">
        <v>1</v>
      </c>
      <c r="M1511" s="8">
        <v>80</v>
      </c>
      <c r="O1511" s="98"/>
    </row>
    <row r="1512" spans="1:16" hidden="1" collapsed="1">
      <c r="A1512" s="17"/>
      <c r="B1512" s="17"/>
      <c r="C1512" s="17" t="s">
        <v>130</v>
      </c>
      <c r="D1512" s="139" t="s">
        <v>126</v>
      </c>
      <c r="E1512" s="17"/>
      <c r="F1512" s="17"/>
      <c r="G1512" s="17"/>
      <c r="H1512" s="17" t="s">
        <v>17</v>
      </c>
      <c r="I1512" s="17" t="s">
        <v>71</v>
      </c>
      <c r="J1512" s="17">
        <v>12</v>
      </c>
      <c r="K1512" s="17"/>
      <c r="L1512" s="17"/>
      <c r="M1512" s="17"/>
      <c r="N1512" s="138"/>
      <c r="O1512" s="98"/>
    </row>
    <row r="1513" spans="1:16" s="99" customFormat="1" hidden="1">
      <c r="A1513" s="10"/>
      <c r="B1513" s="10"/>
      <c r="C1513" s="8"/>
      <c r="D1513" s="10"/>
      <c r="E1513" s="8" t="s">
        <v>129</v>
      </c>
      <c r="F1513" s="72">
        <v>128</v>
      </c>
      <c r="G1513" s="72" t="s">
        <v>128</v>
      </c>
      <c r="H1513" s="8" t="s">
        <v>66</v>
      </c>
      <c r="I1513" s="8" t="s">
        <v>65</v>
      </c>
      <c r="J1513" s="8">
        <v>1</v>
      </c>
      <c r="K1513" s="8" t="s">
        <v>514</v>
      </c>
      <c r="L1513" s="8">
        <v>2</v>
      </c>
      <c r="M1513" s="8">
        <v>3</v>
      </c>
      <c r="N1513" s="72" t="s">
        <v>692</v>
      </c>
      <c r="O1513" s="98"/>
    </row>
    <row r="1514" spans="1:16" s="99" customFormat="1" hidden="1">
      <c r="A1514" s="10"/>
      <c r="B1514" s="10"/>
      <c r="C1514" s="8"/>
      <c r="D1514" s="10"/>
      <c r="E1514" s="19" t="s">
        <v>127</v>
      </c>
      <c r="F1514" s="19">
        <v>127</v>
      </c>
      <c r="G1514" s="19" t="s">
        <v>126</v>
      </c>
      <c r="H1514" s="19" t="s">
        <v>78</v>
      </c>
      <c r="I1514" s="25" t="s">
        <v>96</v>
      </c>
      <c r="J1514" s="19">
        <v>1</v>
      </c>
      <c r="K1514" s="19" t="s">
        <v>509</v>
      </c>
      <c r="L1514" s="19">
        <v>1</v>
      </c>
      <c r="M1514" s="19">
        <v>30</v>
      </c>
      <c r="N1514" s="25"/>
      <c r="O1514" s="98"/>
    </row>
    <row r="1515" spans="1:16" s="99" customFormat="1" hidden="1">
      <c r="A1515" s="10"/>
      <c r="B1515" s="10"/>
      <c r="C1515" s="8"/>
      <c r="D1515" s="10"/>
      <c r="E1515" s="8" t="s">
        <v>125</v>
      </c>
      <c r="F1515" s="72">
        <v>352</v>
      </c>
      <c r="G1515" s="72" t="s">
        <v>3</v>
      </c>
      <c r="H1515" s="8" t="s">
        <v>78</v>
      </c>
      <c r="I1515" s="8" t="s">
        <v>71</v>
      </c>
      <c r="J1515" s="8">
        <v>1</v>
      </c>
      <c r="K1515" s="8" t="s">
        <v>509</v>
      </c>
      <c r="L1515" s="8">
        <v>1</v>
      </c>
      <c r="M1515" s="8">
        <v>80</v>
      </c>
      <c r="N1515" s="72"/>
      <c r="O1515" s="98"/>
    </row>
    <row r="1516" spans="1:16" s="99" customFormat="1" hidden="1">
      <c r="A1516" s="17"/>
      <c r="B1516" s="17"/>
      <c r="C1516" s="17" t="s">
        <v>124</v>
      </c>
      <c r="D1516" s="139" t="s">
        <v>475</v>
      </c>
      <c r="E1516" s="17"/>
      <c r="F1516" s="17"/>
      <c r="G1516" s="17"/>
      <c r="H1516" s="17" t="s">
        <v>17</v>
      </c>
      <c r="I1516" s="17" t="s">
        <v>71</v>
      </c>
      <c r="J1516" s="17">
        <v>3</v>
      </c>
      <c r="K1516" s="17"/>
      <c r="L1516" s="17"/>
      <c r="M1516" s="17"/>
      <c r="N1516" s="138"/>
      <c r="O1516" s="98"/>
    </row>
    <row r="1517" spans="1:16" s="99" customFormat="1" hidden="1">
      <c r="A1517" s="10"/>
      <c r="B1517" s="10"/>
      <c r="C1517" s="8"/>
      <c r="D1517" s="10"/>
      <c r="E1517" s="8" t="s">
        <v>123</v>
      </c>
      <c r="F1517" s="8">
        <v>366</v>
      </c>
      <c r="G1517" s="8" t="s">
        <v>122</v>
      </c>
      <c r="H1517" s="8" t="s">
        <v>66</v>
      </c>
      <c r="I1517" s="8" t="s">
        <v>65</v>
      </c>
      <c r="J1517" s="8">
        <v>1</v>
      </c>
      <c r="K1517" s="8" t="s">
        <v>514</v>
      </c>
      <c r="L1517" s="8">
        <v>2</v>
      </c>
      <c r="M1517" s="8">
        <v>2</v>
      </c>
      <c r="N1517" s="18" t="s">
        <v>695</v>
      </c>
      <c r="O1517" s="98"/>
    </row>
    <row r="1518" spans="1:16" s="99" customFormat="1" hidden="1">
      <c r="A1518" s="10"/>
      <c r="B1518" s="10"/>
      <c r="C1518" s="8"/>
      <c r="D1518" s="10"/>
      <c r="E1518" s="8" t="s">
        <v>121</v>
      </c>
      <c r="F1518" s="8">
        <v>93</v>
      </c>
      <c r="G1518" s="8" t="s">
        <v>120</v>
      </c>
      <c r="H1518" s="8" t="s">
        <v>17</v>
      </c>
      <c r="I1518" s="8" t="s">
        <v>71</v>
      </c>
      <c r="J1518" s="8">
        <v>1</v>
      </c>
      <c r="K1518" s="8" t="s">
        <v>509</v>
      </c>
      <c r="L1518" s="8">
        <v>1</v>
      </c>
      <c r="M1518" s="8">
        <v>60</v>
      </c>
      <c r="N1518" s="72"/>
      <c r="O1518" s="98"/>
    </row>
    <row r="1519" spans="1:16" s="99" customFormat="1" hidden="1">
      <c r="A1519" s="10"/>
      <c r="B1519" s="10"/>
      <c r="C1519" s="8"/>
      <c r="D1519" s="10"/>
      <c r="E1519" s="8" t="s">
        <v>119</v>
      </c>
      <c r="F1519" s="8">
        <v>365</v>
      </c>
      <c r="G1519" s="8" t="s">
        <v>114</v>
      </c>
      <c r="H1519" s="8" t="s">
        <v>78</v>
      </c>
      <c r="I1519" s="8" t="s">
        <v>71</v>
      </c>
      <c r="J1519" s="8">
        <v>1</v>
      </c>
      <c r="K1519" s="8" t="s">
        <v>514</v>
      </c>
      <c r="L1519" s="8">
        <v>2</v>
      </c>
      <c r="M1519" s="8">
        <v>2</v>
      </c>
      <c r="N1519" s="70" t="s">
        <v>624</v>
      </c>
      <c r="O1519" s="98"/>
    </row>
    <row r="1520" spans="1:16" s="99" customFormat="1" hidden="1">
      <c r="A1520" s="10"/>
      <c r="B1520" s="10"/>
      <c r="C1520" s="8"/>
      <c r="D1520" s="10"/>
      <c r="E1520" s="8" t="s">
        <v>118</v>
      </c>
      <c r="F1520" s="8">
        <v>364</v>
      </c>
      <c r="G1520" s="8" t="s">
        <v>112</v>
      </c>
      <c r="H1520" s="8" t="s">
        <v>78</v>
      </c>
      <c r="I1520" s="8" t="s">
        <v>71</v>
      </c>
      <c r="J1520" s="8">
        <v>1</v>
      </c>
      <c r="K1520" s="8" t="s">
        <v>509</v>
      </c>
      <c r="L1520" s="8">
        <v>1</v>
      </c>
      <c r="M1520" s="8">
        <v>80</v>
      </c>
      <c r="N1520" s="72"/>
      <c r="O1520" s="98"/>
    </row>
    <row r="1521" spans="1:15" s="99" customFormat="1" hidden="1">
      <c r="A1521" s="10"/>
      <c r="B1521" s="10"/>
      <c r="C1521" s="8"/>
      <c r="D1521" s="10"/>
      <c r="E1521" s="8" t="s">
        <v>117</v>
      </c>
      <c r="F1521" s="8">
        <v>365</v>
      </c>
      <c r="G1521" s="8" t="s">
        <v>114</v>
      </c>
      <c r="H1521" s="8" t="s">
        <v>78</v>
      </c>
      <c r="I1521" s="8" t="s">
        <v>71</v>
      </c>
      <c r="J1521" s="8">
        <v>1</v>
      </c>
      <c r="K1521" s="8" t="s">
        <v>514</v>
      </c>
      <c r="L1521" s="8">
        <v>2</v>
      </c>
      <c r="M1521" s="8">
        <v>2</v>
      </c>
      <c r="N1521" s="70" t="s">
        <v>624</v>
      </c>
      <c r="O1521" s="98"/>
    </row>
    <row r="1522" spans="1:15" s="99" customFormat="1" hidden="1">
      <c r="A1522" s="10"/>
      <c r="B1522" s="10"/>
      <c r="C1522" s="8"/>
      <c r="D1522" s="10"/>
      <c r="E1522" s="8" t="s">
        <v>116</v>
      </c>
      <c r="F1522" s="8">
        <v>364</v>
      </c>
      <c r="G1522" s="8" t="s">
        <v>112</v>
      </c>
      <c r="H1522" s="8" t="s">
        <v>78</v>
      </c>
      <c r="I1522" s="8" t="s">
        <v>71</v>
      </c>
      <c r="J1522" s="8">
        <v>1</v>
      </c>
      <c r="K1522" s="8" t="s">
        <v>509</v>
      </c>
      <c r="L1522" s="8">
        <v>1</v>
      </c>
      <c r="M1522" s="8">
        <v>80</v>
      </c>
      <c r="N1522" s="72"/>
      <c r="O1522" s="98"/>
    </row>
    <row r="1523" spans="1:15" s="99" customFormat="1" hidden="1">
      <c r="A1523" s="10"/>
      <c r="B1523" s="10"/>
      <c r="C1523" s="8"/>
      <c r="D1523" s="10"/>
      <c r="E1523" s="8" t="s">
        <v>115</v>
      </c>
      <c r="F1523" s="8">
        <v>365</v>
      </c>
      <c r="G1523" s="8" t="s">
        <v>114</v>
      </c>
      <c r="H1523" s="8" t="s">
        <v>78</v>
      </c>
      <c r="I1523" s="8" t="s">
        <v>71</v>
      </c>
      <c r="J1523" s="8">
        <v>1</v>
      </c>
      <c r="K1523" s="8" t="s">
        <v>514</v>
      </c>
      <c r="L1523" s="8">
        <v>2</v>
      </c>
      <c r="M1523" s="8">
        <v>2</v>
      </c>
      <c r="N1523" s="70" t="s">
        <v>624</v>
      </c>
      <c r="O1523" s="98"/>
    </row>
    <row r="1524" spans="1:15" s="99" customFormat="1" hidden="1">
      <c r="A1524" s="10"/>
      <c r="B1524" s="10"/>
      <c r="C1524" s="8"/>
      <c r="D1524" s="10"/>
      <c r="E1524" s="8" t="s">
        <v>113</v>
      </c>
      <c r="F1524" s="8">
        <v>364</v>
      </c>
      <c r="G1524" s="8" t="s">
        <v>112</v>
      </c>
      <c r="H1524" s="8" t="s">
        <v>78</v>
      </c>
      <c r="I1524" s="8" t="s">
        <v>71</v>
      </c>
      <c r="J1524" s="8">
        <v>1</v>
      </c>
      <c r="K1524" s="8" t="s">
        <v>509</v>
      </c>
      <c r="L1524" s="8">
        <v>1</v>
      </c>
      <c r="M1524" s="8">
        <v>80</v>
      </c>
      <c r="N1524" s="72"/>
      <c r="O1524" s="98"/>
    </row>
    <row r="1525" spans="1:15" s="99" customFormat="1" hidden="1">
      <c r="A1525" s="17"/>
      <c r="B1525" s="17"/>
      <c r="C1525" s="17" t="s">
        <v>163</v>
      </c>
      <c r="D1525" s="139" t="s">
        <v>456</v>
      </c>
      <c r="E1525" s="17"/>
      <c r="F1525" s="17"/>
      <c r="G1525" s="17"/>
      <c r="H1525" s="17" t="s">
        <v>17</v>
      </c>
      <c r="I1525" s="17" t="s">
        <v>71</v>
      </c>
      <c r="J1525" s="17">
        <v>12</v>
      </c>
      <c r="K1525" s="17"/>
      <c r="L1525" s="17"/>
      <c r="M1525" s="17"/>
      <c r="N1525" s="138"/>
      <c r="O1525" s="98"/>
    </row>
    <row r="1526" spans="1:15" s="99" customFormat="1" hidden="1">
      <c r="A1526" s="10"/>
      <c r="B1526" s="10"/>
      <c r="C1526" s="8"/>
      <c r="D1526" s="10"/>
      <c r="E1526" s="8" t="s">
        <v>162</v>
      </c>
      <c r="F1526" s="8">
        <v>133</v>
      </c>
      <c r="G1526" s="8" t="s">
        <v>161</v>
      </c>
      <c r="H1526" s="8" t="s">
        <v>17</v>
      </c>
      <c r="I1526" s="8" t="s">
        <v>71</v>
      </c>
      <c r="J1526" s="8">
        <v>1</v>
      </c>
      <c r="K1526" s="8" t="s">
        <v>514</v>
      </c>
      <c r="L1526" s="8">
        <v>1</v>
      </c>
      <c r="M1526" s="8">
        <v>2</v>
      </c>
      <c r="N1526" s="72" t="s">
        <v>696</v>
      </c>
      <c r="O1526" s="98"/>
    </row>
    <row r="1527" spans="1:15" s="99" customFormat="1" hidden="1">
      <c r="A1527" s="10"/>
      <c r="B1527" s="10"/>
      <c r="C1527" s="8"/>
      <c r="D1527" s="10"/>
      <c r="E1527" s="8" t="s">
        <v>160</v>
      </c>
      <c r="F1527" s="8">
        <v>66</v>
      </c>
      <c r="G1527" s="8" t="s">
        <v>153</v>
      </c>
      <c r="H1527" s="8" t="s">
        <v>78</v>
      </c>
      <c r="I1527" s="8" t="s">
        <v>71</v>
      </c>
      <c r="J1527" s="8">
        <v>1</v>
      </c>
      <c r="K1527" s="8" t="s">
        <v>514</v>
      </c>
      <c r="L1527" s="8">
        <v>1</v>
      </c>
      <c r="M1527" s="8">
        <v>2</v>
      </c>
      <c r="N1527" s="72" t="s">
        <v>643</v>
      </c>
      <c r="O1527" s="98"/>
    </row>
    <row r="1528" spans="1:15" s="99" customFormat="1" hidden="1">
      <c r="A1528" s="10"/>
      <c r="B1528" s="10"/>
      <c r="C1528" s="8"/>
      <c r="D1528" s="10"/>
      <c r="E1528" s="8" t="s">
        <v>159</v>
      </c>
      <c r="F1528" s="8">
        <v>67</v>
      </c>
      <c r="G1528" s="8" t="s">
        <v>151</v>
      </c>
      <c r="H1528" s="8" t="s">
        <v>78</v>
      </c>
      <c r="I1528" s="8" t="s">
        <v>71</v>
      </c>
      <c r="J1528" s="8">
        <v>1</v>
      </c>
      <c r="K1528" s="8" t="s">
        <v>509</v>
      </c>
      <c r="L1528" s="8">
        <v>2</v>
      </c>
      <c r="M1528" s="8">
        <v>80</v>
      </c>
      <c r="N1528" s="72"/>
      <c r="O1528" s="98"/>
    </row>
    <row r="1529" spans="1:15" s="99" customFormat="1" hidden="1">
      <c r="A1529" s="10"/>
      <c r="B1529" s="10"/>
      <c r="C1529" s="8"/>
      <c r="D1529" s="10"/>
      <c r="E1529" s="8" t="s">
        <v>171</v>
      </c>
      <c r="F1529" s="8">
        <v>91</v>
      </c>
      <c r="G1529" s="8" t="s">
        <v>170</v>
      </c>
      <c r="H1529" s="8" t="s">
        <v>78</v>
      </c>
      <c r="I1529" s="8" t="s">
        <v>71</v>
      </c>
      <c r="J1529" s="8">
        <v>1</v>
      </c>
      <c r="K1529" s="8" t="s">
        <v>514</v>
      </c>
      <c r="L1529" s="8">
        <v>1</v>
      </c>
      <c r="M1529" s="8">
        <v>2</v>
      </c>
      <c r="N1529" s="70" t="s">
        <v>624</v>
      </c>
      <c r="O1529" s="98"/>
    </row>
    <row r="1530" spans="1:15" s="99" customFormat="1" hidden="1">
      <c r="A1530" s="10"/>
      <c r="B1530" s="10"/>
      <c r="C1530" s="8"/>
      <c r="D1530" s="10"/>
      <c r="E1530" s="19" t="s">
        <v>169</v>
      </c>
      <c r="F1530" s="19">
        <v>387</v>
      </c>
      <c r="G1530" s="19" t="s">
        <v>168</v>
      </c>
      <c r="H1530" s="19" t="s">
        <v>78</v>
      </c>
      <c r="I1530" s="19" t="s">
        <v>96</v>
      </c>
      <c r="J1530" s="19">
        <v>1</v>
      </c>
      <c r="K1530" s="19" t="s">
        <v>509</v>
      </c>
      <c r="L1530" s="19">
        <v>1</v>
      </c>
      <c r="M1530" s="19">
        <v>35</v>
      </c>
      <c r="N1530" s="25"/>
      <c r="O1530" s="98"/>
    </row>
    <row r="1531" spans="1:15" s="99" customFormat="1" hidden="1">
      <c r="A1531" s="10"/>
      <c r="B1531" s="10"/>
      <c r="C1531" s="8"/>
      <c r="D1531" s="10"/>
      <c r="E1531" s="19" t="s">
        <v>167</v>
      </c>
      <c r="F1531" s="19">
        <v>368</v>
      </c>
      <c r="G1531" s="19" t="s">
        <v>166</v>
      </c>
      <c r="H1531" s="19" t="s">
        <v>78</v>
      </c>
      <c r="I1531" s="19" t="s">
        <v>96</v>
      </c>
      <c r="J1531" s="19">
        <v>1</v>
      </c>
      <c r="K1531" s="19" t="s">
        <v>514</v>
      </c>
      <c r="L1531" s="19">
        <v>2</v>
      </c>
      <c r="M1531" s="19">
        <v>2</v>
      </c>
      <c r="N1531" s="25"/>
      <c r="O1531" s="98"/>
    </row>
    <row r="1532" spans="1:15" s="99" customFormat="1" hidden="1">
      <c r="A1532" s="10"/>
      <c r="B1532" s="10"/>
      <c r="C1532" s="24"/>
      <c r="D1532" s="143"/>
      <c r="E1532" s="11" t="s">
        <v>897</v>
      </c>
      <c r="F1532" s="11">
        <v>309</v>
      </c>
      <c r="G1532" s="11" t="s">
        <v>133</v>
      </c>
      <c r="H1532" s="11" t="s">
        <v>17</v>
      </c>
      <c r="I1532" s="11" t="s">
        <v>71</v>
      </c>
      <c r="J1532" s="11">
        <v>1</v>
      </c>
      <c r="K1532" s="11" t="s">
        <v>514</v>
      </c>
      <c r="L1532" s="11">
        <v>1</v>
      </c>
      <c r="M1532" s="11">
        <v>2</v>
      </c>
      <c r="N1532" s="18" t="s">
        <v>643</v>
      </c>
      <c r="O1532" s="98"/>
    </row>
    <row r="1533" spans="1:15" s="99" customFormat="1" hidden="1">
      <c r="A1533" s="10"/>
      <c r="B1533" s="10"/>
      <c r="C1533" s="147"/>
      <c r="D1533" s="148"/>
      <c r="E1533" s="11" t="s">
        <v>898</v>
      </c>
      <c r="F1533" s="11">
        <v>310</v>
      </c>
      <c r="G1533" s="11" t="s">
        <v>131</v>
      </c>
      <c r="H1533" s="11" t="s">
        <v>17</v>
      </c>
      <c r="I1533" s="11" t="s">
        <v>71</v>
      </c>
      <c r="J1533" s="11">
        <v>1</v>
      </c>
      <c r="K1533" s="11" t="s">
        <v>509</v>
      </c>
      <c r="L1533" s="11">
        <v>1</v>
      </c>
      <c r="M1533" s="11">
        <v>30</v>
      </c>
      <c r="N1533" s="18"/>
      <c r="O1533" s="98"/>
    </row>
    <row r="1534" spans="1:15" s="99" customFormat="1" hidden="1">
      <c r="A1534" s="17"/>
      <c r="B1534" s="17"/>
      <c r="C1534" s="142" t="s">
        <v>165</v>
      </c>
      <c r="D1534" s="142" t="s">
        <v>469</v>
      </c>
      <c r="E1534" s="142"/>
      <c r="F1534" s="142"/>
      <c r="G1534" s="142"/>
      <c r="H1534" s="142" t="s">
        <v>17</v>
      </c>
      <c r="I1534" s="142" t="s">
        <v>71</v>
      </c>
      <c r="J1534" s="75">
        <v>5</v>
      </c>
      <c r="K1534" s="75"/>
      <c r="L1534" s="75"/>
      <c r="M1534" s="75"/>
      <c r="N1534" s="141"/>
      <c r="O1534" s="98"/>
    </row>
    <row r="1535" spans="1:15" s="99" customFormat="1" hidden="1">
      <c r="A1535" s="10"/>
      <c r="B1535" s="10"/>
      <c r="C1535" s="11"/>
      <c r="D1535" s="11"/>
      <c r="E1535" s="11" t="s">
        <v>697</v>
      </c>
      <c r="F1535" s="11">
        <v>152</v>
      </c>
      <c r="G1535" s="11" t="s">
        <v>164</v>
      </c>
      <c r="H1535" s="11" t="s">
        <v>78</v>
      </c>
      <c r="I1535" s="11" t="s">
        <v>71</v>
      </c>
      <c r="J1535" s="11">
        <v>1</v>
      </c>
      <c r="K1535" s="11" t="s">
        <v>514</v>
      </c>
      <c r="L1535" s="11">
        <v>2</v>
      </c>
      <c r="M1535" s="11">
        <v>3</v>
      </c>
      <c r="N1535" s="18" t="s">
        <v>698</v>
      </c>
      <c r="O1535" s="98"/>
    </row>
    <row r="1536" spans="1:15" s="99" customFormat="1" hidden="1">
      <c r="A1536" s="10"/>
      <c r="B1536" s="10"/>
      <c r="C1536" s="24"/>
      <c r="D1536" s="24"/>
      <c r="E1536" s="25" t="s">
        <v>699</v>
      </c>
      <c r="F1536" s="25">
        <v>208</v>
      </c>
      <c r="G1536" s="25" t="s">
        <v>470</v>
      </c>
      <c r="H1536" s="19" t="s">
        <v>78</v>
      </c>
      <c r="I1536" s="19" t="s">
        <v>96</v>
      </c>
      <c r="J1536" s="19">
        <v>1</v>
      </c>
      <c r="K1536" s="19" t="s">
        <v>514</v>
      </c>
      <c r="L1536" s="19">
        <v>1</v>
      </c>
      <c r="M1536" s="19">
        <v>1</v>
      </c>
      <c r="N1536" s="25"/>
      <c r="O1536" s="98"/>
    </row>
    <row r="1537" spans="1:15" s="99" customFormat="1" hidden="1">
      <c r="A1537" s="10"/>
      <c r="B1537" s="10"/>
      <c r="C1537" s="24"/>
      <c r="D1537" s="24"/>
      <c r="E1537" s="25" t="s">
        <v>700</v>
      </c>
      <c r="F1537" s="25">
        <v>209</v>
      </c>
      <c r="G1537" s="25" t="s">
        <v>471</v>
      </c>
      <c r="H1537" s="19" t="s">
        <v>78</v>
      </c>
      <c r="I1537" s="19" t="s">
        <v>96</v>
      </c>
      <c r="J1537" s="19">
        <v>1</v>
      </c>
      <c r="K1537" s="19" t="s">
        <v>509</v>
      </c>
      <c r="L1537" s="19">
        <v>1</v>
      </c>
      <c r="M1537" s="19">
        <v>4</v>
      </c>
      <c r="N1537" s="25"/>
      <c r="O1537" s="98"/>
    </row>
    <row r="1538" spans="1:15" s="99" customFormat="1" hidden="1">
      <c r="A1538" s="10"/>
      <c r="B1538" s="10"/>
      <c r="C1538" s="24"/>
      <c r="D1538" s="24"/>
      <c r="E1538" s="11" t="s">
        <v>701</v>
      </c>
      <c r="F1538" s="11">
        <v>352</v>
      </c>
      <c r="G1538" s="11" t="s">
        <v>3</v>
      </c>
      <c r="H1538" s="11" t="s">
        <v>78</v>
      </c>
      <c r="I1538" s="11" t="s">
        <v>71</v>
      </c>
      <c r="J1538" s="11">
        <v>1</v>
      </c>
      <c r="K1538" s="11" t="s">
        <v>509</v>
      </c>
      <c r="L1538" s="11">
        <v>1</v>
      </c>
      <c r="M1538" s="11">
        <v>80</v>
      </c>
      <c r="N1538" s="18"/>
      <c r="O1538" s="98"/>
    </row>
    <row r="1539" spans="1:15" s="99" customFormat="1" hidden="1">
      <c r="A1539" s="17" t="s">
        <v>158</v>
      </c>
      <c r="B1539" s="139" t="s">
        <v>120</v>
      </c>
      <c r="C1539" s="17"/>
      <c r="D1539" s="139"/>
      <c r="E1539" s="17"/>
      <c r="F1539" s="17"/>
      <c r="G1539" s="17"/>
      <c r="H1539" s="17" t="s">
        <v>17</v>
      </c>
      <c r="I1539" s="17" t="s">
        <v>71</v>
      </c>
      <c r="J1539" s="17">
        <v>200</v>
      </c>
      <c r="K1539" s="17"/>
      <c r="L1539" s="17"/>
      <c r="M1539" s="17"/>
      <c r="N1539" s="138"/>
      <c r="O1539" s="98"/>
    </row>
    <row r="1540" spans="1:15" s="99" customFormat="1" hidden="1">
      <c r="A1540" s="17"/>
      <c r="B1540" s="17"/>
      <c r="C1540" s="17" t="s">
        <v>158</v>
      </c>
      <c r="D1540" s="139" t="s">
        <v>120</v>
      </c>
      <c r="E1540" s="17"/>
      <c r="F1540" s="17"/>
      <c r="G1540" s="17"/>
      <c r="H1540" s="17" t="s">
        <v>66</v>
      </c>
      <c r="I1540" s="17" t="s">
        <v>65</v>
      </c>
      <c r="J1540" s="17">
        <v>1</v>
      </c>
      <c r="K1540" s="17"/>
      <c r="L1540" s="17"/>
      <c r="M1540" s="17"/>
      <c r="N1540" s="138"/>
      <c r="O1540" s="98"/>
    </row>
    <row r="1541" spans="1:15" s="99" customFormat="1" hidden="1">
      <c r="A1541" s="10"/>
      <c r="B1541" s="10"/>
      <c r="C1541" s="8"/>
      <c r="D1541" s="10"/>
      <c r="E1541" s="8" t="s">
        <v>157</v>
      </c>
      <c r="F1541" s="8">
        <v>98</v>
      </c>
      <c r="G1541" s="8" t="s">
        <v>156</v>
      </c>
      <c r="H1541" s="8" t="s">
        <v>66</v>
      </c>
      <c r="I1541" s="8" t="s">
        <v>65</v>
      </c>
      <c r="J1541" s="8">
        <v>1</v>
      </c>
      <c r="K1541" s="8" t="s">
        <v>514</v>
      </c>
      <c r="L1541" s="8">
        <v>2</v>
      </c>
      <c r="M1541" s="8">
        <v>3</v>
      </c>
      <c r="N1541" s="72" t="s">
        <v>702</v>
      </c>
      <c r="O1541" s="98"/>
    </row>
    <row r="1542" spans="1:15" s="99" customFormat="1" hidden="1">
      <c r="A1542" s="10"/>
      <c r="B1542" s="10"/>
      <c r="C1542" s="8"/>
      <c r="D1542" s="10"/>
      <c r="E1542" s="8" t="s">
        <v>155</v>
      </c>
      <c r="F1542" s="8">
        <v>93</v>
      </c>
      <c r="G1542" s="8" t="s">
        <v>120</v>
      </c>
      <c r="H1542" s="8" t="s">
        <v>78</v>
      </c>
      <c r="I1542" s="8" t="s">
        <v>71</v>
      </c>
      <c r="J1542" s="8">
        <v>1</v>
      </c>
      <c r="K1542" s="8" t="s">
        <v>509</v>
      </c>
      <c r="L1542" s="8">
        <v>1</v>
      </c>
      <c r="M1542" s="8">
        <v>60</v>
      </c>
      <c r="N1542" s="72"/>
      <c r="O1542" s="98"/>
    </row>
    <row r="1543" spans="1:15" s="99" customFormat="1" hidden="1">
      <c r="A1543" s="10"/>
      <c r="B1543" s="10"/>
      <c r="C1543" s="8"/>
      <c r="D1543" s="10"/>
      <c r="E1543" s="8" t="s">
        <v>154</v>
      </c>
      <c r="F1543" s="8">
        <v>66</v>
      </c>
      <c r="G1543" s="8" t="s">
        <v>153</v>
      </c>
      <c r="H1543" s="8" t="s">
        <v>78</v>
      </c>
      <c r="I1543" s="8" t="s">
        <v>71</v>
      </c>
      <c r="J1543" s="8">
        <v>1</v>
      </c>
      <c r="K1543" s="8" t="s">
        <v>514</v>
      </c>
      <c r="L1543" s="8">
        <v>1</v>
      </c>
      <c r="M1543" s="8">
        <v>2</v>
      </c>
      <c r="N1543" s="70" t="s">
        <v>624</v>
      </c>
      <c r="O1543" s="98"/>
    </row>
    <row r="1544" spans="1:15" s="99" customFormat="1" hidden="1">
      <c r="A1544" s="10"/>
      <c r="B1544" s="10"/>
      <c r="C1544" s="8"/>
      <c r="D1544" s="10"/>
      <c r="E1544" s="8" t="s">
        <v>152</v>
      </c>
      <c r="F1544" s="8">
        <v>67</v>
      </c>
      <c r="G1544" s="8" t="s">
        <v>151</v>
      </c>
      <c r="H1544" s="8" t="s">
        <v>78</v>
      </c>
      <c r="I1544" s="8" t="s">
        <v>71</v>
      </c>
      <c r="J1544" s="8">
        <v>1</v>
      </c>
      <c r="K1544" s="8" t="s">
        <v>509</v>
      </c>
      <c r="L1544" s="8">
        <v>2</v>
      </c>
      <c r="M1544" s="8">
        <v>80</v>
      </c>
      <c r="N1544" s="72"/>
      <c r="O1544" s="98"/>
    </row>
    <row r="1545" spans="1:15" hidden="1">
      <c r="A1545" s="17"/>
      <c r="B1545" s="17"/>
      <c r="C1545" s="17" t="s">
        <v>150</v>
      </c>
      <c r="D1545" s="139" t="s">
        <v>473</v>
      </c>
      <c r="E1545" s="17"/>
      <c r="F1545" s="17"/>
      <c r="G1545" s="17"/>
      <c r="H1545" s="17" t="s">
        <v>17</v>
      </c>
      <c r="I1545" s="17" t="s">
        <v>71</v>
      </c>
      <c r="J1545" s="17">
        <v>2</v>
      </c>
      <c r="K1545" s="17"/>
      <c r="L1545" s="17"/>
      <c r="M1545" s="17"/>
      <c r="N1545" s="138"/>
      <c r="O1545" s="98"/>
    </row>
    <row r="1546" spans="1:15" hidden="1">
      <c r="E1546" s="8" t="s">
        <v>149</v>
      </c>
      <c r="F1546" s="8">
        <v>93</v>
      </c>
      <c r="G1546" s="8" t="s">
        <v>120</v>
      </c>
      <c r="H1546" s="8" t="s">
        <v>66</v>
      </c>
      <c r="I1546" s="8" t="s">
        <v>65</v>
      </c>
      <c r="J1546" s="8">
        <v>1</v>
      </c>
      <c r="K1546" s="8" t="s">
        <v>509</v>
      </c>
      <c r="L1546" s="8">
        <v>1</v>
      </c>
      <c r="M1546" s="8">
        <v>60</v>
      </c>
      <c r="O1546" s="98"/>
    </row>
    <row r="1547" spans="1:15" hidden="1">
      <c r="E1547" s="8" t="s">
        <v>148</v>
      </c>
      <c r="F1547" s="8">
        <v>93</v>
      </c>
      <c r="G1547" s="8" t="s">
        <v>120</v>
      </c>
      <c r="H1547" s="8" t="s">
        <v>17</v>
      </c>
      <c r="I1547" s="8" t="s">
        <v>71</v>
      </c>
      <c r="J1547" s="8">
        <v>1</v>
      </c>
      <c r="K1547" s="8" t="s">
        <v>509</v>
      </c>
      <c r="L1547" s="8">
        <v>1</v>
      </c>
      <c r="M1547" s="8">
        <v>60</v>
      </c>
      <c r="O1547" s="98"/>
    </row>
    <row r="1548" spans="1:15" hidden="1">
      <c r="A1548" s="17"/>
      <c r="B1548" s="17"/>
      <c r="C1548" s="17" t="s">
        <v>147</v>
      </c>
      <c r="D1548" s="139" t="s">
        <v>144</v>
      </c>
      <c r="E1548" s="17"/>
      <c r="F1548" s="17"/>
      <c r="G1548" s="17"/>
      <c r="H1548" s="17" t="s">
        <v>17</v>
      </c>
      <c r="I1548" s="17" t="s">
        <v>71</v>
      </c>
      <c r="J1548" s="17">
        <v>2</v>
      </c>
      <c r="K1548" s="17"/>
      <c r="L1548" s="17"/>
      <c r="M1548" s="17"/>
      <c r="N1548" s="138"/>
      <c r="O1548" s="98"/>
    </row>
    <row r="1549" spans="1:15" hidden="1">
      <c r="E1549" s="8" t="s">
        <v>146</v>
      </c>
      <c r="F1549" s="8">
        <v>166</v>
      </c>
      <c r="G1549" s="8" t="s">
        <v>144</v>
      </c>
      <c r="H1549" s="8" t="s">
        <v>66</v>
      </c>
      <c r="I1549" s="8" t="s">
        <v>65</v>
      </c>
      <c r="J1549" s="8">
        <v>1</v>
      </c>
      <c r="K1549" s="8" t="s">
        <v>509</v>
      </c>
      <c r="L1549" s="8">
        <v>1</v>
      </c>
      <c r="M1549" s="8">
        <v>55</v>
      </c>
      <c r="O1549" s="98"/>
    </row>
    <row r="1550" spans="1:15" hidden="1">
      <c r="E1550" s="8" t="s">
        <v>145</v>
      </c>
      <c r="F1550" s="8">
        <v>166</v>
      </c>
      <c r="G1550" s="8" t="s">
        <v>144</v>
      </c>
      <c r="H1550" s="8" t="s">
        <v>17</v>
      </c>
      <c r="I1550" s="8" t="s">
        <v>71</v>
      </c>
      <c r="J1550" s="8">
        <v>1</v>
      </c>
      <c r="K1550" s="8" t="s">
        <v>509</v>
      </c>
      <c r="L1550" s="8">
        <v>1</v>
      </c>
      <c r="M1550" s="8">
        <v>55</v>
      </c>
      <c r="O1550" s="98"/>
    </row>
    <row r="1551" spans="1:15" hidden="1">
      <c r="A1551" s="17"/>
      <c r="B1551" s="17"/>
      <c r="C1551" s="17" t="s">
        <v>147</v>
      </c>
      <c r="D1551" s="139" t="s">
        <v>144</v>
      </c>
      <c r="E1551" s="17"/>
      <c r="F1551" s="17"/>
      <c r="G1551" s="17"/>
      <c r="H1551" s="17" t="s">
        <v>17</v>
      </c>
      <c r="I1551" s="17" t="s">
        <v>71</v>
      </c>
      <c r="J1551" s="17">
        <v>2</v>
      </c>
      <c r="K1551" s="17"/>
      <c r="L1551" s="17"/>
      <c r="M1551" s="17"/>
      <c r="N1551" s="138"/>
      <c r="O1551" s="98"/>
    </row>
    <row r="1552" spans="1:15" hidden="1">
      <c r="E1552" s="8" t="s">
        <v>146</v>
      </c>
      <c r="F1552" s="8">
        <v>166</v>
      </c>
      <c r="G1552" s="8" t="s">
        <v>144</v>
      </c>
      <c r="H1552" s="8" t="s">
        <v>66</v>
      </c>
      <c r="I1552" s="8" t="s">
        <v>65</v>
      </c>
      <c r="J1552" s="8">
        <v>1</v>
      </c>
      <c r="K1552" s="8" t="s">
        <v>509</v>
      </c>
      <c r="L1552" s="8">
        <v>1</v>
      </c>
      <c r="M1552" s="8">
        <v>55</v>
      </c>
      <c r="O1552" s="98"/>
    </row>
    <row r="1553" spans="1:16" hidden="1">
      <c r="E1553" s="8" t="s">
        <v>145</v>
      </c>
      <c r="F1553" s="8">
        <v>166</v>
      </c>
      <c r="G1553" s="8" t="s">
        <v>144</v>
      </c>
      <c r="H1553" s="8" t="s">
        <v>17</v>
      </c>
      <c r="I1553" s="8" t="s">
        <v>71</v>
      </c>
      <c r="J1553" s="8">
        <v>1</v>
      </c>
      <c r="K1553" s="8" t="s">
        <v>509</v>
      </c>
      <c r="L1553" s="8">
        <v>1</v>
      </c>
      <c r="M1553" s="8">
        <v>55</v>
      </c>
      <c r="O1553" s="98"/>
    </row>
    <row r="1554" spans="1:16" hidden="1">
      <c r="A1554" s="17"/>
      <c r="B1554" s="17"/>
      <c r="C1554" s="17" t="s">
        <v>143</v>
      </c>
      <c r="D1554" s="139" t="s">
        <v>474</v>
      </c>
      <c r="E1554" s="17"/>
      <c r="F1554" s="17"/>
      <c r="G1554" s="17"/>
      <c r="H1554" s="17" t="s">
        <v>17</v>
      </c>
      <c r="I1554" s="17" t="s">
        <v>71</v>
      </c>
      <c r="J1554" s="17">
        <v>1</v>
      </c>
      <c r="K1554" s="17"/>
      <c r="L1554" s="17"/>
      <c r="M1554" s="17"/>
      <c r="N1554" s="138"/>
      <c r="O1554" s="98"/>
    </row>
    <row r="1555" spans="1:16" hidden="1">
      <c r="E1555" s="8" t="s">
        <v>142</v>
      </c>
      <c r="F1555" s="8">
        <v>19</v>
      </c>
      <c r="G1555" s="8" t="s">
        <v>141</v>
      </c>
      <c r="H1555" s="8" t="s">
        <v>17</v>
      </c>
      <c r="I1555" s="8" t="s">
        <v>71</v>
      </c>
      <c r="J1555" s="8">
        <v>1</v>
      </c>
      <c r="K1555" s="8" t="s">
        <v>509</v>
      </c>
      <c r="L1555" s="8">
        <v>2</v>
      </c>
      <c r="M1555" s="8">
        <v>30</v>
      </c>
      <c r="O1555" s="98"/>
    </row>
    <row r="1556" spans="1:16" hidden="1">
      <c r="E1556" s="8" t="s">
        <v>140</v>
      </c>
      <c r="F1556" s="8">
        <v>156</v>
      </c>
      <c r="G1556" s="8" t="s">
        <v>139</v>
      </c>
      <c r="H1556" s="8" t="s">
        <v>17</v>
      </c>
      <c r="I1556" s="8" t="s">
        <v>71</v>
      </c>
      <c r="J1556" s="8">
        <v>1</v>
      </c>
      <c r="K1556" s="8" t="s">
        <v>514</v>
      </c>
      <c r="L1556" s="8">
        <v>2</v>
      </c>
      <c r="M1556" s="8">
        <v>2</v>
      </c>
      <c r="N1556" s="70" t="s">
        <v>624</v>
      </c>
      <c r="O1556" s="98"/>
    </row>
    <row r="1557" spans="1:16" hidden="1">
      <c r="E1557" s="8" t="s">
        <v>138</v>
      </c>
      <c r="F1557" s="8">
        <v>116</v>
      </c>
      <c r="G1557" s="8" t="s">
        <v>137</v>
      </c>
      <c r="H1557" s="8" t="s">
        <v>17</v>
      </c>
      <c r="I1557" s="8" t="s">
        <v>71</v>
      </c>
      <c r="J1557" s="8">
        <v>1</v>
      </c>
      <c r="K1557" s="8" t="s">
        <v>514</v>
      </c>
      <c r="L1557" s="8">
        <v>3</v>
      </c>
      <c r="M1557" s="8">
        <v>15</v>
      </c>
      <c r="N1557" s="18"/>
      <c r="O1557" s="98"/>
    </row>
    <row r="1558" spans="1:16" hidden="1">
      <c r="E1558" s="8" t="s">
        <v>136</v>
      </c>
      <c r="F1558" s="8">
        <v>26</v>
      </c>
      <c r="G1558" s="8" t="s">
        <v>135</v>
      </c>
      <c r="H1558" s="8" t="s">
        <v>17</v>
      </c>
      <c r="I1558" s="8" t="s">
        <v>71</v>
      </c>
      <c r="J1558" s="8">
        <v>1</v>
      </c>
      <c r="K1558" s="8" t="s">
        <v>514</v>
      </c>
      <c r="L1558" s="8">
        <v>2</v>
      </c>
      <c r="M1558" s="8">
        <v>3</v>
      </c>
      <c r="N1558" s="18"/>
      <c r="O1558" s="98"/>
    </row>
    <row r="1559" spans="1:16" s="8" customFormat="1" hidden="1">
      <c r="C1559" s="33"/>
      <c r="D1559" s="33"/>
      <c r="E1559" s="33" t="s">
        <v>134</v>
      </c>
      <c r="F1559" s="11">
        <v>309</v>
      </c>
      <c r="G1559" s="33" t="s">
        <v>133</v>
      </c>
      <c r="H1559" s="33" t="s">
        <v>78</v>
      </c>
      <c r="I1559" s="33" t="s">
        <v>71</v>
      </c>
      <c r="J1559" s="11">
        <v>1</v>
      </c>
      <c r="K1559" s="11" t="s">
        <v>514</v>
      </c>
      <c r="L1559" s="11">
        <v>1</v>
      </c>
      <c r="M1559" s="11">
        <v>2</v>
      </c>
      <c r="N1559" s="18" t="s">
        <v>690</v>
      </c>
      <c r="O1559" s="98"/>
      <c r="P1559" s="99"/>
    </row>
    <row r="1560" spans="1:16" s="8" customFormat="1" hidden="1">
      <c r="C1560" s="33"/>
      <c r="D1560" s="33"/>
      <c r="E1560" s="33" t="s">
        <v>132</v>
      </c>
      <c r="F1560" s="11">
        <v>310</v>
      </c>
      <c r="G1560" s="33" t="s">
        <v>131</v>
      </c>
      <c r="H1560" s="33" t="s">
        <v>17</v>
      </c>
      <c r="I1560" s="33" t="s">
        <v>71</v>
      </c>
      <c r="J1560" s="11">
        <v>1</v>
      </c>
      <c r="K1560" s="11" t="s">
        <v>509</v>
      </c>
      <c r="L1560" s="11">
        <v>1</v>
      </c>
      <c r="M1560" s="11">
        <v>30</v>
      </c>
      <c r="N1560" s="18"/>
      <c r="O1560" s="98"/>
      <c r="P1560" s="99"/>
    </row>
    <row r="1561" spans="1:16" s="99" customFormat="1" hidden="1">
      <c r="A1561" s="17"/>
      <c r="B1561" s="17"/>
      <c r="C1561" s="17" t="s">
        <v>130</v>
      </c>
      <c r="D1561" s="139" t="s">
        <v>126</v>
      </c>
      <c r="E1561" s="17"/>
      <c r="F1561" s="17"/>
      <c r="G1561" s="17"/>
      <c r="H1561" s="17" t="s">
        <v>17</v>
      </c>
      <c r="I1561" s="17" t="s">
        <v>71</v>
      </c>
      <c r="J1561" s="17">
        <v>12</v>
      </c>
      <c r="K1561" s="17"/>
      <c r="L1561" s="17"/>
      <c r="M1561" s="17"/>
      <c r="N1561" s="138"/>
      <c r="O1561" s="98"/>
    </row>
    <row r="1562" spans="1:16" s="99" customFormat="1" hidden="1">
      <c r="A1562" s="10"/>
      <c r="B1562" s="10"/>
      <c r="C1562" s="8"/>
      <c r="D1562" s="10"/>
      <c r="E1562" s="8" t="s">
        <v>129</v>
      </c>
      <c r="F1562" s="72">
        <v>128</v>
      </c>
      <c r="G1562" s="72" t="s">
        <v>128</v>
      </c>
      <c r="H1562" s="8" t="s">
        <v>66</v>
      </c>
      <c r="I1562" s="8" t="s">
        <v>65</v>
      </c>
      <c r="J1562" s="8">
        <v>1</v>
      </c>
      <c r="K1562" s="8" t="s">
        <v>514</v>
      </c>
      <c r="L1562" s="8">
        <v>2</v>
      </c>
      <c r="M1562" s="8">
        <v>3</v>
      </c>
      <c r="N1562" s="72" t="s">
        <v>692</v>
      </c>
      <c r="O1562" s="98"/>
    </row>
    <row r="1563" spans="1:16" s="99" customFormat="1" hidden="1">
      <c r="A1563" s="10"/>
      <c r="B1563" s="10"/>
      <c r="C1563" s="8"/>
      <c r="D1563" s="10"/>
      <c r="E1563" s="19" t="s">
        <v>127</v>
      </c>
      <c r="F1563" s="19">
        <v>127</v>
      </c>
      <c r="G1563" s="19" t="s">
        <v>126</v>
      </c>
      <c r="H1563" s="19" t="s">
        <v>78</v>
      </c>
      <c r="I1563" s="25" t="s">
        <v>96</v>
      </c>
      <c r="J1563" s="19">
        <v>1</v>
      </c>
      <c r="K1563" s="19" t="s">
        <v>509</v>
      </c>
      <c r="L1563" s="19">
        <v>1</v>
      </c>
      <c r="M1563" s="19">
        <v>30</v>
      </c>
      <c r="N1563" s="25"/>
      <c r="O1563" s="98"/>
    </row>
    <row r="1564" spans="1:16" s="99" customFormat="1" hidden="1">
      <c r="A1564" s="10"/>
      <c r="B1564" s="10"/>
      <c r="C1564" s="8"/>
      <c r="D1564" s="10"/>
      <c r="E1564" s="8" t="s">
        <v>125</v>
      </c>
      <c r="F1564" s="72">
        <v>352</v>
      </c>
      <c r="G1564" s="72" t="s">
        <v>3</v>
      </c>
      <c r="H1564" s="8" t="s">
        <v>78</v>
      </c>
      <c r="I1564" s="8" t="s">
        <v>71</v>
      </c>
      <c r="J1564" s="8">
        <v>1</v>
      </c>
      <c r="K1564" s="8" t="s">
        <v>509</v>
      </c>
      <c r="L1564" s="8">
        <v>1</v>
      </c>
      <c r="M1564" s="8">
        <v>80</v>
      </c>
      <c r="N1564" s="72"/>
      <c r="O1564" s="98"/>
    </row>
    <row r="1565" spans="1:16" s="99" customFormat="1" hidden="1">
      <c r="A1565" s="17"/>
      <c r="B1565" s="17"/>
      <c r="C1565" s="17" t="s">
        <v>124</v>
      </c>
      <c r="D1565" s="139" t="s">
        <v>475</v>
      </c>
      <c r="E1565" s="17"/>
      <c r="F1565" s="17"/>
      <c r="G1565" s="17"/>
      <c r="H1565" s="17" t="s">
        <v>17</v>
      </c>
      <c r="I1565" s="17" t="s">
        <v>71</v>
      </c>
      <c r="J1565" s="17">
        <v>3</v>
      </c>
      <c r="K1565" s="17"/>
      <c r="L1565" s="17"/>
      <c r="M1565" s="17"/>
      <c r="N1565" s="138"/>
      <c r="O1565" s="98"/>
    </row>
    <row r="1566" spans="1:16" s="99" customFormat="1" hidden="1">
      <c r="A1566" s="10"/>
      <c r="B1566" s="10"/>
      <c r="C1566" s="8"/>
      <c r="D1566" s="10"/>
      <c r="E1566" s="8" t="s">
        <v>123</v>
      </c>
      <c r="F1566" s="8">
        <v>366</v>
      </c>
      <c r="G1566" s="8" t="s">
        <v>122</v>
      </c>
      <c r="H1566" s="8" t="s">
        <v>66</v>
      </c>
      <c r="I1566" s="8" t="s">
        <v>65</v>
      </c>
      <c r="J1566" s="8">
        <v>1</v>
      </c>
      <c r="K1566" s="8" t="s">
        <v>514</v>
      </c>
      <c r="L1566" s="8">
        <v>2</v>
      </c>
      <c r="M1566" s="8">
        <v>2</v>
      </c>
      <c r="N1566" s="72" t="s">
        <v>704</v>
      </c>
      <c r="O1566" s="98"/>
    </row>
    <row r="1567" spans="1:16" s="99" customFormat="1" hidden="1">
      <c r="A1567" s="10"/>
      <c r="B1567" s="10"/>
      <c r="C1567" s="8"/>
      <c r="D1567" s="10"/>
      <c r="E1567" s="8" t="s">
        <v>121</v>
      </c>
      <c r="F1567" s="8">
        <v>93</v>
      </c>
      <c r="G1567" s="8" t="s">
        <v>120</v>
      </c>
      <c r="H1567" s="8" t="s">
        <v>17</v>
      </c>
      <c r="I1567" s="8" t="s">
        <v>71</v>
      </c>
      <c r="J1567" s="8">
        <v>1</v>
      </c>
      <c r="K1567" s="8" t="s">
        <v>509</v>
      </c>
      <c r="L1567" s="8">
        <v>1</v>
      </c>
      <c r="M1567" s="8">
        <v>60</v>
      </c>
      <c r="N1567" s="72"/>
      <c r="O1567" s="98"/>
    </row>
    <row r="1568" spans="1:16" s="99" customFormat="1" hidden="1">
      <c r="A1568" s="10"/>
      <c r="B1568" s="10"/>
      <c r="C1568" s="8"/>
      <c r="D1568" s="10"/>
      <c r="E1568" s="8" t="s">
        <v>119</v>
      </c>
      <c r="F1568" s="8">
        <v>365</v>
      </c>
      <c r="G1568" s="8" t="s">
        <v>114</v>
      </c>
      <c r="H1568" s="8" t="s">
        <v>78</v>
      </c>
      <c r="I1568" s="8" t="s">
        <v>71</v>
      </c>
      <c r="J1568" s="8">
        <v>1</v>
      </c>
      <c r="K1568" s="8" t="s">
        <v>514</v>
      </c>
      <c r="L1568" s="8">
        <v>2</v>
      </c>
      <c r="M1568" s="8">
        <v>2</v>
      </c>
      <c r="N1568" s="70" t="s">
        <v>624</v>
      </c>
      <c r="O1568" s="98"/>
    </row>
    <row r="1569" spans="1:15" s="99" customFormat="1" hidden="1">
      <c r="A1569" s="10"/>
      <c r="B1569" s="10"/>
      <c r="C1569" s="8"/>
      <c r="D1569" s="10"/>
      <c r="E1569" s="8" t="s">
        <v>118</v>
      </c>
      <c r="F1569" s="8">
        <v>364</v>
      </c>
      <c r="G1569" s="8" t="s">
        <v>112</v>
      </c>
      <c r="H1569" s="8" t="s">
        <v>78</v>
      </c>
      <c r="I1569" s="8" t="s">
        <v>71</v>
      </c>
      <c r="J1569" s="8">
        <v>1</v>
      </c>
      <c r="K1569" s="8" t="s">
        <v>509</v>
      </c>
      <c r="L1569" s="8">
        <v>1</v>
      </c>
      <c r="M1569" s="8">
        <v>80</v>
      </c>
      <c r="N1569" s="72"/>
      <c r="O1569" s="98"/>
    </row>
    <row r="1570" spans="1:15" s="99" customFormat="1" hidden="1">
      <c r="A1570" s="10"/>
      <c r="B1570" s="10"/>
      <c r="C1570" s="8"/>
      <c r="D1570" s="10"/>
      <c r="E1570" s="8" t="s">
        <v>117</v>
      </c>
      <c r="F1570" s="8">
        <v>365</v>
      </c>
      <c r="G1570" s="8" t="s">
        <v>114</v>
      </c>
      <c r="H1570" s="8" t="s">
        <v>78</v>
      </c>
      <c r="I1570" s="8" t="s">
        <v>71</v>
      </c>
      <c r="J1570" s="8">
        <v>1</v>
      </c>
      <c r="K1570" s="8" t="s">
        <v>514</v>
      </c>
      <c r="L1570" s="8">
        <v>2</v>
      </c>
      <c r="M1570" s="8">
        <v>2</v>
      </c>
      <c r="N1570" s="70" t="s">
        <v>624</v>
      </c>
      <c r="O1570" s="98"/>
    </row>
    <row r="1571" spans="1:15" s="99" customFormat="1" hidden="1">
      <c r="A1571" s="10"/>
      <c r="B1571" s="10"/>
      <c r="C1571" s="8"/>
      <c r="D1571" s="10"/>
      <c r="E1571" s="8" t="s">
        <v>116</v>
      </c>
      <c r="F1571" s="8">
        <v>364</v>
      </c>
      <c r="G1571" s="8" t="s">
        <v>112</v>
      </c>
      <c r="H1571" s="8" t="s">
        <v>78</v>
      </c>
      <c r="I1571" s="8" t="s">
        <v>71</v>
      </c>
      <c r="J1571" s="8">
        <v>1</v>
      </c>
      <c r="K1571" s="8" t="s">
        <v>509</v>
      </c>
      <c r="L1571" s="8">
        <v>1</v>
      </c>
      <c r="M1571" s="8">
        <v>80</v>
      </c>
      <c r="N1571" s="72"/>
      <c r="O1571" s="98"/>
    </row>
    <row r="1572" spans="1:15" s="99" customFormat="1" hidden="1">
      <c r="A1572" s="10"/>
      <c r="B1572" s="10"/>
      <c r="C1572" s="8"/>
      <c r="D1572" s="10"/>
      <c r="E1572" s="8" t="s">
        <v>115</v>
      </c>
      <c r="F1572" s="8">
        <v>365</v>
      </c>
      <c r="G1572" s="8" t="s">
        <v>114</v>
      </c>
      <c r="H1572" s="8" t="s">
        <v>78</v>
      </c>
      <c r="I1572" s="8" t="s">
        <v>71</v>
      </c>
      <c r="J1572" s="8">
        <v>1</v>
      </c>
      <c r="K1572" s="8" t="s">
        <v>514</v>
      </c>
      <c r="L1572" s="8">
        <v>2</v>
      </c>
      <c r="M1572" s="8">
        <v>2</v>
      </c>
      <c r="N1572" s="70" t="s">
        <v>624</v>
      </c>
      <c r="O1572" s="98"/>
    </row>
    <row r="1573" spans="1:15" s="99" customFormat="1" hidden="1">
      <c r="A1573" s="10"/>
      <c r="B1573" s="10"/>
      <c r="C1573" s="8"/>
      <c r="D1573" s="10"/>
      <c r="E1573" s="8" t="s">
        <v>113</v>
      </c>
      <c r="F1573" s="8">
        <v>364</v>
      </c>
      <c r="G1573" s="8" t="s">
        <v>112</v>
      </c>
      <c r="H1573" s="8" t="s">
        <v>78</v>
      </c>
      <c r="I1573" s="8" t="s">
        <v>71</v>
      </c>
      <c r="J1573" s="8">
        <v>1</v>
      </c>
      <c r="K1573" s="8" t="s">
        <v>509</v>
      </c>
      <c r="L1573" s="8">
        <v>1</v>
      </c>
      <c r="M1573" s="8">
        <v>80</v>
      </c>
      <c r="N1573" s="72"/>
      <c r="O1573" s="98"/>
    </row>
    <row r="1574" spans="1:15" s="99" customFormat="1" hidden="1">
      <c r="A1574" s="17" t="s">
        <v>158</v>
      </c>
      <c r="B1574" s="139" t="s">
        <v>120</v>
      </c>
      <c r="C1574" s="17"/>
      <c r="D1574" s="139"/>
      <c r="E1574" s="17"/>
      <c r="F1574" s="17"/>
      <c r="G1574" s="17"/>
      <c r="H1574" s="17" t="s">
        <v>17</v>
      </c>
      <c r="I1574" s="17" t="s">
        <v>71</v>
      </c>
      <c r="J1574" s="17">
        <v>200</v>
      </c>
      <c r="K1574" s="17"/>
      <c r="L1574" s="17"/>
      <c r="M1574" s="17"/>
      <c r="N1574" s="138"/>
      <c r="O1574" s="98"/>
    </row>
    <row r="1575" spans="1:15" s="99" customFormat="1" hidden="1">
      <c r="A1575" s="17"/>
      <c r="B1575" s="17"/>
      <c r="C1575" s="17" t="s">
        <v>158</v>
      </c>
      <c r="D1575" s="139" t="s">
        <v>120</v>
      </c>
      <c r="E1575" s="17"/>
      <c r="F1575" s="17"/>
      <c r="G1575" s="17"/>
      <c r="H1575" s="17" t="s">
        <v>66</v>
      </c>
      <c r="I1575" s="17" t="s">
        <v>65</v>
      </c>
      <c r="J1575" s="17">
        <v>1</v>
      </c>
      <c r="K1575" s="17"/>
      <c r="L1575" s="17"/>
      <c r="M1575" s="17"/>
      <c r="N1575" s="138"/>
      <c r="O1575" s="98"/>
    </row>
    <row r="1576" spans="1:15" s="99" customFormat="1" hidden="1">
      <c r="A1576" s="10"/>
      <c r="B1576" s="10"/>
      <c r="C1576" s="8"/>
      <c r="D1576" s="10"/>
      <c r="E1576" s="8" t="s">
        <v>157</v>
      </c>
      <c r="F1576" s="8">
        <v>98</v>
      </c>
      <c r="G1576" s="8" t="s">
        <v>156</v>
      </c>
      <c r="H1576" s="8" t="s">
        <v>66</v>
      </c>
      <c r="I1576" s="8" t="s">
        <v>65</v>
      </c>
      <c r="J1576" s="8">
        <v>1</v>
      </c>
      <c r="K1576" s="8" t="s">
        <v>514</v>
      </c>
      <c r="L1576" s="8">
        <v>2</v>
      </c>
      <c r="M1576" s="8">
        <v>3</v>
      </c>
      <c r="N1576" s="70" t="s">
        <v>624</v>
      </c>
      <c r="O1576" s="98"/>
    </row>
    <row r="1577" spans="1:15" s="99" customFormat="1" hidden="1">
      <c r="A1577" s="10"/>
      <c r="B1577" s="10"/>
      <c r="C1577" s="8"/>
      <c r="D1577" s="10"/>
      <c r="E1577" s="8" t="s">
        <v>155</v>
      </c>
      <c r="F1577" s="8">
        <v>93</v>
      </c>
      <c r="G1577" s="8" t="s">
        <v>120</v>
      </c>
      <c r="H1577" s="8" t="s">
        <v>78</v>
      </c>
      <c r="I1577" s="8" t="s">
        <v>71</v>
      </c>
      <c r="J1577" s="8">
        <v>1</v>
      </c>
      <c r="K1577" s="8" t="s">
        <v>509</v>
      </c>
      <c r="L1577" s="8">
        <v>1</v>
      </c>
      <c r="M1577" s="8">
        <v>60</v>
      </c>
      <c r="N1577" s="72"/>
      <c r="O1577" s="98"/>
    </row>
    <row r="1578" spans="1:15" s="99" customFormat="1" hidden="1">
      <c r="A1578" s="10"/>
      <c r="B1578" s="10"/>
      <c r="C1578" s="8"/>
      <c r="D1578" s="10"/>
      <c r="E1578" s="8" t="s">
        <v>154</v>
      </c>
      <c r="F1578" s="8">
        <v>66</v>
      </c>
      <c r="G1578" s="8" t="s">
        <v>153</v>
      </c>
      <c r="H1578" s="8" t="s">
        <v>78</v>
      </c>
      <c r="I1578" s="8" t="s">
        <v>71</v>
      </c>
      <c r="J1578" s="8">
        <v>1</v>
      </c>
      <c r="K1578" s="8" t="s">
        <v>514</v>
      </c>
      <c r="L1578" s="8">
        <v>1</v>
      </c>
      <c r="M1578" s="8">
        <v>2</v>
      </c>
      <c r="N1578" s="70" t="s">
        <v>624</v>
      </c>
      <c r="O1578" s="98"/>
    </row>
    <row r="1579" spans="1:15" s="99" customFormat="1" hidden="1">
      <c r="A1579" s="10"/>
      <c r="B1579" s="10"/>
      <c r="C1579" s="8"/>
      <c r="D1579" s="10"/>
      <c r="E1579" s="8" t="s">
        <v>152</v>
      </c>
      <c r="F1579" s="8">
        <v>67</v>
      </c>
      <c r="G1579" s="8" t="s">
        <v>151</v>
      </c>
      <c r="H1579" s="8" t="s">
        <v>78</v>
      </c>
      <c r="I1579" s="8" t="s">
        <v>71</v>
      </c>
      <c r="J1579" s="8">
        <v>1</v>
      </c>
      <c r="K1579" s="8" t="s">
        <v>509</v>
      </c>
      <c r="L1579" s="8">
        <v>2</v>
      </c>
      <c r="M1579" s="8">
        <v>80</v>
      </c>
      <c r="N1579" s="72"/>
      <c r="O1579" s="98"/>
    </row>
    <row r="1580" spans="1:15" s="99" customFormat="1" hidden="1">
      <c r="A1580" s="17"/>
      <c r="B1580" s="17"/>
      <c r="C1580" s="17" t="s">
        <v>150</v>
      </c>
      <c r="D1580" s="139" t="s">
        <v>473</v>
      </c>
      <c r="E1580" s="17"/>
      <c r="F1580" s="17"/>
      <c r="G1580" s="17"/>
      <c r="H1580" s="17" t="s">
        <v>17</v>
      </c>
      <c r="I1580" s="17" t="s">
        <v>71</v>
      </c>
      <c r="J1580" s="17">
        <v>2</v>
      </c>
      <c r="K1580" s="17"/>
      <c r="L1580" s="17"/>
      <c r="M1580" s="17"/>
      <c r="N1580" s="138"/>
      <c r="O1580" s="98"/>
    </row>
    <row r="1581" spans="1:15" s="99" customFormat="1" hidden="1">
      <c r="A1581" s="10"/>
      <c r="B1581" s="10"/>
      <c r="C1581" s="8"/>
      <c r="D1581" s="10"/>
      <c r="E1581" s="8" t="s">
        <v>149</v>
      </c>
      <c r="F1581" s="8">
        <v>93</v>
      </c>
      <c r="G1581" s="8" t="s">
        <v>120</v>
      </c>
      <c r="H1581" s="8" t="s">
        <v>66</v>
      </c>
      <c r="I1581" s="8" t="s">
        <v>65</v>
      </c>
      <c r="J1581" s="8">
        <v>1</v>
      </c>
      <c r="K1581" s="8" t="s">
        <v>509</v>
      </c>
      <c r="L1581" s="8">
        <v>1</v>
      </c>
      <c r="M1581" s="8">
        <v>60</v>
      </c>
      <c r="N1581" s="72"/>
      <c r="O1581" s="98"/>
    </row>
    <row r="1582" spans="1:15" s="99" customFormat="1" hidden="1">
      <c r="A1582" s="10"/>
      <c r="B1582" s="10"/>
      <c r="C1582" s="8"/>
      <c r="D1582" s="10"/>
      <c r="E1582" s="8" t="s">
        <v>148</v>
      </c>
      <c r="F1582" s="8">
        <v>93</v>
      </c>
      <c r="G1582" s="8" t="s">
        <v>120</v>
      </c>
      <c r="H1582" s="8" t="s">
        <v>17</v>
      </c>
      <c r="I1582" s="8" t="s">
        <v>71</v>
      </c>
      <c r="J1582" s="8">
        <v>1</v>
      </c>
      <c r="K1582" s="8" t="s">
        <v>509</v>
      </c>
      <c r="L1582" s="8">
        <v>1</v>
      </c>
      <c r="M1582" s="8">
        <v>60</v>
      </c>
      <c r="N1582" s="72"/>
      <c r="O1582" s="98"/>
    </row>
    <row r="1583" spans="1:15" s="99" customFormat="1" hidden="1">
      <c r="A1583" s="17"/>
      <c r="B1583" s="17"/>
      <c r="C1583" s="17" t="s">
        <v>150</v>
      </c>
      <c r="D1583" s="139" t="s">
        <v>473</v>
      </c>
      <c r="E1583" s="17"/>
      <c r="F1583" s="17"/>
      <c r="G1583" s="17"/>
      <c r="H1583" s="17" t="s">
        <v>17</v>
      </c>
      <c r="I1583" s="17" t="s">
        <v>71</v>
      </c>
      <c r="J1583" s="17">
        <v>2</v>
      </c>
      <c r="K1583" s="17"/>
      <c r="L1583" s="17"/>
      <c r="M1583" s="17"/>
      <c r="N1583" s="138"/>
      <c r="O1583" s="98"/>
    </row>
    <row r="1584" spans="1:15" s="99" customFormat="1" hidden="1">
      <c r="A1584" s="10"/>
      <c r="B1584" s="10"/>
      <c r="C1584" s="8"/>
      <c r="D1584" s="10"/>
      <c r="E1584" s="8" t="s">
        <v>149</v>
      </c>
      <c r="F1584" s="8">
        <v>93</v>
      </c>
      <c r="G1584" s="8" t="s">
        <v>120</v>
      </c>
      <c r="H1584" s="8" t="s">
        <v>66</v>
      </c>
      <c r="I1584" s="8" t="s">
        <v>65</v>
      </c>
      <c r="J1584" s="8">
        <v>1</v>
      </c>
      <c r="K1584" s="8" t="s">
        <v>509</v>
      </c>
      <c r="L1584" s="8">
        <v>1</v>
      </c>
      <c r="M1584" s="8">
        <v>60</v>
      </c>
      <c r="N1584" s="72"/>
      <c r="O1584" s="98"/>
    </row>
    <row r="1585" spans="1:16" s="99" customFormat="1" hidden="1">
      <c r="A1585" s="10"/>
      <c r="B1585" s="10"/>
      <c r="C1585" s="8"/>
      <c r="D1585" s="10"/>
      <c r="E1585" s="8" t="s">
        <v>148</v>
      </c>
      <c r="F1585" s="8">
        <v>93</v>
      </c>
      <c r="G1585" s="8" t="s">
        <v>120</v>
      </c>
      <c r="H1585" s="8" t="s">
        <v>17</v>
      </c>
      <c r="I1585" s="8" t="s">
        <v>71</v>
      </c>
      <c r="J1585" s="8">
        <v>1</v>
      </c>
      <c r="K1585" s="8" t="s">
        <v>509</v>
      </c>
      <c r="L1585" s="8">
        <v>1</v>
      </c>
      <c r="M1585" s="8">
        <v>60</v>
      </c>
      <c r="N1585" s="72"/>
      <c r="O1585" s="98"/>
    </row>
    <row r="1586" spans="1:16" s="99" customFormat="1" hidden="1">
      <c r="A1586" s="17"/>
      <c r="B1586" s="17"/>
      <c r="C1586" s="17" t="s">
        <v>147</v>
      </c>
      <c r="D1586" s="139" t="s">
        <v>144</v>
      </c>
      <c r="E1586" s="17"/>
      <c r="F1586" s="17"/>
      <c r="G1586" s="17"/>
      <c r="H1586" s="17" t="s">
        <v>17</v>
      </c>
      <c r="I1586" s="17" t="s">
        <v>71</v>
      </c>
      <c r="J1586" s="17">
        <v>2</v>
      </c>
      <c r="K1586" s="17"/>
      <c r="L1586" s="17"/>
      <c r="M1586" s="17"/>
      <c r="N1586" s="138"/>
      <c r="O1586" s="98"/>
    </row>
    <row r="1587" spans="1:16" s="99" customFormat="1" hidden="1">
      <c r="A1587" s="10"/>
      <c r="B1587" s="10"/>
      <c r="C1587" s="8"/>
      <c r="D1587" s="10"/>
      <c r="E1587" s="8" t="s">
        <v>146</v>
      </c>
      <c r="F1587" s="8">
        <v>166</v>
      </c>
      <c r="G1587" s="8" t="s">
        <v>144</v>
      </c>
      <c r="H1587" s="8" t="s">
        <v>66</v>
      </c>
      <c r="I1587" s="8" t="s">
        <v>65</v>
      </c>
      <c r="J1587" s="8">
        <v>1</v>
      </c>
      <c r="K1587" s="8" t="s">
        <v>509</v>
      </c>
      <c r="L1587" s="8">
        <v>1</v>
      </c>
      <c r="M1587" s="8">
        <v>55</v>
      </c>
      <c r="N1587" s="72"/>
      <c r="O1587" s="98"/>
    </row>
    <row r="1588" spans="1:16" s="99" customFormat="1" hidden="1">
      <c r="A1588" s="10"/>
      <c r="B1588" s="10"/>
      <c r="C1588" s="8"/>
      <c r="D1588" s="10"/>
      <c r="E1588" s="8" t="s">
        <v>145</v>
      </c>
      <c r="F1588" s="8">
        <v>166</v>
      </c>
      <c r="G1588" s="8" t="s">
        <v>144</v>
      </c>
      <c r="H1588" s="8" t="s">
        <v>17</v>
      </c>
      <c r="I1588" s="8" t="s">
        <v>71</v>
      </c>
      <c r="J1588" s="8">
        <v>1</v>
      </c>
      <c r="K1588" s="8" t="s">
        <v>509</v>
      </c>
      <c r="L1588" s="8">
        <v>1</v>
      </c>
      <c r="M1588" s="8">
        <v>55</v>
      </c>
      <c r="N1588" s="72"/>
      <c r="O1588" s="98"/>
    </row>
    <row r="1589" spans="1:16" s="99" customFormat="1" hidden="1">
      <c r="A1589" s="17"/>
      <c r="B1589" s="17"/>
      <c r="C1589" s="17" t="s">
        <v>147</v>
      </c>
      <c r="D1589" s="139" t="s">
        <v>144</v>
      </c>
      <c r="E1589" s="17"/>
      <c r="F1589" s="17"/>
      <c r="G1589" s="17"/>
      <c r="H1589" s="17" t="s">
        <v>17</v>
      </c>
      <c r="I1589" s="17" t="s">
        <v>71</v>
      </c>
      <c r="J1589" s="17">
        <v>2</v>
      </c>
      <c r="K1589" s="17"/>
      <c r="L1589" s="17"/>
      <c r="M1589" s="17"/>
      <c r="N1589" s="138"/>
      <c r="O1589" s="98"/>
    </row>
    <row r="1590" spans="1:16" s="99" customFormat="1" hidden="1">
      <c r="A1590" s="10"/>
      <c r="B1590" s="10"/>
      <c r="C1590" s="8"/>
      <c r="D1590" s="10"/>
      <c r="E1590" s="8" t="s">
        <v>146</v>
      </c>
      <c r="F1590" s="8">
        <v>166</v>
      </c>
      <c r="G1590" s="8" t="s">
        <v>144</v>
      </c>
      <c r="H1590" s="8" t="s">
        <v>66</v>
      </c>
      <c r="I1590" s="8" t="s">
        <v>65</v>
      </c>
      <c r="J1590" s="8">
        <v>1</v>
      </c>
      <c r="K1590" s="8" t="s">
        <v>509</v>
      </c>
      <c r="L1590" s="8">
        <v>1</v>
      </c>
      <c r="M1590" s="8">
        <v>55</v>
      </c>
      <c r="N1590" s="72"/>
      <c r="O1590" s="98"/>
    </row>
    <row r="1591" spans="1:16" s="99" customFormat="1" hidden="1">
      <c r="A1591" s="10"/>
      <c r="B1591" s="10"/>
      <c r="C1591" s="8"/>
      <c r="D1591" s="10"/>
      <c r="E1591" s="8" t="s">
        <v>145</v>
      </c>
      <c r="F1591" s="8">
        <v>166</v>
      </c>
      <c r="G1591" s="8" t="s">
        <v>144</v>
      </c>
      <c r="H1591" s="8" t="s">
        <v>17</v>
      </c>
      <c r="I1591" s="8" t="s">
        <v>71</v>
      </c>
      <c r="J1591" s="8">
        <v>1</v>
      </c>
      <c r="K1591" s="8" t="s">
        <v>509</v>
      </c>
      <c r="L1591" s="8">
        <v>1</v>
      </c>
      <c r="M1591" s="8">
        <v>55</v>
      </c>
      <c r="N1591" s="72"/>
      <c r="O1591" s="98"/>
    </row>
    <row r="1592" spans="1:16" s="99" customFormat="1" hidden="1">
      <c r="A1592" s="17"/>
      <c r="B1592" s="17"/>
      <c r="C1592" s="17" t="s">
        <v>143</v>
      </c>
      <c r="D1592" s="139" t="s">
        <v>474</v>
      </c>
      <c r="E1592" s="17"/>
      <c r="F1592" s="17"/>
      <c r="G1592" s="17"/>
      <c r="H1592" s="17" t="s">
        <v>17</v>
      </c>
      <c r="I1592" s="17" t="s">
        <v>71</v>
      </c>
      <c r="J1592" s="17">
        <v>1</v>
      </c>
      <c r="K1592" s="17"/>
      <c r="L1592" s="17"/>
      <c r="M1592" s="17"/>
      <c r="N1592" s="138"/>
      <c r="O1592" s="98"/>
    </row>
    <row r="1593" spans="1:16" hidden="1">
      <c r="E1593" s="8" t="s">
        <v>142</v>
      </c>
      <c r="F1593" s="8">
        <v>19</v>
      </c>
      <c r="G1593" s="8" t="s">
        <v>141</v>
      </c>
      <c r="H1593" s="8" t="s">
        <v>17</v>
      </c>
      <c r="I1593" s="8" t="s">
        <v>71</v>
      </c>
      <c r="J1593" s="8">
        <v>1</v>
      </c>
      <c r="K1593" s="8" t="s">
        <v>509</v>
      </c>
      <c r="L1593" s="8">
        <v>2</v>
      </c>
      <c r="M1593" s="8">
        <v>30</v>
      </c>
      <c r="O1593" s="98"/>
    </row>
    <row r="1594" spans="1:16" hidden="1">
      <c r="E1594" s="8" t="s">
        <v>140</v>
      </c>
      <c r="F1594" s="8">
        <v>156</v>
      </c>
      <c r="G1594" s="8" t="s">
        <v>139</v>
      </c>
      <c r="H1594" s="8" t="s">
        <v>17</v>
      </c>
      <c r="I1594" s="8" t="s">
        <v>71</v>
      </c>
      <c r="J1594" s="8">
        <v>1</v>
      </c>
      <c r="K1594" s="8" t="s">
        <v>514</v>
      </c>
      <c r="L1594" s="8">
        <v>2</v>
      </c>
      <c r="M1594" s="8">
        <v>2</v>
      </c>
      <c r="N1594" s="70" t="s">
        <v>624</v>
      </c>
      <c r="O1594" s="98"/>
    </row>
    <row r="1595" spans="1:16" hidden="1">
      <c r="E1595" s="8" t="s">
        <v>138</v>
      </c>
      <c r="F1595" s="8">
        <v>116</v>
      </c>
      <c r="G1595" s="8" t="s">
        <v>137</v>
      </c>
      <c r="H1595" s="8" t="s">
        <v>17</v>
      </c>
      <c r="I1595" s="8" t="s">
        <v>71</v>
      </c>
      <c r="J1595" s="8">
        <v>1</v>
      </c>
      <c r="K1595" s="8" t="s">
        <v>514</v>
      </c>
      <c r="L1595" s="8">
        <v>3</v>
      </c>
      <c r="M1595" s="8">
        <v>15</v>
      </c>
      <c r="N1595" s="18"/>
      <c r="O1595" s="98"/>
    </row>
    <row r="1596" spans="1:16" hidden="1">
      <c r="E1596" s="8" t="s">
        <v>136</v>
      </c>
      <c r="F1596" s="8">
        <v>26</v>
      </c>
      <c r="G1596" s="8" t="s">
        <v>135</v>
      </c>
      <c r="H1596" s="8" t="s">
        <v>17</v>
      </c>
      <c r="I1596" s="8" t="s">
        <v>71</v>
      </c>
      <c r="J1596" s="8">
        <v>1</v>
      </c>
      <c r="K1596" s="8" t="s">
        <v>514</v>
      </c>
      <c r="L1596" s="8">
        <v>2</v>
      </c>
      <c r="M1596" s="8">
        <v>3</v>
      </c>
      <c r="N1596" s="18"/>
      <c r="O1596" s="98"/>
    </row>
    <row r="1597" spans="1:16" s="8" customFormat="1" hidden="1">
      <c r="C1597" s="33"/>
      <c r="D1597" s="33"/>
      <c r="E1597" s="33" t="s">
        <v>134</v>
      </c>
      <c r="F1597" s="11">
        <v>309</v>
      </c>
      <c r="G1597" s="33" t="s">
        <v>133</v>
      </c>
      <c r="H1597" s="33" t="s">
        <v>78</v>
      </c>
      <c r="I1597" s="33" t="s">
        <v>71</v>
      </c>
      <c r="J1597" s="11">
        <v>1</v>
      </c>
      <c r="K1597" s="11" t="s">
        <v>514</v>
      </c>
      <c r="L1597" s="11">
        <v>1</v>
      </c>
      <c r="M1597" s="11">
        <v>2</v>
      </c>
      <c r="N1597" s="18" t="s">
        <v>690</v>
      </c>
      <c r="O1597" s="98"/>
      <c r="P1597" s="99"/>
    </row>
    <row r="1598" spans="1:16" s="8" customFormat="1" hidden="1">
      <c r="C1598" s="33"/>
      <c r="D1598" s="33"/>
      <c r="E1598" s="33" t="s">
        <v>132</v>
      </c>
      <c r="F1598" s="11">
        <v>310</v>
      </c>
      <c r="G1598" s="33" t="s">
        <v>131</v>
      </c>
      <c r="H1598" s="33" t="s">
        <v>17</v>
      </c>
      <c r="I1598" s="33" t="s">
        <v>71</v>
      </c>
      <c r="J1598" s="11">
        <v>1</v>
      </c>
      <c r="K1598" s="11" t="s">
        <v>509</v>
      </c>
      <c r="L1598" s="11">
        <v>1</v>
      </c>
      <c r="M1598" s="11">
        <v>30</v>
      </c>
      <c r="N1598" s="18"/>
      <c r="O1598" s="98"/>
      <c r="P1598" s="99"/>
    </row>
    <row r="1599" spans="1:16" hidden="1">
      <c r="A1599" s="17"/>
      <c r="B1599" s="17"/>
      <c r="C1599" s="17" t="s">
        <v>130</v>
      </c>
      <c r="D1599" s="139" t="s">
        <v>126</v>
      </c>
      <c r="E1599" s="17"/>
      <c r="F1599" s="17"/>
      <c r="G1599" s="17"/>
      <c r="H1599" s="17" t="s">
        <v>17</v>
      </c>
      <c r="I1599" s="17" t="s">
        <v>71</v>
      </c>
      <c r="J1599" s="17">
        <v>12</v>
      </c>
      <c r="K1599" s="17"/>
      <c r="L1599" s="17"/>
      <c r="M1599" s="17"/>
      <c r="N1599" s="138"/>
      <c r="O1599" s="98"/>
    </row>
    <row r="1600" spans="1:16" hidden="1">
      <c r="E1600" s="8" t="s">
        <v>129</v>
      </c>
      <c r="F1600" s="72">
        <v>128</v>
      </c>
      <c r="G1600" s="72" t="s">
        <v>128</v>
      </c>
      <c r="H1600" s="8" t="s">
        <v>66</v>
      </c>
      <c r="I1600" s="8" t="s">
        <v>65</v>
      </c>
      <c r="J1600" s="8">
        <v>1</v>
      </c>
      <c r="K1600" s="8" t="s">
        <v>514</v>
      </c>
      <c r="L1600" s="8">
        <v>2</v>
      </c>
      <c r="M1600" s="8">
        <v>3</v>
      </c>
      <c r="N1600" s="70" t="s">
        <v>624</v>
      </c>
      <c r="O1600" s="98"/>
    </row>
    <row r="1601" spans="1:15" hidden="1">
      <c r="E1601" s="19" t="s">
        <v>127</v>
      </c>
      <c r="F1601" s="25">
        <v>127</v>
      </c>
      <c r="G1601" s="25" t="s">
        <v>126</v>
      </c>
      <c r="H1601" s="19" t="s">
        <v>78</v>
      </c>
      <c r="I1601" s="25" t="s">
        <v>96</v>
      </c>
      <c r="J1601" s="19">
        <v>1</v>
      </c>
      <c r="K1601" s="19" t="s">
        <v>509</v>
      </c>
      <c r="L1601" s="19">
        <v>1</v>
      </c>
      <c r="M1601" s="19">
        <v>30</v>
      </c>
      <c r="N1601" s="25"/>
      <c r="O1601" s="98"/>
    </row>
    <row r="1602" spans="1:15" hidden="1">
      <c r="E1602" s="8" t="s">
        <v>125</v>
      </c>
      <c r="F1602" s="72">
        <v>352</v>
      </c>
      <c r="G1602" s="72" t="s">
        <v>3</v>
      </c>
      <c r="H1602" s="8" t="s">
        <v>78</v>
      </c>
      <c r="I1602" s="8" t="s">
        <v>71</v>
      </c>
      <c r="J1602" s="8">
        <v>1</v>
      </c>
      <c r="K1602" s="8" t="s">
        <v>509</v>
      </c>
      <c r="L1602" s="8">
        <v>1</v>
      </c>
      <c r="M1602" s="8">
        <v>80</v>
      </c>
      <c r="O1602" s="98"/>
    </row>
    <row r="1603" spans="1:15" hidden="1">
      <c r="A1603" s="17"/>
      <c r="B1603" s="17"/>
      <c r="C1603" s="17" t="s">
        <v>130</v>
      </c>
      <c r="D1603" s="139" t="s">
        <v>126</v>
      </c>
      <c r="E1603" s="17"/>
      <c r="F1603" s="17"/>
      <c r="G1603" s="17"/>
      <c r="H1603" s="17" t="s">
        <v>17</v>
      </c>
      <c r="I1603" s="17" t="s">
        <v>71</v>
      </c>
      <c r="J1603" s="17">
        <v>12</v>
      </c>
      <c r="K1603" s="17"/>
      <c r="L1603" s="17"/>
      <c r="M1603" s="17"/>
      <c r="N1603" s="138"/>
      <c r="O1603" s="98"/>
    </row>
    <row r="1604" spans="1:15" hidden="1">
      <c r="E1604" s="8" t="s">
        <v>129</v>
      </c>
      <c r="F1604" s="72">
        <v>128</v>
      </c>
      <c r="G1604" s="72" t="s">
        <v>128</v>
      </c>
      <c r="H1604" s="8" t="s">
        <v>66</v>
      </c>
      <c r="I1604" s="8" t="s">
        <v>65</v>
      </c>
      <c r="J1604" s="8">
        <v>1</v>
      </c>
      <c r="K1604" s="8" t="s">
        <v>514</v>
      </c>
      <c r="L1604" s="8">
        <v>2</v>
      </c>
      <c r="M1604" s="8">
        <v>3</v>
      </c>
      <c r="N1604" s="72" t="s">
        <v>692</v>
      </c>
      <c r="O1604" s="98"/>
    </row>
    <row r="1605" spans="1:15" hidden="1">
      <c r="E1605" s="19" t="s">
        <v>127</v>
      </c>
      <c r="F1605" s="25">
        <v>127</v>
      </c>
      <c r="G1605" s="25" t="s">
        <v>126</v>
      </c>
      <c r="H1605" s="19" t="s">
        <v>78</v>
      </c>
      <c r="I1605" s="25" t="s">
        <v>96</v>
      </c>
      <c r="J1605" s="19">
        <v>1</v>
      </c>
      <c r="K1605" s="19" t="s">
        <v>509</v>
      </c>
      <c r="L1605" s="19">
        <v>1</v>
      </c>
      <c r="M1605" s="19">
        <v>30</v>
      </c>
      <c r="N1605" s="25"/>
      <c r="O1605" s="98"/>
    </row>
    <row r="1606" spans="1:15" hidden="1">
      <c r="E1606" s="8" t="s">
        <v>125</v>
      </c>
      <c r="F1606" s="72">
        <v>352</v>
      </c>
      <c r="G1606" s="72" t="s">
        <v>3</v>
      </c>
      <c r="H1606" s="8" t="s">
        <v>78</v>
      </c>
      <c r="I1606" s="8" t="s">
        <v>71</v>
      </c>
      <c r="J1606" s="8">
        <v>1</v>
      </c>
      <c r="K1606" s="8" t="s">
        <v>509</v>
      </c>
      <c r="L1606" s="8">
        <v>1</v>
      </c>
      <c r="M1606" s="8">
        <v>80</v>
      </c>
      <c r="O1606" s="98"/>
    </row>
    <row r="1607" spans="1:15" hidden="1">
      <c r="A1607" s="17"/>
      <c r="B1607" s="17"/>
      <c r="C1607" s="17" t="s">
        <v>124</v>
      </c>
      <c r="D1607" s="139" t="s">
        <v>475</v>
      </c>
      <c r="E1607" s="17"/>
      <c r="F1607" s="17"/>
      <c r="G1607" s="17"/>
      <c r="H1607" s="17" t="s">
        <v>17</v>
      </c>
      <c r="I1607" s="17" t="s">
        <v>71</v>
      </c>
      <c r="J1607" s="17">
        <v>3</v>
      </c>
      <c r="K1607" s="17"/>
      <c r="L1607" s="17"/>
      <c r="M1607" s="17"/>
      <c r="N1607" s="138"/>
      <c r="O1607" s="98"/>
    </row>
    <row r="1608" spans="1:15" hidden="1">
      <c r="E1608" s="8" t="s">
        <v>123</v>
      </c>
      <c r="F1608" s="8">
        <v>366</v>
      </c>
      <c r="G1608" s="8" t="s">
        <v>122</v>
      </c>
      <c r="H1608" s="8" t="s">
        <v>66</v>
      </c>
      <c r="I1608" s="8" t="s">
        <v>65</v>
      </c>
      <c r="J1608" s="8">
        <v>1</v>
      </c>
      <c r="K1608" s="8" t="s">
        <v>514</v>
      </c>
      <c r="L1608" s="8">
        <v>2</v>
      </c>
      <c r="M1608" s="8">
        <v>2</v>
      </c>
      <c r="N1608" s="72" t="s">
        <v>704</v>
      </c>
      <c r="O1608" s="98"/>
    </row>
    <row r="1609" spans="1:15" s="99" customFormat="1" hidden="1">
      <c r="A1609" s="10"/>
      <c r="B1609" s="10"/>
      <c r="C1609" s="8"/>
      <c r="D1609" s="10"/>
      <c r="E1609" s="8" t="s">
        <v>121</v>
      </c>
      <c r="F1609" s="8">
        <v>93</v>
      </c>
      <c r="G1609" s="8" t="s">
        <v>120</v>
      </c>
      <c r="H1609" s="8" t="s">
        <v>17</v>
      </c>
      <c r="I1609" s="8" t="s">
        <v>71</v>
      </c>
      <c r="J1609" s="8">
        <v>1</v>
      </c>
      <c r="K1609" s="8" t="s">
        <v>509</v>
      </c>
      <c r="L1609" s="8">
        <v>1</v>
      </c>
      <c r="M1609" s="8">
        <v>60</v>
      </c>
      <c r="N1609" s="72"/>
      <c r="O1609" s="98"/>
    </row>
    <row r="1610" spans="1:15" s="99" customFormat="1" hidden="1">
      <c r="A1610" s="10"/>
      <c r="B1610" s="10"/>
      <c r="C1610" s="8"/>
      <c r="D1610" s="10"/>
      <c r="E1610" s="8" t="s">
        <v>119</v>
      </c>
      <c r="F1610" s="8">
        <v>365</v>
      </c>
      <c r="G1610" s="8" t="s">
        <v>114</v>
      </c>
      <c r="H1610" s="8" t="s">
        <v>78</v>
      </c>
      <c r="I1610" s="8" t="s">
        <v>71</v>
      </c>
      <c r="J1610" s="8">
        <v>1</v>
      </c>
      <c r="K1610" s="8" t="s">
        <v>514</v>
      </c>
      <c r="L1610" s="8">
        <v>2</v>
      </c>
      <c r="M1610" s="8">
        <v>2</v>
      </c>
      <c r="N1610" s="70" t="s">
        <v>624</v>
      </c>
      <c r="O1610" s="98"/>
    </row>
    <row r="1611" spans="1:15" s="99" customFormat="1" hidden="1">
      <c r="A1611" s="10"/>
      <c r="B1611" s="10"/>
      <c r="C1611" s="8"/>
      <c r="D1611" s="10"/>
      <c r="E1611" s="8" t="s">
        <v>118</v>
      </c>
      <c r="F1611" s="8">
        <v>364</v>
      </c>
      <c r="G1611" s="8" t="s">
        <v>112</v>
      </c>
      <c r="H1611" s="8" t="s">
        <v>78</v>
      </c>
      <c r="I1611" s="8" t="s">
        <v>71</v>
      </c>
      <c r="J1611" s="8">
        <v>1</v>
      </c>
      <c r="K1611" s="8" t="s">
        <v>509</v>
      </c>
      <c r="L1611" s="8">
        <v>1</v>
      </c>
      <c r="M1611" s="8">
        <v>80</v>
      </c>
      <c r="N1611" s="72"/>
      <c r="O1611" s="98"/>
    </row>
    <row r="1612" spans="1:15" s="99" customFormat="1" hidden="1">
      <c r="A1612" s="10"/>
      <c r="B1612" s="10"/>
      <c r="C1612" s="8"/>
      <c r="D1612" s="10"/>
      <c r="E1612" s="8" t="s">
        <v>117</v>
      </c>
      <c r="F1612" s="8">
        <v>365</v>
      </c>
      <c r="G1612" s="8" t="s">
        <v>114</v>
      </c>
      <c r="H1612" s="8" t="s">
        <v>78</v>
      </c>
      <c r="I1612" s="8" t="s">
        <v>71</v>
      </c>
      <c r="J1612" s="8">
        <v>1</v>
      </c>
      <c r="K1612" s="8" t="s">
        <v>514</v>
      </c>
      <c r="L1612" s="8">
        <v>2</v>
      </c>
      <c r="M1612" s="8">
        <v>2</v>
      </c>
      <c r="N1612" s="70" t="s">
        <v>624</v>
      </c>
      <c r="O1612" s="98"/>
    </row>
    <row r="1613" spans="1:15" s="99" customFormat="1" hidden="1">
      <c r="A1613" s="10"/>
      <c r="B1613" s="10"/>
      <c r="C1613" s="8"/>
      <c r="D1613" s="10"/>
      <c r="E1613" s="8" t="s">
        <v>116</v>
      </c>
      <c r="F1613" s="8">
        <v>364</v>
      </c>
      <c r="G1613" s="8" t="s">
        <v>112</v>
      </c>
      <c r="H1613" s="8" t="s">
        <v>78</v>
      </c>
      <c r="I1613" s="8" t="s">
        <v>71</v>
      </c>
      <c r="J1613" s="8">
        <v>1</v>
      </c>
      <c r="K1613" s="8" t="s">
        <v>509</v>
      </c>
      <c r="L1613" s="8">
        <v>1</v>
      </c>
      <c r="M1613" s="8">
        <v>80</v>
      </c>
      <c r="N1613" s="72"/>
      <c r="O1613" s="98"/>
    </row>
    <row r="1614" spans="1:15" s="99" customFormat="1" hidden="1">
      <c r="A1614" s="10"/>
      <c r="B1614" s="10"/>
      <c r="C1614" s="8"/>
      <c r="D1614" s="10"/>
      <c r="E1614" s="8" t="s">
        <v>115</v>
      </c>
      <c r="F1614" s="8">
        <v>365</v>
      </c>
      <c r="G1614" s="8" t="s">
        <v>114</v>
      </c>
      <c r="H1614" s="8" t="s">
        <v>78</v>
      </c>
      <c r="I1614" s="8" t="s">
        <v>71</v>
      </c>
      <c r="J1614" s="8">
        <v>1</v>
      </c>
      <c r="K1614" s="8" t="s">
        <v>514</v>
      </c>
      <c r="L1614" s="8">
        <v>2</v>
      </c>
      <c r="M1614" s="8">
        <v>2</v>
      </c>
      <c r="N1614" s="70" t="s">
        <v>624</v>
      </c>
      <c r="O1614" s="98"/>
    </row>
    <row r="1615" spans="1:15" s="99" customFormat="1" hidden="1">
      <c r="A1615" s="10"/>
      <c r="B1615" s="10"/>
      <c r="C1615" s="8"/>
      <c r="D1615" s="10"/>
      <c r="E1615" s="8" t="s">
        <v>113</v>
      </c>
      <c r="F1615" s="8">
        <v>364</v>
      </c>
      <c r="G1615" s="8" t="s">
        <v>112</v>
      </c>
      <c r="H1615" s="8" t="s">
        <v>78</v>
      </c>
      <c r="I1615" s="8" t="s">
        <v>71</v>
      </c>
      <c r="J1615" s="8">
        <v>1</v>
      </c>
      <c r="K1615" s="8" t="s">
        <v>509</v>
      </c>
      <c r="L1615" s="8">
        <v>1</v>
      </c>
      <c r="M1615" s="8">
        <v>80</v>
      </c>
      <c r="N1615" s="72"/>
      <c r="O1615" s="98"/>
    </row>
    <row r="1616" spans="1:15" s="99" customFormat="1" hidden="1">
      <c r="A1616" s="17" t="s">
        <v>111</v>
      </c>
      <c r="B1616" s="139" t="s">
        <v>487</v>
      </c>
      <c r="C1616" s="139"/>
      <c r="D1616" s="139"/>
      <c r="E1616" s="139"/>
      <c r="F1616" s="17"/>
      <c r="G1616" s="17"/>
      <c r="H1616" s="17" t="s">
        <v>17</v>
      </c>
      <c r="I1616" s="17" t="s">
        <v>71</v>
      </c>
      <c r="J1616" s="17">
        <v>1000</v>
      </c>
      <c r="K1616" s="17"/>
      <c r="L1616" s="17"/>
      <c r="M1616" s="17"/>
      <c r="N1616" s="138"/>
      <c r="O1616" s="98"/>
    </row>
    <row r="1617" spans="1:15" s="99" customFormat="1" hidden="1">
      <c r="A1617" s="17"/>
      <c r="B1617" s="17"/>
      <c r="C1617" s="17" t="s">
        <v>111</v>
      </c>
      <c r="D1617" s="139" t="s">
        <v>487</v>
      </c>
      <c r="E1617" s="139"/>
      <c r="F1617" s="17"/>
      <c r="G1617" s="17"/>
      <c r="H1617" s="17" t="s">
        <v>66</v>
      </c>
      <c r="I1617" s="17" t="s">
        <v>65</v>
      </c>
      <c r="J1617" s="17">
        <v>1</v>
      </c>
      <c r="K1617" s="17"/>
      <c r="L1617" s="17"/>
      <c r="M1617" s="17"/>
      <c r="N1617" s="138"/>
      <c r="O1617" s="98"/>
    </row>
    <row r="1618" spans="1:15" s="99" customFormat="1" hidden="1">
      <c r="A1618" s="10"/>
      <c r="B1618" s="10"/>
      <c r="C1618" s="8"/>
      <c r="D1618" s="10"/>
      <c r="E1618" s="8" t="s">
        <v>110</v>
      </c>
      <c r="F1618" s="8">
        <v>350</v>
      </c>
      <c r="G1618" s="8" t="s">
        <v>108</v>
      </c>
      <c r="H1618" s="8" t="s">
        <v>66</v>
      </c>
      <c r="I1618" s="8" t="s">
        <v>65</v>
      </c>
      <c r="J1618" s="8">
        <v>1</v>
      </c>
      <c r="K1618" s="8" t="s">
        <v>509</v>
      </c>
      <c r="L1618" s="8">
        <v>1</v>
      </c>
      <c r="M1618" s="8">
        <v>20</v>
      </c>
      <c r="N1618" s="72"/>
      <c r="O1618" s="98"/>
    </row>
    <row r="1619" spans="1:15" s="99" customFormat="1" hidden="1">
      <c r="A1619" s="10"/>
      <c r="B1619" s="10"/>
      <c r="C1619" s="33"/>
      <c r="D1619" s="33"/>
      <c r="E1619" s="8" t="s">
        <v>109</v>
      </c>
      <c r="F1619" s="8">
        <v>350</v>
      </c>
      <c r="G1619" s="8" t="s">
        <v>108</v>
      </c>
      <c r="H1619" s="8" t="s">
        <v>17</v>
      </c>
      <c r="I1619" s="8" t="s">
        <v>71</v>
      </c>
      <c r="J1619" s="8">
        <v>1</v>
      </c>
      <c r="K1619" s="8" t="s">
        <v>509</v>
      </c>
      <c r="L1619" s="8">
        <v>1</v>
      </c>
      <c r="M1619" s="8">
        <v>20</v>
      </c>
      <c r="N1619" s="25"/>
      <c r="O1619" s="98"/>
    </row>
    <row r="1620" spans="1:15" s="99" customFormat="1" hidden="1">
      <c r="A1620" s="10"/>
      <c r="B1620" s="10"/>
      <c r="C1620" s="33"/>
      <c r="D1620" s="33"/>
      <c r="E1620" s="8" t="s">
        <v>107</v>
      </c>
      <c r="F1620" s="8">
        <v>662</v>
      </c>
      <c r="G1620" s="8" t="s">
        <v>97</v>
      </c>
      <c r="H1620" s="8" t="s">
        <v>66</v>
      </c>
      <c r="I1620" s="8" t="s">
        <v>65</v>
      </c>
      <c r="J1620" s="8">
        <v>1</v>
      </c>
      <c r="K1620" s="8" t="s">
        <v>514</v>
      </c>
      <c r="L1620" s="8">
        <v>1</v>
      </c>
      <c r="M1620" s="8">
        <v>1</v>
      </c>
      <c r="N1620" s="72" t="s">
        <v>744</v>
      </c>
      <c r="O1620" s="98"/>
    </row>
    <row r="1621" spans="1:15" s="99" customFormat="1" hidden="1">
      <c r="A1621" s="10"/>
      <c r="B1621" s="10"/>
      <c r="C1621" s="33"/>
      <c r="D1621" s="33"/>
      <c r="E1621" s="8" t="s">
        <v>106</v>
      </c>
      <c r="F1621" s="8">
        <v>380</v>
      </c>
      <c r="G1621" s="8" t="s">
        <v>105</v>
      </c>
      <c r="H1621" s="8" t="s">
        <v>78</v>
      </c>
      <c r="I1621" s="8" t="s">
        <v>71</v>
      </c>
      <c r="J1621" s="8">
        <v>1</v>
      </c>
      <c r="K1621" s="8" t="s">
        <v>438</v>
      </c>
      <c r="L1621" s="8">
        <v>1</v>
      </c>
      <c r="M1621" s="8">
        <v>15</v>
      </c>
      <c r="N1621" s="72"/>
      <c r="O1621" s="98"/>
    </row>
    <row r="1622" spans="1:15" s="99" customFormat="1" hidden="1">
      <c r="A1622" s="10"/>
      <c r="B1622" s="10"/>
      <c r="C1622" s="33"/>
      <c r="D1622" s="33" t="s">
        <v>186</v>
      </c>
      <c r="E1622" s="8" t="s">
        <v>104</v>
      </c>
      <c r="F1622" s="8"/>
      <c r="G1622" s="8"/>
      <c r="H1622" s="8" t="s">
        <v>78</v>
      </c>
      <c r="I1622" s="8" t="s">
        <v>71</v>
      </c>
      <c r="J1622" s="8">
        <v>1</v>
      </c>
      <c r="K1622" s="8"/>
      <c r="L1622" s="8"/>
      <c r="M1622" s="8"/>
      <c r="N1622" s="72"/>
      <c r="O1622" s="98"/>
    </row>
    <row r="1623" spans="1:15" s="99" customFormat="1" hidden="1">
      <c r="A1623" s="10"/>
      <c r="B1623" s="10"/>
      <c r="C1623" s="33"/>
      <c r="D1623" s="33"/>
      <c r="E1623" s="8" t="s">
        <v>745</v>
      </c>
      <c r="F1623" s="8">
        <v>355</v>
      </c>
      <c r="G1623" s="8" t="s">
        <v>103</v>
      </c>
      <c r="H1623" s="8" t="s">
        <v>66</v>
      </c>
      <c r="I1623" s="8" t="s">
        <v>65</v>
      </c>
      <c r="J1623" s="8">
        <v>1</v>
      </c>
      <c r="K1623" s="8" t="s">
        <v>514</v>
      </c>
      <c r="L1623" s="8">
        <v>2</v>
      </c>
      <c r="M1623" s="8">
        <v>2</v>
      </c>
      <c r="N1623" s="70" t="s">
        <v>624</v>
      </c>
      <c r="O1623" s="98"/>
    </row>
    <row r="1624" spans="1:15" s="99" customFormat="1" hidden="1">
      <c r="A1624" s="10"/>
      <c r="B1624" s="10"/>
      <c r="C1624" s="33"/>
      <c r="D1624" s="33"/>
      <c r="E1624" s="19" t="s">
        <v>102</v>
      </c>
      <c r="F1624" s="19">
        <v>212</v>
      </c>
      <c r="G1624" s="19" t="s">
        <v>101</v>
      </c>
      <c r="H1624" s="19" t="s">
        <v>78</v>
      </c>
      <c r="I1624" s="19" t="s">
        <v>96</v>
      </c>
      <c r="J1624" s="19">
        <v>1</v>
      </c>
      <c r="K1624" s="19" t="s">
        <v>438</v>
      </c>
      <c r="L1624" s="19">
        <v>1</v>
      </c>
      <c r="M1624" s="19">
        <v>17</v>
      </c>
      <c r="N1624" s="25"/>
      <c r="O1624" s="98"/>
    </row>
    <row r="1625" spans="1:15" s="99" customFormat="1" hidden="1">
      <c r="A1625" s="10"/>
      <c r="B1625" s="10"/>
      <c r="C1625" s="33"/>
      <c r="D1625" s="33"/>
      <c r="E1625" s="19" t="s">
        <v>100</v>
      </c>
      <c r="F1625" s="19">
        <v>639</v>
      </c>
      <c r="G1625" s="19" t="s">
        <v>99</v>
      </c>
      <c r="H1625" s="19" t="s">
        <v>17</v>
      </c>
      <c r="I1625" s="19" t="s">
        <v>96</v>
      </c>
      <c r="J1625" s="19">
        <v>1</v>
      </c>
      <c r="K1625" s="19" t="s">
        <v>514</v>
      </c>
      <c r="L1625" s="19">
        <v>2</v>
      </c>
      <c r="M1625" s="19">
        <v>2</v>
      </c>
      <c r="N1625" s="25"/>
      <c r="O1625" s="98"/>
    </row>
    <row r="1626" spans="1:15" s="99" customFormat="1" hidden="1">
      <c r="A1626" s="10"/>
      <c r="B1626" s="10"/>
      <c r="C1626" s="33"/>
      <c r="D1626" s="33"/>
      <c r="E1626" s="19" t="s">
        <v>98</v>
      </c>
      <c r="F1626" s="19">
        <v>662</v>
      </c>
      <c r="G1626" s="19" t="s">
        <v>97</v>
      </c>
      <c r="H1626" s="19" t="s">
        <v>17</v>
      </c>
      <c r="I1626" s="19" t="s">
        <v>96</v>
      </c>
      <c r="J1626" s="19">
        <v>1</v>
      </c>
      <c r="K1626" s="19" t="s">
        <v>514</v>
      </c>
      <c r="L1626" s="19">
        <v>1</v>
      </c>
      <c r="M1626" s="19">
        <v>1</v>
      </c>
      <c r="N1626" s="25"/>
      <c r="O1626" s="98"/>
    </row>
    <row r="1627" spans="1:15" s="99" customFormat="1" hidden="1">
      <c r="A1627" s="10"/>
      <c r="B1627" s="10"/>
      <c r="C1627" s="33"/>
      <c r="D1627" s="33"/>
      <c r="E1627" s="8" t="s">
        <v>95</v>
      </c>
      <c r="F1627" s="8">
        <v>235</v>
      </c>
      <c r="G1627" s="8" t="s">
        <v>90</v>
      </c>
      <c r="H1627" s="8" t="s">
        <v>78</v>
      </c>
      <c r="I1627" s="8" t="s">
        <v>71</v>
      </c>
      <c r="J1627" s="8">
        <v>1</v>
      </c>
      <c r="K1627" s="8" t="s">
        <v>514</v>
      </c>
      <c r="L1627" s="8">
        <v>2</v>
      </c>
      <c r="M1627" s="8">
        <v>2</v>
      </c>
      <c r="N1627" s="70" t="s">
        <v>624</v>
      </c>
      <c r="O1627" s="98"/>
    </row>
    <row r="1628" spans="1:15" s="99" customFormat="1" hidden="1">
      <c r="A1628" s="10"/>
      <c r="B1628" s="10"/>
      <c r="C1628" s="8"/>
      <c r="D1628" s="10"/>
      <c r="E1628" s="8" t="s">
        <v>94</v>
      </c>
      <c r="F1628" s="8">
        <v>234</v>
      </c>
      <c r="G1628" s="8" t="s">
        <v>88</v>
      </c>
      <c r="H1628" s="8" t="s">
        <v>78</v>
      </c>
      <c r="I1628" s="8" t="s">
        <v>71</v>
      </c>
      <c r="J1628" s="8">
        <v>1</v>
      </c>
      <c r="K1628" s="8" t="s">
        <v>509</v>
      </c>
      <c r="L1628" s="8">
        <v>1</v>
      </c>
      <c r="M1628" s="8">
        <v>48</v>
      </c>
      <c r="N1628" s="70"/>
      <c r="O1628" s="98"/>
    </row>
    <row r="1629" spans="1:15" s="99" customFormat="1" hidden="1">
      <c r="A1629" s="10"/>
      <c r="B1629" s="10"/>
      <c r="C1629" s="8"/>
      <c r="D1629" s="10"/>
      <c r="E1629" s="8" t="s">
        <v>93</v>
      </c>
      <c r="F1629" s="8">
        <v>235</v>
      </c>
      <c r="G1629" s="8" t="s">
        <v>90</v>
      </c>
      <c r="H1629" s="8" t="s">
        <v>78</v>
      </c>
      <c r="I1629" s="8" t="s">
        <v>71</v>
      </c>
      <c r="J1629" s="8">
        <v>1</v>
      </c>
      <c r="K1629" s="8" t="s">
        <v>514</v>
      </c>
      <c r="L1629" s="8">
        <v>2</v>
      </c>
      <c r="M1629" s="8">
        <v>2</v>
      </c>
      <c r="N1629" s="70" t="s">
        <v>624</v>
      </c>
      <c r="O1629" s="98"/>
    </row>
    <row r="1630" spans="1:15" s="99" customFormat="1" hidden="1">
      <c r="A1630" s="10"/>
      <c r="B1630" s="10"/>
      <c r="C1630" s="8"/>
      <c r="D1630" s="10"/>
      <c r="E1630" s="8" t="s">
        <v>92</v>
      </c>
      <c r="F1630" s="8">
        <v>234</v>
      </c>
      <c r="G1630" s="8" t="s">
        <v>88</v>
      </c>
      <c r="H1630" s="8" t="s">
        <v>78</v>
      </c>
      <c r="I1630" s="8" t="s">
        <v>71</v>
      </c>
      <c r="J1630" s="8">
        <v>1</v>
      </c>
      <c r="K1630" s="8" t="s">
        <v>509</v>
      </c>
      <c r="L1630" s="8">
        <v>1</v>
      </c>
      <c r="M1630" s="8">
        <v>48</v>
      </c>
      <c r="N1630" s="70"/>
      <c r="O1630" s="98"/>
    </row>
    <row r="1631" spans="1:15" s="99" customFormat="1" hidden="1">
      <c r="A1631" s="10"/>
      <c r="B1631" s="10"/>
      <c r="C1631" s="8"/>
      <c r="D1631" s="10"/>
      <c r="E1631" s="8" t="s">
        <v>91</v>
      </c>
      <c r="F1631" s="8">
        <v>235</v>
      </c>
      <c r="G1631" s="8" t="s">
        <v>90</v>
      </c>
      <c r="H1631" s="8" t="s">
        <v>78</v>
      </c>
      <c r="I1631" s="8" t="s">
        <v>71</v>
      </c>
      <c r="J1631" s="8">
        <v>1</v>
      </c>
      <c r="K1631" s="8" t="s">
        <v>514</v>
      </c>
      <c r="L1631" s="8">
        <v>2</v>
      </c>
      <c r="M1631" s="8">
        <v>2</v>
      </c>
      <c r="N1631" s="70" t="s">
        <v>624</v>
      </c>
      <c r="O1631" s="98"/>
    </row>
    <row r="1632" spans="1:15" s="99" customFormat="1" hidden="1">
      <c r="A1632" s="10"/>
      <c r="B1632" s="10"/>
      <c r="C1632" s="8"/>
      <c r="D1632" s="10"/>
      <c r="E1632" s="8" t="s">
        <v>89</v>
      </c>
      <c r="F1632" s="8">
        <v>234</v>
      </c>
      <c r="G1632" s="8" t="s">
        <v>88</v>
      </c>
      <c r="H1632" s="8" t="s">
        <v>78</v>
      </c>
      <c r="I1632" s="8" t="s">
        <v>71</v>
      </c>
      <c r="J1632" s="8">
        <v>1</v>
      </c>
      <c r="K1632" s="8" t="s">
        <v>509</v>
      </c>
      <c r="L1632" s="8">
        <v>1</v>
      </c>
      <c r="M1632" s="8">
        <v>48</v>
      </c>
      <c r="N1632" s="70"/>
      <c r="O1632" s="98"/>
    </row>
    <row r="1633" spans="1:15" s="99" customFormat="1" hidden="1">
      <c r="A1633" s="17"/>
      <c r="B1633" s="17"/>
      <c r="C1633" s="17" t="s">
        <v>87</v>
      </c>
      <c r="D1633" s="139" t="s">
        <v>515</v>
      </c>
      <c r="E1633" s="17"/>
      <c r="F1633" s="17"/>
      <c r="G1633" s="17"/>
      <c r="H1633" s="17" t="s">
        <v>17</v>
      </c>
      <c r="I1633" s="17" t="s">
        <v>71</v>
      </c>
      <c r="J1633" s="17" t="s">
        <v>525</v>
      </c>
      <c r="K1633" s="17"/>
      <c r="L1633" s="17"/>
      <c r="M1633" s="17"/>
      <c r="N1633" s="138"/>
      <c r="O1633" s="98"/>
    </row>
    <row r="1634" spans="1:15" s="99" customFormat="1" hidden="1">
      <c r="A1634" s="10"/>
      <c r="B1634" s="10"/>
      <c r="C1634" s="8"/>
      <c r="D1634" s="10"/>
      <c r="E1634" s="8" t="s">
        <v>86</v>
      </c>
      <c r="F1634" s="8">
        <v>933</v>
      </c>
      <c r="G1634" s="8" t="s">
        <v>85</v>
      </c>
      <c r="H1634" s="8" t="s">
        <v>66</v>
      </c>
      <c r="I1634" s="8" t="s">
        <v>65</v>
      </c>
      <c r="J1634" s="8">
        <v>1</v>
      </c>
      <c r="K1634" s="8" t="s">
        <v>509</v>
      </c>
      <c r="L1634" s="8">
        <v>1</v>
      </c>
      <c r="M1634" s="8">
        <v>264</v>
      </c>
      <c r="N1634" s="72"/>
      <c r="O1634" s="98"/>
    </row>
    <row r="1635" spans="1:15" s="99" customFormat="1" hidden="1">
      <c r="A1635" s="17"/>
      <c r="B1635" s="17"/>
      <c r="C1635" s="17" t="s">
        <v>84</v>
      </c>
      <c r="D1635" s="139" t="s">
        <v>428</v>
      </c>
      <c r="E1635" s="17"/>
      <c r="F1635" s="17"/>
      <c r="G1635" s="17"/>
      <c r="H1635" s="17" t="s">
        <v>17</v>
      </c>
      <c r="I1635" s="17" t="s">
        <v>71</v>
      </c>
      <c r="J1635" s="17">
        <v>10</v>
      </c>
      <c r="K1635" s="17"/>
      <c r="L1635" s="17"/>
      <c r="M1635" s="17"/>
      <c r="N1635" s="138"/>
      <c r="O1635" s="98"/>
    </row>
    <row r="1636" spans="1:15" s="99" customFormat="1" hidden="1">
      <c r="A1636" s="10"/>
      <c r="B1636" s="10"/>
      <c r="C1636" s="8"/>
      <c r="D1636" s="10"/>
      <c r="E1636" s="8" t="s">
        <v>83</v>
      </c>
      <c r="F1636" s="8">
        <v>374</v>
      </c>
      <c r="G1636" s="8" t="s">
        <v>82</v>
      </c>
      <c r="H1636" s="8" t="s">
        <v>66</v>
      </c>
      <c r="I1636" s="8" t="s">
        <v>65</v>
      </c>
      <c r="J1636" s="8">
        <v>1</v>
      </c>
      <c r="K1636" s="8" t="s">
        <v>514</v>
      </c>
      <c r="L1636" s="8">
        <v>3</v>
      </c>
      <c r="M1636" s="8">
        <v>3</v>
      </c>
      <c r="N1636" s="72" t="s">
        <v>746</v>
      </c>
      <c r="O1636" s="98"/>
    </row>
    <row r="1637" spans="1:15" s="99" customFormat="1" hidden="1">
      <c r="A1637" s="10"/>
      <c r="B1637" s="10"/>
      <c r="C1637" s="8"/>
      <c r="D1637" s="10"/>
      <c r="E1637" s="8" t="s">
        <v>81</v>
      </c>
      <c r="F1637" s="8">
        <v>373</v>
      </c>
      <c r="G1637" s="8" t="s">
        <v>1</v>
      </c>
      <c r="H1637" s="8" t="s">
        <v>78</v>
      </c>
      <c r="I1637" s="8" t="s">
        <v>71</v>
      </c>
      <c r="J1637" s="8">
        <v>1</v>
      </c>
      <c r="K1637" s="8" t="s">
        <v>519</v>
      </c>
      <c r="L1637" s="8">
        <v>8</v>
      </c>
      <c r="M1637" s="8">
        <v>8</v>
      </c>
      <c r="N1637" s="72"/>
      <c r="O1637" s="98"/>
    </row>
    <row r="1638" spans="1:15" s="99" customFormat="1" hidden="1">
      <c r="A1638" s="10"/>
      <c r="B1638" s="10"/>
      <c r="C1638" s="8"/>
      <c r="D1638" s="10"/>
      <c r="E1638" s="8" t="s">
        <v>80</v>
      </c>
      <c r="F1638" s="8">
        <v>337</v>
      </c>
      <c r="G1638" s="8" t="s">
        <v>79</v>
      </c>
      <c r="H1638" s="8" t="s">
        <v>78</v>
      </c>
      <c r="I1638" s="8" t="s">
        <v>71</v>
      </c>
      <c r="J1638" s="8">
        <v>1</v>
      </c>
      <c r="K1638" s="8" t="s">
        <v>518</v>
      </c>
      <c r="L1638" s="8">
        <v>4</v>
      </c>
      <c r="M1638" s="8">
        <v>8</v>
      </c>
      <c r="N1638" s="72"/>
      <c r="O1638" s="98"/>
    </row>
    <row r="1639" spans="1:15" s="99" customFormat="1" hidden="1">
      <c r="A1639" s="10"/>
      <c r="B1639" s="10"/>
      <c r="C1639" s="8"/>
      <c r="D1639" s="10"/>
      <c r="E1639" s="8" t="s">
        <v>77</v>
      </c>
      <c r="F1639" s="8">
        <v>623</v>
      </c>
      <c r="G1639" s="8" t="s">
        <v>76</v>
      </c>
      <c r="H1639" s="8" t="s">
        <v>17</v>
      </c>
      <c r="I1639" s="8" t="s">
        <v>71</v>
      </c>
      <c r="J1639" s="8">
        <v>1</v>
      </c>
      <c r="K1639" s="8" t="s">
        <v>514</v>
      </c>
      <c r="L1639" s="8">
        <v>2</v>
      </c>
      <c r="M1639" s="8">
        <v>2</v>
      </c>
      <c r="N1639" s="70" t="s">
        <v>624</v>
      </c>
      <c r="O1639" s="98"/>
    </row>
    <row r="1640" spans="1:15" s="99" customFormat="1" hidden="1">
      <c r="A1640" s="75" t="s">
        <v>177</v>
      </c>
      <c r="B1640" s="142" t="s">
        <v>126</v>
      </c>
      <c r="C1640" s="75"/>
      <c r="D1640" s="142"/>
      <c r="E1640" s="75"/>
      <c r="F1640" s="75"/>
      <c r="G1640" s="75"/>
      <c r="H1640" s="75" t="s">
        <v>17</v>
      </c>
      <c r="I1640" s="75" t="s">
        <v>71</v>
      </c>
      <c r="J1640" s="75" t="s">
        <v>525</v>
      </c>
      <c r="K1640" s="75"/>
      <c r="L1640" s="75"/>
      <c r="M1640" s="75"/>
      <c r="N1640" s="78"/>
      <c r="O1640" s="98"/>
    </row>
    <row r="1641" spans="1:15" hidden="1">
      <c r="A1641" s="75"/>
      <c r="B1641" s="75"/>
      <c r="C1641" s="75" t="s">
        <v>177</v>
      </c>
      <c r="D1641" s="142" t="s">
        <v>126</v>
      </c>
      <c r="E1641" s="75"/>
      <c r="F1641" s="75"/>
      <c r="G1641" s="75"/>
      <c r="H1641" s="75" t="s">
        <v>66</v>
      </c>
      <c r="I1641" s="75" t="s">
        <v>65</v>
      </c>
      <c r="J1641" s="75">
        <v>1</v>
      </c>
      <c r="K1641" s="75"/>
      <c r="L1641" s="75"/>
      <c r="M1641" s="75"/>
      <c r="N1641" s="78"/>
      <c r="O1641" s="98"/>
    </row>
    <row r="1642" spans="1:15" hidden="1">
      <c r="A1642" s="33"/>
      <c r="B1642" s="33"/>
      <c r="C1642" s="11"/>
      <c r="D1642" s="33"/>
      <c r="E1642" s="11" t="s">
        <v>176</v>
      </c>
      <c r="F1642" s="11">
        <v>128</v>
      </c>
      <c r="G1642" s="11" t="s">
        <v>128</v>
      </c>
      <c r="H1642" s="11" t="s">
        <v>66</v>
      </c>
      <c r="I1642" s="11" t="s">
        <v>65</v>
      </c>
      <c r="J1642" s="11">
        <v>1</v>
      </c>
      <c r="K1642" s="11" t="s">
        <v>514</v>
      </c>
      <c r="L1642" s="11">
        <v>2</v>
      </c>
      <c r="M1642" s="11">
        <v>3</v>
      </c>
      <c r="N1642" s="18" t="s">
        <v>755</v>
      </c>
      <c r="O1642" s="98"/>
    </row>
    <row r="1643" spans="1:15" hidden="1">
      <c r="A1643" s="33"/>
      <c r="B1643" s="33"/>
      <c r="C1643" s="11"/>
      <c r="D1643" s="33"/>
      <c r="E1643" s="11" t="s">
        <v>175</v>
      </c>
      <c r="F1643" s="11">
        <v>127</v>
      </c>
      <c r="G1643" s="11" t="s">
        <v>126</v>
      </c>
      <c r="H1643" s="11" t="s">
        <v>78</v>
      </c>
      <c r="I1643" s="11" t="s">
        <v>71</v>
      </c>
      <c r="J1643" s="11">
        <v>1</v>
      </c>
      <c r="K1643" s="11" t="s">
        <v>509</v>
      </c>
      <c r="L1643" s="11">
        <v>1</v>
      </c>
      <c r="M1643" s="11">
        <v>30</v>
      </c>
      <c r="N1643" s="18" t="s">
        <v>917</v>
      </c>
      <c r="O1643" s="98"/>
    </row>
    <row r="1644" spans="1:15" hidden="1">
      <c r="A1644" s="33"/>
      <c r="B1644" s="33"/>
      <c r="C1644" s="11"/>
      <c r="D1644" s="33"/>
      <c r="E1644" s="11" t="s">
        <v>173</v>
      </c>
      <c r="F1644" s="11">
        <v>369</v>
      </c>
      <c r="G1644" s="11" t="s">
        <v>172</v>
      </c>
      <c r="H1644" s="11" t="s">
        <v>78</v>
      </c>
      <c r="I1644" s="11" t="s">
        <v>71</v>
      </c>
      <c r="J1644" s="11">
        <v>1</v>
      </c>
      <c r="K1644" s="11" t="s">
        <v>509</v>
      </c>
      <c r="L1644" s="11">
        <v>1</v>
      </c>
      <c r="M1644" s="11">
        <v>45</v>
      </c>
      <c r="N1644" s="18"/>
      <c r="O1644" s="98"/>
    </row>
    <row r="1645" spans="1:15" hidden="1">
      <c r="A1645" s="75" t="s">
        <v>177</v>
      </c>
      <c r="B1645" s="142" t="s">
        <v>126</v>
      </c>
      <c r="C1645" s="75"/>
      <c r="D1645" s="142"/>
      <c r="E1645" s="75"/>
      <c r="F1645" s="75"/>
      <c r="G1645" s="75"/>
      <c r="H1645" s="75" t="s">
        <v>17</v>
      </c>
      <c r="I1645" s="75" t="s">
        <v>71</v>
      </c>
      <c r="J1645" s="75" t="s">
        <v>525</v>
      </c>
      <c r="K1645" s="75"/>
      <c r="L1645" s="75"/>
      <c r="M1645" s="75"/>
      <c r="N1645" s="78"/>
      <c r="O1645" s="98"/>
    </row>
    <row r="1646" spans="1:15" hidden="1">
      <c r="A1646" s="75"/>
      <c r="B1646" s="75"/>
      <c r="C1646" s="75" t="s">
        <v>177</v>
      </c>
      <c r="D1646" s="142" t="s">
        <v>126</v>
      </c>
      <c r="E1646" s="75"/>
      <c r="F1646" s="75"/>
      <c r="G1646" s="75"/>
      <c r="H1646" s="75" t="s">
        <v>66</v>
      </c>
      <c r="I1646" s="75" t="s">
        <v>65</v>
      </c>
      <c r="J1646" s="75">
        <v>1</v>
      </c>
      <c r="K1646" s="75"/>
      <c r="L1646" s="75"/>
      <c r="M1646" s="75"/>
      <c r="N1646" s="78"/>
      <c r="O1646" s="98"/>
    </row>
    <row r="1647" spans="1:15" hidden="1">
      <c r="A1647" s="33"/>
      <c r="B1647" s="33"/>
      <c r="C1647" s="11"/>
      <c r="D1647" s="33"/>
      <c r="E1647" s="11" t="s">
        <v>176</v>
      </c>
      <c r="F1647" s="11">
        <v>128</v>
      </c>
      <c r="G1647" s="11" t="s">
        <v>128</v>
      </c>
      <c r="H1647" s="11" t="s">
        <v>66</v>
      </c>
      <c r="I1647" s="11" t="s">
        <v>65</v>
      </c>
      <c r="J1647" s="11">
        <v>1</v>
      </c>
      <c r="K1647" s="11" t="s">
        <v>514</v>
      </c>
      <c r="L1647" s="11">
        <v>2</v>
      </c>
      <c r="M1647" s="11">
        <v>3</v>
      </c>
      <c r="N1647" s="18" t="s">
        <v>689</v>
      </c>
      <c r="O1647" s="98"/>
    </row>
    <row r="1648" spans="1:15" hidden="1">
      <c r="A1648" s="33"/>
      <c r="B1648" s="33"/>
      <c r="C1648" s="11"/>
      <c r="D1648" s="33"/>
      <c r="E1648" s="19" t="s">
        <v>175</v>
      </c>
      <c r="F1648" s="19">
        <v>127</v>
      </c>
      <c r="G1648" s="19" t="s">
        <v>126</v>
      </c>
      <c r="H1648" s="19" t="s">
        <v>78</v>
      </c>
      <c r="I1648" s="19" t="s">
        <v>71</v>
      </c>
      <c r="J1648" s="19">
        <v>1</v>
      </c>
      <c r="K1648" s="19" t="s">
        <v>509</v>
      </c>
      <c r="L1648" s="19">
        <v>1</v>
      </c>
      <c r="M1648" s="19">
        <v>30</v>
      </c>
      <c r="N1648" s="18"/>
      <c r="O1648" s="98"/>
    </row>
    <row r="1649" spans="1:16" hidden="1">
      <c r="A1649" s="33"/>
      <c r="B1649" s="33"/>
      <c r="C1649" s="11"/>
      <c r="D1649" s="33"/>
      <c r="E1649" s="11" t="s">
        <v>173</v>
      </c>
      <c r="F1649" s="11">
        <v>369</v>
      </c>
      <c r="G1649" s="11" t="s">
        <v>172</v>
      </c>
      <c r="H1649" s="11" t="s">
        <v>78</v>
      </c>
      <c r="I1649" s="11" t="s">
        <v>71</v>
      </c>
      <c r="J1649" s="11">
        <v>1</v>
      </c>
      <c r="K1649" s="11" t="s">
        <v>509</v>
      </c>
      <c r="L1649" s="11">
        <v>1</v>
      </c>
      <c r="M1649" s="11">
        <v>45</v>
      </c>
      <c r="N1649" s="18"/>
      <c r="O1649" s="98"/>
    </row>
    <row r="1650" spans="1:16" hidden="1">
      <c r="A1650" s="75" t="s">
        <v>177</v>
      </c>
      <c r="B1650" s="142" t="s">
        <v>126</v>
      </c>
      <c r="C1650" s="75"/>
      <c r="D1650" s="142"/>
      <c r="E1650" s="75"/>
      <c r="F1650" s="75"/>
      <c r="G1650" s="75"/>
      <c r="H1650" s="75" t="s">
        <v>17</v>
      </c>
      <c r="I1650" s="75" t="s">
        <v>71</v>
      </c>
      <c r="J1650" s="75" t="s">
        <v>525</v>
      </c>
      <c r="K1650" s="75"/>
      <c r="L1650" s="75"/>
      <c r="M1650" s="75"/>
      <c r="N1650" s="78"/>
      <c r="O1650" s="98"/>
    </row>
    <row r="1651" spans="1:16" hidden="1">
      <c r="A1651" s="75"/>
      <c r="B1651" s="75"/>
      <c r="C1651" s="75" t="s">
        <v>177</v>
      </c>
      <c r="D1651" s="142" t="s">
        <v>126</v>
      </c>
      <c r="E1651" s="75"/>
      <c r="F1651" s="75"/>
      <c r="G1651" s="75"/>
      <c r="H1651" s="75" t="s">
        <v>66</v>
      </c>
      <c r="I1651" s="75" t="s">
        <v>65</v>
      </c>
      <c r="J1651" s="75">
        <v>1</v>
      </c>
      <c r="K1651" s="75"/>
      <c r="L1651" s="75"/>
      <c r="M1651" s="75"/>
      <c r="N1651" s="78"/>
      <c r="O1651" s="98"/>
    </row>
    <row r="1652" spans="1:16" hidden="1">
      <c r="A1652" s="33"/>
      <c r="B1652" s="33"/>
      <c r="C1652" s="11"/>
      <c r="D1652" s="33"/>
      <c r="E1652" s="11" t="s">
        <v>176</v>
      </c>
      <c r="F1652" s="11">
        <v>128</v>
      </c>
      <c r="G1652" s="11" t="s">
        <v>128</v>
      </c>
      <c r="H1652" s="11" t="s">
        <v>66</v>
      </c>
      <c r="I1652" s="11" t="s">
        <v>65</v>
      </c>
      <c r="J1652" s="11">
        <v>1</v>
      </c>
      <c r="K1652" s="11" t="s">
        <v>514</v>
      </c>
      <c r="L1652" s="11">
        <v>2</v>
      </c>
      <c r="M1652" s="11">
        <v>3</v>
      </c>
      <c r="N1652" s="18" t="s">
        <v>719</v>
      </c>
      <c r="O1652" s="98"/>
    </row>
    <row r="1653" spans="1:16" hidden="1">
      <c r="A1653" s="33"/>
      <c r="B1653" s="33"/>
      <c r="C1653" s="11"/>
      <c r="D1653" s="33"/>
      <c r="E1653" s="19" t="s">
        <v>175</v>
      </c>
      <c r="F1653" s="19">
        <v>127</v>
      </c>
      <c r="G1653" s="19" t="s">
        <v>126</v>
      </c>
      <c r="H1653" s="19" t="s">
        <v>78</v>
      </c>
      <c r="I1653" s="19" t="s">
        <v>71</v>
      </c>
      <c r="J1653" s="19">
        <v>1</v>
      </c>
      <c r="K1653" s="19" t="s">
        <v>509</v>
      </c>
      <c r="L1653" s="19">
        <v>1</v>
      </c>
      <c r="M1653" s="19">
        <v>30</v>
      </c>
      <c r="N1653" s="18"/>
      <c r="O1653" s="98"/>
    </row>
    <row r="1654" spans="1:16" hidden="1">
      <c r="A1654" s="33"/>
      <c r="B1654" s="33"/>
      <c r="C1654" s="11"/>
      <c r="D1654" s="33"/>
      <c r="E1654" s="11" t="s">
        <v>173</v>
      </c>
      <c r="F1654" s="11">
        <v>369</v>
      </c>
      <c r="G1654" s="11" t="s">
        <v>172</v>
      </c>
      <c r="H1654" s="11" t="s">
        <v>78</v>
      </c>
      <c r="I1654" s="11" t="s">
        <v>71</v>
      </c>
      <c r="J1654" s="11">
        <v>1</v>
      </c>
      <c r="K1654" s="11" t="s">
        <v>509</v>
      </c>
      <c r="L1654" s="11">
        <v>1</v>
      </c>
      <c r="M1654" s="11">
        <v>45</v>
      </c>
      <c r="N1654" s="18"/>
      <c r="O1654" s="98"/>
    </row>
    <row r="1655" spans="1:16" customFormat="1">
      <c r="A1655" s="21" t="s">
        <v>508</v>
      </c>
      <c r="B1655" s="9"/>
      <c r="C1655" s="153"/>
      <c r="D1655" s="9"/>
      <c r="E1655" s="9"/>
      <c r="F1655" s="9"/>
      <c r="G1655" s="9"/>
      <c r="H1655" s="9"/>
      <c r="I1655" s="9"/>
      <c r="J1655" s="9"/>
      <c r="K1655" s="9"/>
      <c r="L1655" s="9"/>
      <c r="M1655" s="9"/>
      <c r="N1655" s="149"/>
      <c r="O1655" s="98"/>
      <c r="P1655" s="99"/>
    </row>
    <row r="1656" spans="1:16" customFormat="1">
      <c r="A1656" s="75" t="s">
        <v>75</v>
      </c>
      <c r="B1656" s="51" t="s">
        <v>429</v>
      </c>
      <c r="C1656" s="75"/>
      <c r="D1656" s="51"/>
      <c r="E1656" s="75"/>
      <c r="F1656" s="75"/>
      <c r="G1656" s="75"/>
      <c r="H1656" s="75" t="s">
        <v>17</v>
      </c>
      <c r="I1656" s="75" t="s">
        <v>71</v>
      </c>
      <c r="J1656" s="75">
        <v>1</v>
      </c>
      <c r="K1656" s="75"/>
      <c r="L1656" s="75"/>
      <c r="M1656" s="75"/>
      <c r="N1656" s="75"/>
      <c r="O1656" s="98" t="s">
        <v>951</v>
      </c>
      <c r="P1656" s="99"/>
    </row>
    <row r="1657" spans="1:16" customFormat="1">
      <c r="A1657" s="75"/>
      <c r="B1657" s="75"/>
      <c r="C1657" s="75" t="s">
        <v>75</v>
      </c>
      <c r="D1657" s="51" t="s">
        <v>429</v>
      </c>
      <c r="E1657" s="75"/>
      <c r="F1657" s="75"/>
      <c r="G1657" s="75"/>
      <c r="H1657" s="75" t="s">
        <v>66</v>
      </c>
      <c r="I1657" s="75" t="s">
        <v>65</v>
      </c>
      <c r="J1657" s="75">
        <v>1</v>
      </c>
      <c r="K1657" s="75"/>
      <c r="L1657" s="75"/>
      <c r="M1657" s="75"/>
      <c r="N1657" s="75"/>
      <c r="O1657" s="98"/>
      <c r="P1657" s="99"/>
    </row>
    <row r="1658" spans="1:16" customFormat="1">
      <c r="A1658" s="14"/>
      <c r="B1658" s="14"/>
      <c r="C1658" s="11"/>
      <c r="D1658" s="14"/>
      <c r="E1658" s="11" t="s">
        <v>2038</v>
      </c>
      <c r="F1658" s="11">
        <v>354</v>
      </c>
      <c r="G1658" s="11" t="s">
        <v>74</v>
      </c>
      <c r="H1658" s="11" t="s">
        <v>66</v>
      </c>
      <c r="I1658" s="11" t="s">
        <v>65</v>
      </c>
      <c r="J1658" s="11">
        <v>1</v>
      </c>
      <c r="K1658" s="11" t="s">
        <v>510</v>
      </c>
      <c r="L1658" s="11">
        <v>1</v>
      </c>
      <c r="M1658" s="11">
        <v>6</v>
      </c>
      <c r="N1658" s="11"/>
      <c r="O1658" s="98"/>
      <c r="P1658" s="99"/>
    </row>
    <row r="1659" spans="1:16" customFormat="1">
      <c r="A1659" s="14"/>
      <c r="B1659" s="14"/>
      <c r="C1659" s="11"/>
      <c r="D1659" s="14"/>
      <c r="E1659" s="11" t="s">
        <v>2037</v>
      </c>
      <c r="F1659" s="11">
        <v>347</v>
      </c>
      <c r="G1659" s="11" t="s">
        <v>73</v>
      </c>
      <c r="H1659" s="11" t="s">
        <v>17</v>
      </c>
      <c r="I1659" s="11" t="s">
        <v>71</v>
      </c>
      <c r="J1659" s="11">
        <v>1</v>
      </c>
      <c r="K1659" s="11" t="s">
        <v>438</v>
      </c>
      <c r="L1659" s="11">
        <v>1</v>
      </c>
      <c r="M1659" s="11">
        <v>10</v>
      </c>
      <c r="N1659" s="11"/>
      <c r="O1659" s="98"/>
      <c r="P1659" s="99"/>
    </row>
    <row r="1660" spans="1:16">
      <c r="A1660" s="17"/>
      <c r="B1660" s="17"/>
      <c r="C1660" s="17" t="s">
        <v>72</v>
      </c>
      <c r="D1660" s="139" t="s">
        <v>67</v>
      </c>
      <c r="E1660" s="17"/>
      <c r="F1660" s="17"/>
      <c r="G1660" s="17"/>
      <c r="H1660" s="17" t="s">
        <v>17</v>
      </c>
      <c r="I1660" s="17" t="s">
        <v>71</v>
      </c>
      <c r="J1660" s="17">
        <v>1</v>
      </c>
      <c r="K1660" s="17"/>
      <c r="L1660" s="17"/>
      <c r="M1660" s="17"/>
      <c r="N1660" s="138"/>
      <c r="O1660" s="98" t="s">
        <v>952</v>
      </c>
    </row>
    <row r="1661" spans="1:16">
      <c r="E1661" s="8" t="s">
        <v>70</v>
      </c>
      <c r="F1661" s="8">
        <v>522</v>
      </c>
      <c r="G1661" s="8" t="s">
        <v>69</v>
      </c>
      <c r="H1661" s="8" t="s">
        <v>66</v>
      </c>
      <c r="I1661" s="8" t="s">
        <v>747</v>
      </c>
      <c r="J1661" s="8">
        <v>1</v>
      </c>
      <c r="K1661" s="8" t="s">
        <v>514</v>
      </c>
      <c r="L1661" s="8">
        <v>1</v>
      </c>
      <c r="M1661" s="8">
        <v>3</v>
      </c>
      <c r="N1661" s="72" t="s">
        <v>748</v>
      </c>
    </row>
    <row r="1662" spans="1:16">
      <c r="E1662" s="8" t="s">
        <v>68</v>
      </c>
      <c r="F1662" s="8">
        <v>782</v>
      </c>
      <c r="G1662" s="8" t="s">
        <v>67</v>
      </c>
      <c r="H1662" s="8" t="s">
        <v>66</v>
      </c>
      <c r="I1662" s="8" t="s">
        <v>65</v>
      </c>
      <c r="J1662" s="8">
        <v>1</v>
      </c>
      <c r="K1662" s="8" t="s">
        <v>438</v>
      </c>
      <c r="L1662" s="8">
        <v>1</v>
      </c>
      <c r="M1662" s="8">
        <v>18</v>
      </c>
    </row>
    <row r="1760" spans="3:15" s="99" customFormat="1">
      <c r="C1760" s="8"/>
      <c r="D1760" s="10"/>
      <c r="E1760" s="8"/>
      <c r="F1760" s="8"/>
      <c r="G1760" s="8"/>
      <c r="H1760" s="8"/>
      <c r="I1760" s="8"/>
      <c r="J1760" s="8"/>
      <c r="K1760" s="8"/>
      <c r="L1760" s="8"/>
      <c r="M1760" s="8"/>
      <c r="N1760" s="72"/>
      <c r="O1760" s="18"/>
    </row>
    <row r="1761" spans="3:15" s="99" customFormat="1">
      <c r="C1761" s="8"/>
      <c r="D1761" s="10"/>
      <c r="E1761" s="8"/>
      <c r="F1761" s="8"/>
      <c r="G1761" s="8"/>
      <c r="H1761" s="8"/>
      <c r="I1761" s="8"/>
      <c r="J1761" s="8"/>
      <c r="K1761" s="8"/>
      <c r="L1761" s="8"/>
      <c r="M1761" s="8"/>
      <c r="N1761" s="72"/>
      <c r="O1761" s="18"/>
    </row>
    <row r="1762" spans="3:15" s="99" customFormat="1">
      <c r="C1762" s="8"/>
      <c r="D1762" s="10"/>
      <c r="E1762" s="8"/>
      <c r="F1762" s="8"/>
      <c r="G1762" s="8"/>
      <c r="H1762" s="8"/>
      <c r="I1762" s="8"/>
      <c r="J1762" s="8"/>
      <c r="K1762" s="8"/>
      <c r="L1762" s="8"/>
      <c r="M1762" s="8"/>
      <c r="N1762" s="72"/>
      <c r="O1762" s="144"/>
    </row>
    <row r="1763" spans="3:15" s="99" customFormat="1">
      <c r="C1763" s="8"/>
      <c r="D1763" s="10"/>
      <c r="E1763" s="8"/>
      <c r="F1763" s="8"/>
      <c r="G1763" s="8"/>
      <c r="H1763" s="8"/>
      <c r="I1763" s="8"/>
      <c r="J1763" s="8"/>
      <c r="K1763" s="8"/>
      <c r="L1763" s="8"/>
      <c r="M1763" s="8"/>
      <c r="N1763" s="72"/>
      <c r="O1763" s="144"/>
    </row>
    <row r="1764" spans="3:15" s="99" customFormat="1">
      <c r="C1764" s="8"/>
      <c r="D1764" s="10"/>
      <c r="E1764" s="8"/>
      <c r="F1764" s="8"/>
      <c r="G1764" s="8"/>
      <c r="H1764" s="8"/>
      <c r="I1764" s="8"/>
      <c r="J1764" s="8"/>
      <c r="K1764" s="8"/>
      <c r="L1764" s="8"/>
      <c r="M1764" s="8"/>
      <c r="N1764" s="72"/>
      <c r="O1764" s="144"/>
    </row>
    <row r="1765" spans="3:15" s="99" customFormat="1">
      <c r="C1765" s="8"/>
      <c r="D1765" s="10"/>
      <c r="E1765" s="8"/>
      <c r="F1765" s="8"/>
      <c r="G1765" s="8"/>
      <c r="H1765" s="8"/>
      <c r="I1765" s="8"/>
      <c r="J1765" s="8"/>
      <c r="K1765" s="8"/>
      <c r="L1765" s="8"/>
      <c r="M1765" s="8"/>
      <c r="N1765" s="72"/>
      <c r="O1765" s="144"/>
    </row>
    <row r="1766" spans="3:15" s="99" customFormat="1">
      <c r="C1766" s="8"/>
      <c r="D1766" s="10"/>
      <c r="E1766" s="8"/>
      <c r="F1766" s="8"/>
      <c r="G1766" s="8"/>
      <c r="H1766" s="8"/>
      <c r="I1766" s="8"/>
      <c r="J1766" s="8"/>
      <c r="K1766" s="8"/>
      <c r="L1766" s="8"/>
      <c r="M1766" s="8"/>
      <c r="N1766" s="72"/>
      <c r="O1766" s="144"/>
    </row>
    <row r="1767" spans="3:15" s="99" customFormat="1">
      <c r="C1767" s="8"/>
      <c r="D1767" s="10"/>
      <c r="E1767" s="8"/>
      <c r="F1767" s="8"/>
      <c r="G1767" s="8"/>
      <c r="H1767" s="8"/>
      <c r="I1767" s="8"/>
      <c r="J1767" s="8"/>
      <c r="K1767" s="8"/>
      <c r="L1767" s="8"/>
      <c r="M1767" s="8"/>
      <c r="N1767" s="72"/>
      <c r="O1767" s="144"/>
    </row>
    <row r="1768" spans="3:15" s="99" customFormat="1">
      <c r="C1768" s="8"/>
      <c r="D1768" s="10"/>
      <c r="E1768" s="8"/>
      <c r="F1768" s="8"/>
      <c r="G1768" s="8"/>
      <c r="H1768" s="8"/>
      <c r="I1768" s="8"/>
      <c r="J1768" s="8"/>
      <c r="K1768" s="8"/>
      <c r="L1768" s="8"/>
      <c r="M1768" s="8"/>
      <c r="N1768" s="72"/>
      <c r="O1768" s="144"/>
    </row>
    <row r="1769" spans="3:15" s="99" customFormat="1">
      <c r="C1769" s="8"/>
      <c r="D1769" s="10"/>
      <c r="E1769" s="8"/>
      <c r="F1769" s="8"/>
      <c r="G1769" s="8"/>
      <c r="H1769" s="8"/>
      <c r="I1769" s="8"/>
      <c r="J1769" s="8"/>
      <c r="K1769" s="8"/>
      <c r="L1769" s="8"/>
      <c r="M1769" s="8"/>
      <c r="N1769" s="72"/>
      <c r="O1769" s="18"/>
    </row>
    <row r="1770" spans="3:15" s="99" customFormat="1">
      <c r="C1770" s="8"/>
      <c r="D1770" s="10"/>
      <c r="E1770" s="8"/>
      <c r="F1770" s="8"/>
      <c r="G1770" s="8"/>
      <c r="H1770" s="8"/>
      <c r="I1770" s="8"/>
      <c r="J1770" s="8"/>
      <c r="K1770" s="8"/>
      <c r="L1770" s="8"/>
      <c r="M1770" s="8"/>
      <c r="N1770" s="72"/>
      <c r="O1770" s="18"/>
    </row>
    <row r="1771" spans="3:15" s="99" customFormat="1">
      <c r="C1771" s="8"/>
      <c r="D1771" s="10"/>
      <c r="E1771" s="8"/>
      <c r="F1771" s="8"/>
      <c r="G1771" s="8"/>
      <c r="H1771" s="8"/>
      <c r="I1771" s="8"/>
      <c r="J1771" s="8"/>
      <c r="K1771" s="8"/>
      <c r="L1771" s="8"/>
      <c r="M1771" s="8"/>
      <c r="N1771" s="72"/>
      <c r="O1771" s="18"/>
    </row>
    <row r="1772" spans="3:15" s="99" customFormat="1">
      <c r="C1772" s="8"/>
      <c r="D1772" s="10"/>
      <c r="E1772" s="8"/>
      <c r="F1772" s="8"/>
      <c r="G1772" s="8"/>
      <c r="H1772" s="8"/>
      <c r="I1772" s="8"/>
      <c r="J1772" s="8"/>
      <c r="K1772" s="8"/>
      <c r="L1772" s="8"/>
      <c r="M1772" s="8"/>
      <c r="N1772" s="72"/>
      <c r="O1772" s="144"/>
    </row>
    <row r="1773" spans="3:15" s="99" customFormat="1">
      <c r="C1773" s="8"/>
      <c r="D1773" s="10"/>
      <c r="E1773" s="8"/>
      <c r="F1773" s="8"/>
      <c r="G1773" s="8"/>
      <c r="H1773" s="8"/>
      <c r="I1773" s="8"/>
      <c r="J1773" s="8"/>
      <c r="K1773" s="8"/>
      <c r="L1773" s="8"/>
      <c r="M1773" s="8"/>
      <c r="N1773" s="72"/>
      <c r="O1773" s="144"/>
    </row>
    <row r="1774" spans="3:15" s="99" customFormat="1">
      <c r="C1774" s="8"/>
      <c r="D1774" s="10"/>
      <c r="E1774" s="8"/>
      <c r="F1774" s="8"/>
      <c r="G1774" s="8"/>
      <c r="H1774" s="8"/>
      <c r="I1774" s="8"/>
      <c r="J1774" s="8"/>
      <c r="K1774" s="8"/>
      <c r="L1774" s="8"/>
      <c r="M1774" s="8"/>
      <c r="N1774" s="72"/>
      <c r="O1774" s="144"/>
    </row>
    <row r="1775" spans="3:15" s="99" customFormat="1">
      <c r="C1775" s="8"/>
      <c r="D1775" s="10"/>
      <c r="E1775" s="8"/>
      <c r="F1775" s="8"/>
      <c r="G1775" s="8"/>
      <c r="H1775" s="8"/>
      <c r="I1775" s="8"/>
      <c r="J1775" s="8"/>
      <c r="K1775" s="8"/>
      <c r="L1775" s="8"/>
      <c r="M1775" s="8"/>
      <c r="N1775" s="72"/>
      <c r="O1775" s="144"/>
    </row>
    <row r="1776" spans="3:15" s="99" customFormat="1">
      <c r="C1776" s="8"/>
      <c r="D1776" s="10"/>
      <c r="E1776" s="8"/>
      <c r="F1776" s="8"/>
      <c r="G1776" s="8"/>
      <c r="H1776" s="8"/>
      <c r="I1776" s="8"/>
      <c r="J1776" s="8"/>
      <c r="K1776" s="8"/>
      <c r="L1776" s="8"/>
      <c r="M1776" s="8"/>
      <c r="N1776" s="72"/>
      <c r="O1776" s="144"/>
    </row>
    <row r="1777" spans="3:15" s="99" customFormat="1">
      <c r="C1777" s="8"/>
      <c r="D1777" s="10"/>
      <c r="E1777" s="8"/>
      <c r="F1777" s="8"/>
      <c r="G1777" s="8"/>
      <c r="H1777" s="8"/>
      <c r="I1777" s="8"/>
      <c r="J1777" s="8"/>
      <c r="K1777" s="8"/>
      <c r="L1777" s="8"/>
      <c r="M1777" s="8"/>
      <c r="N1777" s="72"/>
      <c r="O1777" s="144"/>
    </row>
    <row r="1778" spans="3:15" s="99" customFormat="1">
      <c r="C1778" s="8"/>
      <c r="D1778" s="10"/>
      <c r="E1778" s="8"/>
      <c r="F1778" s="8"/>
      <c r="G1778" s="8"/>
      <c r="H1778" s="8"/>
      <c r="I1778" s="8"/>
      <c r="J1778" s="8"/>
      <c r="K1778" s="8"/>
      <c r="L1778" s="8"/>
      <c r="M1778" s="8"/>
      <c r="N1778" s="72"/>
      <c r="O1778" s="144"/>
    </row>
    <row r="1779" spans="3:15" s="99" customFormat="1">
      <c r="C1779" s="8"/>
      <c r="D1779" s="10"/>
      <c r="E1779" s="8"/>
      <c r="F1779" s="8"/>
      <c r="G1779" s="8"/>
      <c r="H1779" s="8"/>
      <c r="I1779" s="8"/>
      <c r="J1779" s="8"/>
      <c r="K1779" s="8"/>
      <c r="L1779" s="8"/>
      <c r="M1779" s="8"/>
      <c r="N1779" s="72"/>
      <c r="O1779" s="18"/>
    </row>
    <row r="1780" spans="3:15" s="99" customFormat="1">
      <c r="C1780" s="8"/>
      <c r="D1780" s="10"/>
      <c r="E1780" s="8"/>
      <c r="F1780" s="8"/>
      <c r="G1780" s="8"/>
      <c r="H1780" s="8"/>
      <c r="I1780" s="8"/>
      <c r="J1780" s="8"/>
      <c r="K1780" s="8"/>
      <c r="L1780" s="8"/>
      <c r="M1780" s="8"/>
      <c r="N1780" s="72"/>
      <c r="O1780" s="144"/>
    </row>
    <row r="1781" spans="3:15" s="99" customFormat="1">
      <c r="C1781" s="8"/>
      <c r="D1781" s="10"/>
      <c r="E1781" s="8"/>
      <c r="F1781" s="8"/>
      <c r="G1781" s="8"/>
      <c r="H1781" s="8"/>
      <c r="I1781" s="8"/>
      <c r="J1781" s="8"/>
      <c r="K1781" s="8"/>
      <c r="L1781" s="8"/>
      <c r="M1781" s="8"/>
      <c r="N1781" s="72"/>
      <c r="O1781" s="144"/>
    </row>
    <row r="1782" spans="3:15" s="99" customFormat="1">
      <c r="C1782" s="8"/>
      <c r="D1782" s="10"/>
      <c r="E1782" s="8"/>
      <c r="F1782" s="8"/>
      <c r="G1782" s="8"/>
      <c r="H1782" s="8"/>
      <c r="I1782" s="8"/>
      <c r="J1782" s="8"/>
      <c r="K1782" s="8"/>
      <c r="L1782" s="8"/>
      <c r="M1782" s="8"/>
      <c r="N1782" s="72"/>
      <c r="O1782" s="144"/>
    </row>
    <row r="1783" spans="3:15" s="99" customFormat="1">
      <c r="C1783" s="8"/>
      <c r="D1783" s="10"/>
      <c r="E1783" s="8"/>
      <c r="F1783" s="8"/>
      <c r="G1783" s="8"/>
      <c r="H1783" s="8"/>
      <c r="I1783" s="8"/>
      <c r="J1783" s="8"/>
      <c r="K1783" s="8"/>
      <c r="L1783" s="8"/>
      <c r="M1783" s="8"/>
      <c r="N1783" s="72"/>
      <c r="O1783" s="144"/>
    </row>
    <row r="1784" spans="3:15" s="99" customFormat="1">
      <c r="C1784" s="8"/>
      <c r="D1784" s="10"/>
      <c r="E1784" s="8"/>
      <c r="F1784" s="8"/>
      <c r="G1784" s="8"/>
      <c r="H1784" s="8"/>
      <c r="I1784" s="8"/>
      <c r="J1784" s="8"/>
      <c r="K1784" s="8"/>
      <c r="L1784" s="8"/>
      <c r="M1784" s="8"/>
      <c r="N1784" s="72"/>
      <c r="O1784" s="144"/>
    </row>
    <row r="1785" spans="3:15" s="99" customFormat="1">
      <c r="C1785" s="8"/>
      <c r="D1785" s="10"/>
      <c r="E1785" s="8"/>
      <c r="F1785" s="8"/>
      <c r="G1785" s="8"/>
      <c r="H1785" s="8"/>
      <c r="I1785" s="8"/>
      <c r="J1785" s="8"/>
      <c r="K1785" s="8"/>
      <c r="L1785" s="8"/>
      <c r="M1785" s="8"/>
      <c r="N1785" s="72"/>
      <c r="O1785" s="144"/>
    </row>
    <row r="1786" spans="3:15" s="99" customFormat="1">
      <c r="C1786" s="8"/>
      <c r="D1786" s="10"/>
      <c r="E1786" s="8"/>
      <c r="F1786" s="8"/>
      <c r="G1786" s="8"/>
      <c r="H1786" s="8"/>
      <c r="I1786" s="8"/>
      <c r="J1786" s="8"/>
      <c r="K1786" s="8"/>
      <c r="L1786" s="8"/>
      <c r="M1786" s="8"/>
      <c r="N1786" s="72"/>
      <c r="O1786" s="144"/>
    </row>
    <row r="1787" spans="3:15" s="99" customFormat="1">
      <c r="C1787" s="8"/>
      <c r="D1787" s="10"/>
      <c r="E1787" s="8"/>
      <c r="F1787" s="8"/>
      <c r="G1787" s="8"/>
      <c r="H1787" s="8"/>
      <c r="I1787" s="8"/>
      <c r="J1787" s="8"/>
      <c r="K1787" s="8"/>
      <c r="L1787" s="8"/>
      <c r="M1787" s="8"/>
      <c r="N1787" s="72"/>
      <c r="O1787" s="144"/>
    </row>
    <row r="1788" spans="3:15" s="99" customFormat="1">
      <c r="C1788" s="8"/>
      <c r="D1788" s="10"/>
      <c r="E1788" s="8"/>
      <c r="F1788" s="8"/>
      <c r="G1788" s="8"/>
      <c r="H1788" s="8"/>
      <c r="I1788" s="8"/>
      <c r="J1788" s="8"/>
      <c r="K1788" s="8"/>
      <c r="L1788" s="8"/>
      <c r="M1788" s="8"/>
      <c r="N1788" s="72"/>
      <c r="O1788" s="144"/>
    </row>
    <row r="1857" spans="3:15" s="99" customFormat="1">
      <c r="C1857" s="8"/>
      <c r="D1857" s="10"/>
      <c r="E1857" s="8"/>
      <c r="F1857" s="8"/>
      <c r="G1857" s="8"/>
      <c r="H1857" s="8"/>
      <c r="I1857" s="8"/>
      <c r="J1857" s="8"/>
      <c r="K1857" s="8"/>
      <c r="L1857" s="8"/>
      <c r="M1857" s="8"/>
      <c r="N1857" s="72"/>
      <c r="O1857" s="145"/>
    </row>
    <row r="1858" spans="3:15" s="99" customFormat="1">
      <c r="C1858" s="8"/>
      <c r="D1858" s="10"/>
      <c r="E1858" s="8"/>
      <c r="F1858" s="8"/>
      <c r="G1858" s="8"/>
      <c r="H1858" s="8"/>
      <c r="I1858" s="8"/>
      <c r="J1858" s="8"/>
      <c r="K1858" s="8"/>
      <c r="L1858" s="8"/>
      <c r="M1858" s="8"/>
      <c r="N1858" s="72"/>
      <c r="O1858" s="145"/>
    </row>
    <row r="1859" spans="3:15" s="99" customFormat="1">
      <c r="C1859" s="8"/>
      <c r="D1859" s="10"/>
      <c r="E1859" s="8"/>
      <c r="F1859" s="8"/>
      <c r="G1859" s="8"/>
      <c r="H1859" s="8"/>
      <c r="I1859" s="8"/>
      <c r="J1859" s="8"/>
      <c r="K1859" s="8"/>
      <c r="L1859" s="8"/>
      <c r="M1859" s="8"/>
      <c r="N1859" s="72"/>
      <c r="O1859" s="145"/>
    </row>
    <row r="1860" spans="3:15" s="99" customFormat="1">
      <c r="C1860" s="8"/>
      <c r="D1860" s="10"/>
      <c r="E1860" s="8"/>
      <c r="F1860" s="8"/>
      <c r="G1860" s="8"/>
      <c r="H1860" s="8"/>
      <c r="I1860" s="8"/>
      <c r="J1860" s="8"/>
      <c r="K1860" s="8"/>
      <c r="L1860" s="8"/>
      <c r="M1860" s="8"/>
      <c r="N1860" s="72"/>
      <c r="O1860" s="145"/>
    </row>
    <row r="1861" spans="3:15" s="99" customFormat="1">
      <c r="C1861" s="8"/>
      <c r="D1861" s="10"/>
      <c r="E1861" s="8"/>
      <c r="F1861" s="8"/>
      <c r="G1861" s="8"/>
      <c r="H1861" s="8"/>
      <c r="I1861" s="8"/>
      <c r="J1861" s="8"/>
      <c r="K1861" s="8"/>
      <c r="L1861" s="8"/>
      <c r="M1861" s="8"/>
      <c r="N1861" s="72"/>
      <c r="O1861" s="145"/>
    </row>
    <row r="1862" spans="3:15" s="99" customFormat="1">
      <c r="C1862" s="8"/>
      <c r="D1862" s="10"/>
      <c r="E1862" s="8"/>
      <c r="F1862" s="8"/>
      <c r="G1862" s="8"/>
      <c r="H1862" s="8"/>
      <c r="I1862" s="8"/>
      <c r="J1862" s="8"/>
      <c r="K1862" s="8"/>
      <c r="L1862" s="8"/>
      <c r="M1862" s="8"/>
      <c r="N1862" s="72"/>
      <c r="O1862" s="145"/>
    </row>
    <row r="2082" spans="3:15" s="99" customFormat="1">
      <c r="C2082" s="8"/>
      <c r="D2082" s="10"/>
      <c r="E2082" s="8"/>
      <c r="F2082" s="8"/>
      <c r="G2082" s="8"/>
      <c r="H2082" s="8"/>
      <c r="I2082" s="8"/>
      <c r="J2082" s="8"/>
      <c r="K2082" s="8"/>
      <c r="L2082" s="8"/>
      <c r="M2082" s="8"/>
      <c r="N2082" s="72"/>
      <c r="O2082" s="8"/>
    </row>
    <row r="2083" spans="3:15" s="99" customFormat="1">
      <c r="C2083" s="8"/>
      <c r="D2083" s="10"/>
      <c r="E2083" s="8"/>
      <c r="F2083" s="8"/>
      <c r="G2083" s="8"/>
      <c r="H2083" s="8"/>
      <c r="I2083" s="8"/>
      <c r="J2083" s="8"/>
      <c r="K2083" s="8"/>
      <c r="L2083" s="8"/>
      <c r="M2083" s="8"/>
      <c r="N2083" s="72"/>
      <c r="O2083" s="8"/>
    </row>
    <row r="2128" spans="3:15" s="99" customFormat="1">
      <c r="C2128" s="8"/>
      <c r="D2128" s="10"/>
      <c r="E2128" s="8"/>
      <c r="F2128" s="8"/>
      <c r="G2128" s="8"/>
      <c r="H2128" s="8"/>
      <c r="I2128" s="8"/>
      <c r="J2128" s="8"/>
      <c r="K2128" s="8"/>
      <c r="L2128" s="8"/>
      <c r="M2128" s="8"/>
      <c r="N2128" s="72"/>
      <c r="O2128" s="8"/>
    </row>
    <row r="2129" spans="3:15" s="99" customFormat="1">
      <c r="C2129" s="8"/>
      <c r="D2129" s="10"/>
      <c r="E2129" s="8"/>
      <c r="F2129" s="8"/>
      <c r="G2129" s="8"/>
      <c r="H2129" s="8"/>
      <c r="I2129" s="8"/>
      <c r="J2129" s="8"/>
      <c r="K2129" s="8"/>
      <c r="L2129" s="8"/>
      <c r="M2129" s="8"/>
      <c r="N2129" s="72"/>
      <c r="O2129" s="8"/>
    </row>
    <row r="2152" spans="3:15" s="99" customFormat="1">
      <c r="C2152" s="8"/>
      <c r="D2152" s="10"/>
      <c r="E2152" s="8"/>
      <c r="F2152" s="8"/>
      <c r="G2152" s="8"/>
      <c r="H2152" s="8"/>
      <c r="I2152" s="8"/>
      <c r="J2152" s="8"/>
      <c r="K2152" s="8"/>
      <c r="L2152" s="8"/>
      <c r="M2152" s="8"/>
      <c r="N2152" s="72"/>
      <c r="O2152" s="72"/>
    </row>
    <row r="2153" spans="3:15" s="99" customFormat="1">
      <c r="C2153" s="8"/>
      <c r="D2153" s="10"/>
      <c r="E2153" s="8"/>
      <c r="F2153" s="8"/>
      <c r="G2153" s="8"/>
      <c r="H2153" s="8"/>
      <c r="I2153" s="8"/>
      <c r="J2153" s="8"/>
      <c r="K2153" s="8"/>
      <c r="L2153" s="8"/>
      <c r="M2153" s="8"/>
      <c r="N2153" s="72"/>
      <c r="O2153" s="72"/>
    </row>
    <row r="2154" spans="3:15" s="99" customFormat="1">
      <c r="C2154" s="8"/>
      <c r="D2154" s="10"/>
      <c r="E2154" s="8"/>
      <c r="F2154" s="8"/>
      <c r="G2154" s="8"/>
      <c r="H2154" s="8"/>
      <c r="I2154" s="8"/>
      <c r="J2154" s="8"/>
      <c r="K2154" s="8"/>
      <c r="L2154" s="8"/>
      <c r="M2154" s="8"/>
      <c r="N2154" s="72"/>
      <c r="O2154" s="18"/>
    </row>
    <row r="2155" spans="3:15" s="99" customFormat="1">
      <c r="C2155" s="8"/>
      <c r="D2155" s="10"/>
      <c r="E2155" s="8"/>
      <c r="F2155" s="8"/>
      <c r="G2155" s="8"/>
      <c r="H2155" s="8"/>
      <c r="I2155" s="8"/>
      <c r="J2155" s="8"/>
      <c r="K2155" s="8"/>
      <c r="L2155" s="8"/>
      <c r="M2155" s="8"/>
      <c r="N2155" s="72"/>
      <c r="O2155" s="12"/>
    </row>
    <row r="2181" spans="3:15" s="99" customFormat="1">
      <c r="C2181" s="8"/>
      <c r="D2181" s="10"/>
      <c r="E2181" s="8"/>
      <c r="F2181" s="8"/>
      <c r="G2181" s="8"/>
      <c r="H2181" s="8"/>
      <c r="I2181" s="8"/>
      <c r="J2181" s="8"/>
      <c r="K2181" s="8"/>
      <c r="L2181" s="8"/>
      <c r="M2181" s="8"/>
      <c r="N2181" s="72"/>
      <c r="O2181" s="8"/>
    </row>
    <row r="2182" spans="3:15" s="99" customFormat="1">
      <c r="C2182" s="8"/>
      <c r="D2182" s="10"/>
      <c r="E2182" s="8"/>
      <c r="F2182" s="8"/>
      <c r="G2182" s="8"/>
      <c r="H2182" s="8"/>
      <c r="I2182" s="8"/>
      <c r="J2182" s="8"/>
      <c r="K2182" s="8"/>
      <c r="L2182" s="8"/>
      <c r="M2182" s="8"/>
      <c r="N2182" s="72"/>
      <c r="O2182" s="8"/>
    </row>
    <row r="2219" spans="3:15" s="99" customFormat="1">
      <c r="C2219" s="8"/>
      <c r="D2219" s="10"/>
      <c r="E2219" s="8"/>
      <c r="F2219" s="8"/>
      <c r="G2219" s="8"/>
      <c r="H2219" s="8"/>
      <c r="I2219" s="8"/>
      <c r="J2219" s="8"/>
      <c r="K2219" s="8"/>
      <c r="L2219" s="8"/>
      <c r="M2219" s="8"/>
      <c r="N2219" s="72"/>
      <c r="O2219" s="8"/>
    </row>
    <row r="2220" spans="3:15" s="99" customFormat="1">
      <c r="C2220" s="8"/>
      <c r="D2220" s="10"/>
      <c r="E2220" s="8"/>
      <c r="F2220" s="8"/>
      <c r="G2220" s="8"/>
      <c r="H2220" s="8"/>
      <c r="I2220" s="8"/>
      <c r="J2220" s="8"/>
      <c r="K2220" s="8"/>
      <c r="L2220" s="8"/>
      <c r="M2220" s="8"/>
      <c r="N2220" s="72"/>
      <c r="O2220" s="8"/>
    </row>
    <row r="2590" spans="3:15" s="99" customFormat="1">
      <c r="C2590" s="8"/>
      <c r="D2590" s="10"/>
      <c r="E2590" s="8"/>
      <c r="F2590" s="8"/>
      <c r="G2590" s="8"/>
      <c r="H2590" s="8"/>
      <c r="I2590" s="8"/>
      <c r="J2590" s="8"/>
      <c r="K2590" s="8"/>
      <c r="L2590" s="8"/>
      <c r="M2590" s="8"/>
      <c r="N2590" s="72"/>
      <c r="O2590" s="33"/>
    </row>
    <row r="2591" spans="3:15" s="99" customFormat="1">
      <c r="C2591" s="8"/>
      <c r="D2591" s="10"/>
      <c r="E2591" s="8"/>
      <c r="F2591" s="8"/>
      <c r="G2591" s="8"/>
      <c r="H2591" s="8"/>
      <c r="I2591" s="8"/>
      <c r="J2591" s="8"/>
      <c r="K2591" s="8"/>
      <c r="L2591" s="8"/>
      <c r="M2591" s="8"/>
      <c r="N2591" s="72"/>
      <c r="O2591" s="33"/>
    </row>
    <row r="2592" spans="3:15" s="99" customFormat="1">
      <c r="C2592" s="8"/>
      <c r="D2592" s="10"/>
      <c r="E2592" s="8"/>
      <c r="F2592" s="8"/>
      <c r="G2592" s="8"/>
      <c r="H2592" s="8"/>
      <c r="I2592" s="8"/>
      <c r="J2592" s="8"/>
      <c r="K2592" s="8"/>
      <c r="L2592" s="8"/>
      <c r="M2592" s="8"/>
      <c r="N2592" s="72"/>
      <c r="O2592" s="33"/>
    </row>
    <row r="2593" spans="3:15" s="99" customFormat="1">
      <c r="C2593" s="8"/>
      <c r="D2593" s="10"/>
      <c r="E2593" s="8"/>
      <c r="F2593" s="8"/>
      <c r="G2593" s="8"/>
      <c r="H2593" s="8"/>
      <c r="I2593" s="8"/>
      <c r="J2593" s="8"/>
      <c r="K2593" s="8"/>
      <c r="L2593" s="8"/>
      <c r="M2593" s="8"/>
      <c r="N2593" s="72"/>
      <c r="O2593" s="33"/>
    </row>
    <row r="2594" spans="3:15" s="99" customFormat="1">
      <c r="C2594" s="8"/>
      <c r="D2594" s="10"/>
      <c r="E2594" s="8"/>
      <c r="F2594" s="8"/>
      <c r="G2594" s="8"/>
      <c r="H2594" s="8"/>
      <c r="I2594" s="8"/>
      <c r="J2594" s="8"/>
      <c r="K2594" s="8"/>
      <c r="L2594" s="8"/>
      <c r="M2594" s="8"/>
      <c r="N2594" s="72"/>
      <c r="O2594" s="33"/>
    </row>
    <row r="2595" spans="3:15" s="99" customFormat="1">
      <c r="C2595" s="8"/>
      <c r="D2595" s="10"/>
      <c r="E2595" s="8"/>
      <c r="F2595" s="8"/>
      <c r="G2595" s="8"/>
      <c r="H2595" s="8"/>
      <c r="I2595" s="8"/>
      <c r="J2595" s="8"/>
      <c r="K2595" s="8"/>
      <c r="L2595" s="8"/>
      <c r="M2595" s="8"/>
      <c r="N2595" s="72"/>
      <c r="O2595" s="33"/>
    </row>
    <row r="2637" spans="3:15" s="99" customFormat="1">
      <c r="C2637" s="8"/>
      <c r="D2637" s="10"/>
      <c r="E2637" s="8"/>
      <c r="F2637" s="8"/>
      <c r="G2637" s="8"/>
      <c r="H2637" s="8"/>
      <c r="I2637" s="8"/>
      <c r="J2637" s="8"/>
      <c r="K2637" s="8"/>
      <c r="L2637" s="8"/>
      <c r="M2637" s="8"/>
      <c r="N2637" s="72"/>
      <c r="O2637" s="18"/>
    </row>
    <row r="2638" spans="3:15" s="99" customFormat="1">
      <c r="C2638" s="8"/>
      <c r="D2638" s="10"/>
      <c r="E2638" s="8"/>
      <c r="F2638" s="8"/>
      <c r="G2638" s="8"/>
      <c r="H2638" s="8"/>
      <c r="I2638" s="8"/>
      <c r="J2638" s="8"/>
      <c r="K2638" s="8"/>
      <c r="L2638" s="8"/>
      <c r="M2638" s="8"/>
      <c r="N2638" s="72"/>
      <c r="O2638" s="18"/>
    </row>
    <row r="2639" spans="3:15" s="99" customFormat="1">
      <c r="C2639" s="8"/>
      <c r="D2639" s="10"/>
      <c r="E2639" s="8"/>
      <c r="F2639" s="8"/>
      <c r="G2639" s="8"/>
      <c r="H2639" s="8"/>
      <c r="I2639" s="8"/>
      <c r="J2639" s="8"/>
      <c r="K2639" s="8"/>
      <c r="L2639" s="8"/>
      <c r="M2639" s="8"/>
      <c r="N2639" s="72"/>
      <c r="O2639" s="18"/>
    </row>
    <row r="2640" spans="3:15" s="99" customFormat="1">
      <c r="C2640" s="8"/>
      <c r="D2640" s="10"/>
      <c r="E2640" s="8"/>
      <c r="F2640" s="8"/>
      <c r="G2640" s="8"/>
      <c r="H2640" s="8"/>
      <c r="I2640" s="8"/>
      <c r="J2640" s="8"/>
      <c r="K2640" s="8"/>
      <c r="L2640" s="8"/>
      <c r="M2640" s="8"/>
      <c r="N2640" s="72"/>
      <c r="O2640" s="18"/>
    </row>
    <row r="2641" spans="3:15" s="99" customFormat="1">
      <c r="C2641" s="8"/>
      <c r="D2641" s="10"/>
      <c r="E2641" s="8"/>
      <c r="F2641" s="8"/>
      <c r="G2641" s="8"/>
      <c r="H2641" s="8"/>
      <c r="I2641" s="8"/>
      <c r="J2641" s="8"/>
      <c r="K2641" s="8"/>
      <c r="L2641" s="8"/>
      <c r="M2641" s="8"/>
      <c r="N2641" s="72"/>
      <c r="O2641" s="18"/>
    </row>
    <row r="2642" spans="3:15" s="99" customFormat="1">
      <c r="C2642" s="8"/>
      <c r="D2642" s="10"/>
      <c r="E2642" s="8"/>
      <c r="F2642" s="8"/>
      <c r="G2642" s="8"/>
      <c r="H2642" s="8"/>
      <c r="I2642" s="8"/>
      <c r="J2642" s="8"/>
      <c r="K2642" s="8"/>
      <c r="L2642" s="8"/>
      <c r="M2642" s="8"/>
      <c r="N2642" s="72"/>
      <c r="O2642" s="18"/>
    </row>
    <row r="2643" spans="3:15" s="99" customFormat="1">
      <c r="C2643" s="8"/>
      <c r="D2643" s="10"/>
      <c r="E2643" s="8"/>
      <c r="F2643" s="8"/>
      <c r="G2643" s="8"/>
      <c r="H2643" s="8"/>
      <c r="I2643" s="8"/>
      <c r="J2643" s="8"/>
      <c r="K2643" s="8"/>
      <c r="L2643" s="8"/>
      <c r="M2643" s="8"/>
      <c r="N2643" s="72"/>
      <c r="O2643" s="18"/>
    </row>
    <row r="2644" spans="3:15" s="99" customFormat="1">
      <c r="C2644" s="8"/>
      <c r="D2644" s="10"/>
      <c r="E2644" s="8"/>
      <c r="F2644" s="8"/>
      <c r="G2644" s="8"/>
      <c r="H2644" s="8"/>
      <c r="I2644" s="8"/>
      <c r="J2644" s="8"/>
      <c r="K2644" s="8"/>
      <c r="L2644" s="8"/>
      <c r="M2644" s="8"/>
      <c r="N2644" s="72"/>
      <c r="O2644" s="18"/>
    </row>
    <row r="2645" spans="3:15" s="99" customFormat="1">
      <c r="C2645" s="8"/>
      <c r="D2645" s="10"/>
      <c r="E2645" s="8"/>
      <c r="F2645" s="8"/>
      <c r="G2645" s="8"/>
      <c r="H2645" s="8"/>
      <c r="I2645" s="8"/>
      <c r="J2645" s="8"/>
      <c r="K2645" s="8"/>
      <c r="L2645" s="8"/>
      <c r="M2645" s="8"/>
      <c r="N2645" s="72"/>
      <c r="O2645" s="18"/>
    </row>
    <row r="2646" spans="3:15" s="99" customFormat="1">
      <c r="C2646" s="8"/>
      <c r="D2646" s="10"/>
      <c r="E2646" s="8"/>
      <c r="F2646" s="8"/>
      <c r="G2646" s="8"/>
      <c r="H2646" s="8"/>
      <c r="I2646" s="8"/>
      <c r="J2646" s="8"/>
      <c r="K2646" s="8"/>
      <c r="L2646" s="8"/>
      <c r="M2646" s="8"/>
      <c r="N2646" s="72"/>
      <c r="O2646" s="18"/>
    </row>
    <row r="2647" spans="3:15" s="99" customFormat="1">
      <c r="C2647" s="8"/>
      <c r="D2647" s="10"/>
      <c r="E2647" s="8"/>
      <c r="F2647" s="8"/>
      <c r="G2647" s="8"/>
      <c r="H2647" s="8"/>
      <c r="I2647" s="8"/>
      <c r="J2647" s="8"/>
      <c r="K2647" s="8"/>
      <c r="L2647" s="8"/>
      <c r="M2647" s="8"/>
      <c r="N2647" s="72"/>
      <c r="O2647" s="18"/>
    </row>
    <row r="2648" spans="3:15" s="99" customFormat="1">
      <c r="C2648" s="8"/>
      <c r="D2648" s="10"/>
      <c r="E2648" s="8"/>
      <c r="F2648" s="8"/>
      <c r="G2648" s="8"/>
      <c r="H2648" s="8"/>
      <c r="I2648" s="8"/>
      <c r="J2648" s="8"/>
      <c r="K2648" s="8"/>
      <c r="L2648" s="8"/>
      <c r="M2648" s="8"/>
      <c r="N2648" s="72"/>
      <c r="O2648" s="18"/>
    </row>
    <row r="2649" spans="3:15" s="99" customFormat="1">
      <c r="C2649" s="8"/>
      <c r="D2649" s="10"/>
      <c r="E2649" s="8"/>
      <c r="F2649" s="8"/>
      <c r="G2649" s="8"/>
      <c r="H2649" s="8"/>
      <c r="I2649" s="8"/>
      <c r="J2649" s="8"/>
      <c r="K2649" s="8"/>
      <c r="L2649" s="8"/>
      <c r="M2649" s="8"/>
      <c r="N2649" s="72"/>
      <c r="O2649" s="18"/>
    </row>
    <row r="2650" spans="3:15" s="99" customFormat="1">
      <c r="C2650" s="8"/>
      <c r="D2650" s="10"/>
      <c r="E2650" s="8"/>
      <c r="F2650" s="8"/>
      <c r="G2650" s="8"/>
      <c r="H2650" s="8"/>
      <c r="I2650" s="8"/>
      <c r="J2650" s="8"/>
      <c r="K2650" s="8"/>
      <c r="L2650" s="8"/>
      <c r="M2650" s="8"/>
      <c r="N2650" s="72"/>
      <c r="O2650" s="18"/>
    </row>
    <row r="2651" spans="3:15" s="99" customFormat="1">
      <c r="C2651" s="8"/>
      <c r="D2651" s="10"/>
      <c r="E2651" s="8"/>
      <c r="F2651" s="8"/>
      <c r="G2651" s="8"/>
      <c r="H2651" s="8"/>
      <c r="I2651" s="8"/>
      <c r="J2651" s="8"/>
      <c r="K2651" s="8"/>
      <c r="L2651" s="8"/>
      <c r="M2651" s="8"/>
      <c r="N2651" s="72"/>
      <c r="O2651" s="18"/>
    </row>
    <row r="2652" spans="3:15" s="99" customFormat="1">
      <c r="C2652" s="8"/>
      <c r="D2652" s="10"/>
      <c r="E2652" s="8"/>
      <c r="F2652" s="8"/>
      <c r="G2652" s="8"/>
      <c r="H2652" s="8"/>
      <c r="I2652" s="8"/>
      <c r="J2652" s="8"/>
      <c r="K2652" s="8"/>
      <c r="L2652" s="8"/>
      <c r="M2652" s="8"/>
      <c r="N2652" s="72"/>
      <c r="O2652" s="18"/>
    </row>
    <row r="2653" spans="3:15" s="99" customFormat="1">
      <c r="C2653" s="8"/>
      <c r="D2653" s="10"/>
      <c r="E2653" s="8"/>
      <c r="F2653" s="8"/>
      <c r="G2653" s="8"/>
      <c r="H2653" s="8"/>
      <c r="I2653" s="8"/>
      <c r="J2653" s="8"/>
      <c r="K2653" s="8"/>
      <c r="L2653" s="8"/>
      <c r="M2653" s="8"/>
      <c r="N2653" s="72"/>
      <c r="O2653" s="18"/>
    </row>
    <row r="2654" spans="3:15" s="99" customFormat="1">
      <c r="C2654" s="8"/>
      <c r="D2654" s="10"/>
      <c r="E2654" s="8"/>
      <c r="F2654" s="8"/>
      <c r="G2654" s="8"/>
      <c r="H2654" s="8"/>
      <c r="I2654" s="8"/>
      <c r="J2654" s="8"/>
      <c r="K2654" s="8"/>
      <c r="L2654" s="8"/>
      <c r="M2654" s="8"/>
      <c r="N2654" s="72"/>
      <c r="O2654" s="18"/>
    </row>
    <row r="2655" spans="3:15" s="99" customFormat="1">
      <c r="C2655" s="8"/>
      <c r="D2655" s="10"/>
      <c r="E2655" s="8"/>
      <c r="F2655" s="8"/>
      <c r="G2655" s="8"/>
      <c r="H2655" s="8"/>
      <c r="I2655" s="8"/>
      <c r="J2655" s="8"/>
      <c r="K2655" s="8"/>
      <c r="L2655" s="8"/>
      <c r="M2655" s="8"/>
      <c r="N2655" s="72"/>
      <c r="O2655" s="18"/>
    </row>
    <row r="2656" spans="3:15" s="99" customFormat="1">
      <c r="C2656" s="8"/>
      <c r="D2656" s="10"/>
      <c r="E2656" s="8"/>
      <c r="F2656" s="8"/>
      <c r="G2656" s="8"/>
      <c r="H2656" s="8"/>
      <c r="I2656" s="8"/>
      <c r="J2656" s="8"/>
      <c r="K2656" s="8"/>
      <c r="L2656" s="8"/>
      <c r="M2656" s="8"/>
      <c r="N2656" s="72"/>
      <c r="O2656" s="18"/>
    </row>
    <row r="2657" spans="3:15" s="99" customFormat="1">
      <c r="C2657" s="8"/>
      <c r="D2657" s="10"/>
      <c r="E2657" s="8"/>
      <c r="F2657" s="8"/>
      <c r="G2657" s="8"/>
      <c r="H2657" s="8"/>
      <c r="I2657" s="8"/>
      <c r="J2657" s="8"/>
      <c r="K2657" s="8"/>
      <c r="L2657" s="8"/>
      <c r="M2657" s="8"/>
      <c r="N2657" s="72"/>
      <c r="O2657" s="18"/>
    </row>
    <row r="2658" spans="3:15" s="99" customFormat="1">
      <c r="C2658" s="8"/>
      <c r="D2658" s="10"/>
      <c r="E2658" s="8"/>
      <c r="F2658" s="8"/>
      <c r="G2658" s="8"/>
      <c r="H2658" s="8"/>
      <c r="I2658" s="8"/>
      <c r="J2658" s="8"/>
      <c r="K2658" s="8"/>
      <c r="L2658" s="8"/>
      <c r="M2658" s="8"/>
      <c r="N2658" s="72"/>
      <c r="O2658" s="18"/>
    </row>
    <row r="2659" spans="3:15" s="99" customFormat="1">
      <c r="C2659" s="8"/>
      <c r="D2659" s="10"/>
      <c r="E2659" s="8"/>
      <c r="F2659" s="8"/>
      <c r="G2659" s="8"/>
      <c r="H2659" s="8"/>
      <c r="I2659" s="8"/>
      <c r="J2659" s="8"/>
      <c r="K2659" s="8"/>
      <c r="L2659" s="8"/>
      <c r="M2659" s="8"/>
      <c r="N2659" s="72"/>
      <c r="O2659" s="18"/>
    </row>
    <row r="2660" spans="3:15" s="99" customFormat="1">
      <c r="C2660" s="8"/>
      <c r="D2660" s="10"/>
      <c r="E2660" s="8"/>
      <c r="F2660" s="8"/>
      <c r="G2660" s="8"/>
      <c r="H2660" s="8"/>
      <c r="I2660" s="8"/>
      <c r="J2660" s="8"/>
      <c r="K2660" s="8"/>
      <c r="L2660" s="8"/>
      <c r="M2660" s="8"/>
      <c r="N2660" s="72"/>
      <c r="O2660" s="18"/>
    </row>
    <row r="2661" spans="3:15" s="99" customFormat="1">
      <c r="C2661" s="8"/>
      <c r="D2661" s="10"/>
      <c r="E2661" s="8"/>
      <c r="F2661" s="8"/>
      <c r="G2661" s="8"/>
      <c r="H2661" s="8"/>
      <c r="I2661" s="8"/>
      <c r="J2661" s="8"/>
      <c r="K2661" s="8"/>
      <c r="L2661" s="8"/>
      <c r="M2661" s="8"/>
      <c r="N2661" s="72"/>
      <c r="O2661" s="18"/>
    </row>
    <row r="2662" spans="3:15" s="99" customFormat="1">
      <c r="C2662" s="8"/>
      <c r="D2662" s="10"/>
      <c r="E2662" s="8"/>
      <c r="F2662" s="8"/>
      <c r="G2662" s="8"/>
      <c r="H2662" s="8"/>
      <c r="I2662" s="8"/>
      <c r="J2662" s="8"/>
      <c r="K2662" s="8"/>
      <c r="L2662" s="8"/>
      <c r="M2662" s="8"/>
      <c r="N2662" s="72"/>
      <c r="O2662" s="18"/>
    </row>
    <row r="2663" spans="3:15" s="99" customFormat="1">
      <c r="C2663" s="8"/>
      <c r="D2663" s="10"/>
      <c r="E2663" s="8"/>
      <c r="F2663" s="8"/>
      <c r="G2663" s="8"/>
      <c r="H2663" s="8"/>
      <c r="I2663" s="8"/>
      <c r="J2663" s="8"/>
      <c r="K2663" s="8"/>
      <c r="L2663" s="8"/>
      <c r="M2663" s="8"/>
      <c r="N2663" s="72"/>
      <c r="O2663" s="18"/>
    </row>
    <row r="2664" spans="3:15" s="99" customFormat="1">
      <c r="C2664" s="8"/>
      <c r="D2664" s="10"/>
      <c r="E2664" s="8"/>
      <c r="F2664" s="8"/>
      <c r="G2664" s="8"/>
      <c r="H2664" s="8"/>
      <c r="I2664" s="8"/>
      <c r="J2664" s="8"/>
      <c r="K2664" s="8"/>
      <c r="L2664" s="8"/>
      <c r="M2664" s="8"/>
      <c r="N2664" s="72"/>
      <c r="O2664" s="18"/>
    </row>
    <row r="2665" spans="3:15" s="99" customFormat="1">
      <c r="C2665" s="8"/>
      <c r="D2665" s="10"/>
      <c r="E2665" s="8"/>
      <c r="F2665" s="8"/>
      <c r="G2665" s="8"/>
      <c r="H2665" s="8"/>
      <c r="I2665" s="8"/>
      <c r="J2665" s="8"/>
      <c r="K2665" s="8"/>
      <c r="L2665" s="8"/>
      <c r="M2665" s="8"/>
      <c r="N2665" s="72"/>
      <c r="O2665" s="18"/>
    </row>
    <row r="2666" spans="3:15" s="99" customFormat="1">
      <c r="C2666" s="8"/>
      <c r="D2666" s="10"/>
      <c r="E2666" s="8"/>
      <c r="F2666" s="8"/>
      <c r="G2666" s="8"/>
      <c r="H2666" s="8"/>
      <c r="I2666" s="8"/>
      <c r="J2666" s="8"/>
      <c r="K2666" s="8"/>
      <c r="L2666" s="8"/>
      <c r="M2666" s="8"/>
      <c r="N2666" s="72"/>
      <c r="O2666" s="18"/>
    </row>
    <row r="2667" spans="3:15" s="99" customFormat="1">
      <c r="C2667" s="8"/>
      <c r="D2667" s="10"/>
      <c r="E2667" s="8"/>
      <c r="F2667" s="8"/>
      <c r="G2667" s="8"/>
      <c r="H2667" s="8"/>
      <c r="I2667" s="8"/>
      <c r="J2667" s="8"/>
      <c r="K2667" s="8"/>
      <c r="L2667" s="8"/>
      <c r="M2667" s="8"/>
      <c r="N2667" s="72"/>
      <c r="O2667" s="18"/>
    </row>
    <row r="2668" spans="3:15" s="99" customFormat="1">
      <c r="C2668" s="8"/>
      <c r="D2668" s="10"/>
      <c r="E2668" s="8"/>
      <c r="F2668" s="8"/>
      <c r="G2668" s="8"/>
      <c r="H2668" s="8"/>
      <c r="I2668" s="8"/>
      <c r="J2668" s="8"/>
      <c r="K2668" s="8"/>
      <c r="L2668" s="8"/>
      <c r="M2668" s="8"/>
      <c r="N2668" s="72"/>
      <c r="O2668" s="18"/>
    </row>
    <row r="2669" spans="3:15" s="99" customFormat="1">
      <c r="C2669" s="8"/>
      <c r="D2669" s="10"/>
      <c r="E2669" s="8"/>
      <c r="F2669" s="8"/>
      <c r="G2669" s="8"/>
      <c r="H2669" s="8"/>
      <c r="I2669" s="8"/>
      <c r="J2669" s="8"/>
      <c r="K2669" s="8"/>
      <c r="L2669" s="8"/>
      <c r="M2669" s="8"/>
      <c r="N2669" s="72"/>
      <c r="O2669" s="18"/>
    </row>
    <row r="2670" spans="3:15" s="99" customFormat="1">
      <c r="C2670" s="8"/>
      <c r="D2670" s="10"/>
      <c r="E2670" s="8"/>
      <c r="F2670" s="8"/>
      <c r="G2670" s="8"/>
      <c r="H2670" s="8"/>
      <c r="I2670" s="8"/>
      <c r="J2670" s="8"/>
      <c r="K2670" s="8"/>
      <c r="L2670" s="8"/>
      <c r="M2670" s="8"/>
      <c r="N2670" s="72"/>
      <c r="O2670" s="18"/>
    </row>
    <row r="2671" spans="3:15" s="99" customFormat="1">
      <c r="C2671" s="8"/>
      <c r="D2671" s="10"/>
      <c r="E2671" s="8"/>
      <c r="F2671" s="8"/>
      <c r="G2671" s="8"/>
      <c r="H2671" s="8"/>
      <c r="I2671" s="8"/>
      <c r="J2671" s="8"/>
      <c r="K2671" s="8"/>
      <c r="L2671" s="8"/>
      <c r="M2671" s="8"/>
      <c r="N2671" s="72"/>
      <c r="O2671" s="18"/>
    </row>
    <row r="2672" spans="3:15" s="99" customFormat="1">
      <c r="C2672" s="8"/>
      <c r="D2672" s="10"/>
      <c r="E2672" s="8"/>
      <c r="F2672" s="8"/>
      <c r="G2672" s="8"/>
      <c r="H2672" s="8"/>
      <c r="I2672" s="8"/>
      <c r="J2672" s="8"/>
      <c r="K2672" s="8"/>
      <c r="L2672" s="8"/>
      <c r="M2672" s="8"/>
      <c r="N2672" s="72"/>
      <c r="O2672" s="18"/>
    </row>
    <row r="2673" spans="3:15" s="99" customFormat="1">
      <c r="C2673" s="8"/>
      <c r="D2673" s="10"/>
      <c r="E2673" s="8"/>
      <c r="F2673" s="8"/>
      <c r="G2673" s="8"/>
      <c r="H2673" s="8"/>
      <c r="I2673" s="8"/>
      <c r="J2673" s="8"/>
      <c r="K2673" s="8"/>
      <c r="L2673" s="8"/>
      <c r="M2673" s="8"/>
      <c r="N2673" s="72"/>
      <c r="O2673" s="18"/>
    </row>
    <row r="2674" spans="3:15" s="99" customFormat="1">
      <c r="C2674" s="8"/>
      <c r="D2674" s="10"/>
      <c r="E2674" s="8"/>
      <c r="F2674" s="8"/>
      <c r="G2674" s="8"/>
      <c r="H2674" s="8"/>
      <c r="I2674" s="8"/>
      <c r="J2674" s="8"/>
      <c r="K2674" s="8"/>
      <c r="L2674" s="8"/>
      <c r="M2674" s="8"/>
      <c r="N2674" s="72"/>
      <c r="O2674" s="18"/>
    </row>
    <row r="2675" spans="3:15" s="99" customFormat="1">
      <c r="C2675" s="8"/>
      <c r="D2675" s="10"/>
      <c r="E2675" s="8"/>
      <c r="F2675" s="8"/>
      <c r="G2675" s="8"/>
      <c r="H2675" s="8"/>
      <c r="I2675" s="8"/>
      <c r="J2675" s="8"/>
      <c r="K2675" s="8"/>
      <c r="L2675" s="8"/>
      <c r="M2675" s="8"/>
      <c r="N2675" s="72"/>
      <c r="O2675" s="18"/>
    </row>
    <row r="2676" spans="3:15" s="99" customFormat="1">
      <c r="C2676" s="8"/>
      <c r="D2676" s="10"/>
      <c r="E2676" s="8"/>
      <c r="F2676" s="8"/>
      <c r="G2676" s="8"/>
      <c r="H2676" s="8"/>
      <c r="I2676" s="8"/>
      <c r="J2676" s="8"/>
      <c r="K2676" s="8"/>
      <c r="L2676" s="8"/>
      <c r="M2676" s="8"/>
      <c r="N2676" s="72"/>
      <c r="O2676" s="18"/>
    </row>
    <row r="2677" spans="3:15" s="99" customFormat="1">
      <c r="C2677" s="8"/>
      <c r="D2677" s="10"/>
      <c r="E2677" s="8"/>
      <c r="F2677" s="8"/>
      <c r="G2677" s="8"/>
      <c r="H2677" s="8"/>
      <c r="I2677" s="8"/>
      <c r="J2677" s="8"/>
      <c r="K2677" s="8"/>
      <c r="L2677" s="8"/>
      <c r="M2677" s="8"/>
      <c r="N2677" s="72"/>
      <c r="O2677" s="18"/>
    </row>
    <row r="2678" spans="3:15" s="99" customFormat="1">
      <c r="C2678" s="8"/>
      <c r="D2678" s="10"/>
      <c r="E2678" s="8"/>
      <c r="F2678" s="8"/>
      <c r="G2678" s="8"/>
      <c r="H2678" s="8"/>
      <c r="I2678" s="8"/>
      <c r="J2678" s="8"/>
      <c r="K2678" s="8"/>
      <c r="L2678" s="8"/>
      <c r="M2678" s="8"/>
      <c r="N2678" s="72"/>
      <c r="O2678" s="18"/>
    </row>
    <row r="2679" spans="3:15" s="99" customFormat="1">
      <c r="C2679" s="8"/>
      <c r="D2679" s="10"/>
      <c r="E2679" s="8"/>
      <c r="F2679" s="8"/>
      <c r="G2679" s="8"/>
      <c r="H2679" s="8"/>
      <c r="I2679" s="8"/>
      <c r="J2679" s="8"/>
      <c r="K2679" s="8"/>
      <c r="L2679" s="8"/>
      <c r="M2679" s="8"/>
      <c r="N2679" s="72"/>
      <c r="O2679" s="18"/>
    </row>
    <row r="2680" spans="3:15" s="99" customFormat="1">
      <c r="C2680" s="8"/>
      <c r="D2680" s="10"/>
      <c r="E2680" s="8"/>
      <c r="F2680" s="8"/>
      <c r="G2680" s="8"/>
      <c r="H2680" s="8"/>
      <c r="I2680" s="8"/>
      <c r="J2680" s="8"/>
      <c r="K2680" s="8"/>
      <c r="L2680" s="8"/>
      <c r="M2680" s="8"/>
      <c r="N2680" s="72"/>
      <c r="O2680" s="18"/>
    </row>
    <row r="2681" spans="3:15" s="99" customFormat="1">
      <c r="C2681" s="8"/>
      <c r="D2681" s="10"/>
      <c r="E2681" s="8"/>
      <c r="F2681" s="8"/>
      <c r="G2681" s="8"/>
      <c r="H2681" s="8"/>
      <c r="I2681" s="8"/>
      <c r="J2681" s="8"/>
      <c r="K2681" s="8"/>
      <c r="L2681" s="8"/>
      <c r="M2681" s="8"/>
      <c r="N2681" s="72"/>
      <c r="O2681" s="18"/>
    </row>
    <row r="2682" spans="3:15" s="99" customFormat="1">
      <c r="C2682" s="8"/>
      <c r="D2682" s="10"/>
      <c r="E2682" s="8"/>
      <c r="F2682" s="8"/>
      <c r="G2682" s="8"/>
      <c r="H2682" s="8"/>
      <c r="I2682" s="8"/>
      <c r="J2682" s="8"/>
      <c r="K2682" s="8"/>
      <c r="L2682" s="8"/>
      <c r="M2682" s="8"/>
      <c r="N2682" s="72"/>
      <c r="O2682" s="18"/>
    </row>
    <row r="2683" spans="3:15" s="99" customFormat="1">
      <c r="C2683" s="8"/>
      <c r="D2683" s="10"/>
      <c r="E2683" s="8"/>
      <c r="F2683" s="8"/>
      <c r="G2683" s="8"/>
      <c r="H2683" s="8"/>
      <c r="I2683" s="8"/>
      <c r="J2683" s="8"/>
      <c r="K2683" s="8"/>
      <c r="L2683" s="8"/>
      <c r="M2683" s="8"/>
      <c r="N2683" s="72"/>
      <c r="O2683" s="18"/>
    </row>
    <row r="2684" spans="3:15" s="99" customFormat="1">
      <c r="C2684" s="8"/>
      <c r="D2684" s="10"/>
      <c r="E2684" s="8"/>
      <c r="F2684" s="8"/>
      <c r="G2684" s="8"/>
      <c r="H2684" s="8"/>
      <c r="I2684" s="8"/>
      <c r="J2684" s="8"/>
      <c r="K2684" s="8"/>
      <c r="L2684" s="8"/>
      <c r="M2684" s="8"/>
      <c r="N2684" s="72"/>
      <c r="O2684" s="18"/>
    </row>
    <row r="2685" spans="3:15" s="99" customFormat="1">
      <c r="C2685" s="8"/>
      <c r="D2685" s="10"/>
      <c r="E2685" s="8"/>
      <c r="F2685" s="8"/>
      <c r="G2685" s="8"/>
      <c r="H2685" s="8"/>
      <c r="I2685" s="8"/>
      <c r="J2685" s="8"/>
      <c r="K2685" s="8"/>
      <c r="L2685" s="8"/>
      <c r="M2685" s="8"/>
      <c r="N2685" s="72"/>
      <c r="O2685" s="18"/>
    </row>
    <row r="2686" spans="3:15" s="99" customFormat="1">
      <c r="C2686" s="8"/>
      <c r="D2686" s="10"/>
      <c r="E2686" s="8"/>
      <c r="F2686" s="8"/>
      <c r="G2686" s="8"/>
      <c r="H2686" s="8"/>
      <c r="I2686" s="8"/>
      <c r="J2686" s="8"/>
      <c r="K2686" s="8"/>
      <c r="L2686" s="8"/>
      <c r="M2686" s="8"/>
      <c r="N2686" s="72"/>
      <c r="O2686" s="18"/>
    </row>
    <row r="2687" spans="3:15" s="99" customFormat="1">
      <c r="C2687" s="8"/>
      <c r="D2687" s="10"/>
      <c r="E2687" s="8"/>
      <c r="F2687" s="8"/>
      <c r="G2687" s="8"/>
      <c r="H2687" s="8"/>
      <c r="I2687" s="8"/>
      <c r="J2687" s="8"/>
      <c r="K2687" s="8"/>
      <c r="L2687" s="8"/>
      <c r="M2687" s="8"/>
      <c r="N2687" s="72"/>
      <c r="O2687" s="18"/>
    </row>
    <row r="2688" spans="3:15" s="99" customFormat="1">
      <c r="C2688" s="8"/>
      <c r="D2688" s="10"/>
      <c r="E2688" s="8"/>
      <c r="F2688" s="8"/>
      <c r="G2688" s="8"/>
      <c r="H2688" s="8"/>
      <c r="I2688" s="8"/>
      <c r="J2688" s="8"/>
      <c r="K2688" s="8"/>
      <c r="L2688" s="8"/>
      <c r="M2688" s="8"/>
      <c r="N2688" s="72"/>
      <c r="O2688" s="18"/>
    </row>
    <row r="2689" spans="3:15" s="99" customFormat="1">
      <c r="C2689" s="8"/>
      <c r="D2689" s="10"/>
      <c r="E2689" s="8"/>
      <c r="F2689" s="8"/>
      <c r="G2689" s="8"/>
      <c r="H2689" s="8"/>
      <c r="I2689" s="8"/>
      <c r="J2689" s="8"/>
      <c r="K2689" s="8"/>
      <c r="L2689" s="8"/>
      <c r="M2689" s="8"/>
      <c r="N2689" s="72"/>
      <c r="O2689" s="18"/>
    </row>
    <row r="2690" spans="3:15" s="99" customFormat="1">
      <c r="C2690" s="8"/>
      <c r="D2690" s="10"/>
      <c r="E2690" s="8"/>
      <c r="F2690" s="8"/>
      <c r="G2690" s="8"/>
      <c r="H2690" s="8"/>
      <c r="I2690" s="8"/>
      <c r="J2690" s="8"/>
      <c r="K2690" s="8"/>
      <c r="L2690" s="8"/>
      <c r="M2690" s="8"/>
      <c r="N2690" s="72"/>
      <c r="O2690" s="18"/>
    </row>
    <row r="2691" spans="3:15" s="99" customFormat="1">
      <c r="C2691" s="8"/>
      <c r="D2691" s="10"/>
      <c r="E2691" s="8"/>
      <c r="F2691" s="8"/>
      <c r="G2691" s="8"/>
      <c r="H2691" s="8"/>
      <c r="I2691" s="8"/>
      <c r="J2691" s="8"/>
      <c r="K2691" s="8"/>
      <c r="L2691" s="8"/>
      <c r="M2691" s="8"/>
      <c r="N2691" s="72"/>
      <c r="O2691" s="18"/>
    </row>
    <row r="2692" spans="3:15" s="99" customFormat="1">
      <c r="C2692" s="8"/>
      <c r="D2692" s="10"/>
      <c r="E2692" s="8"/>
      <c r="F2692" s="8"/>
      <c r="G2692" s="8"/>
      <c r="H2692" s="8"/>
      <c r="I2692" s="8"/>
      <c r="J2692" s="8"/>
      <c r="K2692" s="8"/>
      <c r="L2692" s="8"/>
      <c r="M2692" s="8"/>
      <c r="N2692" s="72"/>
      <c r="O2692" s="18"/>
    </row>
    <row r="2693" spans="3:15" s="99" customFormat="1">
      <c r="C2693" s="8"/>
      <c r="D2693" s="10"/>
      <c r="E2693" s="8"/>
      <c r="F2693" s="8"/>
      <c r="G2693" s="8"/>
      <c r="H2693" s="8"/>
      <c r="I2693" s="8"/>
      <c r="J2693" s="8"/>
      <c r="K2693" s="8"/>
      <c r="L2693" s="8"/>
      <c r="M2693" s="8"/>
      <c r="N2693" s="72"/>
      <c r="O2693" s="18"/>
    </row>
    <row r="2694" spans="3:15" s="99" customFormat="1">
      <c r="C2694" s="8"/>
      <c r="D2694" s="10"/>
      <c r="E2694" s="8"/>
      <c r="F2694" s="8"/>
      <c r="G2694" s="8"/>
      <c r="H2694" s="8"/>
      <c r="I2694" s="8"/>
      <c r="J2694" s="8"/>
      <c r="K2694" s="8"/>
      <c r="L2694" s="8"/>
      <c r="M2694" s="8"/>
      <c r="N2694" s="72"/>
      <c r="O2694" s="18"/>
    </row>
    <row r="2695" spans="3:15" s="99" customFormat="1">
      <c r="C2695" s="8"/>
      <c r="D2695" s="10"/>
      <c r="E2695" s="8"/>
      <c r="F2695" s="8"/>
      <c r="G2695" s="8"/>
      <c r="H2695" s="8"/>
      <c r="I2695" s="8"/>
      <c r="J2695" s="8"/>
      <c r="K2695" s="8"/>
      <c r="L2695" s="8"/>
      <c r="M2695" s="8"/>
      <c r="N2695" s="72"/>
      <c r="O2695" s="18"/>
    </row>
    <row r="2696" spans="3:15" s="99" customFormat="1">
      <c r="C2696" s="8"/>
      <c r="D2696" s="10"/>
      <c r="E2696" s="8"/>
      <c r="F2696" s="8"/>
      <c r="G2696" s="8"/>
      <c r="H2696" s="8"/>
      <c r="I2696" s="8"/>
      <c r="J2696" s="8"/>
      <c r="K2696" s="8"/>
      <c r="L2696" s="8"/>
      <c r="M2696" s="8"/>
      <c r="N2696" s="72"/>
      <c r="O2696" s="18"/>
    </row>
    <row r="2697" spans="3:15" s="99" customFormat="1">
      <c r="C2697" s="8"/>
      <c r="D2697" s="10"/>
      <c r="E2697" s="8"/>
      <c r="F2697" s="8"/>
      <c r="G2697" s="8"/>
      <c r="H2697" s="8"/>
      <c r="I2697" s="8"/>
      <c r="J2697" s="8"/>
      <c r="K2697" s="8"/>
      <c r="L2697" s="8"/>
      <c r="M2697" s="8"/>
      <c r="N2697" s="72"/>
      <c r="O2697" s="18"/>
    </row>
    <row r="2698" spans="3:15" s="99" customFormat="1">
      <c r="C2698" s="8"/>
      <c r="D2698" s="10"/>
      <c r="E2698" s="8"/>
      <c r="F2698" s="8"/>
      <c r="G2698" s="8"/>
      <c r="H2698" s="8"/>
      <c r="I2698" s="8"/>
      <c r="J2698" s="8"/>
      <c r="K2698" s="8"/>
      <c r="L2698" s="8"/>
      <c r="M2698" s="8"/>
      <c r="N2698" s="72"/>
      <c r="O2698" s="18"/>
    </row>
    <row r="2699" spans="3:15" s="99" customFormat="1">
      <c r="C2699" s="8"/>
      <c r="D2699" s="10"/>
      <c r="E2699" s="8"/>
      <c r="F2699" s="8"/>
      <c r="G2699" s="8"/>
      <c r="H2699" s="8"/>
      <c r="I2699" s="8"/>
      <c r="J2699" s="8"/>
      <c r="K2699" s="8"/>
      <c r="L2699" s="8"/>
      <c r="M2699" s="8"/>
      <c r="N2699" s="72"/>
      <c r="O2699" s="18"/>
    </row>
    <row r="2700" spans="3:15" s="99" customFormat="1">
      <c r="C2700" s="8"/>
      <c r="D2700" s="10"/>
      <c r="E2700" s="8"/>
      <c r="F2700" s="8"/>
      <c r="G2700" s="8"/>
      <c r="H2700" s="8"/>
      <c r="I2700" s="8"/>
      <c r="J2700" s="8"/>
      <c r="K2700" s="8"/>
      <c r="L2700" s="8"/>
      <c r="M2700" s="8"/>
      <c r="N2700" s="72"/>
      <c r="O2700" s="18"/>
    </row>
    <row r="2701" spans="3:15" s="99" customFormat="1">
      <c r="C2701" s="8"/>
      <c r="D2701" s="10"/>
      <c r="E2701" s="8"/>
      <c r="F2701" s="8"/>
      <c r="G2701" s="8"/>
      <c r="H2701" s="8"/>
      <c r="I2701" s="8"/>
      <c r="J2701" s="8"/>
      <c r="K2701" s="8"/>
      <c r="L2701" s="8"/>
      <c r="M2701" s="8"/>
      <c r="N2701" s="72"/>
      <c r="O2701" s="18"/>
    </row>
    <row r="2702" spans="3:15" s="99" customFormat="1">
      <c r="C2702" s="8"/>
      <c r="D2702" s="10"/>
      <c r="E2702" s="8"/>
      <c r="F2702" s="8"/>
      <c r="G2702" s="8"/>
      <c r="H2702" s="8"/>
      <c r="I2702" s="8"/>
      <c r="J2702" s="8"/>
      <c r="K2702" s="8"/>
      <c r="L2702" s="8"/>
      <c r="M2702" s="8"/>
      <c r="N2702" s="72"/>
      <c r="O2702" s="33"/>
    </row>
    <row r="2704" spans="3:15" s="99" customFormat="1">
      <c r="C2704" s="8"/>
      <c r="D2704" s="10"/>
      <c r="E2704" s="8"/>
      <c r="F2704" s="8"/>
      <c r="G2704" s="8"/>
      <c r="H2704" s="8"/>
      <c r="I2704" s="8"/>
      <c r="J2704" s="8"/>
      <c r="K2704" s="8"/>
      <c r="L2704" s="8"/>
      <c r="M2704" s="8"/>
      <c r="N2704" s="72"/>
      <c r="O2704" s="8"/>
    </row>
    <row r="2705" spans="3:15" s="99" customFormat="1">
      <c r="C2705" s="8"/>
      <c r="D2705" s="10"/>
      <c r="E2705" s="8"/>
      <c r="F2705" s="8"/>
      <c r="G2705" s="8"/>
      <c r="H2705" s="8"/>
      <c r="I2705" s="8"/>
      <c r="J2705" s="8"/>
      <c r="K2705" s="8"/>
      <c r="L2705" s="8"/>
      <c r="M2705" s="8"/>
      <c r="N2705" s="72"/>
      <c r="O2705" s="8"/>
    </row>
    <row r="2706" spans="3:15" s="99" customFormat="1">
      <c r="C2706" s="8"/>
      <c r="D2706" s="10"/>
      <c r="E2706" s="8"/>
      <c r="F2706" s="8"/>
      <c r="G2706" s="8"/>
      <c r="H2706" s="8"/>
      <c r="I2706" s="8"/>
      <c r="J2706" s="8"/>
      <c r="K2706" s="8"/>
      <c r="L2706" s="8"/>
      <c r="M2706" s="8"/>
      <c r="N2706" s="72"/>
      <c r="O2706" s="8"/>
    </row>
    <row r="2707" spans="3:15" s="99" customFormat="1">
      <c r="C2707" s="8"/>
      <c r="D2707" s="10"/>
      <c r="E2707" s="8"/>
      <c r="F2707" s="8"/>
      <c r="G2707" s="8"/>
      <c r="H2707" s="8"/>
      <c r="I2707" s="8"/>
      <c r="J2707" s="8"/>
      <c r="K2707" s="8"/>
      <c r="L2707" s="8"/>
      <c r="M2707" s="8"/>
      <c r="N2707" s="72"/>
      <c r="O2707" s="8"/>
    </row>
    <row r="2708" spans="3:15" s="99" customFormat="1">
      <c r="C2708" s="8"/>
      <c r="D2708" s="10"/>
      <c r="E2708" s="8"/>
      <c r="F2708" s="8"/>
      <c r="G2708" s="8"/>
      <c r="H2708" s="8"/>
      <c r="I2708" s="8"/>
      <c r="J2708" s="8"/>
      <c r="K2708" s="8"/>
      <c r="L2708" s="8"/>
      <c r="M2708" s="8"/>
      <c r="N2708" s="72"/>
      <c r="O2708" s="8"/>
    </row>
    <row r="2709" spans="3:15" s="99" customFormat="1">
      <c r="C2709" s="8"/>
      <c r="D2709" s="10"/>
      <c r="E2709" s="8"/>
      <c r="F2709" s="8"/>
      <c r="G2709" s="8"/>
      <c r="H2709" s="8"/>
      <c r="I2709" s="8"/>
      <c r="J2709" s="8"/>
      <c r="K2709" s="8"/>
      <c r="L2709" s="8"/>
      <c r="M2709" s="8"/>
      <c r="N2709" s="72"/>
      <c r="O2709" s="8"/>
    </row>
    <row r="2710" spans="3:15" s="99" customFormat="1">
      <c r="C2710" s="8"/>
      <c r="D2710" s="10"/>
      <c r="E2710" s="8"/>
      <c r="F2710" s="8"/>
      <c r="G2710" s="8"/>
      <c r="H2710" s="8"/>
      <c r="I2710" s="8"/>
      <c r="J2710" s="8"/>
      <c r="K2710" s="8"/>
      <c r="L2710" s="8"/>
      <c r="M2710" s="8"/>
      <c r="N2710" s="72"/>
      <c r="O2710" s="8"/>
    </row>
    <row r="2711" spans="3:15" s="99" customFormat="1">
      <c r="C2711" s="8"/>
      <c r="D2711" s="10"/>
      <c r="E2711" s="8"/>
      <c r="F2711" s="8"/>
      <c r="G2711" s="8"/>
      <c r="H2711" s="8"/>
      <c r="I2711" s="8"/>
      <c r="J2711" s="8"/>
      <c r="K2711" s="8"/>
      <c r="L2711" s="8"/>
      <c r="M2711" s="8"/>
      <c r="N2711" s="72"/>
      <c r="O2711" s="8"/>
    </row>
    <row r="2712" spans="3:15" s="99" customFormat="1">
      <c r="C2712" s="8"/>
      <c r="D2712" s="10"/>
      <c r="E2712" s="8"/>
      <c r="F2712" s="8"/>
      <c r="G2712" s="8"/>
      <c r="H2712" s="8"/>
      <c r="I2712" s="8"/>
      <c r="J2712" s="8"/>
      <c r="K2712" s="8"/>
      <c r="L2712" s="8"/>
      <c r="M2712" s="8"/>
      <c r="N2712" s="72"/>
      <c r="O2712" s="8"/>
    </row>
    <row r="2713" spans="3:15" s="99" customFormat="1">
      <c r="C2713" s="8"/>
      <c r="D2713" s="10"/>
      <c r="E2713" s="8"/>
      <c r="F2713" s="8"/>
      <c r="G2713" s="8"/>
      <c r="H2713" s="8"/>
      <c r="I2713" s="8"/>
      <c r="J2713" s="8"/>
      <c r="K2713" s="8"/>
      <c r="L2713" s="8"/>
      <c r="M2713" s="8"/>
      <c r="N2713" s="72"/>
      <c r="O2713" s="8"/>
    </row>
    <row r="2714" spans="3:15" s="99" customFormat="1">
      <c r="C2714" s="8"/>
      <c r="D2714" s="10"/>
      <c r="E2714" s="8"/>
      <c r="F2714" s="8"/>
      <c r="G2714" s="8"/>
      <c r="H2714" s="8"/>
      <c r="I2714" s="8"/>
      <c r="J2714" s="8"/>
      <c r="K2714" s="8"/>
      <c r="L2714" s="8"/>
      <c r="M2714" s="8"/>
      <c r="N2714" s="72"/>
      <c r="O2714" s="8"/>
    </row>
    <row r="2715" spans="3:15" s="99" customFormat="1">
      <c r="C2715" s="8"/>
      <c r="D2715" s="10"/>
      <c r="E2715" s="8"/>
      <c r="F2715" s="8"/>
      <c r="G2715" s="8"/>
      <c r="H2715" s="8"/>
      <c r="I2715" s="8"/>
      <c r="J2715" s="8"/>
      <c r="K2715" s="8"/>
      <c r="L2715" s="8"/>
      <c r="M2715" s="8"/>
      <c r="N2715" s="72"/>
      <c r="O2715" s="18"/>
    </row>
    <row r="2716" spans="3:15" s="99" customFormat="1">
      <c r="C2716" s="8"/>
      <c r="D2716" s="10"/>
      <c r="E2716" s="8"/>
      <c r="F2716" s="8"/>
      <c r="G2716" s="8"/>
      <c r="H2716" s="8"/>
      <c r="I2716" s="8"/>
      <c r="J2716" s="8"/>
      <c r="K2716" s="8"/>
      <c r="L2716" s="8"/>
      <c r="M2716" s="8"/>
      <c r="N2716" s="72"/>
      <c r="O2716" s="18"/>
    </row>
    <row r="2717" spans="3:15" s="99" customFormat="1">
      <c r="C2717" s="8"/>
      <c r="D2717" s="10"/>
      <c r="E2717" s="8"/>
      <c r="F2717" s="8"/>
      <c r="G2717" s="8"/>
      <c r="H2717" s="8"/>
      <c r="I2717" s="8"/>
      <c r="J2717" s="8"/>
      <c r="K2717" s="8"/>
      <c r="L2717" s="8"/>
      <c r="M2717" s="8"/>
      <c r="N2717" s="72"/>
      <c r="O2717" s="18"/>
    </row>
    <row r="2718" spans="3:15" s="99" customFormat="1">
      <c r="C2718" s="8"/>
      <c r="D2718" s="10"/>
      <c r="E2718" s="8"/>
      <c r="F2718" s="8"/>
      <c r="G2718" s="8"/>
      <c r="H2718" s="8"/>
      <c r="I2718" s="8"/>
      <c r="J2718" s="8"/>
      <c r="K2718" s="8"/>
      <c r="L2718" s="8"/>
      <c r="M2718" s="8"/>
      <c r="N2718" s="72"/>
      <c r="O2718" s="18"/>
    </row>
    <row r="2719" spans="3:15" s="99" customFormat="1">
      <c r="C2719" s="8"/>
      <c r="D2719" s="10"/>
      <c r="E2719" s="8"/>
      <c r="F2719" s="8"/>
      <c r="G2719" s="8"/>
      <c r="H2719" s="8"/>
      <c r="I2719" s="8"/>
      <c r="J2719" s="8"/>
      <c r="K2719" s="8"/>
      <c r="L2719" s="8"/>
      <c r="M2719" s="8"/>
      <c r="N2719" s="72"/>
      <c r="O2719" s="18"/>
    </row>
    <row r="2720" spans="3:15" s="99" customFormat="1">
      <c r="C2720" s="8"/>
      <c r="D2720" s="10"/>
      <c r="E2720" s="8"/>
      <c r="F2720" s="8"/>
      <c r="G2720" s="8"/>
      <c r="H2720" s="8"/>
      <c r="I2720" s="8"/>
      <c r="J2720" s="8"/>
      <c r="K2720" s="8"/>
      <c r="L2720" s="8"/>
      <c r="M2720" s="8"/>
      <c r="N2720" s="72"/>
      <c r="O2720" s="12"/>
    </row>
    <row r="2721" spans="3:15" s="99" customFormat="1">
      <c r="C2721" s="8"/>
      <c r="D2721" s="10"/>
      <c r="E2721" s="8"/>
      <c r="F2721" s="8"/>
      <c r="G2721" s="8"/>
      <c r="H2721" s="8"/>
      <c r="I2721" s="8"/>
      <c r="J2721" s="8"/>
      <c r="K2721" s="8"/>
      <c r="L2721" s="8"/>
      <c r="M2721" s="8"/>
      <c r="N2721" s="72"/>
      <c r="O2721" s="12"/>
    </row>
    <row r="2722" spans="3:15" s="99" customFormat="1">
      <c r="C2722" s="8"/>
      <c r="D2722" s="10"/>
      <c r="E2722" s="8"/>
      <c r="F2722" s="8"/>
      <c r="G2722" s="8"/>
      <c r="H2722" s="8"/>
      <c r="I2722" s="8"/>
      <c r="J2722" s="8"/>
      <c r="K2722" s="8"/>
      <c r="L2722" s="8"/>
      <c r="M2722" s="8"/>
      <c r="N2722" s="72"/>
      <c r="O2722" s="12"/>
    </row>
    <row r="2723" spans="3:15" s="99" customFormat="1">
      <c r="C2723" s="8"/>
      <c r="D2723" s="10"/>
      <c r="E2723" s="8"/>
      <c r="F2723" s="8"/>
      <c r="G2723" s="8"/>
      <c r="H2723" s="8"/>
      <c r="I2723" s="8"/>
      <c r="J2723" s="8"/>
      <c r="K2723" s="8"/>
      <c r="L2723" s="8"/>
      <c r="M2723" s="8"/>
      <c r="N2723" s="72"/>
      <c r="O2723" s="18"/>
    </row>
    <row r="2724" spans="3:15" s="99" customFormat="1">
      <c r="C2724" s="8"/>
      <c r="D2724" s="10"/>
      <c r="E2724" s="8"/>
      <c r="F2724" s="8"/>
      <c r="G2724" s="8"/>
      <c r="H2724" s="8"/>
      <c r="I2724" s="8"/>
      <c r="J2724" s="8"/>
      <c r="K2724" s="8"/>
      <c r="L2724" s="8"/>
      <c r="M2724" s="8"/>
      <c r="N2724" s="72"/>
      <c r="O2724" s="18"/>
    </row>
    <row r="2725" spans="3:15" s="99" customFormat="1">
      <c r="C2725" s="8"/>
      <c r="D2725" s="10"/>
      <c r="E2725" s="8"/>
      <c r="F2725" s="8"/>
      <c r="G2725" s="8"/>
      <c r="H2725" s="8"/>
      <c r="I2725" s="8"/>
      <c r="J2725" s="8"/>
      <c r="K2725" s="8"/>
      <c r="L2725" s="8"/>
      <c r="M2725" s="8"/>
      <c r="N2725" s="72"/>
      <c r="O2725" s="18"/>
    </row>
    <row r="2726" spans="3:15" s="99" customFormat="1">
      <c r="C2726" s="8"/>
      <c r="D2726" s="10"/>
      <c r="E2726" s="8"/>
      <c r="F2726" s="8"/>
      <c r="G2726" s="8"/>
      <c r="H2726" s="8"/>
      <c r="I2726" s="8"/>
      <c r="J2726" s="8"/>
      <c r="K2726" s="8"/>
      <c r="L2726" s="8"/>
      <c r="M2726" s="8"/>
      <c r="N2726" s="72"/>
      <c r="O2726" s="18"/>
    </row>
    <row r="2727" spans="3:15" s="99" customFormat="1">
      <c r="C2727" s="8"/>
      <c r="D2727" s="10"/>
      <c r="E2727" s="8"/>
      <c r="F2727" s="8"/>
      <c r="G2727" s="8"/>
      <c r="H2727" s="8"/>
      <c r="I2727" s="8"/>
      <c r="J2727" s="8"/>
      <c r="K2727" s="8"/>
      <c r="L2727" s="8"/>
      <c r="M2727" s="8"/>
      <c r="N2727" s="72"/>
      <c r="O2727" s="18"/>
    </row>
    <row r="2728" spans="3:15" s="99" customFormat="1">
      <c r="C2728" s="8"/>
      <c r="D2728" s="10"/>
      <c r="E2728" s="8"/>
      <c r="F2728" s="8"/>
      <c r="G2728" s="8"/>
      <c r="H2728" s="8"/>
      <c r="I2728" s="8"/>
      <c r="J2728" s="8"/>
      <c r="K2728" s="8"/>
      <c r="L2728" s="8"/>
      <c r="M2728" s="8"/>
      <c r="N2728" s="72"/>
      <c r="O2728" s="18"/>
    </row>
    <row r="2729" spans="3:15" s="99" customFormat="1">
      <c r="C2729" s="8"/>
      <c r="D2729" s="10"/>
      <c r="E2729" s="8"/>
      <c r="F2729" s="8"/>
      <c r="G2729" s="8"/>
      <c r="H2729" s="8"/>
      <c r="I2729" s="8"/>
      <c r="J2729" s="8"/>
      <c r="K2729" s="8"/>
      <c r="L2729" s="8"/>
      <c r="M2729" s="8"/>
      <c r="N2729" s="72"/>
      <c r="O2729" s="18"/>
    </row>
    <row r="2730" spans="3:15" s="99" customFormat="1">
      <c r="C2730" s="8"/>
      <c r="D2730" s="10"/>
      <c r="E2730" s="8"/>
      <c r="F2730" s="8"/>
      <c r="G2730" s="8"/>
      <c r="H2730" s="8"/>
      <c r="I2730" s="8"/>
      <c r="J2730" s="8"/>
      <c r="K2730" s="8"/>
      <c r="L2730" s="8"/>
      <c r="M2730" s="8"/>
      <c r="N2730" s="72"/>
      <c r="O2730" s="18"/>
    </row>
    <row r="2731" spans="3:15" s="99" customFormat="1">
      <c r="C2731" s="8"/>
      <c r="D2731" s="10"/>
      <c r="E2731" s="8"/>
      <c r="F2731" s="8"/>
      <c r="G2731" s="8"/>
      <c r="H2731" s="8"/>
      <c r="I2731" s="8"/>
      <c r="J2731" s="8"/>
      <c r="K2731" s="8"/>
      <c r="L2731" s="8"/>
      <c r="M2731" s="8"/>
      <c r="N2731" s="72"/>
      <c r="O2731" s="18"/>
    </row>
    <row r="2732" spans="3:15" s="99" customFormat="1">
      <c r="C2732" s="8"/>
      <c r="D2732" s="10"/>
      <c r="E2732" s="8"/>
      <c r="F2732" s="8"/>
      <c r="G2732" s="8"/>
      <c r="H2732" s="8"/>
      <c r="I2732" s="8"/>
      <c r="J2732" s="8"/>
      <c r="K2732" s="8"/>
      <c r="L2732" s="8"/>
      <c r="M2732" s="8"/>
      <c r="N2732" s="72"/>
      <c r="O2732" s="18"/>
    </row>
    <row r="2733" spans="3:15" s="99" customFormat="1">
      <c r="C2733" s="8"/>
      <c r="D2733" s="10"/>
      <c r="E2733" s="8"/>
      <c r="F2733" s="8"/>
      <c r="G2733" s="8"/>
      <c r="H2733" s="8"/>
      <c r="I2733" s="8"/>
      <c r="J2733" s="8"/>
      <c r="K2733" s="8"/>
      <c r="L2733" s="8"/>
      <c r="M2733" s="8"/>
      <c r="N2733" s="72"/>
      <c r="O2733" s="18"/>
    </row>
    <row r="2734" spans="3:15" s="99" customFormat="1">
      <c r="C2734" s="8"/>
      <c r="D2734" s="10"/>
      <c r="E2734" s="8"/>
      <c r="F2734" s="8"/>
      <c r="G2734" s="8"/>
      <c r="H2734" s="8"/>
      <c r="I2734" s="8"/>
      <c r="J2734" s="8"/>
      <c r="K2734" s="8"/>
      <c r="L2734" s="8"/>
      <c r="M2734" s="8"/>
      <c r="N2734" s="72"/>
      <c r="O2734" s="18"/>
    </row>
    <row r="2735" spans="3:15" s="99" customFormat="1">
      <c r="C2735" s="8"/>
      <c r="D2735" s="10"/>
      <c r="E2735" s="8"/>
      <c r="F2735" s="8"/>
      <c r="G2735" s="8"/>
      <c r="H2735" s="8"/>
      <c r="I2735" s="8"/>
      <c r="J2735" s="8"/>
      <c r="K2735" s="8"/>
      <c r="L2735" s="8"/>
      <c r="M2735" s="8"/>
      <c r="N2735" s="72"/>
      <c r="O2735" s="18"/>
    </row>
    <row r="2736" spans="3:15" s="99" customFormat="1">
      <c r="C2736" s="8"/>
      <c r="D2736" s="10"/>
      <c r="E2736" s="8"/>
      <c r="F2736" s="8"/>
      <c r="G2736" s="8"/>
      <c r="H2736" s="8"/>
      <c r="I2736" s="8"/>
      <c r="J2736" s="8"/>
      <c r="K2736" s="8"/>
      <c r="L2736" s="8"/>
      <c r="M2736" s="8"/>
      <c r="N2736" s="72"/>
      <c r="O2736" s="18"/>
    </row>
    <row r="2737" spans="3:15" s="99" customFormat="1">
      <c r="C2737" s="8"/>
      <c r="D2737" s="10"/>
      <c r="E2737" s="8"/>
      <c r="F2737" s="8"/>
      <c r="G2737" s="8"/>
      <c r="H2737" s="8"/>
      <c r="I2737" s="8"/>
      <c r="J2737" s="8"/>
      <c r="K2737" s="8"/>
      <c r="L2737" s="8"/>
      <c r="M2737" s="8"/>
      <c r="N2737" s="72"/>
      <c r="O2737" s="18"/>
    </row>
    <row r="2738" spans="3:15" s="99" customFormat="1">
      <c r="C2738" s="8"/>
      <c r="D2738" s="10"/>
      <c r="E2738" s="8"/>
      <c r="F2738" s="8"/>
      <c r="G2738" s="8"/>
      <c r="H2738" s="8"/>
      <c r="I2738" s="8"/>
      <c r="J2738" s="8"/>
      <c r="K2738" s="8"/>
      <c r="L2738" s="8"/>
      <c r="M2738" s="8"/>
      <c r="N2738" s="72"/>
      <c r="O2738" s="18"/>
    </row>
    <row r="2739" spans="3:15" s="99" customFormat="1">
      <c r="C2739" s="8"/>
      <c r="D2739" s="10"/>
      <c r="E2739" s="8"/>
      <c r="F2739" s="8"/>
      <c r="G2739" s="8"/>
      <c r="H2739" s="8"/>
      <c r="I2739" s="8"/>
      <c r="J2739" s="8"/>
      <c r="K2739" s="8"/>
      <c r="L2739" s="8"/>
      <c r="M2739" s="8"/>
      <c r="N2739" s="72"/>
      <c r="O2739" s="18"/>
    </row>
    <row r="2740" spans="3:15" s="99" customFormat="1">
      <c r="C2740" s="8"/>
      <c r="D2740" s="10"/>
      <c r="E2740" s="8"/>
      <c r="F2740" s="8"/>
      <c r="G2740" s="8"/>
      <c r="H2740" s="8"/>
      <c r="I2740" s="8"/>
      <c r="J2740" s="8"/>
      <c r="K2740" s="8"/>
      <c r="L2740" s="8"/>
      <c r="M2740" s="8"/>
      <c r="N2740" s="72"/>
      <c r="O2740" s="18"/>
    </row>
    <row r="2741" spans="3:15" s="99" customFormat="1">
      <c r="C2741" s="8"/>
      <c r="D2741" s="10"/>
      <c r="E2741" s="8"/>
      <c r="F2741" s="8"/>
      <c r="G2741" s="8"/>
      <c r="H2741" s="8"/>
      <c r="I2741" s="8"/>
      <c r="J2741" s="8"/>
      <c r="K2741" s="8"/>
      <c r="L2741" s="8"/>
      <c r="M2741" s="8"/>
      <c r="N2741" s="72"/>
      <c r="O2741" s="33"/>
    </row>
    <row r="2749" spans="3:15" s="99" customFormat="1">
      <c r="C2749" s="8"/>
      <c r="D2749" s="10"/>
      <c r="E2749" s="8"/>
      <c r="F2749" s="8"/>
      <c r="G2749" s="8"/>
      <c r="H2749" s="8"/>
      <c r="I2749" s="8"/>
      <c r="J2749" s="8"/>
      <c r="K2749" s="8"/>
      <c r="L2749" s="8"/>
      <c r="M2749" s="8"/>
      <c r="N2749" s="72"/>
      <c r="O2749" s="33"/>
    </row>
    <row r="2779" spans="3:15" s="99" customFormat="1">
      <c r="C2779" s="8"/>
      <c r="D2779" s="10"/>
      <c r="E2779" s="8"/>
      <c r="F2779" s="8"/>
      <c r="G2779" s="8"/>
      <c r="H2779" s="8"/>
      <c r="I2779" s="8"/>
      <c r="J2779" s="8"/>
      <c r="K2779" s="8"/>
      <c r="L2779" s="8"/>
      <c r="M2779" s="8"/>
      <c r="N2779" s="72"/>
      <c r="O2779" s="8"/>
    </row>
    <row r="2780" spans="3:15" s="99" customFormat="1">
      <c r="C2780" s="8"/>
      <c r="D2780" s="10"/>
      <c r="E2780" s="8"/>
      <c r="F2780" s="8"/>
      <c r="G2780" s="8"/>
      <c r="H2780" s="8"/>
      <c r="I2780" s="8"/>
      <c r="J2780" s="8"/>
      <c r="K2780" s="8"/>
      <c r="L2780" s="8"/>
      <c r="M2780" s="8"/>
      <c r="N2780" s="72"/>
      <c r="O2780" s="8"/>
    </row>
    <row r="2805" spans="3:15" s="99" customFormat="1">
      <c r="C2805" s="8"/>
      <c r="D2805" s="10"/>
      <c r="E2805" s="8"/>
      <c r="F2805" s="8"/>
      <c r="G2805" s="8"/>
      <c r="H2805" s="8"/>
      <c r="I2805" s="8"/>
      <c r="J2805" s="8"/>
      <c r="K2805" s="8"/>
      <c r="L2805" s="8"/>
      <c r="M2805" s="8"/>
      <c r="N2805" s="72"/>
      <c r="O2805" s="18"/>
    </row>
    <row r="2806" spans="3:15" s="99" customFormat="1">
      <c r="C2806" s="8"/>
      <c r="D2806" s="10"/>
      <c r="E2806" s="8"/>
      <c r="F2806" s="8"/>
      <c r="G2806" s="8"/>
      <c r="H2806" s="8"/>
      <c r="I2806" s="8"/>
      <c r="J2806" s="8"/>
      <c r="K2806" s="8"/>
      <c r="L2806" s="8"/>
      <c r="M2806" s="8"/>
      <c r="N2806" s="72"/>
      <c r="O2806" s="12"/>
    </row>
    <row r="2807" spans="3:15" s="99" customFormat="1">
      <c r="C2807" s="8"/>
      <c r="D2807" s="10"/>
      <c r="E2807" s="8"/>
      <c r="F2807" s="8"/>
      <c r="G2807" s="8"/>
      <c r="H2807" s="8"/>
      <c r="I2807" s="8"/>
      <c r="J2807" s="8"/>
      <c r="K2807" s="8"/>
      <c r="L2807" s="8"/>
      <c r="M2807" s="8"/>
      <c r="N2807" s="72"/>
      <c r="O2807" s="262"/>
    </row>
    <row r="2808" spans="3:15" s="99" customFormat="1">
      <c r="C2808" s="8"/>
      <c r="D2808" s="10"/>
      <c r="E2808" s="8"/>
      <c r="F2808" s="8"/>
      <c r="G2808" s="8"/>
      <c r="H2808" s="8"/>
      <c r="I2808" s="8"/>
      <c r="J2808" s="8"/>
      <c r="K2808" s="8"/>
      <c r="L2808" s="8"/>
      <c r="M2808" s="8"/>
      <c r="N2808" s="72"/>
      <c r="O2808" s="81"/>
    </row>
    <row r="2809" spans="3:15" s="99" customFormat="1">
      <c r="C2809" s="8"/>
      <c r="D2809" s="10"/>
      <c r="E2809" s="8"/>
      <c r="F2809" s="8"/>
      <c r="G2809" s="8"/>
      <c r="H2809" s="8"/>
      <c r="I2809" s="8"/>
      <c r="J2809" s="8"/>
      <c r="K2809" s="8"/>
      <c r="L2809" s="8"/>
      <c r="M2809" s="8"/>
      <c r="N2809" s="72"/>
      <c r="O2809" s="261"/>
    </row>
    <row r="2810" spans="3:15" s="99" customFormat="1">
      <c r="C2810" s="8"/>
      <c r="D2810" s="10"/>
      <c r="E2810" s="8"/>
      <c r="F2810" s="8"/>
      <c r="G2810" s="8"/>
      <c r="H2810" s="8"/>
      <c r="I2810" s="8"/>
      <c r="J2810" s="8"/>
      <c r="K2810" s="8"/>
      <c r="L2810" s="8"/>
      <c r="M2810" s="8"/>
      <c r="N2810" s="72"/>
      <c r="O2810" s="261"/>
    </row>
    <row r="2811" spans="3:15" s="99" customFormat="1">
      <c r="C2811" s="8"/>
      <c r="D2811" s="10"/>
      <c r="E2811" s="8"/>
      <c r="F2811" s="8"/>
      <c r="G2811" s="8"/>
      <c r="H2811" s="8"/>
      <c r="I2811" s="8"/>
      <c r="J2811" s="8"/>
      <c r="K2811" s="8"/>
      <c r="L2811" s="8"/>
      <c r="M2811" s="8"/>
      <c r="N2811" s="72"/>
      <c r="O2811" s="81"/>
    </row>
    <row r="2832" spans="3:15" s="99" customFormat="1">
      <c r="C2832" s="8"/>
      <c r="D2832" s="10"/>
      <c r="E2832" s="8"/>
      <c r="F2832" s="8"/>
      <c r="G2832" s="8"/>
      <c r="H2832" s="8"/>
      <c r="I2832" s="8"/>
      <c r="J2832" s="8"/>
      <c r="K2832" s="8"/>
      <c r="L2832" s="8"/>
      <c r="M2832" s="8"/>
      <c r="N2832" s="72"/>
      <c r="O2832" s="8"/>
    </row>
    <row r="2833" spans="3:15" s="99" customFormat="1">
      <c r="C2833" s="8"/>
      <c r="D2833" s="10"/>
      <c r="E2833" s="8"/>
      <c r="F2833" s="8"/>
      <c r="G2833" s="8"/>
      <c r="H2833" s="8"/>
      <c r="I2833" s="8"/>
      <c r="J2833" s="8"/>
      <c r="K2833" s="8"/>
      <c r="L2833" s="8"/>
      <c r="M2833" s="8"/>
      <c r="N2833" s="72"/>
      <c r="O2833" s="8"/>
    </row>
    <row r="2870" spans="3:15" s="99" customFormat="1">
      <c r="C2870" s="8"/>
      <c r="D2870" s="10"/>
      <c r="E2870" s="8"/>
      <c r="F2870" s="8"/>
      <c r="G2870" s="8"/>
      <c r="H2870" s="8"/>
      <c r="I2870" s="8"/>
      <c r="J2870" s="8"/>
      <c r="K2870" s="8"/>
      <c r="L2870" s="8"/>
      <c r="M2870" s="8"/>
      <c r="N2870" s="72"/>
      <c r="O2870" s="8"/>
    </row>
    <row r="2871" spans="3:15" s="99" customFormat="1">
      <c r="C2871" s="8"/>
      <c r="D2871" s="10"/>
      <c r="E2871" s="8"/>
      <c r="F2871" s="8"/>
      <c r="G2871" s="8"/>
      <c r="H2871" s="8"/>
      <c r="I2871" s="8"/>
      <c r="J2871" s="8"/>
      <c r="K2871" s="8"/>
      <c r="L2871" s="8"/>
      <c r="M2871" s="8"/>
      <c r="N2871" s="72"/>
      <c r="O2871" s="8"/>
    </row>
    <row r="2913" spans="3:15" s="99" customFormat="1">
      <c r="C2913" s="8"/>
      <c r="D2913" s="10"/>
      <c r="E2913" s="8"/>
      <c r="F2913" s="8"/>
      <c r="G2913" s="8"/>
      <c r="H2913" s="8"/>
      <c r="I2913" s="8"/>
      <c r="J2913" s="8"/>
      <c r="K2913" s="8"/>
      <c r="L2913" s="8"/>
      <c r="M2913" s="8"/>
      <c r="N2913" s="72"/>
      <c r="O2913" s="18"/>
    </row>
    <row r="2914" spans="3:15" s="99" customFormat="1">
      <c r="C2914" s="8"/>
      <c r="D2914" s="10"/>
      <c r="E2914" s="8"/>
      <c r="F2914" s="8"/>
      <c r="G2914" s="8"/>
      <c r="H2914" s="8"/>
      <c r="I2914" s="8"/>
      <c r="J2914" s="8"/>
      <c r="K2914" s="8"/>
      <c r="L2914" s="8"/>
      <c r="M2914" s="8"/>
      <c r="N2914" s="72"/>
      <c r="O2914" s="18"/>
    </row>
    <row r="2915" spans="3:15" s="99" customFormat="1">
      <c r="C2915" s="8"/>
      <c r="D2915" s="10"/>
      <c r="E2915" s="8"/>
      <c r="F2915" s="8"/>
      <c r="G2915" s="8"/>
      <c r="H2915" s="8"/>
      <c r="I2915" s="8"/>
      <c r="J2915" s="8"/>
      <c r="K2915" s="8"/>
      <c r="L2915" s="8"/>
      <c r="M2915" s="8"/>
      <c r="N2915" s="72"/>
      <c r="O2915" s="18"/>
    </row>
    <row r="2916" spans="3:15" s="99" customFormat="1">
      <c r="C2916" s="8"/>
      <c r="D2916" s="10"/>
      <c r="E2916" s="8"/>
      <c r="F2916" s="8"/>
      <c r="G2916" s="8"/>
      <c r="H2916" s="8"/>
      <c r="I2916" s="8"/>
      <c r="J2916" s="8"/>
      <c r="K2916" s="8"/>
      <c r="L2916" s="8"/>
      <c r="M2916" s="8"/>
      <c r="N2916" s="72"/>
      <c r="O2916" s="18"/>
    </row>
    <row r="2917" spans="3:15" s="99" customFormat="1">
      <c r="C2917" s="8"/>
      <c r="D2917" s="10"/>
      <c r="E2917" s="8"/>
      <c r="F2917" s="8"/>
      <c r="G2917" s="8"/>
      <c r="H2917" s="8"/>
      <c r="I2917" s="8"/>
      <c r="J2917" s="8"/>
      <c r="K2917" s="8"/>
      <c r="L2917" s="8"/>
      <c r="M2917" s="8"/>
      <c r="N2917" s="72"/>
      <c r="O2917" s="18"/>
    </row>
    <row r="2918" spans="3:15" s="99" customFormat="1">
      <c r="C2918" s="8"/>
      <c r="D2918" s="10"/>
      <c r="E2918" s="8"/>
      <c r="F2918" s="8"/>
      <c r="G2918" s="8"/>
      <c r="H2918" s="8"/>
      <c r="I2918" s="8"/>
      <c r="J2918" s="8"/>
      <c r="K2918" s="8"/>
      <c r="L2918" s="8"/>
      <c r="M2918" s="8"/>
      <c r="N2918" s="72"/>
      <c r="O2918" s="18"/>
    </row>
    <row r="2919" spans="3:15" s="99" customFormat="1">
      <c r="C2919" s="8"/>
      <c r="D2919" s="10"/>
      <c r="E2919" s="8"/>
      <c r="F2919" s="8"/>
      <c r="G2919" s="8"/>
      <c r="H2919" s="8"/>
      <c r="I2919" s="8"/>
      <c r="J2919" s="8"/>
      <c r="K2919" s="8"/>
      <c r="L2919" s="8"/>
      <c r="M2919" s="8"/>
      <c r="N2919" s="72"/>
      <c r="O2919" s="18"/>
    </row>
    <row r="2920" spans="3:15" s="99" customFormat="1">
      <c r="C2920" s="8"/>
      <c r="D2920" s="10"/>
      <c r="E2920" s="8"/>
      <c r="F2920" s="8"/>
      <c r="G2920" s="8"/>
      <c r="H2920" s="8"/>
      <c r="I2920" s="8"/>
      <c r="J2920" s="8"/>
      <c r="K2920" s="8"/>
      <c r="L2920" s="8"/>
      <c r="M2920" s="8"/>
      <c r="N2920" s="72"/>
      <c r="O2920" s="18"/>
    </row>
    <row r="2921" spans="3:15" s="99" customFormat="1">
      <c r="C2921" s="8"/>
      <c r="D2921" s="10"/>
      <c r="E2921" s="8"/>
      <c r="F2921" s="8"/>
      <c r="G2921" s="8"/>
      <c r="H2921" s="8"/>
      <c r="I2921" s="8"/>
      <c r="J2921" s="8"/>
      <c r="K2921" s="8"/>
      <c r="L2921" s="8"/>
      <c r="M2921" s="8"/>
      <c r="N2921" s="72"/>
      <c r="O2921" s="18"/>
    </row>
    <row r="2922" spans="3:15" s="99" customFormat="1">
      <c r="C2922" s="8"/>
      <c r="D2922" s="10"/>
      <c r="E2922" s="8"/>
      <c r="F2922" s="8"/>
      <c r="G2922" s="8"/>
      <c r="H2922" s="8"/>
      <c r="I2922" s="8"/>
      <c r="J2922" s="8"/>
      <c r="K2922" s="8"/>
      <c r="L2922" s="8"/>
      <c r="M2922" s="8"/>
      <c r="N2922" s="72"/>
      <c r="O2922" s="18"/>
    </row>
    <row r="2923" spans="3:15" s="99" customFormat="1">
      <c r="C2923" s="8"/>
      <c r="D2923" s="10"/>
      <c r="E2923" s="8"/>
      <c r="F2923" s="8"/>
      <c r="G2923" s="8"/>
      <c r="H2923" s="8"/>
      <c r="I2923" s="8"/>
      <c r="J2923" s="8"/>
      <c r="K2923" s="8"/>
      <c r="L2923" s="8"/>
      <c r="M2923" s="8"/>
      <c r="N2923" s="72"/>
      <c r="O2923" s="18"/>
    </row>
    <row r="2924" spans="3:15" s="99" customFormat="1">
      <c r="C2924" s="8"/>
      <c r="D2924" s="10"/>
      <c r="E2924" s="8"/>
      <c r="F2924" s="8"/>
      <c r="G2924" s="8"/>
      <c r="H2924" s="8"/>
      <c r="I2924" s="8"/>
      <c r="J2924" s="8"/>
      <c r="K2924" s="8"/>
      <c r="L2924" s="8"/>
      <c r="M2924" s="8"/>
      <c r="N2924" s="72"/>
      <c r="O2924" s="18"/>
    </row>
    <row r="2925" spans="3:15" s="99" customFormat="1">
      <c r="C2925" s="8"/>
      <c r="D2925" s="10"/>
      <c r="E2925" s="8"/>
      <c r="F2925" s="8"/>
      <c r="G2925" s="8"/>
      <c r="H2925" s="8"/>
      <c r="I2925" s="8"/>
      <c r="J2925" s="8"/>
      <c r="K2925" s="8"/>
      <c r="L2925" s="8"/>
      <c r="M2925" s="8"/>
      <c r="N2925" s="72"/>
      <c r="O2925" s="18"/>
    </row>
    <row r="2926" spans="3:15" s="99" customFormat="1">
      <c r="C2926" s="8"/>
      <c r="D2926" s="10"/>
      <c r="E2926" s="8"/>
      <c r="F2926" s="8"/>
      <c r="G2926" s="8"/>
      <c r="H2926" s="8"/>
      <c r="I2926" s="8"/>
      <c r="J2926" s="8"/>
      <c r="K2926" s="8"/>
      <c r="L2926" s="8"/>
      <c r="M2926" s="8"/>
      <c r="N2926" s="72"/>
      <c r="O2926" s="18"/>
    </row>
    <row r="2927" spans="3:15" s="99" customFormat="1">
      <c r="C2927" s="8"/>
      <c r="D2927" s="10"/>
      <c r="E2927" s="8"/>
      <c r="F2927" s="8"/>
      <c r="G2927" s="8"/>
      <c r="H2927" s="8"/>
      <c r="I2927" s="8"/>
      <c r="J2927" s="8"/>
      <c r="K2927" s="8"/>
      <c r="L2927" s="8"/>
      <c r="M2927" s="8"/>
      <c r="N2927" s="72"/>
      <c r="O2927" s="18"/>
    </row>
    <row r="2928" spans="3:15" s="99" customFormat="1">
      <c r="C2928" s="8"/>
      <c r="D2928" s="10"/>
      <c r="E2928" s="8"/>
      <c r="F2928" s="8"/>
      <c r="G2928" s="8"/>
      <c r="H2928" s="8"/>
      <c r="I2928" s="8"/>
      <c r="J2928" s="8"/>
      <c r="K2928" s="8"/>
      <c r="L2928" s="8"/>
      <c r="M2928" s="8"/>
      <c r="N2928" s="72"/>
      <c r="O2928"/>
    </row>
    <row r="2929" spans="3:15" s="99" customFormat="1">
      <c r="C2929" s="8"/>
      <c r="D2929" s="10"/>
      <c r="E2929" s="8"/>
      <c r="F2929" s="8"/>
      <c r="G2929" s="8"/>
      <c r="H2929" s="8"/>
      <c r="I2929" s="8"/>
      <c r="J2929" s="8"/>
      <c r="K2929" s="8"/>
      <c r="L2929" s="8"/>
      <c r="M2929" s="8"/>
      <c r="N2929" s="72"/>
      <c r="O2929" s="18"/>
    </row>
    <row r="2930" spans="3:15" s="99" customFormat="1">
      <c r="C2930" s="8"/>
      <c r="D2930" s="10"/>
      <c r="E2930" s="8"/>
      <c r="F2930" s="8"/>
      <c r="G2930" s="8"/>
      <c r="H2930" s="8"/>
      <c r="I2930" s="8"/>
      <c r="J2930" s="8"/>
      <c r="K2930" s="8"/>
      <c r="L2930" s="8"/>
      <c r="M2930" s="8"/>
      <c r="N2930" s="72"/>
      <c r="O2930" s="18"/>
    </row>
    <row r="2931" spans="3:15" s="99" customFormat="1">
      <c r="C2931" s="8"/>
      <c r="D2931" s="10"/>
      <c r="E2931" s="8"/>
      <c r="F2931" s="8"/>
      <c r="G2931" s="8"/>
      <c r="H2931" s="8"/>
      <c r="I2931" s="8"/>
      <c r="J2931" s="8"/>
      <c r="K2931" s="8"/>
      <c r="L2931" s="8"/>
      <c r="M2931" s="8"/>
      <c r="N2931" s="72"/>
      <c r="O2931" s="18"/>
    </row>
    <row r="2932" spans="3:15" s="99" customFormat="1">
      <c r="C2932" s="8"/>
      <c r="D2932" s="10"/>
      <c r="E2932" s="8"/>
      <c r="F2932" s="8"/>
      <c r="G2932" s="8"/>
      <c r="H2932" s="8"/>
      <c r="I2932" s="8"/>
      <c r="J2932" s="8"/>
      <c r="K2932" s="8"/>
      <c r="L2932" s="8"/>
      <c r="M2932" s="8"/>
      <c r="N2932" s="72"/>
      <c r="O2932" s="18"/>
    </row>
  </sheetData>
  <mergeCells count="1">
    <mergeCell ref="A2:N2"/>
  </mergeCells>
  <pageMargins left="0.7" right="0.7" top="0.75" bottom="0.75" header="0.3" footer="0.3"/>
  <pageSetup paperSize="9" fitToHeight="0" orientation="landscape" r:id="rId1"/>
  <customProperties>
    <customPr name="IbpWorksheetKeyString_GUID" r:id="rId2"/>
  </customPropertie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theme="3"/>
  </sheetPr>
  <dimension ref="A1:XDM2349"/>
  <sheetViews>
    <sheetView topLeftCell="A521" zoomScale="70" zoomScaleNormal="70" workbookViewId="0">
      <selection activeCell="U84" sqref="U84"/>
    </sheetView>
  </sheetViews>
  <sheetFormatPr defaultColWidth="7.6640625" defaultRowHeight="15.5" outlineLevelRow="2"/>
  <cols>
    <col min="1" max="2" width="4.83203125" style="10" customWidth="1"/>
    <col min="3" max="3" width="4.83203125" style="8" customWidth="1"/>
    <col min="4" max="4" width="4.83203125" style="10" customWidth="1"/>
    <col min="5" max="5" width="9.5" style="8" customWidth="1"/>
    <col min="6" max="6" width="10" style="8" bestFit="1" customWidth="1"/>
    <col min="7" max="7" width="47.1640625" style="8" bestFit="1" customWidth="1"/>
    <col min="8" max="9" width="10.6640625" style="8" customWidth="1"/>
    <col min="10" max="10" width="8.5" style="8" customWidth="1"/>
    <col min="11" max="11" width="3.5" style="8" customWidth="1"/>
    <col min="12" max="12" width="2.83203125" style="8" customWidth="1"/>
    <col min="13" max="13" width="4.83203125" style="8" customWidth="1"/>
    <col min="14" max="14" width="47" style="72" customWidth="1"/>
    <col min="15" max="15" width="74.33203125" style="243" customWidth="1"/>
    <col min="16" max="16" width="71.33203125" style="257" customWidth="1"/>
    <col min="17" max="17" width="23.6640625" style="10" customWidth="1"/>
    <col min="18" max="16384" width="7.6640625" style="10"/>
  </cols>
  <sheetData>
    <row r="1" spans="1:17" ht="46.5">
      <c r="A1" s="132" t="s">
        <v>415</v>
      </c>
      <c r="B1" s="132" t="s">
        <v>416</v>
      </c>
      <c r="C1" s="132" t="s">
        <v>412</v>
      </c>
      <c r="D1" s="132" t="s">
        <v>411</v>
      </c>
      <c r="E1" s="132" t="s">
        <v>410</v>
      </c>
      <c r="F1" s="132" t="s">
        <v>409</v>
      </c>
      <c r="G1" s="132" t="s">
        <v>408</v>
      </c>
      <c r="H1" s="132" t="s">
        <v>407</v>
      </c>
      <c r="I1" s="132" t="s">
        <v>406</v>
      </c>
      <c r="J1" s="42" t="s">
        <v>535</v>
      </c>
      <c r="K1" s="42" t="s">
        <v>534</v>
      </c>
      <c r="L1" s="42" t="s">
        <v>533</v>
      </c>
      <c r="M1" s="42" t="s">
        <v>532</v>
      </c>
      <c r="N1" s="69" t="s">
        <v>617</v>
      </c>
      <c r="O1" s="242" t="s">
        <v>618</v>
      </c>
      <c r="P1" s="242" t="s">
        <v>1069</v>
      </c>
      <c r="Q1" s="69" t="s">
        <v>1787</v>
      </c>
    </row>
    <row r="2" spans="1:17" ht="22.5" customHeight="1">
      <c r="A2" s="400" t="s">
        <v>886</v>
      </c>
      <c r="B2" s="401"/>
      <c r="C2" s="401"/>
      <c r="D2" s="401"/>
      <c r="E2" s="401"/>
      <c r="F2" s="401"/>
      <c r="G2" s="401"/>
      <c r="H2" s="401"/>
      <c r="I2" s="401"/>
      <c r="J2" s="401"/>
      <c r="K2" s="401"/>
      <c r="L2" s="401"/>
      <c r="M2" s="401"/>
      <c r="N2" s="401"/>
      <c r="O2" s="257"/>
    </row>
    <row r="3" spans="1:17">
      <c r="A3" s="21" t="s">
        <v>421</v>
      </c>
      <c r="B3" s="134"/>
      <c r="C3" s="135"/>
      <c r="D3" s="134"/>
      <c r="E3" s="134"/>
      <c r="F3" s="134"/>
      <c r="G3" s="134"/>
      <c r="H3" s="134"/>
      <c r="I3" s="134"/>
      <c r="J3" s="136"/>
      <c r="K3" s="136"/>
      <c r="L3" s="136"/>
      <c r="M3" s="136"/>
      <c r="N3" s="137"/>
      <c r="O3" s="257"/>
    </row>
    <row r="4" spans="1:17">
      <c r="A4" s="17"/>
      <c r="B4" s="17"/>
      <c r="C4" s="17" t="s">
        <v>405</v>
      </c>
      <c r="D4" s="17" t="s">
        <v>422</v>
      </c>
      <c r="E4" s="17"/>
      <c r="F4" s="17"/>
      <c r="G4" s="17"/>
      <c r="H4" s="17" t="s">
        <v>66</v>
      </c>
      <c r="I4" s="17" t="s">
        <v>65</v>
      </c>
      <c r="J4" s="17">
        <v>1</v>
      </c>
      <c r="K4" s="17"/>
      <c r="L4" s="17"/>
      <c r="M4" s="17"/>
      <c r="N4" s="138"/>
      <c r="O4" s="257" t="s">
        <v>1219</v>
      </c>
    </row>
    <row r="5" spans="1:17" ht="18" customHeight="1" outlineLevel="1">
      <c r="E5" s="8" t="s">
        <v>404</v>
      </c>
      <c r="F5" s="8">
        <v>143</v>
      </c>
      <c r="G5" s="8" t="s">
        <v>403</v>
      </c>
      <c r="H5" s="8" t="s">
        <v>66</v>
      </c>
      <c r="I5" s="8" t="s">
        <v>65</v>
      </c>
      <c r="J5" s="8">
        <v>1</v>
      </c>
      <c r="K5" s="8" t="s">
        <v>514</v>
      </c>
      <c r="L5" s="8">
        <v>3</v>
      </c>
      <c r="M5" s="8">
        <v>3</v>
      </c>
      <c r="N5" s="72" t="s">
        <v>619</v>
      </c>
      <c r="O5" s="257"/>
    </row>
    <row r="6" spans="1:17" ht="18" customHeight="1" outlineLevel="1">
      <c r="E6" s="8" t="s">
        <v>402</v>
      </c>
      <c r="F6" s="8">
        <v>329</v>
      </c>
      <c r="G6" s="8" t="s">
        <v>401</v>
      </c>
      <c r="H6" s="8" t="s">
        <v>66</v>
      </c>
      <c r="I6" s="8" t="s">
        <v>65</v>
      </c>
      <c r="J6" s="8">
        <v>1</v>
      </c>
      <c r="K6" s="8" t="s">
        <v>509</v>
      </c>
      <c r="L6" s="8">
        <v>4</v>
      </c>
      <c r="M6" s="8">
        <v>9</v>
      </c>
      <c r="O6" s="257"/>
    </row>
    <row r="7" spans="1:17">
      <c r="A7" s="17"/>
      <c r="B7" s="17"/>
      <c r="C7" s="17" t="s">
        <v>414</v>
      </c>
      <c r="D7" s="17" t="s">
        <v>749</v>
      </c>
      <c r="E7" s="17"/>
      <c r="F7" s="17"/>
      <c r="G7" s="17"/>
      <c r="H7" s="17" t="s">
        <v>66</v>
      </c>
      <c r="I7" s="17" t="s">
        <v>65</v>
      </c>
      <c r="J7" s="17">
        <v>1</v>
      </c>
      <c r="K7" s="17"/>
      <c r="L7" s="17"/>
      <c r="M7" s="17"/>
      <c r="N7" s="17"/>
      <c r="O7" s="257" t="s">
        <v>1954</v>
      </c>
      <c r="P7" s="257" t="s">
        <v>2028</v>
      </c>
    </row>
    <row r="8" spans="1:17" ht="59.25" customHeight="1" outlineLevel="1">
      <c r="E8" s="8" t="s">
        <v>399</v>
      </c>
      <c r="F8" s="8">
        <v>353</v>
      </c>
      <c r="G8" s="8" t="s">
        <v>398</v>
      </c>
      <c r="H8" s="8" t="s">
        <v>66</v>
      </c>
      <c r="I8" s="8" t="s">
        <v>65</v>
      </c>
      <c r="J8" s="8">
        <v>1</v>
      </c>
      <c r="K8" s="8" t="s">
        <v>514</v>
      </c>
      <c r="L8" s="8">
        <v>2</v>
      </c>
      <c r="M8" s="8">
        <v>2</v>
      </c>
      <c r="N8" s="70" t="s">
        <v>621</v>
      </c>
      <c r="O8" s="257"/>
    </row>
    <row r="9" spans="1:17" ht="102" customHeight="1" outlineLevel="1">
      <c r="E9" s="8" t="s">
        <v>397</v>
      </c>
      <c r="F9" s="8">
        <v>92</v>
      </c>
      <c r="G9" s="8" t="s">
        <v>396</v>
      </c>
      <c r="H9" s="8" t="s">
        <v>66</v>
      </c>
      <c r="I9" s="8" t="s">
        <v>65</v>
      </c>
      <c r="J9" s="8">
        <v>1</v>
      </c>
      <c r="K9" s="8" t="s">
        <v>514</v>
      </c>
      <c r="L9" s="8">
        <v>2</v>
      </c>
      <c r="M9" s="8">
        <v>2</v>
      </c>
      <c r="N9" s="70" t="s">
        <v>622</v>
      </c>
      <c r="O9" s="257"/>
    </row>
    <row r="10" spans="1:17" ht="18.75" customHeight="1" outlineLevel="1">
      <c r="E10" s="8" t="s">
        <v>395</v>
      </c>
      <c r="F10" s="8">
        <v>324</v>
      </c>
      <c r="G10" s="8" t="s">
        <v>394</v>
      </c>
      <c r="H10" s="8" t="s">
        <v>66</v>
      </c>
      <c r="I10" s="8" t="s">
        <v>65</v>
      </c>
      <c r="J10" s="8">
        <v>1</v>
      </c>
      <c r="K10" s="8" t="s">
        <v>509</v>
      </c>
      <c r="L10" s="8">
        <v>1</v>
      </c>
      <c r="M10" s="8">
        <v>22</v>
      </c>
      <c r="O10" s="257"/>
    </row>
    <row r="11" spans="1:17" ht="18.75" customHeight="1" outlineLevel="1">
      <c r="E11" s="8" t="s">
        <v>393</v>
      </c>
      <c r="F11" s="8">
        <v>328</v>
      </c>
      <c r="G11" s="8" t="s">
        <v>392</v>
      </c>
      <c r="H11" s="8" t="s">
        <v>17</v>
      </c>
      <c r="I11" s="8" t="s">
        <v>71</v>
      </c>
      <c r="J11" s="8">
        <v>1</v>
      </c>
      <c r="K11" s="8" t="s">
        <v>509</v>
      </c>
      <c r="L11" s="8">
        <v>1</v>
      </c>
      <c r="M11" s="8">
        <v>30</v>
      </c>
      <c r="O11" s="257"/>
    </row>
    <row r="12" spans="1:17" ht="18.75" customHeight="1" outlineLevel="1">
      <c r="E12" s="8" t="s">
        <v>391</v>
      </c>
      <c r="F12" s="8">
        <v>373</v>
      </c>
      <c r="G12" s="8" t="s">
        <v>1</v>
      </c>
      <c r="H12" s="8" t="s">
        <v>66</v>
      </c>
      <c r="I12" s="8" t="s">
        <v>65</v>
      </c>
      <c r="J12" s="8">
        <v>1</v>
      </c>
      <c r="K12" s="8" t="s">
        <v>519</v>
      </c>
      <c r="L12" s="8">
        <v>8</v>
      </c>
      <c r="M12" s="8">
        <v>8</v>
      </c>
      <c r="O12" s="257"/>
    </row>
    <row r="13" spans="1:17">
      <c r="A13" s="17"/>
      <c r="B13" s="17"/>
      <c r="C13" s="17" t="s">
        <v>252</v>
      </c>
      <c r="D13" s="17" t="s">
        <v>476</v>
      </c>
      <c r="E13" s="17"/>
      <c r="F13" s="17"/>
      <c r="G13" s="17"/>
      <c r="H13" s="17" t="s">
        <v>17</v>
      </c>
      <c r="I13" s="17" t="s">
        <v>71</v>
      </c>
      <c r="J13" s="17">
        <v>1</v>
      </c>
      <c r="K13" s="17"/>
      <c r="L13" s="17"/>
      <c r="M13" s="17"/>
      <c r="N13" s="138"/>
      <c r="O13" s="257" t="s">
        <v>920</v>
      </c>
      <c r="P13" s="257" t="s">
        <v>476</v>
      </c>
    </row>
    <row r="14" spans="1:17" ht="18.75" customHeight="1" outlineLevel="1">
      <c r="E14" s="8" t="s">
        <v>251</v>
      </c>
      <c r="F14" s="8">
        <v>98</v>
      </c>
      <c r="G14" s="8" t="s">
        <v>156</v>
      </c>
      <c r="H14" s="8" t="s">
        <v>66</v>
      </c>
      <c r="I14" s="8" t="s">
        <v>65</v>
      </c>
      <c r="J14" s="8">
        <v>1</v>
      </c>
      <c r="K14" s="8" t="s">
        <v>514</v>
      </c>
      <c r="L14" s="8">
        <v>2</v>
      </c>
      <c r="M14" s="8">
        <v>3</v>
      </c>
      <c r="N14" s="72" t="s">
        <v>623</v>
      </c>
      <c r="O14" s="257"/>
      <c r="P14" s="257" t="s">
        <v>476</v>
      </c>
    </row>
    <row r="15" spans="1:17" ht="18.75" customHeight="1" outlineLevel="1">
      <c r="E15" s="8" t="s">
        <v>250</v>
      </c>
      <c r="F15" s="8">
        <v>100</v>
      </c>
      <c r="G15" s="8" t="s">
        <v>249</v>
      </c>
      <c r="H15" s="8" t="s">
        <v>66</v>
      </c>
      <c r="I15" s="8" t="s">
        <v>65</v>
      </c>
      <c r="J15" s="8">
        <v>1</v>
      </c>
      <c r="K15" s="8" t="s">
        <v>514</v>
      </c>
      <c r="L15" s="8">
        <v>3</v>
      </c>
      <c r="M15" s="8">
        <v>3</v>
      </c>
      <c r="N15" s="70" t="s">
        <v>624</v>
      </c>
      <c r="O15" s="257"/>
    </row>
    <row r="16" spans="1:17" ht="18.75" customHeight="1" outlineLevel="1">
      <c r="E16" s="8" t="s">
        <v>290</v>
      </c>
      <c r="F16" s="8">
        <v>280</v>
      </c>
      <c r="G16" s="8" t="s">
        <v>289</v>
      </c>
      <c r="H16" s="8" t="s">
        <v>17</v>
      </c>
      <c r="I16" s="8" t="s">
        <v>71</v>
      </c>
      <c r="J16" s="8">
        <v>1</v>
      </c>
      <c r="K16" s="8" t="s">
        <v>438</v>
      </c>
      <c r="L16" s="8">
        <v>4</v>
      </c>
      <c r="M16" s="8">
        <v>10</v>
      </c>
      <c r="O16" s="257"/>
    </row>
    <row r="17" spans="1:16" ht="18.75" customHeight="1" outlineLevel="1">
      <c r="E17" s="8" t="s">
        <v>288</v>
      </c>
      <c r="F17" s="8">
        <v>98</v>
      </c>
      <c r="G17" s="8" t="s">
        <v>156</v>
      </c>
      <c r="H17" s="8" t="s">
        <v>17</v>
      </c>
      <c r="I17" s="8" t="s">
        <v>71</v>
      </c>
      <c r="J17" s="8">
        <v>1</v>
      </c>
      <c r="K17" s="8" t="s">
        <v>514</v>
      </c>
      <c r="L17" s="8">
        <v>2</v>
      </c>
      <c r="M17" s="8">
        <v>3</v>
      </c>
      <c r="N17" s="72" t="s">
        <v>625</v>
      </c>
      <c r="O17" s="257"/>
    </row>
    <row r="18" spans="1:16" ht="18.75" customHeight="1" outlineLevel="1">
      <c r="E18" s="8" t="s">
        <v>287</v>
      </c>
      <c r="F18" s="8">
        <v>100</v>
      </c>
      <c r="G18" s="8" t="s">
        <v>249</v>
      </c>
      <c r="H18" s="8" t="s">
        <v>17</v>
      </c>
      <c r="I18" s="8" t="s">
        <v>71</v>
      </c>
      <c r="J18" s="8">
        <v>1</v>
      </c>
      <c r="K18" s="8" t="s">
        <v>514</v>
      </c>
      <c r="L18" s="8">
        <v>3</v>
      </c>
      <c r="M18" s="8">
        <v>3</v>
      </c>
      <c r="N18" s="70" t="s">
        <v>624</v>
      </c>
      <c r="O18" s="257"/>
    </row>
    <row r="19" spans="1:16" ht="18.75" customHeight="1" outlineLevel="1" collapsed="1">
      <c r="A19" s="17"/>
      <c r="B19" s="17"/>
      <c r="C19" s="17" t="s">
        <v>130</v>
      </c>
      <c r="D19" s="17" t="s">
        <v>126</v>
      </c>
      <c r="E19" s="17"/>
      <c r="F19" s="17"/>
      <c r="G19" s="17"/>
      <c r="H19" s="17" t="s">
        <v>17</v>
      </c>
      <c r="I19" s="17" t="s">
        <v>71</v>
      </c>
      <c r="J19" s="17" t="s">
        <v>525</v>
      </c>
      <c r="K19" s="17"/>
      <c r="L19" s="17"/>
      <c r="M19" s="17"/>
      <c r="N19" s="138"/>
      <c r="O19" s="257"/>
    </row>
    <row r="20" spans="1:16" ht="42" outlineLevel="1">
      <c r="E20" s="8" t="s">
        <v>129</v>
      </c>
      <c r="F20" s="8">
        <v>128</v>
      </c>
      <c r="G20" s="8" t="s">
        <v>128</v>
      </c>
      <c r="H20" s="8" t="s">
        <v>66</v>
      </c>
      <c r="I20" s="8" t="s">
        <v>65</v>
      </c>
      <c r="J20" s="8">
        <v>1</v>
      </c>
      <c r="K20" s="8" t="s">
        <v>514</v>
      </c>
      <c r="L20" s="8">
        <v>2</v>
      </c>
      <c r="M20" s="8">
        <v>3</v>
      </c>
      <c r="N20" s="329" t="s">
        <v>750</v>
      </c>
      <c r="O20" s="8" t="s">
        <v>2771</v>
      </c>
      <c r="P20" s="72" t="s">
        <v>2772</v>
      </c>
    </row>
    <row r="21" spans="1:16" ht="18.75" customHeight="1" outlineLevel="1">
      <c r="E21" s="8" t="s">
        <v>127</v>
      </c>
      <c r="F21" s="8">
        <v>127</v>
      </c>
      <c r="G21" s="8" t="s">
        <v>126</v>
      </c>
      <c r="H21" s="8" t="s">
        <v>78</v>
      </c>
      <c r="I21" s="8" t="s">
        <v>71</v>
      </c>
      <c r="J21" s="8">
        <v>1</v>
      </c>
      <c r="K21" s="8" t="s">
        <v>509</v>
      </c>
      <c r="L21" s="8">
        <v>1</v>
      </c>
      <c r="M21" s="8">
        <v>30</v>
      </c>
      <c r="O21" s="257"/>
    </row>
    <row r="22" spans="1:16" ht="18.75" customHeight="1" outlineLevel="1">
      <c r="A22" s="17"/>
      <c r="B22" s="17"/>
      <c r="C22" s="17" t="s">
        <v>130</v>
      </c>
      <c r="D22" s="17" t="s">
        <v>126</v>
      </c>
      <c r="E22" s="17"/>
      <c r="F22" s="17"/>
      <c r="G22" s="17"/>
      <c r="H22" s="17" t="s">
        <v>17</v>
      </c>
      <c r="I22" s="17" t="s">
        <v>17</v>
      </c>
      <c r="J22" s="17" t="s">
        <v>525</v>
      </c>
      <c r="K22" s="17"/>
      <c r="L22" s="17"/>
      <c r="M22" s="17"/>
      <c r="N22" s="138"/>
      <c r="O22" s="257"/>
    </row>
    <row r="23" spans="1:16" ht="18.75" customHeight="1" outlineLevel="1">
      <c r="E23" s="8" t="s">
        <v>129</v>
      </c>
      <c r="F23" s="8">
        <v>128</v>
      </c>
      <c r="G23" s="8" t="s">
        <v>128</v>
      </c>
      <c r="H23" s="8" t="s">
        <v>66</v>
      </c>
      <c r="I23" s="8" t="s">
        <v>65</v>
      </c>
      <c r="J23" s="8">
        <v>1</v>
      </c>
      <c r="K23" s="8" t="s">
        <v>514</v>
      </c>
      <c r="L23" s="8">
        <v>2</v>
      </c>
      <c r="M23" s="8">
        <v>3</v>
      </c>
      <c r="N23" s="72" t="s">
        <v>627</v>
      </c>
      <c r="O23" s="257"/>
    </row>
    <row r="24" spans="1:16" ht="18.75" customHeight="1" outlineLevel="1">
      <c r="E24" s="8" t="s">
        <v>127</v>
      </c>
      <c r="F24" s="8">
        <v>127</v>
      </c>
      <c r="G24" s="8" t="s">
        <v>126</v>
      </c>
      <c r="H24" s="8" t="s">
        <v>78</v>
      </c>
      <c r="I24" s="8" t="s">
        <v>71</v>
      </c>
      <c r="J24" s="8">
        <v>1</v>
      </c>
      <c r="K24" s="8" t="s">
        <v>509</v>
      </c>
      <c r="L24" s="8">
        <v>1</v>
      </c>
      <c r="M24" s="8">
        <v>30</v>
      </c>
      <c r="N24" s="72" t="s">
        <v>628</v>
      </c>
      <c r="O24" s="257"/>
    </row>
    <row r="25" spans="1:16" ht="18.75" customHeight="1" outlineLevel="1">
      <c r="E25" s="8" t="s">
        <v>125</v>
      </c>
      <c r="F25" s="8">
        <v>352</v>
      </c>
      <c r="G25" s="8" t="s">
        <v>3</v>
      </c>
      <c r="H25" s="8" t="s">
        <v>78</v>
      </c>
      <c r="I25" s="8" t="s">
        <v>71</v>
      </c>
      <c r="J25" s="8">
        <v>1</v>
      </c>
      <c r="K25" s="8" t="s">
        <v>509</v>
      </c>
      <c r="L25" s="8">
        <v>1</v>
      </c>
      <c r="M25" s="8">
        <v>80</v>
      </c>
      <c r="O25" s="257"/>
    </row>
    <row r="26" spans="1:16">
      <c r="A26" s="17"/>
      <c r="B26" s="17"/>
      <c r="C26" s="17" t="s">
        <v>130</v>
      </c>
      <c r="D26" s="139" t="s">
        <v>126</v>
      </c>
      <c r="E26" s="17"/>
      <c r="F26" s="17"/>
      <c r="G26" s="17"/>
      <c r="H26" s="17" t="s">
        <v>17</v>
      </c>
      <c r="I26" s="17" t="s">
        <v>71</v>
      </c>
      <c r="J26" s="17" t="s">
        <v>525</v>
      </c>
      <c r="K26" s="17"/>
      <c r="L26" s="17"/>
      <c r="M26" s="17"/>
      <c r="N26" s="138"/>
      <c r="O26" s="257" t="s">
        <v>1910</v>
      </c>
      <c r="P26" s="257" t="s">
        <v>1071</v>
      </c>
    </row>
    <row r="27" spans="1:16" ht="18.75" customHeight="1" outlineLevel="1">
      <c r="E27" s="8" t="s">
        <v>129</v>
      </c>
      <c r="F27" s="8">
        <v>128</v>
      </c>
      <c r="G27" s="8" t="s">
        <v>128</v>
      </c>
      <c r="H27" s="8" t="s">
        <v>66</v>
      </c>
      <c r="I27" s="8" t="s">
        <v>65</v>
      </c>
      <c r="J27" s="8">
        <v>1</v>
      </c>
      <c r="K27" s="8" t="s">
        <v>514</v>
      </c>
      <c r="L27" s="8">
        <v>2</v>
      </c>
      <c r="M27" s="8">
        <v>3</v>
      </c>
      <c r="N27" s="72" t="s">
        <v>629</v>
      </c>
      <c r="O27" s="257"/>
      <c r="P27" s="257" t="s">
        <v>1071</v>
      </c>
    </row>
    <row r="28" spans="1:16" ht="18.75" customHeight="1" outlineLevel="1">
      <c r="E28" s="8" t="s">
        <v>127</v>
      </c>
      <c r="F28" s="8">
        <v>127</v>
      </c>
      <c r="G28" s="8" t="s">
        <v>126</v>
      </c>
      <c r="H28" s="8" t="s">
        <v>78</v>
      </c>
      <c r="I28" s="8" t="s">
        <v>71</v>
      </c>
      <c r="J28" s="8">
        <v>1</v>
      </c>
      <c r="K28" s="8" t="s">
        <v>509</v>
      </c>
      <c r="L28" s="8">
        <v>1</v>
      </c>
      <c r="M28" s="8">
        <v>30</v>
      </c>
      <c r="O28" s="257"/>
    </row>
    <row r="29" spans="1:16" ht="18.75" customHeight="1">
      <c r="A29" s="17"/>
      <c r="B29" s="17"/>
      <c r="C29" s="17" t="s">
        <v>130</v>
      </c>
      <c r="D29" s="139" t="s">
        <v>126</v>
      </c>
      <c r="E29" s="17"/>
      <c r="F29" s="17"/>
      <c r="G29" s="17"/>
      <c r="H29" s="17" t="s">
        <v>17</v>
      </c>
      <c r="I29" s="17" t="s">
        <v>71</v>
      </c>
      <c r="J29" s="17" t="s">
        <v>525</v>
      </c>
      <c r="K29" s="17"/>
      <c r="L29" s="17"/>
      <c r="M29" s="17"/>
      <c r="N29" s="138"/>
      <c r="O29" s="257"/>
    </row>
    <row r="30" spans="1:16" ht="18.75" customHeight="1" outlineLevel="1">
      <c r="E30" s="8" t="s">
        <v>129</v>
      </c>
      <c r="F30" s="8">
        <v>128</v>
      </c>
      <c r="G30" s="8" t="s">
        <v>128</v>
      </c>
      <c r="H30" s="8" t="s">
        <v>66</v>
      </c>
      <c r="I30" s="8" t="s">
        <v>65</v>
      </c>
      <c r="J30" s="8">
        <v>1</v>
      </c>
      <c r="K30" s="8" t="s">
        <v>514</v>
      </c>
      <c r="L30" s="8">
        <v>2</v>
      </c>
      <c r="M30" s="8">
        <v>3</v>
      </c>
      <c r="N30" s="72" t="s">
        <v>630</v>
      </c>
      <c r="O30" s="257"/>
      <c r="P30" s="257" t="s">
        <v>1072</v>
      </c>
    </row>
    <row r="31" spans="1:16" ht="18.75" customHeight="1" outlineLevel="1">
      <c r="E31" s="8" t="s">
        <v>127</v>
      </c>
      <c r="F31" s="8">
        <v>127</v>
      </c>
      <c r="G31" s="8" t="s">
        <v>126</v>
      </c>
      <c r="H31" s="8" t="s">
        <v>78</v>
      </c>
      <c r="I31" s="8" t="s">
        <v>65</v>
      </c>
      <c r="J31" s="8">
        <v>1</v>
      </c>
      <c r="K31" s="8" t="s">
        <v>509</v>
      </c>
      <c r="L31" s="8">
        <v>1</v>
      </c>
      <c r="M31" s="8">
        <v>30</v>
      </c>
      <c r="N31" s="72" t="s">
        <v>631</v>
      </c>
      <c r="O31" s="257"/>
    </row>
    <row r="32" spans="1:16" ht="18.75" customHeight="1" outlineLevel="1">
      <c r="E32" s="8" t="s">
        <v>125</v>
      </c>
      <c r="F32" s="8">
        <v>352</v>
      </c>
      <c r="G32" s="8" t="s">
        <v>3</v>
      </c>
      <c r="H32" s="8" t="s">
        <v>17</v>
      </c>
      <c r="I32" s="8" t="s">
        <v>71</v>
      </c>
      <c r="J32" s="8">
        <v>1</v>
      </c>
      <c r="K32" s="8" t="s">
        <v>509</v>
      </c>
      <c r="L32" s="8">
        <v>1</v>
      </c>
      <c r="M32" s="8">
        <v>80</v>
      </c>
      <c r="O32" s="257"/>
    </row>
    <row r="33" spans="1:16" ht="18.75" customHeight="1" outlineLevel="1" collapsed="1">
      <c r="A33" s="17"/>
      <c r="B33" s="17"/>
      <c r="C33" s="17" t="s">
        <v>130</v>
      </c>
      <c r="D33" s="139" t="s">
        <v>126</v>
      </c>
      <c r="E33" s="17"/>
      <c r="F33" s="17"/>
      <c r="G33" s="17"/>
      <c r="H33" s="17" t="s">
        <v>17</v>
      </c>
      <c r="I33" s="17" t="s">
        <v>17</v>
      </c>
      <c r="J33" s="17" t="s">
        <v>525</v>
      </c>
      <c r="K33" s="17"/>
      <c r="L33" s="17"/>
      <c r="M33" s="17"/>
      <c r="N33" s="138"/>
      <c r="O33" s="257"/>
    </row>
    <row r="34" spans="1:16" ht="18.75" customHeight="1" outlineLevel="1">
      <c r="E34" s="8" t="s">
        <v>129</v>
      </c>
      <c r="F34" s="8">
        <v>128</v>
      </c>
      <c r="G34" s="8" t="s">
        <v>128</v>
      </c>
      <c r="H34" s="8" t="s">
        <v>66</v>
      </c>
      <c r="I34" s="8" t="s">
        <v>65</v>
      </c>
      <c r="J34" s="8">
        <v>1</v>
      </c>
      <c r="K34" s="8" t="s">
        <v>514</v>
      </c>
      <c r="L34" s="8">
        <v>2</v>
      </c>
      <c r="M34" s="8">
        <v>3</v>
      </c>
      <c r="N34" s="72" t="s">
        <v>632</v>
      </c>
      <c r="O34" s="257"/>
    </row>
    <row r="35" spans="1:16" ht="18.75" customHeight="1" outlineLevel="1">
      <c r="E35" s="8" t="s">
        <v>127</v>
      </c>
      <c r="F35" s="8">
        <v>127</v>
      </c>
      <c r="G35" s="8" t="s">
        <v>126</v>
      </c>
      <c r="H35" s="8" t="s">
        <v>78</v>
      </c>
      <c r="I35" s="8" t="s">
        <v>71</v>
      </c>
      <c r="J35" s="8">
        <v>1</v>
      </c>
      <c r="K35" s="8" t="s">
        <v>509</v>
      </c>
      <c r="L35" s="8">
        <v>1</v>
      </c>
      <c r="M35" s="8">
        <v>30</v>
      </c>
      <c r="O35" s="257"/>
    </row>
    <row r="36" spans="1:16" ht="18.75" customHeight="1" outlineLevel="1">
      <c r="A36" s="17"/>
      <c r="B36" s="17"/>
      <c r="C36" s="17" t="s">
        <v>130</v>
      </c>
      <c r="D36" s="139" t="s">
        <v>126</v>
      </c>
      <c r="E36" s="17"/>
      <c r="F36" s="17"/>
      <c r="G36" s="17"/>
      <c r="H36" s="17" t="s">
        <v>17</v>
      </c>
      <c r="I36" s="17" t="s">
        <v>71</v>
      </c>
      <c r="J36" s="17" t="s">
        <v>525</v>
      </c>
      <c r="K36" s="17"/>
      <c r="L36" s="17"/>
      <c r="M36" s="17"/>
      <c r="N36" s="138"/>
      <c r="O36" s="257"/>
    </row>
    <row r="37" spans="1:16" ht="18.75" customHeight="1" outlineLevel="1">
      <c r="E37" s="8" t="s">
        <v>129</v>
      </c>
      <c r="F37" s="8">
        <v>128</v>
      </c>
      <c r="G37" s="8" t="s">
        <v>128</v>
      </c>
      <c r="H37" s="8" t="s">
        <v>66</v>
      </c>
      <c r="I37" s="8" t="s">
        <v>65</v>
      </c>
      <c r="J37" s="8">
        <v>1</v>
      </c>
      <c r="K37" s="8" t="s">
        <v>514</v>
      </c>
      <c r="L37" s="8">
        <v>2</v>
      </c>
      <c r="M37" s="8">
        <v>3</v>
      </c>
      <c r="N37" s="72" t="s">
        <v>633</v>
      </c>
      <c r="O37" s="257"/>
    </row>
    <row r="38" spans="1:16" ht="18.75" customHeight="1" outlineLevel="1">
      <c r="C38" s="19"/>
      <c r="D38" s="140"/>
      <c r="E38" s="19" t="s">
        <v>127</v>
      </c>
      <c r="F38" s="19">
        <v>127</v>
      </c>
      <c r="G38" s="19" t="s">
        <v>126</v>
      </c>
      <c r="H38" s="19" t="s">
        <v>78</v>
      </c>
      <c r="I38" s="19" t="s">
        <v>174</v>
      </c>
      <c r="J38" s="19">
        <v>1</v>
      </c>
      <c r="K38" s="19" t="s">
        <v>509</v>
      </c>
      <c r="L38" s="19">
        <v>1</v>
      </c>
      <c r="M38" s="19">
        <v>30</v>
      </c>
      <c r="N38" s="25"/>
      <c r="O38" s="257"/>
    </row>
    <row r="39" spans="1:16" ht="18.75" customHeight="1" outlineLevel="1">
      <c r="E39" s="8" t="s">
        <v>125</v>
      </c>
      <c r="F39" s="8">
        <v>352</v>
      </c>
      <c r="G39" s="8" t="s">
        <v>3</v>
      </c>
      <c r="H39" s="8" t="s">
        <v>78</v>
      </c>
      <c r="I39" s="8" t="s">
        <v>71</v>
      </c>
      <c r="J39" s="8">
        <v>1</v>
      </c>
      <c r="K39" s="8" t="s">
        <v>509</v>
      </c>
      <c r="L39" s="8">
        <v>1</v>
      </c>
      <c r="M39" s="8">
        <v>80</v>
      </c>
      <c r="O39" s="257"/>
    </row>
    <row r="40" spans="1:16" ht="18.75" customHeight="1" outlineLevel="1">
      <c r="A40" s="17"/>
      <c r="B40" s="17"/>
      <c r="C40" s="17" t="s">
        <v>130</v>
      </c>
      <c r="D40" s="139" t="s">
        <v>126</v>
      </c>
      <c r="E40" s="17"/>
      <c r="F40" s="17"/>
      <c r="G40" s="17"/>
      <c r="H40" s="17" t="s">
        <v>17</v>
      </c>
      <c r="I40" s="17" t="s">
        <v>71</v>
      </c>
      <c r="J40" s="17" t="s">
        <v>525</v>
      </c>
      <c r="K40" s="17"/>
      <c r="L40" s="17"/>
      <c r="M40" s="17"/>
      <c r="N40" s="138"/>
      <c r="O40" s="257"/>
    </row>
    <row r="41" spans="1:16" ht="18.75" customHeight="1" outlineLevel="1">
      <c r="E41" s="8" t="s">
        <v>129</v>
      </c>
      <c r="F41" s="8">
        <v>128</v>
      </c>
      <c r="G41" s="8" t="s">
        <v>128</v>
      </c>
      <c r="H41" s="8" t="s">
        <v>66</v>
      </c>
      <c r="I41" s="8" t="s">
        <v>65</v>
      </c>
      <c r="J41" s="8">
        <v>1</v>
      </c>
      <c r="K41" s="8" t="s">
        <v>514</v>
      </c>
      <c r="L41" s="8">
        <v>2</v>
      </c>
      <c r="M41" s="8">
        <v>3</v>
      </c>
      <c r="N41" s="72" t="s">
        <v>634</v>
      </c>
      <c r="O41" s="257"/>
    </row>
    <row r="42" spans="1:16" ht="18.75" customHeight="1" outlineLevel="1">
      <c r="E42" s="19" t="s">
        <v>127</v>
      </c>
      <c r="F42" s="19">
        <v>127</v>
      </c>
      <c r="G42" s="19" t="s">
        <v>126</v>
      </c>
      <c r="H42" s="19" t="s">
        <v>78</v>
      </c>
      <c r="I42" s="19" t="s">
        <v>174</v>
      </c>
      <c r="J42" s="19">
        <v>1</v>
      </c>
      <c r="K42" s="19" t="s">
        <v>509</v>
      </c>
      <c r="L42" s="19">
        <v>1</v>
      </c>
      <c r="M42" s="19">
        <v>30</v>
      </c>
      <c r="N42" s="25"/>
      <c r="O42" s="257"/>
    </row>
    <row r="43" spans="1:16" ht="18.75" customHeight="1" outlineLevel="1">
      <c r="E43" s="8" t="s">
        <v>125</v>
      </c>
      <c r="F43" s="8">
        <v>352</v>
      </c>
      <c r="G43" s="8" t="s">
        <v>3</v>
      </c>
      <c r="H43" s="8" t="s">
        <v>78</v>
      </c>
      <c r="I43" s="8" t="s">
        <v>71</v>
      </c>
      <c r="J43" s="8">
        <v>1</v>
      </c>
      <c r="K43" s="8" t="s">
        <v>509</v>
      </c>
      <c r="L43" s="8">
        <v>1</v>
      </c>
      <c r="M43" s="8">
        <v>80</v>
      </c>
      <c r="O43" s="257"/>
    </row>
    <row r="44" spans="1:16" ht="35">
      <c r="A44" s="17"/>
      <c r="B44" s="17"/>
      <c r="C44" s="17" t="s">
        <v>130</v>
      </c>
      <c r="D44" s="139" t="s">
        <v>126</v>
      </c>
      <c r="E44" s="17"/>
      <c r="F44" s="17"/>
      <c r="G44" s="17"/>
      <c r="H44" s="17" t="s">
        <v>17</v>
      </c>
      <c r="I44" s="17" t="s">
        <v>71</v>
      </c>
      <c r="J44" s="17" t="s">
        <v>525</v>
      </c>
      <c r="K44" s="17"/>
      <c r="L44" s="17"/>
      <c r="M44" s="17"/>
      <c r="N44" s="138"/>
      <c r="O44" s="330" t="s">
        <v>2782</v>
      </c>
      <c r="P44" s="319" t="s">
        <v>2776</v>
      </c>
    </row>
    <row r="45" spans="1:16" ht="18.75" customHeight="1" outlineLevel="1">
      <c r="E45" s="8" t="s">
        <v>129</v>
      </c>
      <c r="F45" s="8">
        <v>128</v>
      </c>
      <c r="G45" s="8" t="s">
        <v>128</v>
      </c>
      <c r="H45" s="8" t="s">
        <v>66</v>
      </c>
      <c r="I45" s="8" t="s">
        <v>65</v>
      </c>
      <c r="J45" s="8">
        <v>1</v>
      </c>
      <c r="K45" s="8" t="s">
        <v>514</v>
      </c>
      <c r="L45" s="8">
        <v>2</v>
      </c>
      <c r="M45" s="8">
        <v>3</v>
      </c>
      <c r="N45" s="72" t="s">
        <v>635</v>
      </c>
      <c r="O45" s="257"/>
      <c r="P45" s="257" t="s">
        <v>1299</v>
      </c>
    </row>
    <row r="46" spans="1:16" ht="18.75" customHeight="1" outlineLevel="1">
      <c r="E46" s="8" t="s">
        <v>127</v>
      </c>
      <c r="F46" s="8">
        <v>127</v>
      </c>
      <c r="G46" s="8" t="s">
        <v>126</v>
      </c>
      <c r="H46" s="8" t="s">
        <v>78</v>
      </c>
      <c r="I46" s="8" t="s">
        <v>71</v>
      </c>
      <c r="J46" s="8">
        <v>1</v>
      </c>
      <c r="K46" s="8" t="s">
        <v>509</v>
      </c>
      <c r="L46" s="8">
        <v>1</v>
      </c>
      <c r="M46" s="8">
        <v>30</v>
      </c>
      <c r="O46" s="257"/>
    </row>
    <row r="47" spans="1:16" ht="18.75" customHeight="1">
      <c r="A47" s="17"/>
      <c r="B47" s="17"/>
      <c r="C47" s="17" t="s">
        <v>130</v>
      </c>
      <c r="D47" s="139" t="s">
        <v>126</v>
      </c>
      <c r="E47" s="17"/>
      <c r="F47" s="17"/>
      <c r="G47" s="17"/>
      <c r="H47" s="17" t="s">
        <v>17</v>
      </c>
      <c r="I47" s="17" t="s">
        <v>71</v>
      </c>
      <c r="J47" s="17" t="s">
        <v>525</v>
      </c>
      <c r="K47" s="17"/>
      <c r="L47" s="17"/>
      <c r="M47" s="17"/>
      <c r="N47" s="138"/>
      <c r="O47" s="257"/>
    </row>
    <row r="48" spans="1:16" ht="18.75" customHeight="1">
      <c r="E48" s="8" t="s">
        <v>129</v>
      </c>
      <c r="F48" s="8">
        <v>128</v>
      </c>
      <c r="G48" s="8" t="s">
        <v>128</v>
      </c>
      <c r="H48" s="8" t="s">
        <v>66</v>
      </c>
      <c r="I48" s="8" t="s">
        <v>65</v>
      </c>
      <c r="J48" s="8">
        <v>1</v>
      </c>
      <c r="K48" s="8" t="s">
        <v>514</v>
      </c>
      <c r="L48" s="8">
        <v>2</v>
      </c>
      <c r="M48" s="8">
        <v>3</v>
      </c>
      <c r="N48" s="72" t="s">
        <v>636</v>
      </c>
      <c r="O48" s="257"/>
    </row>
    <row r="49" spans="1:16" ht="18.75" customHeight="1">
      <c r="E49" s="8" t="s">
        <v>127</v>
      </c>
      <c r="F49" s="8">
        <v>127</v>
      </c>
      <c r="G49" s="8" t="s">
        <v>126</v>
      </c>
      <c r="H49" s="8" t="s">
        <v>78</v>
      </c>
      <c r="I49" s="8" t="s">
        <v>71</v>
      </c>
      <c r="J49" s="8">
        <v>1</v>
      </c>
      <c r="K49" s="8" t="s">
        <v>509</v>
      </c>
      <c r="L49" s="8">
        <v>1</v>
      </c>
      <c r="M49" s="8">
        <v>30</v>
      </c>
      <c r="O49" s="257"/>
    </row>
    <row r="50" spans="1:16" ht="18.75" customHeight="1">
      <c r="E50" s="8" t="s">
        <v>125</v>
      </c>
      <c r="F50" s="8">
        <v>352</v>
      </c>
      <c r="G50" s="8" t="s">
        <v>3</v>
      </c>
      <c r="H50" s="8" t="s">
        <v>78</v>
      </c>
      <c r="I50" s="8" t="s">
        <v>71</v>
      </c>
      <c r="J50" s="8">
        <v>1</v>
      </c>
      <c r="K50" s="8" t="s">
        <v>509</v>
      </c>
      <c r="L50" s="8">
        <v>1</v>
      </c>
      <c r="M50" s="8">
        <v>80</v>
      </c>
      <c r="O50" s="257"/>
    </row>
    <row r="51" spans="1:16" ht="18.75" customHeight="1">
      <c r="A51" s="17"/>
      <c r="B51" s="17"/>
      <c r="C51" s="17" t="s">
        <v>130</v>
      </c>
      <c r="D51" s="139" t="s">
        <v>126</v>
      </c>
      <c r="E51" s="17"/>
      <c r="F51" s="17"/>
      <c r="G51" s="17"/>
      <c r="H51" s="17" t="s">
        <v>17</v>
      </c>
      <c r="I51" s="17" t="s">
        <v>71</v>
      </c>
      <c r="J51" s="17" t="s">
        <v>525</v>
      </c>
      <c r="K51" s="17"/>
      <c r="L51" s="17"/>
      <c r="M51" s="17"/>
      <c r="N51" s="138"/>
      <c r="O51" s="257"/>
    </row>
    <row r="52" spans="1:16" ht="37.5" customHeight="1">
      <c r="E52" s="8" t="s">
        <v>129</v>
      </c>
      <c r="F52" s="8">
        <v>128</v>
      </c>
      <c r="G52" s="8" t="s">
        <v>128</v>
      </c>
      <c r="H52" s="8" t="s">
        <v>66</v>
      </c>
      <c r="I52" s="8" t="s">
        <v>65</v>
      </c>
      <c r="J52" s="8">
        <v>1</v>
      </c>
      <c r="K52" s="8" t="s">
        <v>514</v>
      </c>
      <c r="L52" s="8">
        <v>2</v>
      </c>
      <c r="M52" s="8">
        <v>3</v>
      </c>
      <c r="N52" s="72" t="s">
        <v>637</v>
      </c>
      <c r="O52" s="257"/>
      <c r="P52" s="257" t="s">
        <v>1304</v>
      </c>
    </row>
    <row r="53" spans="1:16" ht="18.75" customHeight="1">
      <c r="E53" s="8" t="s">
        <v>127</v>
      </c>
      <c r="F53" s="8">
        <v>127</v>
      </c>
      <c r="G53" s="8" t="s">
        <v>126</v>
      </c>
      <c r="H53" s="8" t="s">
        <v>78</v>
      </c>
      <c r="I53" s="8" t="s">
        <v>71</v>
      </c>
      <c r="J53" s="8">
        <v>1</v>
      </c>
      <c r="K53" s="8" t="s">
        <v>509</v>
      </c>
      <c r="L53" s="8">
        <v>1</v>
      </c>
      <c r="M53" s="8">
        <v>30</v>
      </c>
      <c r="O53" s="257"/>
    </row>
    <row r="54" spans="1:16" ht="18.75" customHeight="1">
      <c r="A54" s="17"/>
      <c r="B54" s="17"/>
      <c r="C54" s="17" t="s">
        <v>130</v>
      </c>
      <c r="D54" s="139" t="s">
        <v>126</v>
      </c>
      <c r="E54" s="17"/>
      <c r="F54" s="17"/>
      <c r="G54" s="17"/>
      <c r="H54" s="17" t="s">
        <v>17</v>
      </c>
      <c r="I54" s="17" t="s">
        <v>71</v>
      </c>
      <c r="J54" s="17" t="s">
        <v>525</v>
      </c>
      <c r="K54" s="17"/>
      <c r="L54" s="17"/>
      <c r="M54" s="17"/>
      <c r="N54" s="138"/>
      <c r="O54" s="257"/>
    </row>
    <row r="55" spans="1:16" ht="18.75" customHeight="1">
      <c r="E55" s="8" t="s">
        <v>129</v>
      </c>
      <c r="F55" s="8">
        <v>128</v>
      </c>
      <c r="G55" s="8" t="s">
        <v>128</v>
      </c>
      <c r="H55" s="8" t="s">
        <v>66</v>
      </c>
      <c r="I55" s="8" t="s">
        <v>65</v>
      </c>
      <c r="J55" s="8">
        <v>1</v>
      </c>
      <c r="K55" s="8" t="s">
        <v>514</v>
      </c>
      <c r="L55" s="8">
        <v>2</v>
      </c>
      <c r="M55" s="8">
        <v>3</v>
      </c>
      <c r="N55" s="72" t="s">
        <v>638</v>
      </c>
      <c r="O55" s="257"/>
      <c r="P55" s="257" t="s">
        <v>1303</v>
      </c>
    </row>
    <row r="56" spans="1:16" ht="18.75" customHeight="1">
      <c r="E56" s="8" t="s">
        <v>127</v>
      </c>
      <c r="F56" s="8">
        <v>127</v>
      </c>
      <c r="G56" s="8" t="s">
        <v>126</v>
      </c>
      <c r="H56" s="8" t="s">
        <v>78</v>
      </c>
      <c r="I56" s="8" t="s">
        <v>71</v>
      </c>
      <c r="J56" s="8">
        <v>1</v>
      </c>
      <c r="K56" s="8" t="s">
        <v>509</v>
      </c>
      <c r="L56" s="8">
        <v>1</v>
      </c>
      <c r="M56" s="8">
        <v>30</v>
      </c>
      <c r="O56" s="257"/>
    </row>
    <row r="57" spans="1:16" ht="18.75" customHeight="1">
      <c r="A57" s="17"/>
      <c r="B57" s="17"/>
      <c r="C57" s="17" t="s">
        <v>130</v>
      </c>
      <c r="D57" s="139" t="s">
        <v>126</v>
      </c>
      <c r="E57" s="17"/>
      <c r="F57" s="17"/>
      <c r="G57" s="17"/>
      <c r="H57" s="17" t="s">
        <v>17</v>
      </c>
      <c r="I57" s="17" t="s">
        <v>71</v>
      </c>
      <c r="J57" s="17" t="s">
        <v>525</v>
      </c>
      <c r="K57" s="17"/>
      <c r="L57" s="17"/>
      <c r="M57" s="17"/>
      <c r="N57" s="138"/>
      <c r="O57" s="257"/>
    </row>
    <row r="58" spans="1:16" ht="18.75" customHeight="1">
      <c r="E58" s="8" t="s">
        <v>129</v>
      </c>
      <c r="F58" s="8">
        <v>128</v>
      </c>
      <c r="G58" s="8" t="s">
        <v>128</v>
      </c>
      <c r="H58" s="8" t="s">
        <v>66</v>
      </c>
      <c r="I58" s="8" t="s">
        <v>65</v>
      </c>
      <c r="J58" s="8">
        <v>1</v>
      </c>
      <c r="K58" s="8" t="s">
        <v>514</v>
      </c>
      <c r="L58" s="8">
        <v>2</v>
      </c>
      <c r="M58" s="8">
        <v>3</v>
      </c>
      <c r="N58" s="72" t="s">
        <v>639</v>
      </c>
      <c r="O58" s="257"/>
    </row>
    <row r="59" spans="1:16" ht="18.75" customHeight="1">
      <c r="E59" s="8" t="s">
        <v>127</v>
      </c>
      <c r="F59" s="8">
        <v>127</v>
      </c>
      <c r="G59" s="8" t="s">
        <v>126</v>
      </c>
      <c r="H59" s="8" t="s">
        <v>78</v>
      </c>
      <c r="I59" s="8" t="s">
        <v>71</v>
      </c>
      <c r="J59" s="8">
        <v>1</v>
      </c>
      <c r="K59" s="8" t="s">
        <v>509</v>
      </c>
      <c r="L59" s="8">
        <v>1</v>
      </c>
      <c r="M59" s="8">
        <v>30</v>
      </c>
      <c r="O59" s="257"/>
    </row>
    <row r="60" spans="1:16" ht="18.75" customHeight="1">
      <c r="A60" s="17"/>
      <c r="B60" s="17"/>
      <c r="C60" s="17" t="s">
        <v>130</v>
      </c>
      <c r="D60" s="139" t="s">
        <v>126</v>
      </c>
      <c r="E60" s="17"/>
      <c r="F60" s="17"/>
      <c r="G60" s="17"/>
      <c r="H60" s="17" t="s">
        <v>17</v>
      </c>
      <c r="I60" s="17" t="s">
        <v>71</v>
      </c>
      <c r="J60" s="17" t="s">
        <v>525</v>
      </c>
      <c r="K60" s="17"/>
      <c r="L60" s="17"/>
      <c r="M60" s="17"/>
      <c r="N60" s="141"/>
      <c r="O60" s="257"/>
    </row>
    <row r="61" spans="1:16" ht="18.75" customHeight="1">
      <c r="E61" s="8" t="s">
        <v>129</v>
      </c>
      <c r="F61" s="8">
        <v>128</v>
      </c>
      <c r="G61" s="8" t="s">
        <v>128</v>
      </c>
      <c r="H61" s="8" t="s">
        <v>66</v>
      </c>
      <c r="I61" s="8" t="s">
        <v>65</v>
      </c>
      <c r="J61" s="8">
        <v>1</v>
      </c>
      <c r="K61" s="8" t="s">
        <v>514</v>
      </c>
      <c r="L61" s="8">
        <v>2</v>
      </c>
      <c r="M61" s="8">
        <v>3</v>
      </c>
      <c r="N61" s="72" t="s">
        <v>640</v>
      </c>
      <c r="O61" s="257"/>
    </row>
    <row r="62" spans="1:16" ht="18.75" customHeight="1">
      <c r="E62" s="8" t="s">
        <v>127</v>
      </c>
      <c r="F62" s="8">
        <v>127</v>
      </c>
      <c r="G62" s="8" t="s">
        <v>126</v>
      </c>
      <c r="H62" s="8" t="s">
        <v>78</v>
      </c>
      <c r="I62" s="8" t="s">
        <v>71</v>
      </c>
      <c r="J62" s="8">
        <v>1</v>
      </c>
      <c r="K62" s="8" t="s">
        <v>509</v>
      </c>
      <c r="L62" s="8">
        <v>1</v>
      </c>
      <c r="M62" s="8">
        <v>30</v>
      </c>
      <c r="O62" s="257"/>
    </row>
    <row r="63" spans="1:16" ht="18.75" customHeight="1">
      <c r="A63" s="17"/>
      <c r="B63" s="17"/>
      <c r="C63" s="17" t="s">
        <v>130</v>
      </c>
      <c r="D63" s="139" t="s">
        <v>126</v>
      </c>
      <c r="E63" s="17"/>
      <c r="F63" s="17"/>
      <c r="G63" s="17"/>
      <c r="H63" s="17" t="s">
        <v>17</v>
      </c>
      <c r="I63" s="17" t="s">
        <v>71</v>
      </c>
      <c r="J63" s="17" t="s">
        <v>525</v>
      </c>
      <c r="K63" s="17"/>
      <c r="L63" s="17"/>
      <c r="M63" s="17"/>
      <c r="N63" s="141"/>
      <c r="O63" s="257"/>
    </row>
    <row r="64" spans="1:16" ht="18.75" customHeight="1">
      <c r="E64" s="8" t="s">
        <v>129</v>
      </c>
      <c r="F64" s="8">
        <v>128</v>
      </c>
      <c r="G64" s="8" t="s">
        <v>128</v>
      </c>
      <c r="H64" s="8" t="s">
        <v>66</v>
      </c>
      <c r="I64" s="8" t="s">
        <v>65</v>
      </c>
      <c r="J64" s="8">
        <v>1</v>
      </c>
      <c r="K64" s="8" t="s">
        <v>514</v>
      </c>
      <c r="L64" s="8">
        <v>2</v>
      </c>
      <c r="M64" s="8">
        <v>3</v>
      </c>
      <c r="N64" s="72" t="s">
        <v>641</v>
      </c>
      <c r="O64" s="257"/>
    </row>
    <row r="65" spans="1:16" ht="18.75" customHeight="1">
      <c r="E65" s="8" t="s">
        <v>127</v>
      </c>
      <c r="F65" s="8">
        <v>127</v>
      </c>
      <c r="G65" s="8" t="s">
        <v>126</v>
      </c>
      <c r="H65" s="8" t="s">
        <v>78</v>
      </c>
      <c r="I65" s="8" t="s">
        <v>71</v>
      </c>
      <c r="J65" s="8">
        <v>1</v>
      </c>
      <c r="K65" s="8" t="s">
        <v>509</v>
      </c>
      <c r="L65" s="8">
        <v>1</v>
      </c>
      <c r="M65" s="8">
        <v>30</v>
      </c>
      <c r="O65" s="257"/>
    </row>
    <row r="66" spans="1:16" ht="18.75" customHeight="1">
      <c r="A66" s="17"/>
      <c r="B66" s="17"/>
      <c r="C66" s="17" t="s">
        <v>130</v>
      </c>
      <c r="D66" s="139" t="s">
        <v>126</v>
      </c>
      <c r="E66" s="17"/>
      <c r="F66" s="17"/>
      <c r="G66" s="17"/>
      <c r="H66" s="17" t="s">
        <v>17</v>
      </c>
      <c r="I66" s="17" t="s">
        <v>71</v>
      </c>
      <c r="J66" s="17" t="s">
        <v>525</v>
      </c>
      <c r="K66" s="17"/>
      <c r="L66" s="17"/>
      <c r="M66" s="17"/>
      <c r="N66" s="138"/>
      <c r="O66" s="257"/>
    </row>
    <row r="67" spans="1:16" ht="18.75" customHeight="1" outlineLevel="1">
      <c r="D67" s="8"/>
      <c r="E67" s="8" t="s">
        <v>129</v>
      </c>
      <c r="F67" s="8">
        <v>128</v>
      </c>
      <c r="G67" s="8" t="s">
        <v>128</v>
      </c>
      <c r="H67" s="8" t="s">
        <v>66</v>
      </c>
      <c r="I67" s="8" t="s">
        <v>65</v>
      </c>
      <c r="J67" s="8">
        <v>1</v>
      </c>
      <c r="K67" s="8" t="s">
        <v>514</v>
      </c>
      <c r="L67" s="8">
        <v>2</v>
      </c>
      <c r="M67" s="8">
        <v>3</v>
      </c>
      <c r="N67" s="72" t="s">
        <v>642</v>
      </c>
      <c r="O67" s="257"/>
      <c r="P67" s="257" t="s">
        <v>1073</v>
      </c>
    </row>
    <row r="68" spans="1:16" ht="18.75" customHeight="1" outlineLevel="1">
      <c r="D68" s="8"/>
      <c r="E68" s="8" t="s">
        <v>127</v>
      </c>
      <c r="F68" s="8">
        <v>127</v>
      </c>
      <c r="G68" s="8" t="s">
        <v>126</v>
      </c>
      <c r="H68" s="8" t="s">
        <v>78</v>
      </c>
      <c r="I68" s="8" t="s">
        <v>71</v>
      </c>
      <c r="J68" s="8">
        <v>1</v>
      </c>
      <c r="K68" s="8" t="s">
        <v>509</v>
      </c>
      <c r="L68" s="8">
        <v>1</v>
      </c>
      <c r="M68" s="8">
        <v>30</v>
      </c>
      <c r="O68" s="257"/>
    </row>
    <row r="69" spans="1:16" ht="18.75" customHeight="1" outlineLevel="1">
      <c r="D69" s="8"/>
      <c r="E69" s="8" t="s">
        <v>125</v>
      </c>
      <c r="F69" s="8">
        <v>352</v>
      </c>
      <c r="G69" s="8" t="s">
        <v>3</v>
      </c>
      <c r="H69" s="8" t="s">
        <v>78</v>
      </c>
      <c r="I69" s="8" t="s">
        <v>71</v>
      </c>
      <c r="J69" s="8">
        <v>1</v>
      </c>
      <c r="K69" s="8" t="s">
        <v>509</v>
      </c>
      <c r="L69" s="8">
        <v>1</v>
      </c>
      <c r="M69" s="8">
        <v>80</v>
      </c>
      <c r="O69" s="257"/>
    </row>
    <row r="70" spans="1:16" ht="18.75" customHeight="1" outlineLevel="1">
      <c r="D70" s="33"/>
      <c r="E70" s="11" t="s">
        <v>918</v>
      </c>
      <c r="F70" s="11"/>
      <c r="G70" s="33" t="s">
        <v>180</v>
      </c>
      <c r="H70" s="33" t="s">
        <v>17</v>
      </c>
      <c r="I70" s="33" t="s">
        <v>71</v>
      </c>
      <c r="J70" s="11">
        <v>1</v>
      </c>
      <c r="K70" s="11"/>
      <c r="L70" s="11"/>
      <c r="M70" s="11"/>
      <c r="N70" s="18"/>
      <c r="O70" s="257"/>
    </row>
    <row r="71" spans="1:16" ht="18.75" customHeight="1" outlineLevel="1">
      <c r="D71" s="8"/>
      <c r="E71" s="33" t="s">
        <v>887</v>
      </c>
      <c r="F71" s="11">
        <v>128</v>
      </c>
      <c r="G71" s="33" t="s">
        <v>128</v>
      </c>
      <c r="H71" s="33" t="s">
        <v>66</v>
      </c>
      <c r="I71" s="33" t="s">
        <v>65</v>
      </c>
      <c r="J71" s="11">
        <v>1</v>
      </c>
      <c r="K71" s="11" t="s">
        <v>514</v>
      </c>
      <c r="L71" s="11">
        <v>2</v>
      </c>
      <c r="M71" s="11">
        <v>3</v>
      </c>
      <c r="N71" s="18" t="s">
        <v>642</v>
      </c>
      <c r="O71" s="257"/>
    </row>
    <row r="72" spans="1:16" ht="18.75" customHeight="1" outlineLevel="1">
      <c r="D72" s="8"/>
      <c r="E72" s="33" t="s">
        <v>888</v>
      </c>
      <c r="F72" s="11">
        <v>127</v>
      </c>
      <c r="G72" s="33" t="s">
        <v>126</v>
      </c>
      <c r="H72" s="33" t="s">
        <v>66</v>
      </c>
      <c r="I72" s="33" t="s">
        <v>65</v>
      </c>
      <c r="J72" s="11">
        <v>1</v>
      </c>
      <c r="K72" s="11" t="s">
        <v>509</v>
      </c>
      <c r="L72" s="11">
        <v>1</v>
      </c>
      <c r="M72" s="11">
        <v>30</v>
      </c>
      <c r="N72" s="18"/>
      <c r="O72" s="257"/>
    </row>
    <row r="73" spans="1:16">
      <c r="A73" s="17"/>
      <c r="B73" s="17"/>
      <c r="C73" s="17" t="s">
        <v>130</v>
      </c>
      <c r="D73" s="139" t="s">
        <v>126</v>
      </c>
      <c r="E73" s="17"/>
      <c r="F73" s="17"/>
      <c r="G73" s="17"/>
      <c r="H73" s="17" t="s">
        <v>17</v>
      </c>
      <c r="I73" s="17" t="s">
        <v>71</v>
      </c>
      <c r="J73" s="17" t="s">
        <v>525</v>
      </c>
      <c r="K73" s="17"/>
      <c r="L73" s="17"/>
      <c r="M73" s="17"/>
      <c r="N73" s="141"/>
      <c r="O73" s="257"/>
    </row>
    <row r="74" spans="1:16" ht="18.75" hidden="1" customHeight="1" outlineLevel="1">
      <c r="E74" s="8" t="s">
        <v>129</v>
      </c>
      <c r="F74" s="8">
        <v>128</v>
      </c>
      <c r="G74" s="8" t="s">
        <v>128</v>
      </c>
      <c r="H74" s="8" t="s">
        <v>66</v>
      </c>
      <c r="I74" s="8" t="s">
        <v>65</v>
      </c>
      <c r="J74" s="8">
        <v>1</v>
      </c>
      <c r="K74" s="8" t="s">
        <v>514</v>
      </c>
      <c r="L74" s="8">
        <v>2</v>
      </c>
      <c r="M74" s="8">
        <v>3</v>
      </c>
      <c r="N74" s="72" t="s">
        <v>643</v>
      </c>
      <c r="O74" s="257"/>
    </row>
    <row r="75" spans="1:16" ht="18.75" hidden="1" customHeight="1" outlineLevel="1">
      <c r="E75" s="8" t="s">
        <v>127</v>
      </c>
      <c r="F75" s="8">
        <v>127</v>
      </c>
      <c r="G75" s="8" t="s">
        <v>126</v>
      </c>
      <c r="H75" s="8" t="s">
        <v>78</v>
      </c>
      <c r="I75" s="8" t="s">
        <v>71</v>
      </c>
      <c r="J75" s="8">
        <v>1</v>
      </c>
      <c r="K75" s="8" t="s">
        <v>509</v>
      </c>
      <c r="L75" s="8">
        <v>1</v>
      </c>
      <c r="M75" s="8">
        <v>30</v>
      </c>
      <c r="O75" s="257"/>
    </row>
    <row r="76" spans="1:16" ht="18.75" hidden="1" customHeight="1" outlineLevel="1">
      <c r="A76" s="143"/>
      <c r="B76" s="143"/>
      <c r="C76" s="24"/>
      <c r="D76" s="143"/>
      <c r="E76" s="8" t="s">
        <v>125</v>
      </c>
      <c r="F76" s="8">
        <v>352</v>
      </c>
      <c r="G76" s="8" t="s">
        <v>3</v>
      </c>
      <c r="H76" s="8" t="s">
        <v>78</v>
      </c>
      <c r="I76" s="8" t="s">
        <v>71</v>
      </c>
      <c r="J76" s="8">
        <v>1</v>
      </c>
      <c r="K76" s="8" t="s">
        <v>509</v>
      </c>
      <c r="L76" s="8">
        <v>1</v>
      </c>
      <c r="M76" s="8">
        <v>80</v>
      </c>
      <c r="O76" s="257"/>
    </row>
    <row r="77" spans="1:16" s="143" customFormat="1" ht="18" customHeight="1" collapsed="1">
      <c r="C77" s="24"/>
      <c r="E77" s="11"/>
      <c r="F77" s="11"/>
      <c r="G77" s="11"/>
      <c r="H77" s="11"/>
      <c r="I77" s="11"/>
      <c r="J77" s="11"/>
      <c r="K77" s="11"/>
      <c r="L77" s="11"/>
      <c r="M77" s="11"/>
      <c r="N77" s="18" t="s">
        <v>891</v>
      </c>
      <c r="O77" s="257" t="s">
        <v>1911</v>
      </c>
      <c r="P77" s="257" t="s">
        <v>2023</v>
      </c>
    </row>
    <row r="78" spans="1:16" s="143" customFormat="1">
      <c r="C78" s="24"/>
      <c r="E78" s="11"/>
      <c r="F78" s="11"/>
      <c r="G78" s="11"/>
      <c r="H78" s="11"/>
      <c r="I78" s="11"/>
      <c r="J78" s="11"/>
      <c r="K78" s="11"/>
      <c r="L78" s="11"/>
      <c r="M78" s="11"/>
      <c r="N78" s="18" t="s">
        <v>1258</v>
      </c>
      <c r="O78" s="257" t="s">
        <v>960</v>
      </c>
      <c r="P78" s="257" t="s">
        <v>1259</v>
      </c>
    </row>
    <row r="79" spans="1:16" s="143" customFormat="1">
      <c r="C79" s="24"/>
      <c r="E79" s="11"/>
      <c r="F79" s="11"/>
      <c r="G79" s="11"/>
      <c r="H79" s="11"/>
      <c r="I79" s="11"/>
      <c r="J79" s="11"/>
      <c r="K79" s="11"/>
      <c r="L79" s="11"/>
      <c r="M79" s="11"/>
      <c r="N79" s="18" t="s">
        <v>1260</v>
      </c>
      <c r="O79" s="257" t="s">
        <v>1955</v>
      </c>
      <c r="P79" s="257" t="s">
        <v>1261</v>
      </c>
    </row>
    <row r="80" spans="1:16" s="143" customFormat="1">
      <c r="C80" s="24"/>
      <c r="E80" s="11"/>
      <c r="F80" s="11"/>
      <c r="G80" s="11"/>
      <c r="H80" s="11"/>
      <c r="I80" s="11"/>
      <c r="J80" s="11"/>
      <c r="K80" s="11"/>
      <c r="L80" s="11"/>
      <c r="M80" s="11"/>
      <c r="N80" s="18" t="s">
        <v>1265</v>
      </c>
      <c r="O80" s="257" t="s">
        <v>962</v>
      </c>
      <c r="P80" s="257" t="s">
        <v>1266</v>
      </c>
    </row>
    <row r="81" spans="3:16" s="143" customFormat="1">
      <c r="C81" s="24"/>
      <c r="E81" s="11"/>
      <c r="F81" s="11"/>
      <c r="G81" s="11"/>
      <c r="H81" s="11"/>
      <c r="I81" s="11"/>
      <c r="J81" s="11"/>
      <c r="K81" s="11"/>
      <c r="L81" s="11"/>
      <c r="M81" s="11"/>
      <c r="N81" s="18"/>
      <c r="O81" s="107" t="s">
        <v>1264</v>
      </c>
      <c r="P81" s="205" t="s">
        <v>1263</v>
      </c>
    </row>
    <row r="82" spans="3:16" s="143" customFormat="1" ht="31">
      <c r="C82" s="24"/>
      <c r="E82" s="11"/>
      <c r="F82" s="11"/>
      <c r="G82" s="11"/>
      <c r="H82" s="11"/>
      <c r="I82" s="11"/>
      <c r="J82" s="11"/>
      <c r="K82" s="11"/>
      <c r="L82" s="11"/>
      <c r="M82" s="11"/>
      <c r="N82" s="18" t="s">
        <v>1305</v>
      </c>
      <c r="O82" s="257" t="s">
        <v>1875</v>
      </c>
      <c r="P82" s="257" t="s">
        <v>1280</v>
      </c>
    </row>
    <row r="83" spans="3:16" s="143" customFormat="1">
      <c r="C83" s="24"/>
      <c r="E83" s="11"/>
      <c r="F83" s="11"/>
      <c r="G83" s="11"/>
      <c r="H83" s="11"/>
      <c r="I83" s="11"/>
      <c r="J83" s="11"/>
      <c r="K83" s="11"/>
      <c r="L83" s="11"/>
      <c r="M83" s="11"/>
      <c r="N83" s="18" t="s">
        <v>1283</v>
      </c>
      <c r="O83" s="257" t="s">
        <v>963</v>
      </c>
      <c r="P83" s="257" t="s">
        <v>1660</v>
      </c>
    </row>
    <row r="84" spans="3:16" s="143" customFormat="1">
      <c r="N84" s="18" t="s">
        <v>1284</v>
      </c>
      <c r="O84" s="257" t="s">
        <v>1913</v>
      </c>
      <c r="P84" s="257" t="s">
        <v>1270</v>
      </c>
    </row>
    <row r="85" spans="3:16" s="143" customFormat="1">
      <c r="C85" s="24"/>
      <c r="E85" s="11"/>
      <c r="F85" s="11"/>
      <c r="G85" s="11"/>
      <c r="H85" s="11"/>
      <c r="I85" s="11"/>
      <c r="J85" s="11"/>
      <c r="K85" s="11"/>
      <c r="L85" s="11"/>
      <c r="M85" s="11"/>
      <c r="N85" s="18" t="s">
        <v>1285</v>
      </c>
      <c r="O85" s="257" t="s">
        <v>1914</v>
      </c>
      <c r="P85" s="257" t="s">
        <v>1272</v>
      </c>
    </row>
    <row r="86" spans="3:16" s="143" customFormat="1">
      <c r="C86" s="24"/>
      <c r="E86" s="11"/>
      <c r="F86" s="11"/>
      <c r="G86" s="11"/>
      <c r="H86" s="11"/>
      <c r="I86" s="11"/>
      <c r="J86" s="11"/>
      <c r="K86" s="11"/>
      <c r="L86" s="11"/>
      <c r="M86" s="11"/>
      <c r="N86" s="18" t="s">
        <v>1630</v>
      </c>
      <c r="O86" s="257" t="s">
        <v>965</v>
      </c>
      <c r="P86" s="257" t="s">
        <v>2012</v>
      </c>
    </row>
    <row r="87" spans="3:16" s="143" customFormat="1" ht="31">
      <c r="C87" s="24"/>
      <c r="E87" s="11"/>
      <c r="F87" s="11"/>
      <c r="G87" s="11"/>
      <c r="H87" s="11"/>
      <c r="I87" s="11"/>
      <c r="J87" s="11"/>
      <c r="K87" s="11"/>
      <c r="L87" s="11"/>
      <c r="M87" s="11"/>
      <c r="N87" s="18" t="s">
        <v>2024</v>
      </c>
      <c r="O87" s="205" t="s">
        <v>1857</v>
      </c>
      <c r="P87" s="257"/>
    </row>
    <row r="88" spans="3:16" s="143" customFormat="1">
      <c r="C88" s="24"/>
      <c r="E88" s="11"/>
      <c r="F88" s="11"/>
      <c r="G88" s="11"/>
      <c r="H88" s="11"/>
      <c r="I88" s="11"/>
      <c r="J88" s="11"/>
      <c r="K88" s="11"/>
      <c r="L88" s="11"/>
      <c r="M88" s="11"/>
      <c r="N88" s="18" t="s">
        <v>1295</v>
      </c>
      <c r="O88" s="257" t="s">
        <v>966</v>
      </c>
      <c r="P88" s="257" t="s">
        <v>1856</v>
      </c>
    </row>
    <row r="89" spans="3:16" s="143" customFormat="1">
      <c r="C89" s="24"/>
      <c r="E89" s="11"/>
      <c r="F89" s="11"/>
      <c r="G89" s="11"/>
      <c r="H89" s="11"/>
      <c r="I89" s="11"/>
      <c r="J89" s="11"/>
      <c r="K89" s="11"/>
      <c r="L89" s="11"/>
      <c r="M89" s="11"/>
      <c r="N89" s="18" t="s">
        <v>1286</v>
      </c>
      <c r="O89" s="257" t="s">
        <v>967</v>
      </c>
      <c r="P89" s="257" t="s">
        <v>289</v>
      </c>
    </row>
    <row r="90" spans="3:16" s="143" customFormat="1" ht="18.5">
      <c r="C90" s="24"/>
      <c r="E90" s="11"/>
      <c r="F90" s="11"/>
      <c r="G90" s="11"/>
      <c r="H90" s="11"/>
      <c r="I90" s="11"/>
      <c r="J90" s="11"/>
      <c r="K90" s="11"/>
      <c r="L90" s="11"/>
      <c r="M90" s="11"/>
      <c r="N90" s="18" t="s">
        <v>2762</v>
      </c>
      <c r="O90" s="98" t="s">
        <v>2766</v>
      </c>
      <c r="P90" s="331" t="s">
        <v>2765</v>
      </c>
    </row>
    <row r="91" spans="3:16" s="143" customFormat="1">
      <c r="C91" s="24"/>
      <c r="E91" s="11"/>
      <c r="F91" s="11"/>
      <c r="G91" s="11"/>
      <c r="H91" s="11"/>
      <c r="I91" s="11"/>
      <c r="J91" s="11"/>
      <c r="K91" s="11"/>
      <c r="L91" s="11"/>
      <c r="M91" s="11"/>
      <c r="N91" s="18" t="s">
        <v>1287</v>
      </c>
      <c r="O91" s="257" t="s">
        <v>968</v>
      </c>
      <c r="P91" s="257" t="s">
        <v>2013</v>
      </c>
    </row>
    <row r="92" spans="3:16" s="143" customFormat="1">
      <c r="C92" s="24"/>
      <c r="E92" s="11"/>
      <c r="F92" s="11"/>
      <c r="G92" s="11"/>
      <c r="H92" s="11"/>
      <c r="I92" s="11"/>
      <c r="J92" s="11"/>
      <c r="K92" s="11"/>
      <c r="L92" s="11"/>
      <c r="M92" s="11"/>
      <c r="N92" s="18" t="s">
        <v>1288</v>
      </c>
      <c r="O92" s="257" t="s">
        <v>949</v>
      </c>
      <c r="P92" s="257" t="s">
        <v>1269</v>
      </c>
    </row>
    <row r="93" spans="3:16" s="143" customFormat="1">
      <c r="C93" s="24"/>
      <c r="E93" s="11"/>
      <c r="F93" s="11"/>
      <c r="G93" s="11"/>
      <c r="H93" s="11"/>
      <c r="I93" s="11"/>
      <c r="J93" s="11"/>
      <c r="K93" s="11"/>
      <c r="L93" s="11"/>
      <c r="M93" s="11"/>
      <c r="N93" s="18" t="s">
        <v>1289</v>
      </c>
      <c r="O93" s="257" t="s">
        <v>1268</v>
      </c>
      <c r="P93" s="257" t="s">
        <v>1275</v>
      </c>
    </row>
    <row r="94" spans="3:16" s="143" customFormat="1">
      <c r="C94" s="24"/>
      <c r="E94" s="11"/>
      <c r="F94" s="11"/>
      <c r="G94" s="11"/>
      <c r="H94" s="11"/>
      <c r="I94" s="11"/>
      <c r="J94" s="11"/>
      <c r="K94" s="11"/>
      <c r="L94" s="11"/>
      <c r="M94" s="11"/>
      <c r="N94" s="18" t="s">
        <v>1290</v>
      </c>
      <c r="O94" s="257" t="s">
        <v>1917</v>
      </c>
      <c r="P94" s="257"/>
    </row>
    <row r="95" spans="3:16" s="143" customFormat="1">
      <c r="C95" s="24"/>
      <c r="E95" s="11"/>
      <c r="F95" s="11"/>
      <c r="G95" s="11"/>
      <c r="H95" s="11"/>
      <c r="I95" s="11"/>
      <c r="J95" s="11"/>
      <c r="K95" s="11"/>
      <c r="L95" s="11"/>
      <c r="M95" s="11"/>
      <c r="N95" s="18" t="s">
        <v>1291</v>
      </c>
      <c r="O95" s="257" t="s">
        <v>1918</v>
      </c>
      <c r="P95" s="257" t="s">
        <v>2018</v>
      </c>
    </row>
    <row r="96" spans="3:16" s="143" customFormat="1">
      <c r="C96" s="24"/>
      <c r="E96" s="11"/>
      <c r="F96" s="11"/>
      <c r="G96" s="11"/>
      <c r="H96" s="11"/>
      <c r="I96" s="11"/>
      <c r="J96" s="11"/>
      <c r="K96" s="11"/>
      <c r="L96" s="11"/>
      <c r="M96" s="11"/>
      <c r="N96" s="18" t="s">
        <v>1292</v>
      </c>
      <c r="O96" s="257" t="s">
        <v>971</v>
      </c>
      <c r="P96" s="257" t="s">
        <v>2017</v>
      </c>
    </row>
    <row r="97" spans="1:17" s="143" customFormat="1">
      <c r="C97" s="24"/>
      <c r="E97" s="11"/>
      <c r="F97" s="11"/>
      <c r="G97" s="11"/>
      <c r="H97" s="11"/>
      <c r="I97" s="11"/>
      <c r="J97" s="11"/>
      <c r="K97" s="11"/>
      <c r="L97" s="11"/>
      <c r="M97" s="11"/>
      <c r="N97" s="18" t="s">
        <v>1293</v>
      </c>
      <c r="O97" s="257" t="s">
        <v>1919</v>
      </c>
      <c r="P97" s="257" t="s">
        <v>2016</v>
      </c>
    </row>
    <row r="98" spans="1:17" s="143" customFormat="1" ht="17.5">
      <c r="C98" s="24"/>
      <c r="E98" s="11"/>
      <c r="F98" s="11"/>
      <c r="G98" s="11"/>
      <c r="H98" s="11"/>
      <c r="I98" s="11"/>
      <c r="J98" s="11"/>
      <c r="K98" s="11"/>
      <c r="L98" s="11"/>
      <c r="M98" s="11"/>
      <c r="N98" s="18" t="s">
        <v>1294</v>
      </c>
      <c r="O98" s="257" t="s">
        <v>973</v>
      </c>
      <c r="P98" s="257" t="s">
        <v>1282</v>
      </c>
      <c r="Q98" s="98" t="s">
        <v>1788</v>
      </c>
    </row>
    <row r="99" spans="1:17" ht="18.75" hidden="1" customHeight="1">
      <c r="A99" s="17"/>
      <c r="B99" s="17"/>
      <c r="C99" s="17" t="s">
        <v>130</v>
      </c>
      <c r="D99" s="139" t="s">
        <v>126</v>
      </c>
      <c r="E99" s="17"/>
      <c r="F99" s="17"/>
      <c r="G99" s="17"/>
      <c r="H99" s="17" t="s">
        <v>17</v>
      </c>
      <c r="I99" s="17" t="s">
        <v>71</v>
      </c>
      <c r="J99" s="17" t="s">
        <v>525</v>
      </c>
      <c r="K99" s="17"/>
      <c r="L99" s="17"/>
      <c r="M99" s="17"/>
      <c r="N99" s="138"/>
      <c r="O99" s="257"/>
      <c r="P99" s="257" t="s">
        <v>1301</v>
      </c>
      <c r="Q99" s="98"/>
    </row>
    <row r="100" spans="1:17" ht="18.75" hidden="1" customHeight="1">
      <c r="E100" s="8" t="s">
        <v>129</v>
      </c>
      <c r="F100" s="8">
        <v>128</v>
      </c>
      <c r="G100" s="8" t="s">
        <v>128</v>
      </c>
      <c r="H100" s="8" t="s">
        <v>66</v>
      </c>
      <c r="I100" s="8" t="s">
        <v>65</v>
      </c>
      <c r="J100" s="8">
        <v>1</v>
      </c>
      <c r="K100" s="8" t="s">
        <v>514</v>
      </c>
      <c r="L100" s="8">
        <v>2</v>
      </c>
      <c r="M100" s="8">
        <v>3</v>
      </c>
      <c r="N100" s="72" t="s">
        <v>644</v>
      </c>
      <c r="O100" s="257"/>
      <c r="P100" s="257" t="s">
        <v>1308</v>
      </c>
      <c r="Q100" s="98"/>
    </row>
    <row r="101" spans="1:17" ht="18.75" hidden="1" customHeight="1">
      <c r="E101" s="8" t="s">
        <v>127</v>
      </c>
      <c r="F101" s="8">
        <v>127</v>
      </c>
      <c r="G101" s="8" t="s">
        <v>126</v>
      </c>
      <c r="H101" s="8" t="s">
        <v>78</v>
      </c>
      <c r="I101" s="8" t="s">
        <v>71</v>
      </c>
      <c r="J101" s="8">
        <v>1</v>
      </c>
      <c r="K101" s="8" t="s">
        <v>509</v>
      </c>
      <c r="L101" s="8">
        <v>1</v>
      </c>
      <c r="M101" s="8">
        <v>30</v>
      </c>
      <c r="O101" s="257"/>
      <c r="P101" s="257" t="s">
        <v>1631</v>
      </c>
      <c r="Q101" s="98"/>
    </row>
    <row r="102" spans="1:17" ht="56.25" hidden="1" customHeight="1">
      <c r="A102" s="17"/>
      <c r="B102" s="17"/>
      <c r="C102" s="17" t="s">
        <v>130</v>
      </c>
      <c r="D102" s="139" t="s">
        <v>126</v>
      </c>
      <c r="E102" s="17"/>
      <c r="F102" s="17"/>
      <c r="G102" s="17"/>
      <c r="H102" s="17" t="s">
        <v>17</v>
      </c>
      <c r="I102" s="17" t="s">
        <v>71</v>
      </c>
      <c r="J102" s="17" t="s">
        <v>525</v>
      </c>
      <c r="K102" s="17"/>
      <c r="L102" s="17"/>
      <c r="M102" s="17"/>
      <c r="N102" s="138"/>
      <c r="O102" s="257"/>
      <c r="P102" s="257" t="s">
        <v>1629</v>
      </c>
      <c r="Q102" s="98"/>
    </row>
    <row r="103" spans="1:17" ht="18.75" hidden="1" customHeight="1">
      <c r="E103" s="8" t="s">
        <v>129</v>
      </c>
      <c r="F103" s="8">
        <v>128</v>
      </c>
      <c r="G103" s="8" t="s">
        <v>128</v>
      </c>
      <c r="H103" s="8" t="s">
        <v>66</v>
      </c>
      <c r="I103" s="8" t="s">
        <v>65</v>
      </c>
      <c r="J103" s="8">
        <v>1</v>
      </c>
      <c r="K103" s="8" t="s">
        <v>514</v>
      </c>
      <c r="L103" s="8">
        <v>2</v>
      </c>
      <c r="M103" s="8">
        <v>3</v>
      </c>
      <c r="N103" s="72" t="s">
        <v>645</v>
      </c>
      <c r="O103" s="257"/>
      <c r="P103" s="257" t="s">
        <v>1276</v>
      </c>
      <c r="Q103" s="98"/>
    </row>
    <row r="104" spans="1:17" ht="18.75" hidden="1" customHeight="1">
      <c r="E104" s="8" t="s">
        <v>127</v>
      </c>
      <c r="F104" s="8">
        <v>127</v>
      </c>
      <c r="G104" s="8" t="s">
        <v>126</v>
      </c>
      <c r="H104" s="8" t="s">
        <v>78</v>
      </c>
      <c r="I104" s="8" t="s">
        <v>71</v>
      </c>
      <c r="J104" s="8">
        <v>1</v>
      </c>
      <c r="K104" s="8" t="s">
        <v>509</v>
      </c>
      <c r="L104" s="8">
        <v>1</v>
      </c>
      <c r="M104" s="8">
        <v>30</v>
      </c>
      <c r="O104" s="257"/>
      <c r="P104" s="257" t="s">
        <v>1277</v>
      </c>
      <c r="Q104" s="98"/>
    </row>
    <row r="105" spans="1:17" ht="18.75" hidden="1" customHeight="1">
      <c r="A105" s="17"/>
      <c r="B105" s="17"/>
      <c r="C105" s="17" t="s">
        <v>130</v>
      </c>
      <c r="D105" s="139" t="s">
        <v>126</v>
      </c>
      <c r="E105" s="17"/>
      <c r="F105" s="17"/>
      <c r="G105" s="17"/>
      <c r="H105" s="17" t="s">
        <v>17</v>
      </c>
      <c r="I105" s="17" t="s">
        <v>71</v>
      </c>
      <c r="J105" s="17" t="s">
        <v>525</v>
      </c>
      <c r="K105" s="17"/>
      <c r="L105" s="17"/>
      <c r="M105" s="17"/>
      <c r="N105" s="138"/>
      <c r="O105" s="257"/>
      <c r="P105" s="257" t="s">
        <v>1632</v>
      </c>
      <c r="Q105" s="98"/>
    </row>
    <row r="106" spans="1:17" ht="18.75" hidden="1" customHeight="1">
      <c r="E106" s="8" t="s">
        <v>129</v>
      </c>
      <c r="F106" s="8">
        <v>128</v>
      </c>
      <c r="G106" s="8" t="s">
        <v>128</v>
      </c>
      <c r="H106" s="8" t="s">
        <v>66</v>
      </c>
      <c r="I106" s="8" t="s">
        <v>65</v>
      </c>
      <c r="J106" s="8">
        <v>1</v>
      </c>
      <c r="K106" s="8" t="s">
        <v>514</v>
      </c>
      <c r="L106" s="8">
        <v>2</v>
      </c>
      <c r="M106" s="8">
        <v>3</v>
      </c>
      <c r="N106" s="72" t="s">
        <v>646</v>
      </c>
      <c r="O106" s="257"/>
      <c r="P106" s="257" t="s">
        <v>1633</v>
      </c>
      <c r="Q106" s="98"/>
    </row>
    <row r="107" spans="1:17" ht="18.75" hidden="1" customHeight="1">
      <c r="E107" s="8" t="s">
        <v>127</v>
      </c>
      <c r="F107" s="8">
        <v>127</v>
      </c>
      <c r="G107" s="8" t="s">
        <v>126</v>
      </c>
      <c r="H107" s="8" t="s">
        <v>78</v>
      </c>
      <c r="I107" s="8" t="s">
        <v>71</v>
      </c>
      <c r="J107" s="8">
        <v>1</v>
      </c>
      <c r="K107" s="8" t="s">
        <v>509</v>
      </c>
      <c r="L107" s="8">
        <v>1</v>
      </c>
      <c r="M107" s="8">
        <v>30</v>
      </c>
      <c r="O107" s="257"/>
      <c r="P107" s="257" t="s">
        <v>1278</v>
      </c>
      <c r="Q107" s="98"/>
    </row>
    <row r="108" spans="1:17" ht="18.75" hidden="1" customHeight="1">
      <c r="D108" s="8"/>
      <c r="E108" s="8" t="s">
        <v>125</v>
      </c>
      <c r="F108" s="8">
        <v>352</v>
      </c>
      <c r="G108" s="8" t="s">
        <v>3</v>
      </c>
      <c r="H108" s="8" t="s">
        <v>78</v>
      </c>
      <c r="I108" s="8" t="s">
        <v>71</v>
      </c>
      <c r="J108" s="8">
        <v>1</v>
      </c>
      <c r="K108" s="8" t="s">
        <v>509</v>
      </c>
      <c r="L108" s="8">
        <v>1</v>
      </c>
      <c r="M108" s="8">
        <v>80</v>
      </c>
      <c r="O108" s="257"/>
      <c r="P108" s="257" t="s">
        <v>1634</v>
      </c>
      <c r="Q108" s="98"/>
    </row>
    <row r="109" spans="1:17" ht="18.75" hidden="1" customHeight="1">
      <c r="A109" s="17"/>
      <c r="B109" s="17"/>
      <c r="C109" s="17" t="s">
        <v>130</v>
      </c>
      <c r="D109" s="139" t="s">
        <v>126</v>
      </c>
      <c r="E109" s="17"/>
      <c r="F109" s="17"/>
      <c r="G109" s="17"/>
      <c r="H109" s="17" t="s">
        <v>17</v>
      </c>
      <c r="I109" s="17" t="s">
        <v>71</v>
      </c>
      <c r="J109" s="17" t="s">
        <v>525</v>
      </c>
      <c r="K109" s="17"/>
      <c r="L109" s="17"/>
      <c r="M109" s="17"/>
      <c r="N109" s="138"/>
      <c r="O109" s="257"/>
      <c r="P109" s="257" t="s">
        <v>1635</v>
      </c>
      <c r="Q109" s="98"/>
    </row>
    <row r="110" spans="1:17" ht="18.75" hidden="1" customHeight="1">
      <c r="E110" s="8" t="s">
        <v>129</v>
      </c>
      <c r="F110" s="8">
        <v>128</v>
      </c>
      <c r="G110" s="8" t="s">
        <v>128</v>
      </c>
      <c r="H110" s="8" t="s">
        <v>66</v>
      </c>
      <c r="I110" s="8" t="s">
        <v>65</v>
      </c>
      <c r="J110" s="8">
        <v>1</v>
      </c>
      <c r="K110" s="8" t="s">
        <v>514</v>
      </c>
      <c r="L110" s="8">
        <v>2</v>
      </c>
      <c r="M110" s="8">
        <v>3</v>
      </c>
      <c r="N110" s="72" t="s">
        <v>831</v>
      </c>
      <c r="O110" s="257"/>
      <c r="P110" s="257" t="s">
        <v>1636</v>
      </c>
      <c r="Q110" s="98"/>
    </row>
    <row r="111" spans="1:17" ht="18.75" hidden="1" customHeight="1">
      <c r="E111" s="8" t="s">
        <v>127</v>
      </c>
      <c r="F111" s="8">
        <v>127</v>
      </c>
      <c r="G111" s="8" t="s">
        <v>126</v>
      </c>
      <c r="H111" s="8" t="s">
        <v>78</v>
      </c>
      <c r="I111" s="8" t="s">
        <v>71</v>
      </c>
      <c r="J111" s="8">
        <v>1</v>
      </c>
      <c r="K111" s="8" t="s">
        <v>509</v>
      </c>
      <c r="L111" s="8">
        <v>1</v>
      </c>
      <c r="M111" s="8">
        <v>30</v>
      </c>
      <c r="O111" s="257"/>
      <c r="P111" s="257" t="s">
        <v>1279</v>
      </c>
      <c r="Q111" s="98"/>
    </row>
    <row r="112" spans="1:17" ht="18.75" hidden="1" customHeight="1">
      <c r="D112" s="8"/>
      <c r="E112" s="8" t="s">
        <v>125</v>
      </c>
      <c r="F112" s="8">
        <v>352</v>
      </c>
      <c r="G112" s="8" t="s">
        <v>3</v>
      </c>
      <c r="H112" s="8" t="s">
        <v>78</v>
      </c>
      <c r="I112" s="8" t="s">
        <v>71</v>
      </c>
      <c r="J112" s="8">
        <v>1</v>
      </c>
      <c r="K112" s="8" t="s">
        <v>509</v>
      </c>
      <c r="L112" s="8">
        <v>1</v>
      </c>
      <c r="M112" s="8">
        <v>80</v>
      </c>
      <c r="O112" s="257"/>
      <c r="P112" s="257" t="s">
        <v>1280</v>
      </c>
      <c r="Q112" s="98"/>
    </row>
    <row r="113" spans="1:17" s="143" customFormat="1" ht="37.5" hidden="1" customHeight="1">
      <c r="A113" s="17"/>
      <c r="B113" s="17"/>
      <c r="C113" s="75" t="s">
        <v>124</v>
      </c>
      <c r="D113" s="142" t="s">
        <v>475</v>
      </c>
      <c r="E113" s="75"/>
      <c r="F113" s="75"/>
      <c r="G113" s="75"/>
      <c r="H113" s="75" t="s">
        <v>17</v>
      </c>
      <c r="I113" s="75" t="s">
        <v>71</v>
      </c>
      <c r="J113" s="75">
        <v>3</v>
      </c>
      <c r="K113" s="75"/>
      <c r="L113" s="75"/>
      <c r="M113" s="75"/>
      <c r="N113" s="78"/>
      <c r="O113" s="257"/>
      <c r="P113" s="257" t="s">
        <v>1281</v>
      </c>
      <c r="Q113" s="98"/>
    </row>
    <row r="114" spans="1:17" s="143" customFormat="1" ht="18.75" hidden="1" customHeight="1">
      <c r="C114" s="11"/>
      <c r="D114" s="33"/>
      <c r="E114" s="11" t="s">
        <v>123</v>
      </c>
      <c r="F114" s="11">
        <v>366</v>
      </c>
      <c r="G114" s="11" t="s">
        <v>122</v>
      </c>
      <c r="H114" s="11" t="s">
        <v>66</v>
      </c>
      <c r="I114" s="11" t="s">
        <v>65</v>
      </c>
      <c r="J114" s="11">
        <v>1</v>
      </c>
      <c r="K114" s="11" t="s">
        <v>514</v>
      </c>
      <c r="L114" s="11">
        <v>2</v>
      </c>
      <c r="M114" s="11">
        <v>2</v>
      </c>
      <c r="N114" s="18" t="s">
        <v>643</v>
      </c>
      <c r="O114" s="257"/>
      <c r="P114" s="257" t="s">
        <v>1661</v>
      </c>
      <c r="Q114" s="98"/>
    </row>
    <row r="115" spans="1:17" s="143" customFormat="1" ht="18.75" hidden="1" customHeight="1">
      <c r="C115" s="11"/>
      <c r="D115" s="33"/>
      <c r="E115" s="11" t="s">
        <v>121</v>
      </c>
      <c r="F115" s="11">
        <v>93</v>
      </c>
      <c r="G115" s="11" t="s">
        <v>120</v>
      </c>
      <c r="H115" s="11" t="s">
        <v>17</v>
      </c>
      <c r="I115" s="11" t="s">
        <v>71</v>
      </c>
      <c r="J115" s="11">
        <v>1</v>
      </c>
      <c r="K115" s="11" t="s">
        <v>509</v>
      </c>
      <c r="L115" s="11">
        <v>1</v>
      </c>
      <c r="M115" s="11">
        <v>60</v>
      </c>
      <c r="O115" s="257"/>
      <c r="P115" s="257" t="s">
        <v>1662</v>
      </c>
      <c r="Q115" s="98"/>
    </row>
    <row r="116" spans="1:17" s="143" customFormat="1" ht="18.75" hidden="1" customHeight="1">
      <c r="C116" s="19"/>
      <c r="D116" s="19"/>
      <c r="E116" s="19" t="s">
        <v>119</v>
      </c>
      <c r="F116" s="19">
        <v>365</v>
      </c>
      <c r="G116" s="19" t="s">
        <v>114</v>
      </c>
      <c r="H116" s="19" t="s">
        <v>78</v>
      </c>
      <c r="I116" s="19" t="s">
        <v>174</v>
      </c>
      <c r="J116" s="19">
        <v>1</v>
      </c>
      <c r="K116" s="19" t="s">
        <v>514</v>
      </c>
      <c r="L116" s="19">
        <v>2</v>
      </c>
      <c r="M116" s="19">
        <v>2</v>
      </c>
      <c r="N116" s="19"/>
      <c r="O116" s="257"/>
      <c r="P116" s="257"/>
      <c r="Q116" s="98"/>
    </row>
    <row r="117" spans="1:17" s="143" customFormat="1" ht="18.75" hidden="1" customHeight="1">
      <c r="C117" s="19"/>
      <c r="D117" s="19"/>
      <c r="E117" s="19" t="s">
        <v>118</v>
      </c>
      <c r="F117" s="19">
        <v>364</v>
      </c>
      <c r="G117" s="19" t="s">
        <v>112</v>
      </c>
      <c r="H117" s="19" t="s">
        <v>78</v>
      </c>
      <c r="I117" s="19" t="s">
        <v>96</v>
      </c>
      <c r="J117" s="19">
        <v>1</v>
      </c>
      <c r="K117" s="19" t="s">
        <v>509</v>
      </c>
      <c r="L117" s="19">
        <v>1</v>
      </c>
      <c r="M117" s="19">
        <v>80</v>
      </c>
      <c r="N117" s="19"/>
      <c r="O117" s="257"/>
      <c r="P117" s="257"/>
      <c r="Q117" s="98"/>
    </row>
    <row r="118" spans="1:17" s="143" customFormat="1" ht="18.75" hidden="1" customHeight="1">
      <c r="C118" s="19"/>
      <c r="D118" s="19"/>
      <c r="E118" s="19" t="s">
        <v>117</v>
      </c>
      <c r="F118" s="19">
        <v>365</v>
      </c>
      <c r="G118" s="19" t="s">
        <v>114</v>
      </c>
      <c r="H118" s="19" t="s">
        <v>78</v>
      </c>
      <c r="I118" s="19" t="s">
        <v>96</v>
      </c>
      <c r="J118" s="19">
        <v>1</v>
      </c>
      <c r="K118" s="19" t="s">
        <v>514</v>
      </c>
      <c r="L118" s="19">
        <v>2</v>
      </c>
      <c r="M118" s="19">
        <v>2</v>
      </c>
      <c r="N118" s="19"/>
      <c r="O118" s="257"/>
      <c r="P118" s="257"/>
      <c r="Q118" s="98"/>
    </row>
    <row r="119" spans="1:17" s="143" customFormat="1" ht="18.75" hidden="1" customHeight="1">
      <c r="C119" s="19"/>
      <c r="D119" s="19"/>
      <c r="E119" s="19" t="s">
        <v>116</v>
      </c>
      <c r="F119" s="19">
        <v>364</v>
      </c>
      <c r="G119" s="19" t="s">
        <v>112</v>
      </c>
      <c r="H119" s="19" t="s">
        <v>78</v>
      </c>
      <c r="I119" s="19" t="s">
        <v>96</v>
      </c>
      <c r="J119" s="19">
        <v>1</v>
      </c>
      <c r="K119" s="19" t="s">
        <v>509</v>
      </c>
      <c r="L119" s="19">
        <v>1</v>
      </c>
      <c r="M119" s="19">
        <v>80</v>
      </c>
      <c r="N119" s="19"/>
      <c r="O119" s="257"/>
      <c r="P119" s="257"/>
      <c r="Q119" s="98"/>
    </row>
    <row r="120" spans="1:17" s="143" customFormat="1" ht="18.75" hidden="1" customHeight="1">
      <c r="C120" s="19"/>
      <c r="D120" s="19"/>
      <c r="E120" s="19" t="s">
        <v>115</v>
      </c>
      <c r="F120" s="19">
        <v>365</v>
      </c>
      <c r="G120" s="19" t="s">
        <v>114</v>
      </c>
      <c r="H120" s="19" t="s">
        <v>78</v>
      </c>
      <c r="I120" s="19" t="s">
        <v>96</v>
      </c>
      <c r="J120" s="19">
        <v>1</v>
      </c>
      <c r="K120" s="19" t="s">
        <v>514</v>
      </c>
      <c r="L120" s="19">
        <v>2</v>
      </c>
      <c r="M120" s="19">
        <v>2</v>
      </c>
      <c r="N120" s="19"/>
      <c r="O120" s="257"/>
      <c r="P120" s="257"/>
      <c r="Q120" s="98"/>
    </row>
    <row r="121" spans="1:17" s="143" customFormat="1" ht="18.75" hidden="1" customHeight="1">
      <c r="C121" s="24"/>
      <c r="E121" s="19" t="s">
        <v>113</v>
      </c>
      <c r="F121" s="19">
        <v>364</v>
      </c>
      <c r="G121" s="19" t="s">
        <v>112</v>
      </c>
      <c r="H121" s="19" t="s">
        <v>78</v>
      </c>
      <c r="I121" s="19" t="s">
        <v>96</v>
      </c>
      <c r="J121" s="19">
        <v>1</v>
      </c>
      <c r="K121" s="19" t="s">
        <v>509</v>
      </c>
      <c r="L121" s="19">
        <v>1</v>
      </c>
      <c r="M121" s="19">
        <v>80</v>
      </c>
      <c r="N121" s="19"/>
      <c r="O121" s="257"/>
      <c r="P121" s="257"/>
      <c r="Q121" s="98"/>
    </row>
    <row r="122" spans="1:17" s="143" customFormat="1" ht="15.75" hidden="1" customHeight="1">
      <c r="C122" s="24"/>
      <c r="E122" s="11" t="s">
        <v>889</v>
      </c>
      <c r="F122" s="11">
        <v>443</v>
      </c>
      <c r="G122" s="11" t="s">
        <v>890</v>
      </c>
      <c r="H122" s="11" t="s">
        <v>78</v>
      </c>
      <c r="I122" s="11" t="s">
        <v>71</v>
      </c>
      <c r="J122" s="11">
        <v>1</v>
      </c>
      <c r="K122" s="11" t="s">
        <v>509</v>
      </c>
      <c r="L122" s="11">
        <v>1</v>
      </c>
      <c r="M122" s="11">
        <v>20</v>
      </c>
      <c r="O122" s="257"/>
      <c r="P122" s="257"/>
      <c r="Q122" s="98"/>
    </row>
    <row r="123" spans="1:17" s="143" customFormat="1" ht="18.75" hidden="1" customHeight="1">
      <c r="A123" s="17"/>
      <c r="B123" s="17"/>
      <c r="C123" s="75" t="s">
        <v>124</v>
      </c>
      <c r="D123" s="142" t="s">
        <v>475</v>
      </c>
      <c r="E123" s="75"/>
      <c r="F123" s="75"/>
      <c r="G123" s="75"/>
      <c r="H123" s="75" t="s">
        <v>17</v>
      </c>
      <c r="I123" s="75" t="s">
        <v>71</v>
      </c>
      <c r="J123" s="75">
        <v>3</v>
      </c>
      <c r="K123" s="75"/>
      <c r="L123" s="75"/>
      <c r="M123" s="75"/>
      <c r="N123" s="78"/>
      <c r="O123" s="257"/>
      <c r="P123" s="257"/>
      <c r="Q123" s="98"/>
    </row>
    <row r="124" spans="1:17" s="143" customFormat="1" ht="18.75" hidden="1" customHeight="1">
      <c r="C124" s="11"/>
      <c r="D124" s="33"/>
      <c r="E124" s="11" t="s">
        <v>123</v>
      </c>
      <c r="F124" s="11">
        <v>366</v>
      </c>
      <c r="G124" s="11" t="s">
        <v>122</v>
      </c>
      <c r="H124" s="11" t="s">
        <v>66</v>
      </c>
      <c r="I124" s="11" t="s">
        <v>65</v>
      </c>
      <c r="J124" s="11">
        <v>1</v>
      </c>
      <c r="K124" s="11" t="s">
        <v>514</v>
      </c>
      <c r="L124" s="11">
        <v>2</v>
      </c>
      <c r="M124" s="11">
        <v>2</v>
      </c>
      <c r="N124" s="18" t="s">
        <v>643</v>
      </c>
      <c r="O124" s="257"/>
      <c r="P124" s="257"/>
      <c r="Q124" s="98"/>
    </row>
    <row r="125" spans="1:17" s="143" customFormat="1" ht="18.75" hidden="1" customHeight="1">
      <c r="C125" s="11"/>
      <c r="D125" s="33"/>
      <c r="E125" s="11" t="s">
        <v>121</v>
      </c>
      <c r="F125" s="11">
        <v>93</v>
      </c>
      <c r="G125" s="11" t="s">
        <v>120</v>
      </c>
      <c r="H125" s="11" t="s">
        <v>17</v>
      </c>
      <c r="I125" s="11" t="s">
        <v>71</v>
      </c>
      <c r="J125" s="11">
        <v>1</v>
      </c>
      <c r="K125" s="11" t="s">
        <v>509</v>
      </c>
      <c r="L125" s="11">
        <v>1</v>
      </c>
      <c r="M125" s="11">
        <v>60</v>
      </c>
      <c r="N125" s="18"/>
      <c r="O125" s="257"/>
      <c r="P125" s="257"/>
      <c r="Q125" s="98"/>
    </row>
    <row r="126" spans="1:17" s="143" customFormat="1" ht="18.75" hidden="1" customHeight="1">
      <c r="C126" s="19"/>
      <c r="D126" s="19"/>
      <c r="E126" s="19" t="s">
        <v>119</v>
      </c>
      <c r="F126" s="19">
        <v>365</v>
      </c>
      <c r="G126" s="19" t="s">
        <v>114</v>
      </c>
      <c r="H126" s="19" t="s">
        <v>78</v>
      </c>
      <c r="I126" s="19" t="s">
        <v>174</v>
      </c>
      <c r="J126" s="19">
        <v>1</v>
      </c>
      <c r="K126" s="19" t="s">
        <v>514</v>
      </c>
      <c r="L126" s="19">
        <v>2</v>
      </c>
      <c r="M126" s="19">
        <v>2</v>
      </c>
      <c r="N126" s="19"/>
      <c r="O126" s="257"/>
      <c r="P126" s="257"/>
      <c r="Q126" s="98"/>
    </row>
    <row r="127" spans="1:17" s="143" customFormat="1" ht="18.75" hidden="1" customHeight="1">
      <c r="C127" s="19"/>
      <c r="D127" s="19"/>
      <c r="E127" s="19" t="s">
        <v>118</v>
      </c>
      <c r="F127" s="19">
        <v>364</v>
      </c>
      <c r="G127" s="19" t="s">
        <v>112</v>
      </c>
      <c r="H127" s="19" t="s">
        <v>78</v>
      </c>
      <c r="I127" s="19" t="s">
        <v>96</v>
      </c>
      <c r="J127" s="19">
        <v>1</v>
      </c>
      <c r="K127" s="19" t="s">
        <v>509</v>
      </c>
      <c r="L127" s="19">
        <v>1</v>
      </c>
      <c r="M127" s="19">
        <v>80</v>
      </c>
      <c r="N127" s="19"/>
      <c r="O127" s="257"/>
      <c r="P127" s="257"/>
      <c r="Q127" s="98"/>
    </row>
    <row r="128" spans="1:17" s="143" customFormat="1" ht="18.75" hidden="1" customHeight="1">
      <c r="C128" s="19"/>
      <c r="D128" s="19"/>
      <c r="E128" s="19" t="s">
        <v>117</v>
      </c>
      <c r="F128" s="19">
        <v>365</v>
      </c>
      <c r="G128" s="19" t="s">
        <v>114</v>
      </c>
      <c r="H128" s="19" t="s">
        <v>78</v>
      </c>
      <c r="I128" s="19" t="s">
        <v>96</v>
      </c>
      <c r="J128" s="19">
        <v>1</v>
      </c>
      <c r="K128" s="19" t="s">
        <v>514</v>
      </c>
      <c r="L128" s="19">
        <v>2</v>
      </c>
      <c r="M128" s="19">
        <v>2</v>
      </c>
      <c r="N128" s="19"/>
      <c r="O128" s="257"/>
      <c r="P128" s="257"/>
      <c r="Q128" s="98"/>
    </row>
    <row r="129" spans="1:17" s="143" customFormat="1" ht="18.75" hidden="1" customHeight="1">
      <c r="C129" s="19"/>
      <c r="D129" s="19"/>
      <c r="E129" s="19" t="s">
        <v>116</v>
      </c>
      <c r="F129" s="19">
        <v>364</v>
      </c>
      <c r="G129" s="19" t="s">
        <v>112</v>
      </c>
      <c r="H129" s="19" t="s">
        <v>78</v>
      </c>
      <c r="I129" s="19" t="s">
        <v>96</v>
      </c>
      <c r="J129" s="19">
        <v>1</v>
      </c>
      <c r="K129" s="19" t="s">
        <v>509</v>
      </c>
      <c r="L129" s="19">
        <v>1</v>
      </c>
      <c r="M129" s="19">
        <v>80</v>
      </c>
      <c r="N129" s="19"/>
      <c r="O129" s="257"/>
      <c r="P129" s="257"/>
      <c r="Q129" s="98"/>
    </row>
    <row r="130" spans="1:17" s="143" customFormat="1" ht="18.75" hidden="1" customHeight="1">
      <c r="C130" s="19"/>
      <c r="D130" s="19"/>
      <c r="E130" s="19" t="s">
        <v>115</v>
      </c>
      <c r="F130" s="19">
        <v>365</v>
      </c>
      <c r="G130" s="19" t="s">
        <v>114</v>
      </c>
      <c r="H130" s="19" t="s">
        <v>78</v>
      </c>
      <c r="I130" s="19" t="s">
        <v>96</v>
      </c>
      <c r="J130" s="19">
        <v>1</v>
      </c>
      <c r="K130" s="19" t="s">
        <v>514</v>
      </c>
      <c r="L130" s="19">
        <v>2</v>
      </c>
      <c r="M130" s="19">
        <v>2</v>
      </c>
      <c r="N130" s="19"/>
      <c r="O130" s="257"/>
      <c r="P130" s="257" t="s">
        <v>1282</v>
      </c>
      <c r="Q130" s="98"/>
    </row>
    <row r="131" spans="1:17" s="143" customFormat="1" ht="37.5" hidden="1" customHeight="1">
      <c r="C131" s="24"/>
      <c r="E131" s="19" t="s">
        <v>113</v>
      </c>
      <c r="F131" s="19">
        <v>364</v>
      </c>
      <c r="G131" s="19" t="s">
        <v>112</v>
      </c>
      <c r="H131" s="19" t="s">
        <v>78</v>
      </c>
      <c r="I131" s="19" t="s">
        <v>96</v>
      </c>
      <c r="J131" s="19">
        <v>1</v>
      </c>
      <c r="K131" s="19" t="s">
        <v>509</v>
      </c>
      <c r="L131" s="19">
        <v>1</v>
      </c>
      <c r="M131" s="19">
        <v>80</v>
      </c>
      <c r="N131" s="19"/>
      <c r="O131" s="257"/>
      <c r="P131" s="257" t="s">
        <v>1668</v>
      </c>
      <c r="Q131" s="98"/>
    </row>
    <row r="132" spans="1:17" s="143" customFormat="1" ht="18.75" hidden="1" customHeight="1">
      <c r="C132" s="24"/>
      <c r="E132" s="11" t="s">
        <v>889</v>
      </c>
      <c r="F132" s="11">
        <v>443</v>
      </c>
      <c r="G132" s="11" t="s">
        <v>890</v>
      </c>
      <c r="H132" s="11" t="s">
        <v>78</v>
      </c>
      <c r="I132" s="11" t="s">
        <v>71</v>
      </c>
      <c r="J132" s="11">
        <v>1</v>
      </c>
      <c r="K132" s="11" t="s">
        <v>509</v>
      </c>
      <c r="L132" s="11">
        <v>1</v>
      </c>
      <c r="M132" s="11">
        <v>20</v>
      </c>
      <c r="N132" s="18" t="s">
        <v>892</v>
      </c>
      <c r="O132" s="257"/>
      <c r="P132" s="257" t="s">
        <v>1666</v>
      </c>
      <c r="Q132" s="98"/>
    </row>
    <row r="133" spans="1:17" s="143" customFormat="1" ht="18.75" hidden="1" customHeight="1">
      <c r="A133" s="17"/>
      <c r="B133" s="17"/>
      <c r="C133" s="75" t="s">
        <v>124</v>
      </c>
      <c r="D133" s="142" t="s">
        <v>475</v>
      </c>
      <c r="E133" s="75"/>
      <c r="F133" s="75"/>
      <c r="G133" s="75"/>
      <c r="H133" s="75" t="s">
        <v>17</v>
      </c>
      <c r="I133" s="75" t="s">
        <v>71</v>
      </c>
      <c r="J133" s="75">
        <v>3</v>
      </c>
      <c r="K133" s="75"/>
      <c r="L133" s="75"/>
      <c r="M133" s="75"/>
      <c r="N133" s="78"/>
      <c r="O133" s="257"/>
      <c r="P133" s="257" t="s">
        <v>1667</v>
      </c>
      <c r="Q133" s="98"/>
    </row>
    <row r="134" spans="1:17" s="143" customFormat="1" ht="18.75" hidden="1" customHeight="1">
      <c r="C134" s="11"/>
      <c r="D134" s="33"/>
      <c r="E134" s="11" t="s">
        <v>123</v>
      </c>
      <c r="F134" s="11">
        <v>366</v>
      </c>
      <c r="G134" s="11" t="s">
        <v>122</v>
      </c>
      <c r="H134" s="11" t="s">
        <v>66</v>
      </c>
      <c r="I134" s="11" t="s">
        <v>65</v>
      </c>
      <c r="J134" s="11">
        <v>1</v>
      </c>
      <c r="K134" s="11" t="s">
        <v>514</v>
      </c>
      <c r="L134" s="11">
        <v>2</v>
      </c>
      <c r="M134" s="11">
        <v>2</v>
      </c>
      <c r="N134" s="18" t="s">
        <v>643</v>
      </c>
      <c r="O134" s="257"/>
      <c r="P134" s="257" t="s">
        <v>1665</v>
      </c>
      <c r="Q134" s="98"/>
    </row>
    <row r="135" spans="1:17" s="143" customFormat="1" ht="56.25" hidden="1" customHeight="1">
      <c r="C135" s="11"/>
      <c r="D135" s="33"/>
      <c r="E135" s="11" t="s">
        <v>121</v>
      </c>
      <c r="F135" s="11">
        <v>93</v>
      </c>
      <c r="G135" s="11" t="s">
        <v>120</v>
      </c>
      <c r="H135" s="11" t="s">
        <v>17</v>
      </c>
      <c r="I135" s="11" t="s">
        <v>71</v>
      </c>
      <c r="J135" s="11">
        <v>1</v>
      </c>
      <c r="K135" s="11" t="s">
        <v>509</v>
      </c>
      <c r="L135" s="11">
        <v>1</v>
      </c>
      <c r="M135" s="11">
        <v>60</v>
      </c>
      <c r="N135" s="18"/>
      <c r="O135" s="257"/>
      <c r="P135" s="257" t="s">
        <v>1786</v>
      </c>
      <c r="Q135" s="98"/>
    </row>
    <row r="136" spans="1:17" s="143" customFormat="1" ht="18.75" hidden="1" customHeight="1">
      <c r="C136" s="19"/>
      <c r="D136" s="19"/>
      <c r="E136" s="19" t="s">
        <v>119</v>
      </c>
      <c r="F136" s="19">
        <v>365</v>
      </c>
      <c r="G136" s="19" t="s">
        <v>114</v>
      </c>
      <c r="H136" s="19" t="s">
        <v>78</v>
      </c>
      <c r="I136" s="19" t="s">
        <v>174</v>
      </c>
      <c r="J136" s="19">
        <v>1</v>
      </c>
      <c r="K136" s="19" t="s">
        <v>514</v>
      </c>
      <c r="L136" s="19">
        <v>2</v>
      </c>
      <c r="M136" s="19">
        <v>2</v>
      </c>
      <c r="N136" s="19"/>
      <c r="O136" s="257"/>
      <c r="P136" s="257"/>
      <c r="Q136" s="98"/>
    </row>
    <row r="137" spans="1:17" s="143" customFormat="1" ht="18.75" hidden="1" customHeight="1">
      <c r="C137" s="19"/>
      <c r="D137" s="19"/>
      <c r="E137" s="19" t="s">
        <v>118</v>
      </c>
      <c r="F137" s="19">
        <v>364</v>
      </c>
      <c r="G137" s="19" t="s">
        <v>112</v>
      </c>
      <c r="H137" s="19" t="s">
        <v>78</v>
      </c>
      <c r="I137" s="19" t="s">
        <v>96</v>
      </c>
      <c r="J137" s="19">
        <v>1</v>
      </c>
      <c r="K137" s="19" t="s">
        <v>509</v>
      </c>
      <c r="L137" s="19">
        <v>1</v>
      </c>
      <c r="M137" s="19">
        <v>80</v>
      </c>
      <c r="N137" s="19"/>
      <c r="O137" s="257"/>
      <c r="P137" s="257"/>
      <c r="Q137" s="98"/>
    </row>
    <row r="138" spans="1:17" s="143" customFormat="1" ht="18.75" hidden="1" customHeight="1">
      <c r="C138" s="19"/>
      <c r="D138" s="19"/>
      <c r="E138" s="19" t="s">
        <v>117</v>
      </c>
      <c r="F138" s="19">
        <v>365</v>
      </c>
      <c r="G138" s="19" t="s">
        <v>114</v>
      </c>
      <c r="H138" s="19" t="s">
        <v>78</v>
      </c>
      <c r="I138" s="19" t="s">
        <v>96</v>
      </c>
      <c r="J138" s="19">
        <v>1</v>
      </c>
      <c r="K138" s="19" t="s">
        <v>514</v>
      </c>
      <c r="L138" s="19">
        <v>2</v>
      </c>
      <c r="M138" s="19">
        <v>2</v>
      </c>
      <c r="N138" s="19"/>
      <c r="O138" s="257"/>
      <c r="P138" s="257"/>
      <c r="Q138" s="98"/>
    </row>
    <row r="139" spans="1:17" s="143" customFormat="1" ht="18.75" hidden="1" customHeight="1">
      <c r="C139" s="19"/>
      <c r="D139" s="19"/>
      <c r="E139" s="19" t="s">
        <v>116</v>
      </c>
      <c r="F139" s="19">
        <v>364</v>
      </c>
      <c r="G139" s="19" t="s">
        <v>112</v>
      </c>
      <c r="H139" s="19" t="s">
        <v>78</v>
      </c>
      <c r="I139" s="19" t="s">
        <v>96</v>
      </c>
      <c r="J139" s="19">
        <v>1</v>
      </c>
      <c r="K139" s="19" t="s">
        <v>509</v>
      </c>
      <c r="L139" s="19">
        <v>1</v>
      </c>
      <c r="M139" s="19">
        <v>80</v>
      </c>
      <c r="N139" s="19"/>
      <c r="O139" s="257"/>
      <c r="P139" s="257"/>
      <c r="Q139" s="98"/>
    </row>
    <row r="140" spans="1:17" s="143" customFormat="1" ht="18.75" hidden="1" customHeight="1">
      <c r="C140" s="19"/>
      <c r="D140" s="19"/>
      <c r="E140" s="19" t="s">
        <v>115</v>
      </c>
      <c r="F140" s="19">
        <v>365</v>
      </c>
      <c r="G140" s="19" t="s">
        <v>114</v>
      </c>
      <c r="H140" s="19" t="s">
        <v>78</v>
      </c>
      <c r="I140" s="19" t="s">
        <v>96</v>
      </c>
      <c r="J140" s="19">
        <v>1</v>
      </c>
      <c r="K140" s="19" t="s">
        <v>514</v>
      </c>
      <c r="L140" s="19">
        <v>2</v>
      </c>
      <c r="M140" s="19">
        <v>2</v>
      </c>
      <c r="N140" s="19"/>
      <c r="O140" s="257"/>
      <c r="P140" s="257"/>
      <c r="Q140" s="98"/>
    </row>
    <row r="141" spans="1:17" s="143" customFormat="1" ht="18.75" hidden="1" customHeight="1">
      <c r="C141" s="24"/>
      <c r="E141" s="19" t="s">
        <v>113</v>
      </c>
      <c r="F141" s="19">
        <v>364</v>
      </c>
      <c r="G141" s="19" t="s">
        <v>112</v>
      </c>
      <c r="H141" s="19" t="s">
        <v>78</v>
      </c>
      <c r="I141" s="19" t="s">
        <v>96</v>
      </c>
      <c r="J141" s="19">
        <v>1</v>
      </c>
      <c r="K141" s="19" t="s">
        <v>509</v>
      </c>
      <c r="L141" s="19">
        <v>1</v>
      </c>
      <c r="M141" s="19">
        <v>80</v>
      </c>
      <c r="N141" s="19"/>
      <c r="O141" s="257"/>
      <c r="P141" s="257"/>
      <c r="Q141" s="98"/>
    </row>
    <row r="142" spans="1:17" s="143" customFormat="1" ht="18.75" hidden="1" customHeight="1">
      <c r="C142" s="24"/>
      <c r="E142" s="11" t="s">
        <v>889</v>
      </c>
      <c r="F142" s="11">
        <v>443</v>
      </c>
      <c r="G142" s="11" t="s">
        <v>890</v>
      </c>
      <c r="H142" s="11" t="s">
        <v>78</v>
      </c>
      <c r="I142" s="11" t="s">
        <v>71</v>
      </c>
      <c r="J142" s="11">
        <v>1</v>
      </c>
      <c r="K142" s="11" t="s">
        <v>509</v>
      </c>
      <c r="L142" s="11">
        <v>1</v>
      </c>
      <c r="M142" s="11">
        <v>20</v>
      </c>
      <c r="N142" s="18" t="s">
        <v>893</v>
      </c>
      <c r="O142" s="257"/>
      <c r="P142" s="257"/>
      <c r="Q142" s="98"/>
    </row>
    <row r="143" spans="1:17" s="143" customFormat="1" ht="18.75" hidden="1" customHeight="1">
      <c r="C143" s="24"/>
      <c r="E143" s="11"/>
      <c r="F143" s="11"/>
      <c r="G143" s="11"/>
      <c r="H143" s="11"/>
      <c r="I143" s="11"/>
      <c r="J143" s="11"/>
      <c r="K143" s="11"/>
      <c r="L143" s="11"/>
      <c r="M143" s="11"/>
      <c r="N143" s="18"/>
      <c r="O143" s="257"/>
      <c r="P143" s="257"/>
      <c r="Q143" s="98"/>
    </row>
    <row r="144" spans="1:17" s="143" customFormat="1" ht="18.75" hidden="1" customHeight="1">
      <c r="C144" s="24"/>
      <c r="E144" s="11"/>
      <c r="F144" s="11"/>
      <c r="G144" s="11"/>
      <c r="H144" s="11"/>
      <c r="I144" s="11"/>
      <c r="J144" s="11"/>
      <c r="K144" s="11"/>
      <c r="L144" s="11"/>
      <c r="M144" s="11"/>
      <c r="N144" s="18"/>
      <c r="O144" s="257"/>
      <c r="P144" s="257"/>
      <c r="Q144" s="98"/>
    </row>
    <row r="145" spans="1:17" s="143" customFormat="1" ht="18.75" hidden="1" customHeight="1">
      <c r="C145" s="24"/>
      <c r="E145" s="11"/>
      <c r="F145" s="11"/>
      <c r="G145" s="11"/>
      <c r="H145" s="11"/>
      <c r="I145" s="11"/>
      <c r="J145" s="11"/>
      <c r="K145" s="11"/>
      <c r="L145" s="11"/>
      <c r="M145" s="11"/>
      <c r="N145" s="18"/>
      <c r="O145" s="257"/>
      <c r="P145" s="257"/>
      <c r="Q145" s="98"/>
    </row>
    <row r="146" spans="1:17" ht="17.5">
      <c r="A146" s="17"/>
      <c r="B146" s="17"/>
      <c r="C146" s="17" t="s">
        <v>130</v>
      </c>
      <c r="D146" s="139" t="s">
        <v>126</v>
      </c>
      <c r="E146" s="17"/>
      <c r="F146" s="17"/>
      <c r="G146" s="17"/>
      <c r="H146" s="17" t="s">
        <v>17</v>
      </c>
      <c r="I146" s="17" t="s">
        <v>71</v>
      </c>
      <c r="J146" s="17" t="s">
        <v>525</v>
      </c>
      <c r="K146" s="17"/>
      <c r="L146" s="17"/>
      <c r="M146" s="17"/>
      <c r="N146" s="138"/>
      <c r="O146" s="257" t="s">
        <v>1920</v>
      </c>
      <c r="P146" s="257" t="s">
        <v>2015</v>
      </c>
      <c r="Q146" s="98"/>
    </row>
    <row r="147" spans="1:17" ht="18.75" hidden="1" customHeight="1" outlineLevel="1">
      <c r="E147" s="8" t="s">
        <v>129</v>
      </c>
      <c r="F147" s="8">
        <v>128</v>
      </c>
      <c r="G147" s="8" t="s">
        <v>128</v>
      </c>
      <c r="H147" s="8" t="s">
        <v>66</v>
      </c>
      <c r="I147" s="8" t="s">
        <v>65</v>
      </c>
      <c r="J147" s="8">
        <v>1</v>
      </c>
      <c r="K147" s="8" t="s">
        <v>514</v>
      </c>
      <c r="L147" s="8">
        <v>2</v>
      </c>
      <c r="M147" s="8">
        <v>3</v>
      </c>
      <c r="N147" s="72" t="s">
        <v>1302</v>
      </c>
      <c r="O147" s="257"/>
      <c r="Q147" s="98"/>
    </row>
    <row r="148" spans="1:17" ht="18.75" hidden="1" customHeight="1" outlineLevel="1">
      <c r="E148" s="8" t="s">
        <v>127</v>
      </c>
      <c r="F148" s="8">
        <v>127</v>
      </c>
      <c r="G148" s="8" t="s">
        <v>126</v>
      </c>
      <c r="H148" s="8" t="s">
        <v>78</v>
      </c>
      <c r="I148" s="8" t="s">
        <v>65</v>
      </c>
      <c r="J148" s="8">
        <v>1</v>
      </c>
      <c r="K148" s="8" t="s">
        <v>509</v>
      </c>
      <c r="L148" s="8">
        <v>1</v>
      </c>
      <c r="M148" s="8">
        <v>30</v>
      </c>
      <c r="N148" s="72" t="s">
        <v>631</v>
      </c>
      <c r="O148" s="257"/>
      <c r="Q148" s="98"/>
    </row>
    <row r="149" spans="1:17" ht="18.75" hidden="1" customHeight="1" outlineLevel="1">
      <c r="E149" s="8" t="s">
        <v>125</v>
      </c>
      <c r="F149" s="8">
        <v>352</v>
      </c>
      <c r="G149" s="8" t="s">
        <v>3</v>
      </c>
      <c r="H149" s="8" t="s">
        <v>17</v>
      </c>
      <c r="I149" s="8" t="s">
        <v>71</v>
      </c>
      <c r="J149" s="8">
        <v>1</v>
      </c>
      <c r="K149" s="8" t="s">
        <v>509</v>
      </c>
      <c r="L149" s="8">
        <v>1</v>
      </c>
      <c r="M149" s="8">
        <v>80</v>
      </c>
      <c r="O149" s="257"/>
      <c r="Q149" s="98"/>
    </row>
    <row r="150" spans="1:17" ht="18.75" hidden="1" customHeight="1" collapsed="1">
      <c r="A150" s="17"/>
      <c r="B150" s="17"/>
      <c r="C150" s="17" t="s">
        <v>130</v>
      </c>
      <c r="D150" s="139" t="s">
        <v>126</v>
      </c>
      <c r="E150" s="17"/>
      <c r="F150" s="17"/>
      <c r="G150" s="17"/>
      <c r="H150" s="17" t="s">
        <v>17</v>
      </c>
      <c r="I150" s="17" t="s">
        <v>17</v>
      </c>
      <c r="J150" s="17" t="s">
        <v>525</v>
      </c>
      <c r="K150" s="17"/>
      <c r="L150" s="17"/>
      <c r="M150" s="17"/>
      <c r="N150" s="138"/>
      <c r="O150" s="257"/>
      <c r="Q150" s="98"/>
    </row>
    <row r="151" spans="1:17" ht="18.75" hidden="1" customHeight="1">
      <c r="E151" s="8" t="s">
        <v>129</v>
      </c>
      <c r="F151" s="8">
        <v>128</v>
      </c>
      <c r="G151" s="8" t="s">
        <v>128</v>
      </c>
      <c r="H151" s="8" t="s">
        <v>66</v>
      </c>
      <c r="I151" s="8" t="s">
        <v>65</v>
      </c>
      <c r="J151" s="8">
        <v>1</v>
      </c>
      <c r="K151" s="8" t="s">
        <v>514</v>
      </c>
      <c r="L151" s="8">
        <v>2</v>
      </c>
      <c r="M151" s="8">
        <v>3</v>
      </c>
      <c r="N151" s="72" t="s">
        <v>632</v>
      </c>
      <c r="O151" s="257"/>
      <c r="Q151" s="98"/>
    </row>
    <row r="152" spans="1:17" ht="18.75" hidden="1" customHeight="1">
      <c r="E152" s="8" t="s">
        <v>127</v>
      </c>
      <c r="F152" s="8">
        <v>127</v>
      </c>
      <c r="G152" s="8" t="s">
        <v>126</v>
      </c>
      <c r="H152" s="8" t="s">
        <v>78</v>
      </c>
      <c r="I152" s="8" t="s">
        <v>71</v>
      </c>
      <c r="J152" s="8">
        <v>1</v>
      </c>
      <c r="K152" s="8" t="s">
        <v>509</v>
      </c>
      <c r="L152" s="8">
        <v>1</v>
      </c>
      <c r="M152" s="8">
        <v>30</v>
      </c>
      <c r="O152" s="257"/>
      <c r="Q152" s="98"/>
    </row>
    <row r="153" spans="1:17" ht="18.75" hidden="1" customHeight="1">
      <c r="A153" s="17"/>
      <c r="B153" s="17"/>
      <c r="C153" s="17" t="s">
        <v>130</v>
      </c>
      <c r="D153" s="139" t="s">
        <v>126</v>
      </c>
      <c r="E153" s="17"/>
      <c r="F153" s="17"/>
      <c r="G153" s="17"/>
      <c r="H153" s="17" t="s">
        <v>17</v>
      </c>
      <c r="I153" s="17" t="s">
        <v>71</v>
      </c>
      <c r="J153" s="17" t="s">
        <v>525</v>
      </c>
      <c r="K153" s="17"/>
      <c r="L153" s="17"/>
      <c r="M153" s="17"/>
      <c r="N153" s="138"/>
      <c r="O153" s="257"/>
      <c r="Q153" s="98"/>
    </row>
    <row r="154" spans="1:17" ht="18.75" hidden="1" customHeight="1">
      <c r="E154" s="8" t="s">
        <v>129</v>
      </c>
      <c r="F154" s="8">
        <v>128</v>
      </c>
      <c r="G154" s="8" t="s">
        <v>128</v>
      </c>
      <c r="H154" s="8" t="s">
        <v>66</v>
      </c>
      <c r="I154" s="8" t="s">
        <v>65</v>
      </c>
      <c r="J154" s="8">
        <v>1</v>
      </c>
      <c r="K154" s="8" t="s">
        <v>514</v>
      </c>
      <c r="L154" s="8">
        <v>2</v>
      </c>
      <c r="M154" s="8">
        <v>3</v>
      </c>
      <c r="N154" s="72" t="s">
        <v>633</v>
      </c>
      <c r="O154" s="257"/>
      <c r="Q154" s="98"/>
    </row>
    <row r="155" spans="1:17" ht="18.75" hidden="1" customHeight="1">
      <c r="C155" s="19"/>
      <c r="D155" s="140"/>
      <c r="E155" s="19" t="s">
        <v>127</v>
      </c>
      <c r="F155" s="19">
        <v>127</v>
      </c>
      <c r="G155" s="19" t="s">
        <v>126</v>
      </c>
      <c r="H155" s="19" t="s">
        <v>78</v>
      </c>
      <c r="I155" s="19" t="s">
        <v>174</v>
      </c>
      <c r="J155" s="19">
        <v>1</v>
      </c>
      <c r="K155" s="19" t="s">
        <v>509</v>
      </c>
      <c r="L155" s="19">
        <v>1</v>
      </c>
      <c r="M155" s="19">
        <v>30</v>
      </c>
      <c r="N155" s="25"/>
      <c r="O155" s="257"/>
      <c r="Q155" s="98"/>
    </row>
    <row r="156" spans="1:17" ht="37.5" hidden="1" customHeight="1">
      <c r="E156" s="8" t="s">
        <v>125</v>
      </c>
      <c r="F156" s="8">
        <v>352</v>
      </c>
      <c r="G156" s="8" t="s">
        <v>3</v>
      </c>
      <c r="H156" s="8" t="s">
        <v>78</v>
      </c>
      <c r="I156" s="8" t="s">
        <v>71</v>
      </c>
      <c r="J156" s="8">
        <v>1</v>
      </c>
      <c r="K156" s="8" t="s">
        <v>509</v>
      </c>
      <c r="L156" s="8">
        <v>1</v>
      </c>
      <c r="M156" s="8">
        <v>80</v>
      </c>
      <c r="O156" s="257"/>
      <c r="P156" s="257" t="s">
        <v>1625</v>
      </c>
      <c r="Q156" s="98"/>
    </row>
    <row r="157" spans="1:17" ht="18.75" hidden="1" customHeight="1">
      <c r="A157" s="17"/>
      <c r="B157" s="17"/>
      <c r="C157" s="17" t="s">
        <v>130</v>
      </c>
      <c r="D157" s="139" t="s">
        <v>126</v>
      </c>
      <c r="E157" s="17"/>
      <c r="F157" s="17"/>
      <c r="G157" s="17"/>
      <c r="H157" s="17" t="s">
        <v>17</v>
      </c>
      <c r="I157" s="17" t="s">
        <v>71</v>
      </c>
      <c r="J157" s="17" t="s">
        <v>525</v>
      </c>
      <c r="K157" s="17"/>
      <c r="L157" s="17"/>
      <c r="M157" s="17"/>
      <c r="N157" s="138"/>
      <c r="O157" s="257"/>
      <c r="Q157" s="98"/>
    </row>
    <row r="158" spans="1:17" ht="18.75" hidden="1" customHeight="1">
      <c r="E158" s="8" t="s">
        <v>129</v>
      </c>
      <c r="F158" s="8">
        <v>128</v>
      </c>
      <c r="G158" s="8" t="s">
        <v>128</v>
      </c>
      <c r="H158" s="8" t="s">
        <v>66</v>
      </c>
      <c r="I158" s="8" t="s">
        <v>65</v>
      </c>
      <c r="J158" s="8">
        <v>1</v>
      </c>
      <c r="K158" s="8" t="s">
        <v>514</v>
      </c>
      <c r="L158" s="8">
        <v>2</v>
      </c>
      <c r="M158" s="8">
        <v>3</v>
      </c>
      <c r="N158" s="72" t="s">
        <v>634</v>
      </c>
      <c r="O158" s="257"/>
      <c r="Q158" s="98"/>
    </row>
    <row r="159" spans="1:17" ht="31.5" hidden="1" customHeight="1">
      <c r="E159" s="19" t="s">
        <v>127</v>
      </c>
      <c r="F159" s="19">
        <v>127</v>
      </c>
      <c r="G159" s="19" t="s">
        <v>126</v>
      </c>
      <c r="H159" s="19" t="s">
        <v>78</v>
      </c>
      <c r="I159" s="19" t="s">
        <v>174</v>
      </c>
      <c r="J159" s="19">
        <v>1</v>
      </c>
      <c r="K159" s="19" t="s">
        <v>509</v>
      </c>
      <c r="L159" s="19">
        <v>1</v>
      </c>
      <c r="M159" s="19">
        <v>30</v>
      </c>
      <c r="N159" s="25"/>
      <c r="O159" s="257"/>
      <c r="Q159" s="98"/>
    </row>
    <row r="160" spans="1:17" ht="24" hidden="1" customHeight="1">
      <c r="E160" s="8" t="s">
        <v>125</v>
      </c>
      <c r="F160" s="8">
        <v>352</v>
      </c>
      <c r="G160" s="8" t="s">
        <v>3</v>
      </c>
      <c r="H160" s="8" t="s">
        <v>78</v>
      </c>
      <c r="I160" s="8" t="s">
        <v>71</v>
      </c>
      <c r="J160" s="8">
        <v>1</v>
      </c>
      <c r="K160" s="8" t="s">
        <v>509</v>
      </c>
      <c r="L160" s="8">
        <v>1</v>
      </c>
      <c r="M160" s="8">
        <v>80</v>
      </c>
      <c r="O160" s="257"/>
      <c r="Q160" s="98"/>
    </row>
    <row r="161" spans="1:17" ht="17.5">
      <c r="A161" s="17"/>
      <c r="B161" s="17"/>
      <c r="C161" s="17" t="s">
        <v>130</v>
      </c>
      <c r="D161" s="139" t="s">
        <v>126</v>
      </c>
      <c r="E161" s="17"/>
      <c r="F161" s="17"/>
      <c r="G161" s="17"/>
      <c r="H161" s="17" t="s">
        <v>17</v>
      </c>
      <c r="I161" s="17" t="s">
        <v>71</v>
      </c>
      <c r="J161" s="17" t="s">
        <v>525</v>
      </c>
      <c r="K161" s="17"/>
      <c r="L161" s="17"/>
      <c r="M161" s="17"/>
      <c r="N161" s="138"/>
      <c r="O161" s="257" t="s">
        <v>1921</v>
      </c>
      <c r="Q161" s="98"/>
    </row>
    <row r="162" spans="1:17" ht="18.75" hidden="1" customHeight="1" outlineLevel="1">
      <c r="E162" s="8" t="s">
        <v>129</v>
      </c>
      <c r="F162" s="8">
        <v>128</v>
      </c>
      <c r="G162" s="8" t="s">
        <v>128</v>
      </c>
      <c r="H162" s="8" t="s">
        <v>66</v>
      </c>
      <c r="I162" s="8" t="s">
        <v>65</v>
      </c>
      <c r="J162" s="8">
        <v>1</v>
      </c>
      <c r="K162" s="8" t="s">
        <v>514</v>
      </c>
      <c r="L162" s="8">
        <v>2</v>
      </c>
      <c r="M162" s="8">
        <v>3</v>
      </c>
      <c r="N162" s="72" t="s">
        <v>1855</v>
      </c>
      <c r="O162" s="257"/>
    </row>
    <row r="163" spans="1:17" ht="18.75" hidden="1" customHeight="1" outlineLevel="1">
      <c r="E163" s="8" t="s">
        <v>127</v>
      </c>
      <c r="F163" s="8">
        <v>127</v>
      </c>
      <c r="G163" s="8" t="s">
        <v>126</v>
      </c>
      <c r="H163" s="8" t="s">
        <v>78</v>
      </c>
      <c r="I163" s="8" t="s">
        <v>71</v>
      </c>
      <c r="J163" s="8">
        <v>1</v>
      </c>
      <c r="K163" s="8" t="s">
        <v>509</v>
      </c>
      <c r="L163" s="8">
        <v>1</v>
      </c>
      <c r="M163" s="8">
        <v>30</v>
      </c>
      <c r="O163" s="257"/>
    </row>
    <row r="164" spans="1:17" s="143" customFormat="1" ht="18.75" hidden="1" customHeight="1" outlineLevel="1">
      <c r="C164" s="24"/>
      <c r="E164" s="11"/>
      <c r="F164" s="11"/>
      <c r="G164" s="11"/>
      <c r="H164" s="11"/>
      <c r="I164" s="11"/>
      <c r="J164" s="11"/>
      <c r="K164" s="11"/>
      <c r="L164" s="11"/>
      <c r="M164" s="11"/>
      <c r="N164" s="18"/>
      <c r="O164" s="257"/>
      <c r="P164" s="257"/>
    </row>
    <row r="165" spans="1:17" collapsed="1">
      <c r="A165" s="17"/>
      <c r="B165" s="17"/>
      <c r="C165" s="17" t="s">
        <v>248</v>
      </c>
      <c r="D165" s="139" t="s">
        <v>472</v>
      </c>
      <c r="E165" s="17"/>
      <c r="F165" s="17"/>
      <c r="G165" s="17"/>
      <c r="H165" s="17" t="s">
        <v>17</v>
      </c>
      <c r="I165" s="17" t="s">
        <v>71</v>
      </c>
      <c r="J165" s="17" t="s">
        <v>525</v>
      </c>
      <c r="K165" s="17"/>
      <c r="L165" s="17"/>
      <c r="M165" s="17"/>
      <c r="N165" s="138"/>
      <c r="O165" s="257" t="s">
        <v>922</v>
      </c>
      <c r="P165" s="257" t="s">
        <v>2014</v>
      </c>
    </row>
    <row r="166" spans="1:17" ht="18.75" hidden="1" customHeight="1" outlineLevel="1">
      <c r="E166" s="8" t="s">
        <v>247</v>
      </c>
      <c r="F166" s="8">
        <v>146</v>
      </c>
      <c r="G166" s="8" t="s">
        <v>246</v>
      </c>
      <c r="H166" s="8" t="s">
        <v>66</v>
      </c>
      <c r="I166" s="8" t="s">
        <v>65</v>
      </c>
      <c r="J166" s="8">
        <v>1</v>
      </c>
      <c r="K166" s="8" t="s">
        <v>514</v>
      </c>
      <c r="L166" s="8">
        <v>2</v>
      </c>
      <c r="M166" s="8">
        <v>2</v>
      </c>
      <c r="N166" s="70" t="s">
        <v>624</v>
      </c>
      <c r="O166" s="257"/>
    </row>
    <row r="167" spans="1:17" ht="18.75" hidden="1" customHeight="1" outlineLevel="1">
      <c r="E167" s="8" t="s">
        <v>245</v>
      </c>
      <c r="F167" s="8">
        <v>309</v>
      </c>
      <c r="G167" s="8" t="s">
        <v>133</v>
      </c>
      <c r="H167" s="8" t="s">
        <v>78</v>
      </c>
      <c r="I167" s="8" t="s">
        <v>71</v>
      </c>
      <c r="J167" s="8">
        <v>1</v>
      </c>
      <c r="K167" s="8" t="s">
        <v>514</v>
      </c>
      <c r="L167" s="8">
        <v>1</v>
      </c>
      <c r="M167" s="8">
        <v>2</v>
      </c>
      <c r="N167" s="70" t="s">
        <v>624</v>
      </c>
      <c r="O167" s="257"/>
    </row>
    <row r="168" spans="1:17" ht="18.75" hidden="1" customHeight="1" outlineLevel="1">
      <c r="E168" s="8" t="s">
        <v>244</v>
      </c>
      <c r="F168" s="8">
        <v>352</v>
      </c>
      <c r="G168" s="8" t="s">
        <v>3</v>
      </c>
      <c r="H168" s="8" t="s">
        <v>17</v>
      </c>
      <c r="I168" s="8" t="s">
        <v>71</v>
      </c>
      <c r="J168" s="8">
        <v>1</v>
      </c>
      <c r="K168" s="8" t="s">
        <v>509</v>
      </c>
      <c r="L168" s="8">
        <v>1</v>
      </c>
      <c r="M168" s="8">
        <v>80</v>
      </c>
      <c r="O168" s="257"/>
    </row>
    <row r="169" spans="1:17" ht="18.75" hidden="1" customHeight="1" outlineLevel="1">
      <c r="E169" s="8" t="s">
        <v>243</v>
      </c>
      <c r="F169" s="8">
        <v>334</v>
      </c>
      <c r="G169" s="8" t="s">
        <v>242</v>
      </c>
      <c r="H169" s="8" t="s">
        <v>17</v>
      </c>
      <c r="I169" s="8" t="s">
        <v>71</v>
      </c>
      <c r="J169" s="8">
        <v>1</v>
      </c>
      <c r="K169" s="8" t="s">
        <v>514</v>
      </c>
      <c r="L169" s="8">
        <v>2</v>
      </c>
      <c r="M169" s="8">
        <v>2</v>
      </c>
      <c r="N169" s="18" t="s">
        <v>643</v>
      </c>
      <c r="O169" s="257"/>
    </row>
    <row r="170" spans="1:17" ht="18.75" hidden="1" customHeight="1" outlineLevel="1">
      <c r="E170" s="8" t="s">
        <v>241</v>
      </c>
      <c r="F170" s="8">
        <v>335</v>
      </c>
      <c r="G170" s="8" t="s">
        <v>240</v>
      </c>
      <c r="H170" s="8" t="s">
        <v>78</v>
      </c>
      <c r="I170" s="8" t="s">
        <v>71</v>
      </c>
      <c r="J170" s="8">
        <v>1</v>
      </c>
      <c r="K170" s="8" t="s">
        <v>514</v>
      </c>
      <c r="L170" s="8">
        <v>3</v>
      </c>
      <c r="M170" s="8">
        <v>3</v>
      </c>
      <c r="N170" s="70" t="s">
        <v>624</v>
      </c>
      <c r="O170" s="257"/>
    </row>
    <row r="171" spans="1:17" ht="18.75" hidden="1" customHeight="1" outlineLevel="1">
      <c r="E171" s="8" t="s">
        <v>239</v>
      </c>
      <c r="F171" s="8">
        <v>309</v>
      </c>
      <c r="G171" s="8" t="s">
        <v>133</v>
      </c>
      <c r="H171" s="8" t="s">
        <v>78</v>
      </c>
      <c r="I171" s="8" t="s">
        <v>71</v>
      </c>
      <c r="J171" s="8">
        <v>1</v>
      </c>
      <c r="K171" s="8" t="s">
        <v>514</v>
      </c>
      <c r="L171" s="8">
        <v>1</v>
      </c>
      <c r="M171" s="8">
        <v>2</v>
      </c>
      <c r="N171" s="18" t="s">
        <v>643</v>
      </c>
      <c r="O171" s="257"/>
    </row>
    <row r="172" spans="1:17" ht="18.75" hidden="1" customHeight="1" outlineLevel="1">
      <c r="E172" s="8" t="s">
        <v>238</v>
      </c>
      <c r="F172" s="8">
        <v>352</v>
      </c>
      <c r="G172" s="8" t="s">
        <v>3</v>
      </c>
      <c r="H172" s="8" t="s">
        <v>17</v>
      </c>
      <c r="I172" s="8" t="s">
        <v>71</v>
      </c>
      <c r="J172" s="8">
        <v>1</v>
      </c>
      <c r="K172" s="8" t="s">
        <v>509</v>
      </c>
      <c r="L172" s="8">
        <v>1</v>
      </c>
      <c r="M172" s="8">
        <v>80</v>
      </c>
      <c r="O172" s="257"/>
    </row>
    <row r="173" spans="1:17" ht="18.75" hidden="1" customHeight="1" collapsed="1">
      <c r="A173" s="17"/>
      <c r="B173" s="17"/>
      <c r="C173" s="17" t="s">
        <v>390</v>
      </c>
      <c r="D173" s="139" t="s">
        <v>647</v>
      </c>
      <c r="E173" s="17"/>
      <c r="F173" s="17"/>
      <c r="G173" s="17"/>
      <c r="H173" s="17" t="s">
        <v>17</v>
      </c>
      <c r="I173" s="17" t="s">
        <v>71</v>
      </c>
      <c r="J173" s="17">
        <v>5</v>
      </c>
      <c r="K173" s="17"/>
      <c r="L173" s="17"/>
      <c r="M173" s="17"/>
      <c r="N173" s="138"/>
      <c r="O173" s="257"/>
    </row>
    <row r="174" spans="1:17" ht="18.75" hidden="1" customHeight="1">
      <c r="E174" s="8" t="s">
        <v>389</v>
      </c>
      <c r="F174" s="8">
        <v>563</v>
      </c>
      <c r="G174" s="8" t="s">
        <v>388</v>
      </c>
      <c r="H174" s="8" t="s">
        <v>17</v>
      </c>
      <c r="I174" s="8" t="s">
        <v>71</v>
      </c>
      <c r="J174" s="8">
        <v>1</v>
      </c>
      <c r="K174" s="8" t="s">
        <v>514</v>
      </c>
      <c r="L174" s="8">
        <v>1</v>
      </c>
      <c r="M174" s="8">
        <v>2</v>
      </c>
      <c r="N174" s="72" t="s">
        <v>648</v>
      </c>
      <c r="O174" s="257"/>
    </row>
    <row r="175" spans="1:17" ht="18.75" hidden="1" customHeight="1">
      <c r="A175" s="17" t="s">
        <v>278</v>
      </c>
      <c r="B175" s="17" t="s">
        <v>524</v>
      </c>
      <c r="C175" s="17"/>
      <c r="D175" s="139"/>
      <c r="E175" s="17"/>
      <c r="F175" s="17"/>
      <c r="G175" s="17"/>
      <c r="H175" s="17" t="s">
        <v>17</v>
      </c>
      <c r="I175" s="17" t="s">
        <v>71</v>
      </c>
      <c r="J175" s="17">
        <v>25</v>
      </c>
      <c r="K175" s="17"/>
      <c r="L175" s="17"/>
      <c r="M175" s="17"/>
      <c r="N175" s="138"/>
      <c r="O175" s="257"/>
    </row>
    <row r="176" spans="1:17" ht="18.75" hidden="1" customHeight="1">
      <c r="A176" s="17"/>
      <c r="B176" s="17"/>
      <c r="C176" s="17" t="s">
        <v>278</v>
      </c>
      <c r="D176" s="139" t="s">
        <v>524</v>
      </c>
      <c r="E176" s="17"/>
      <c r="F176" s="17"/>
      <c r="G176" s="17"/>
      <c r="H176" s="17" t="s">
        <v>66</v>
      </c>
      <c r="I176" s="17" t="s">
        <v>65</v>
      </c>
      <c r="J176" s="17">
        <v>1</v>
      </c>
      <c r="K176" s="17"/>
      <c r="L176" s="17"/>
      <c r="M176" s="17"/>
      <c r="N176" s="138"/>
      <c r="O176" s="257"/>
    </row>
    <row r="177" spans="5:15" ht="18.75" hidden="1" customHeight="1">
      <c r="E177" s="8" t="s">
        <v>277</v>
      </c>
      <c r="F177" s="8">
        <v>248</v>
      </c>
      <c r="G177" s="8" t="s">
        <v>276</v>
      </c>
      <c r="H177" s="8" t="s">
        <v>66</v>
      </c>
      <c r="I177" s="8" t="s">
        <v>65</v>
      </c>
      <c r="J177" s="8">
        <v>1</v>
      </c>
      <c r="K177" s="8" t="s">
        <v>514</v>
      </c>
      <c r="L177" s="8">
        <v>1</v>
      </c>
      <c r="M177" s="8">
        <v>1</v>
      </c>
      <c r="N177" s="72" t="s">
        <v>649</v>
      </c>
      <c r="O177" s="257"/>
    </row>
    <row r="178" spans="5:15" ht="18.75" hidden="1" customHeight="1">
      <c r="E178" s="8" t="s">
        <v>275</v>
      </c>
      <c r="F178" s="8">
        <v>1300</v>
      </c>
      <c r="G178" s="8" t="s">
        <v>274</v>
      </c>
      <c r="H178" s="8" t="s">
        <v>78</v>
      </c>
      <c r="I178" s="8" t="s">
        <v>71</v>
      </c>
      <c r="J178" s="8">
        <v>1</v>
      </c>
      <c r="K178" s="8" t="s">
        <v>514</v>
      </c>
      <c r="L178" s="8">
        <v>4</v>
      </c>
      <c r="M178" s="8">
        <v>4</v>
      </c>
      <c r="N178" s="72" t="s">
        <v>650</v>
      </c>
      <c r="O178" s="257"/>
    </row>
    <row r="179" spans="5:15" ht="18.75" hidden="1" customHeight="1">
      <c r="E179" s="19" t="s">
        <v>273</v>
      </c>
      <c r="F179" s="19">
        <v>559</v>
      </c>
      <c r="G179" s="19" t="s">
        <v>197</v>
      </c>
      <c r="H179" s="19" t="s">
        <v>78</v>
      </c>
      <c r="I179" s="19" t="s">
        <v>174</v>
      </c>
      <c r="J179" s="19">
        <v>1</v>
      </c>
      <c r="K179" s="19" t="s">
        <v>514</v>
      </c>
      <c r="L179" s="19">
        <v>2</v>
      </c>
      <c r="M179" s="19">
        <v>2</v>
      </c>
      <c r="N179" s="25"/>
      <c r="O179" s="257"/>
    </row>
    <row r="180" spans="5:15" ht="18.75" hidden="1" customHeight="1">
      <c r="E180" s="19" t="s">
        <v>272</v>
      </c>
      <c r="F180" s="19">
        <v>1301</v>
      </c>
      <c r="G180" s="19" t="s">
        <v>271</v>
      </c>
      <c r="H180" s="19" t="s">
        <v>78</v>
      </c>
      <c r="I180" s="19" t="s">
        <v>174</v>
      </c>
      <c r="J180" s="19">
        <v>1</v>
      </c>
      <c r="K180" s="19" t="s">
        <v>509</v>
      </c>
      <c r="L180" s="19">
        <v>1</v>
      </c>
      <c r="M180" s="19">
        <v>10</v>
      </c>
      <c r="N180" s="25"/>
      <c r="O180" s="257"/>
    </row>
    <row r="181" spans="5:15" ht="18.75" hidden="1" customHeight="1">
      <c r="E181" s="8" t="s">
        <v>270</v>
      </c>
      <c r="F181" s="8">
        <v>610</v>
      </c>
      <c r="G181" s="8" t="s">
        <v>269</v>
      </c>
      <c r="H181" s="8" t="s">
        <v>17</v>
      </c>
      <c r="I181" s="8" t="s">
        <v>71</v>
      </c>
      <c r="J181" s="8">
        <v>1</v>
      </c>
      <c r="K181" s="8" t="s">
        <v>150</v>
      </c>
      <c r="L181" s="8">
        <v>1</v>
      </c>
      <c r="M181" s="8">
        <v>15</v>
      </c>
      <c r="O181" s="257"/>
    </row>
    <row r="182" spans="5:15" ht="18.75" hidden="1" customHeight="1">
      <c r="E182" s="19" t="s">
        <v>268</v>
      </c>
      <c r="F182" s="19">
        <v>378</v>
      </c>
      <c r="G182" s="19" t="s">
        <v>267</v>
      </c>
      <c r="H182" s="19" t="s">
        <v>78</v>
      </c>
      <c r="I182" s="19" t="s">
        <v>174</v>
      </c>
      <c r="J182" s="19">
        <v>1</v>
      </c>
      <c r="K182" s="19" t="s">
        <v>514</v>
      </c>
      <c r="L182" s="19">
        <v>1</v>
      </c>
      <c r="M182" s="19">
        <v>1</v>
      </c>
      <c r="N182" s="25"/>
      <c r="O182" s="257"/>
    </row>
    <row r="183" spans="5:15" ht="18.75" hidden="1" customHeight="1">
      <c r="E183" s="19" t="s">
        <v>266</v>
      </c>
      <c r="F183" s="19">
        <v>332</v>
      </c>
      <c r="G183" s="19" t="s">
        <v>232</v>
      </c>
      <c r="H183" s="19" t="s">
        <v>78</v>
      </c>
      <c r="I183" s="19" t="s">
        <v>174</v>
      </c>
      <c r="J183" s="19">
        <v>1</v>
      </c>
      <c r="K183" s="19" t="s">
        <v>438</v>
      </c>
      <c r="L183" s="19">
        <v>1</v>
      </c>
      <c r="M183" s="19">
        <v>6</v>
      </c>
      <c r="N183" s="25"/>
      <c r="O183" s="257"/>
    </row>
    <row r="184" spans="5:15" ht="18.75" hidden="1" customHeight="1">
      <c r="E184" s="19" t="s">
        <v>265</v>
      </c>
      <c r="F184" s="19">
        <v>118</v>
      </c>
      <c r="G184" s="19" t="s">
        <v>264</v>
      </c>
      <c r="H184" s="19" t="s">
        <v>17</v>
      </c>
      <c r="I184" s="19" t="s">
        <v>174</v>
      </c>
      <c r="J184" s="19">
        <v>1</v>
      </c>
      <c r="K184" s="19" t="s">
        <v>438</v>
      </c>
      <c r="L184" s="19">
        <v>1</v>
      </c>
      <c r="M184" s="19">
        <v>9</v>
      </c>
      <c r="N184" s="25"/>
      <c r="O184" s="257"/>
    </row>
    <row r="185" spans="5:15" ht="18.75" hidden="1" customHeight="1">
      <c r="E185" s="19" t="s">
        <v>263</v>
      </c>
      <c r="F185" s="19">
        <v>355</v>
      </c>
      <c r="G185" s="19" t="s">
        <v>103</v>
      </c>
      <c r="H185" s="19" t="s">
        <v>78</v>
      </c>
      <c r="I185" s="19" t="s">
        <v>174</v>
      </c>
      <c r="J185" s="19">
        <v>1</v>
      </c>
      <c r="K185" s="19" t="s">
        <v>514</v>
      </c>
      <c r="L185" s="19">
        <v>2</v>
      </c>
      <c r="M185" s="19">
        <v>2</v>
      </c>
      <c r="N185" s="25"/>
      <c r="O185" s="257"/>
    </row>
    <row r="186" spans="5:15" ht="18.75" hidden="1" customHeight="1">
      <c r="E186" s="19" t="s">
        <v>262</v>
      </c>
      <c r="F186" s="19">
        <v>380</v>
      </c>
      <c r="G186" s="19" t="s">
        <v>105</v>
      </c>
      <c r="H186" s="19" t="s">
        <v>78</v>
      </c>
      <c r="I186" s="19" t="s">
        <v>174</v>
      </c>
      <c r="J186" s="19">
        <v>1</v>
      </c>
      <c r="K186" s="19" t="s">
        <v>438</v>
      </c>
      <c r="L186" s="19">
        <v>1</v>
      </c>
      <c r="M186" s="19">
        <v>15</v>
      </c>
      <c r="N186" s="25"/>
      <c r="O186" s="257"/>
    </row>
    <row r="187" spans="5:15" ht="18.75" hidden="1" customHeight="1">
      <c r="E187" s="19" t="s">
        <v>261</v>
      </c>
      <c r="F187" s="19">
        <v>380</v>
      </c>
      <c r="G187" s="19" t="s">
        <v>105</v>
      </c>
      <c r="H187" s="19" t="s">
        <v>17</v>
      </c>
      <c r="I187" s="19" t="s">
        <v>174</v>
      </c>
      <c r="J187" s="19">
        <v>1</v>
      </c>
      <c r="K187" s="19" t="s">
        <v>438</v>
      </c>
      <c r="L187" s="19">
        <v>1</v>
      </c>
      <c r="M187" s="19">
        <v>15</v>
      </c>
      <c r="N187" s="25"/>
      <c r="O187" s="257"/>
    </row>
    <row r="188" spans="5:15" ht="18.75" hidden="1" customHeight="1">
      <c r="E188" s="19" t="s">
        <v>260</v>
      </c>
      <c r="F188" s="19">
        <v>331</v>
      </c>
      <c r="G188" s="19" t="s">
        <v>259</v>
      </c>
      <c r="H188" s="19" t="s">
        <v>17</v>
      </c>
      <c r="I188" s="19" t="s">
        <v>174</v>
      </c>
      <c r="J188" s="19">
        <v>1</v>
      </c>
      <c r="K188" s="19" t="s">
        <v>514</v>
      </c>
      <c r="L188" s="19">
        <v>2</v>
      </c>
      <c r="M188" s="19">
        <v>2</v>
      </c>
      <c r="N188" s="25"/>
      <c r="O188" s="257"/>
    </row>
    <row r="189" spans="5:15" ht="18.75" hidden="1" customHeight="1">
      <c r="E189" s="8" t="s">
        <v>258</v>
      </c>
      <c r="F189" s="8">
        <v>127</v>
      </c>
      <c r="G189" s="8" t="s">
        <v>126</v>
      </c>
      <c r="H189" s="8" t="s">
        <v>78</v>
      </c>
      <c r="I189" s="8" t="s">
        <v>71</v>
      </c>
      <c r="J189" s="8">
        <v>1</v>
      </c>
      <c r="K189" s="8" t="s">
        <v>509</v>
      </c>
      <c r="L189" s="8">
        <v>1</v>
      </c>
      <c r="M189" s="8">
        <v>30</v>
      </c>
      <c r="O189" s="257"/>
    </row>
    <row r="190" spans="5:15" ht="18.75" hidden="1" customHeight="1">
      <c r="E190" s="19" t="s">
        <v>257</v>
      </c>
      <c r="F190" s="19">
        <v>770</v>
      </c>
      <c r="G190" s="19" t="s">
        <v>256</v>
      </c>
      <c r="H190" s="19" t="s">
        <v>17</v>
      </c>
      <c r="I190" s="19" t="s">
        <v>174</v>
      </c>
      <c r="J190" s="19">
        <v>1</v>
      </c>
      <c r="K190" s="19" t="s">
        <v>509</v>
      </c>
      <c r="L190" s="19">
        <v>1</v>
      </c>
      <c r="M190" s="19">
        <v>20</v>
      </c>
      <c r="N190" s="25"/>
      <c r="O190" s="257"/>
    </row>
    <row r="191" spans="5:15" ht="18.75" hidden="1" customHeight="1">
      <c r="E191" s="8" t="s">
        <v>255</v>
      </c>
      <c r="F191" s="8">
        <v>352</v>
      </c>
      <c r="G191" s="8" t="s">
        <v>3</v>
      </c>
      <c r="H191" s="8" t="s">
        <v>78</v>
      </c>
      <c r="I191" s="8" t="s">
        <v>71</v>
      </c>
      <c r="J191" s="8">
        <v>1</v>
      </c>
      <c r="K191" s="8" t="s">
        <v>509</v>
      </c>
      <c r="L191" s="8">
        <v>1</v>
      </c>
      <c r="M191" s="8">
        <v>80</v>
      </c>
      <c r="O191" s="257"/>
    </row>
    <row r="192" spans="5:15" ht="18.75" hidden="1" customHeight="1">
      <c r="E192" s="8" t="s">
        <v>254</v>
      </c>
      <c r="F192" s="8">
        <v>819</v>
      </c>
      <c r="G192" s="8" t="s">
        <v>253</v>
      </c>
      <c r="H192" s="8" t="s">
        <v>17</v>
      </c>
      <c r="I192" s="8" t="s">
        <v>71</v>
      </c>
      <c r="J192" s="8">
        <v>1</v>
      </c>
      <c r="K192" s="8" t="s">
        <v>514</v>
      </c>
      <c r="L192" s="8">
        <v>2</v>
      </c>
      <c r="M192" s="8">
        <v>3</v>
      </c>
      <c r="N192" s="70" t="s">
        <v>624</v>
      </c>
      <c r="O192" s="257"/>
    </row>
    <row r="193" spans="1:15" ht="18.75" hidden="1" customHeight="1" collapsed="1">
      <c r="A193" s="17"/>
      <c r="B193" s="17"/>
      <c r="C193" s="17" t="s">
        <v>252</v>
      </c>
      <c r="D193" s="139" t="s">
        <v>476</v>
      </c>
      <c r="E193" s="17"/>
      <c r="F193" s="17"/>
      <c r="G193" s="17"/>
      <c r="H193" s="17" t="s">
        <v>17</v>
      </c>
      <c r="I193" s="17" t="s">
        <v>71</v>
      </c>
      <c r="J193" s="17">
        <v>1</v>
      </c>
      <c r="K193" s="17"/>
      <c r="L193" s="17"/>
      <c r="M193" s="17"/>
      <c r="N193" s="138"/>
      <c r="O193" s="257"/>
    </row>
    <row r="194" spans="1:15" ht="18.75" hidden="1" customHeight="1">
      <c r="E194" s="8" t="s">
        <v>251</v>
      </c>
      <c r="F194" s="8">
        <v>98</v>
      </c>
      <c r="G194" s="8" t="s">
        <v>156</v>
      </c>
      <c r="H194" s="8" t="s">
        <v>66</v>
      </c>
      <c r="I194" s="8" t="s">
        <v>65</v>
      </c>
      <c r="J194" s="8">
        <v>1</v>
      </c>
      <c r="K194" s="8" t="s">
        <v>514</v>
      </c>
      <c r="L194" s="8">
        <v>2</v>
      </c>
      <c r="M194" s="8">
        <v>3</v>
      </c>
      <c r="N194" s="72" t="s">
        <v>623</v>
      </c>
      <c r="O194" s="257"/>
    </row>
    <row r="195" spans="1:15" ht="18.75" hidden="1" customHeight="1">
      <c r="E195" s="8" t="s">
        <v>250</v>
      </c>
      <c r="F195" s="8">
        <v>100</v>
      </c>
      <c r="G195" s="8" t="s">
        <v>249</v>
      </c>
      <c r="H195" s="8" t="s">
        <v>66</v>
      </c>
      <c r="I195" s="8" t="s">
        <v>65</v>
      </c>
      <c r="J195" s="8">
        <v>1</v>
      </c>
      <c r="K195" s="8" t="s">
        <v>514</v>
      </c>
      <c r="L195" s="8">
        <v>3</v>
      </c>
      <c r="M195" s="8">
        <v>3</v>
      </c>
      <c r="O195" s="257"/>
    </row>
    <row r="196" spans="1:15" ht="18.75" hidden="1" customHeight="1">
      <c r="E196" s="8" t="s">
        <v>290</v>
      </c>
      <c r="F196" s="8">
        <v>280</v>
      </c>
      <c r="G196" s="8" t="s">
        <v>289</v>
      </c>
      <c r="H196" s="8" t="s">
        <v>17</v>
      </c>
      <c r="I196" s="8" t="s">
        <v>71</v>
      </c>
      <c r="J196" s="8">
        <v>1</v>
      </c>
      <c r="K196" s="8" t="s">
        <v>438</v>
      </c>
      <c r="L196" s="8">
        <v>4</v>
      </c>
      <c r="M196" s="8">
        <v>10</v>
      </c>
      <c r="O196" s="257"/>
    </row>
    <row r="197" spans="1:15" ht="18.75" hidden="1" customHeight="1">
      <c r="E197" s="8" t="s">
        <v>288</v>
      </c>
      <c r="F197" s="8">
        <v>98</v>
      </c>
      <c r="G197" s="8" t="s">
        <v>156</v>
      </c>
      <c r="H197" s="8" t="s">
        <v>17</v>
      </c>
      <c r="I197" s="8" t="s">
        <v>71</v>
      </c>
      <c r="J197" s="8">
        <v>1</v>
      </c>
      <c r="K197" s="8" t="s">
        <v>514</v>
      </c>
      <c r="L197" s="8">
        <v>2</v>
      </c>
      <c r="M197" s="8">
        <v>3</v>
      </c>
      <c r="N197" s="72" t="s">
        <v>625</v>
      </c>
      <c r="O197" s="257"/>
    </row>
    <row r="198" spans="1:15" ht="18.75" hidden="1" customHeight="1">
      <c r="E198" s="8" t="s">
        <v>287</v>
      </c>
      <c r="F198" s="8">
        <v>100</v>
      </c>
      <c r="G198" s="8" t="s">
        <v>249</v>
      </c>
      <c r="H198" s="8" t="s">
        <v>17</v>
      </c>
      <c r="I198" s="8" t="s">
        <v>71</v>
      </c>
      <c r="J198" s="8">
        <v>1</v>
      </c>
      <c r="K198" s="8" t="s">
        <v>514</v>
      </c>
      <c r="L198" s="8">
        <v>3</v>
      </c>
      <c r="M198" s="8">
        <v>3</v>
      </c>
      <c r="O198" s="257"/>
    </row>
    <row r="199" spans="1:15" ht="18.75" hidden="1" customHeight="1" collapsed="1">
      <c r="A199" s="17" t="s">
        <v>278</v>
      </c>
      <c r="B199" s="17" t="s">
        <v>524</v>
      </c>
      <c r="C199" s="17"/>
      <c r="D199" s="139"/>
      <c r="E199" s="17"/>
      <c r="F199" s="17"/>
      <c r="G199" s="17"/>
      <c r="H199" s="17" t="s">
        <v>17</v>
      </c>
      <c r="I199" s="17" t="s">
        <v>71</v>
      </c>
      <c r="J199" s="17">
        <v>25</v>
      </c>
      <c r="K199" s="17"/>
      <c r="L199" s="17"/>
      <c r="M199" s="17"/>
      <c r="N199" s="138"/>
      <c r="O199" s="257"/>
    </row>
    <row r="200" spans="1:15" ht="18.75" hidden="1" customHeight="1">
      <c r="A200" s="17"/>
      <c r="B200" s="17"/>
      <c r="C200" s="17" t="s">
        <v>278</v>
      </c>
      <c r="D200" s="139"/>
      <c r="E200" s="17"/>
      <c r="F200" s="17"/>
      <c r="G200" s="17"/>
      <c r="H200" s="17" t="s">
        <v>66</v>
      </c>
      <c r="I200" s="17" t="s">
        <v>65</v>
      </c>
      <c r="J200" s="17">
        <v>1</v>
      </c>
      <c r="K200" s="17"/>
      <c r="L200" s="17"/>
      <c r="M200" s="17"/>
      <c r="N200" s="138"/>
      <c r="O200" s="257"/>
    </row>
    <row r="201" spans="1:15" ht="18.75" hidden="1" customHeight="1">
      <c r="E201" s="8" t="s">
        <v>277</v>
      </c>
      <c r="F201" s="8">
        <v>248</v>
      </c>
      <c r="G201" s="8" t="s">
        <v>276</v>
      </c>
      <c r="H201" s="8" t="s">
        <v>66</v>
      </c>
      <c r="I201" s="8" t="s">
        <v>65</v>
      </c>
      <c r="J201" s="8">
        <v>1</v>
      </c>
      <c r="K201" s="8" t="s">
        <v>514</v>
      </c>
      <c r="L201" s="8">
        <v>1</v>
      </c>
      <c r="M201" s="8">
        <v>1</v>
      </c>
      <c r="N201" s="72" t="s">
        <v>651</v>
      </c>
      <c r="O201" s="257"/>
    </row>
    <row r="202" spans="1:15" ht="18.75" hidden="1" customHeight="1">
      <c r="E202" s="8" t="s">
        <v>275</v>
      </c>
      <c r="F202" s="8">
        <v>1300</v>
      </c>
      <c r="G202" s="8" t="s">
        <v>274</v>
      </c>
      <c r="H202" s="8" t="s">
        <v>78</v>
      </c>
      <c r="I202" s="8" t="s">
        <v>96</v>
      </c>
      <c r="J202" s="8">
        <v>1</v>
      </c>
      <c r="K202" s="8" t="s">
        <v>514</v>
      </c>
      <c r="L202" s="8">
        <v>4</v>
      </c>
      <c r="M202" s="8">
        <v>4</v>
      </c>
      <c r="N202" s="72" t="s">
        <v>652</v>
      </c>
      <c r="O202" s="257"/>
    </row>
    <row r="203" spans="1:15" ht="18.75" hidden="1" customHeight="1">
      <c r="E203" s="8" t="s">
        <v>273</v>
      </c>
      <c r="F203" s="8">
        <v>559</v>
      </c>
      <c r="G203" s="8" t="s">
        <v>197</v>
      </c>
      <c r="H203" s="8" t="s">
        <v>78</v>
      </c>
      <c r="I203" s="8" t="s">
        <v>71</v>
      </c>
      <c r="J203" s="8">
        <v>1</v>
      </c>
      <c r="K203" s="8" t="s">
        <v>514</v>
      </c>
      <c r="L203" s="8">
        <v>2</v>
      </c>
      <c r="M203" s="8">
        <v>2</v>
      </c>
      <c r="N203" s="72" t="s">
        <v>643</v>
      </c>
      <c r="O203" s="257"/>
    </row>
    <row r="204" spans="1:15" ht="18.75" hidden="1" customHeight="1">
      <c r="E204" s="19" t="s">
        <v>272</v>
      </c>
      <c r="F204" s="19">
        <v>1301</v>
      </c>
      <c r="G204" s="19" t="s">
        <v>271</v>
      </c>
      <c r="H204" s="19" t="s">
        <v>78</v>
      </c>
      <c r="I204" s="25" t="s">
        <v>96</v>
      </c>
      <c r="J204" s="19">
        <v>1</v>
      </c>
      <c r="K204" s="19" t="s">
        <v>509</v>
      </c>
      <c r="L204" s="19">
        <v>1</v>
      </c>
      <c r="M204" s="19">
        <v>10</v>
      </c>
      <c r="N204" s="25"/>
      <c r="O204" s="257"/>
    </row>
    <row r="205" spans="1:15" ht="18.75" hidden="1" customHeight="1">
      <c r="E205" s="8" t="s">
        <v>270</v>
      </c>
      <c r="F205" s="8">
        <v>610</v>
      </c>
      <c r="G205" s="8" t="s">
        <v>269</v>
      </c>
      <c r="H205" s="8" t="s">
        <v>17</v>
      </c>
      <c r="I205" s="8" t="s">
        <v>71</v>
      </c>
      <c r="J205" s="8">
        <v>1</v>
      </c>
      <c r="K205" s="8" t="s">
        <v>150</v>
      </c>
      <c r="L205" s="8">
        <v>1</v>
      </c>
      <c r="M205" s="8">
        <v>15</v>
      </c>
      <c r="O205" s="257"/>
    </row>
    <row r="206" spans="1:15" ht="18.75" hidden="1" customHeight="1">
      <c r="E206" s="19" t="s">
        <v>268</v>
      </c>
      <c r="F206" s="19">
        <v>378</v>
      </c>
      <c r="G206" s="19" t="s">
        <v>267</v>
      </c>
      <c r="H206" s="19" t="s">
        <v>78</v>
      </c>
      <c r="I206" s="19" t="s">
        <v>174</v>
      </c>
      <c r="J206" s="19">
        <v>1</v>
      </c>
      <c r="K206" s="19" t="s">
        <v>514</v>
      </c>
      <c r="L206" s="19">
        <v>1</v>
      </c>
      <c r="M206" s="19">
        <v>1</v>
      </c>
      <c r="N206" s="25"/>
      <c r="O206" s="257"/>
    </row>
    <row r="207" spans="1:15" ht="18.75" hidden="1" customHeight="1">
      <c r="E207" s="19" t="s">
        <v>266</v>
      </c>
      <c r="F207" s="19">
        <v>332</v>
      </c>
      <c r="G207" s="19" t="s">
        <v>232</v>
      </c>
      <c r="H207" s="19" t="s">
        <v>78</v>
      </c>
      <c r="I207" s="19" t="s">
        <v>174</v>
      </c>
      <c r="J207" s="19">
        <v>1</v>
      </c>
      <c r="K207" s="19" t="s">
        <v>438</v>
      </c>
      <c r="L207" s="19">
        <v>1</v>
      </c>
      <c r="M207" s="19">
        <v>6</v>
      </c>
      <c r="N207" s="25"/>
      <c r="O207" s="257"/>
    </row>
    <row r="208" spans="1:15" ht="18.75" hidden="1" customHeight="1">
      <c r="E208" s="19" t="s">
        <v>265</v>
      </c>
      <c r="F208" s="19">
        <v>118</v>
      </c>
      <c r="G208" s="19" t="s">
        <v>264</v>
      </c>
      <c r="H208" s="19" t="s">
        <v>17</v>
      </c>
      <c r="I208" s="19" t="s">
        <v>174</v>
      </c>
      <c r="J208" s="19">
        <v>1</v>
      </c>
      <c r="K208" s="19" t="s">
        <v>438</v>
      </c>
      <c r="L208" s="19">
        <v>1</v>
      </c>
      <c r="M208" s="19">
        <v>9</v>
      </c>
      <c r="N208" s="25"/>
      <c r="O208" s="257"/>
    </row>
    <row r="209" spans="1:15" ht="18.75" hidden="1" customHeight="1">
      <c r="E209" s="19" t="s">
        <v>263</v>
      </c>
      <c r="F209" s="19">
        <v>355</v>
      </c>
      <c r="G209" s="19" t="s">
        <v>103</v>
      </c>
      <c r="H209" s="19" t="s">
        <v>78</v>
      </c>
      <c r="I209" s="19" t="s">
        <v>174</v>
      </c>
      <c r="J209" s="19">
        <v>1</v>
      </c>
      <c r="K209" s="19" t="s">
        <v>514</v>
      </c>
      <c r="L209" s="19">
        <v>2</v>
      </c>
      <c r="M209" s="19">
        <v>2</v>
      </c>
      <c r="N209" s="25"/>
      <c r="O209" s="257"/>
    </row>
    <row r="210" spans="1:15" ht="18.75" hidden="1" customHeight="1">
      <c r="E210" s="19" t="s">
        <v>262</v>
      </c>
      <c r="F210" s="19">
        <v>380</v>
      </c>
      <c r="G210" s="19" t="s">
        <v>105</v>
      </c>
      <c r="H210" s="19" t="s">
        <v>78</v>
      </c>
      <c r="I210" s="19" t="s">
        <v>174</v>
      </c>
      <c r="J210" s="19">
        <v>1</v>
      </c>
      <c r="K210" s="19" t="s">
        <v>438</v>
      </c>
      <c r="L210" s="19">
        <v>1</v>
      </c>
      <c r="M210" s="19">
        <v>15</v>
      </c>
      <c r="N210" s="25"/>
      <c r="O210" s="257"/>
    </row>
    <row r="211" spans="1:15" ht="18.75" hidden="1" customHeight="1">
      <c r="E211" s="19" t="s">
        <v>261</v>
      </c>
      <c r="F211" s="19">
        <v>380</v>
      </c>
      <c r="G211" s="19" t="s">
        <v>105</v>
      </c>
      <c r="H211" s="19" t="s">
        <v>17</v>
      </c>
      <c r="I211" s="19" t="s">
        <v>174</v>
      </c>
      <c r="J211" s="19">
        <v>1</v>
      </c>
      <c r="K211" s="19" t="s">
        <v>438</v>
      </c>
      <c r="L211" s="19">
        <v>1</v>
      </c>
      <c r="M211" s="19">
        <v>15</v>
      </c>
      <c r="N211" s="25"/>
      <c r="O211" s="257"/>
    </row>
    <row r="212" spans="1:15" ht="18.75" hidden="1" customHeight="1">
      <c r="E212" s="19" t="s">
        <v>260</v>
      </c>
      <c r="F212" s="19">
        <v>331</v>
      </c>
      <c r="G212" s="19" t="s">
        <v>259</v>
      </c>
      <c r="H212" s="19" t="s">
        <v>17</v>
      </c>
      <c r="I212" s="19" t="s">
        <v>174</v>
      </c>
      <c r="J212" s="19">
        <v>1</v>
      </c>
      <c r="K212" s="19" t="s">
        <v>514</v>
      </c>
      <c r="L212" s="19">
        <v>2</v>
      </c>
      <c r="M212" s="19">
        <v>2</v>
      </c>
      <c r="N212" s="25"/>
      <c r="O212" s="257"/>
    </row>
    <row r="213" spans="1:15" ht="18.75" hidden="1" customHeight="1">
      <c r="E213" s="8" t="s">
        <v>258</v>
      </c>
      <c r="F213" s="8">
        <v>127</v>
      </c>
      <c r="G213" s="8" t="s">
        <v>126</v>
      </c>
      <c r="H213" s="8" t="s">
        <v>78</v>
      </c>
      <c r="I213" s="8" t="s">
        <v>174</v>
      </c>
      <c r="J213" s="8">
        <v>1</v>
      </c>
      <c r="K213" s="8" t="s">
        <v>509</v>
      </c>
      <c r="L213" s="8">
        <v>1</v>
      </c>
      <c r="M213" s="8">
        <v>30</v>
      </c>
      <c r="O213" s="257"/>
    </row>
    <row r="214" spans="1:15" ht="18.75" hidden="1" customHeight="1">
      <c r="E214" s="19" t="s">
        <v>257</v>
      </c>
      <c r="F214" s="19">
        <v>770</v>
      </c>
      <c r="G214" s="19" t="s">
        <v>256</v>
      </c>
      <c r="H214" s="19" t="s">
        <v>17</v>
      </c>
      <c r="I214" s="19" t="s">
        <v>174</v>
      </c>
      <c r="J214" s="19">
        <v>1</v>
      </c>
      <c r="K214" s="19" t="s">
        <v>509</v>
      </c>
      <c r="L214" s="19">
        <v>1</v>
      </c>
      <c r="M214" s="19">
        <v>20</v>
      </c>
      <c r="N214" s="25"/>
      <c r="O214" s="257"/>
    </row>
    <row r="215" spans="1:15" ht="18.75" hidden="1" customHeight="1">
      <c r="E215" s="8" t="s">
        <v>255</v>
      </c>
      <c r="F215" s="8">
        <v>352</v>
      </c>
      <c r="G215" s="8" t="s">
        <v>3</v>
      </c>
      <c r="H215" s="8" t="s">
        <v>78</v>
      </c>
      <c r="I215" s="8" t="s">
        <v>71</v>
      </c>
      <c r="J215" s="8">
        <v>1</v>
      </c>
      <c r="K215" s="8" t="s">
        <v>509</v>
      </c>
      <c r="L215" s="8">
        <v>1</v>
      </c>
      <c r="M215" s="8">
        <v>80</v>
      </c>
      <c r="N215" s="72" t="s">
        <v>653</v>
      </c>
      <c r="O215" s="257"/>
    </row>
    <row r="216" spans="1:15" ht="18.75" hidden="1" customHeight="1">
      <c r="E216" s="8" t="s">
        <v>254</v>
      </c>
      <c r="F216" s="8">
        <v>819</v>
      </c>
      <c r="G216" s="8" t="s">
        <v>253</v>
      </c>
      <c r="H216" s="8" t="s">
        <v>17</v>
      </c>
      <c r="I216" s="8" t="s">
        <v>71</v>
      </c>
      <c r="J216" s="8">
        <v>1</v>
      </c>
      <c r="K216" s="8" t="s">
        <v>514</v>
      </c>
      <c r="L216" s="8">
        <v>2</v>
      </c>
      <c r="M216" s="8">
        <v>3</v>
      </c>
      <c r="N216" s="70" t="s">
        <v>624</v>
      </c>
      <c r="O216" s="257"/>
    </row>
    <row r="217" spans="1:15" ht="18.75" hidden="1" customHeight="1">
      <c r="A217" s="17"/>
      <c r="B217" s="17"/>
      <c r="C217" s="17" t="s">
        <v>252</v>
      </c>
      <c r="D217" s="139"/>
      <c r="E217" s="17"/>
      <c r="F217" s="17"/>
      <c r="G217" s="17"/>
      <c r="H217" s="17" t="s">
        <v>17</v>
      </c>
      <c r="I217" s="17" t="s">
        <v>71</v>
      </c>
      <c r="J217" s="17">
        <v>1</v>
      </c>
      <c r="K217" s="17"/>
      <c r="L217" s="17"/>
      <c r="M217" s="17"/>
      <c r="N217" s="138"/>
      <c r="O217" s="257"/>
    </row>
    <row r="218" spans="1:15" ht="18.75" hidden="1" customHeight="1">
      <c r="E218" s="8" t="s">
        <v>251</v>
      </c>
      <c r="F218" s="8">
        <v>98</v>
      </c>
      <c r="G218" s="8" t="s">
        <v>156</v>
      </c>
      <c r="H218" s="8" t="s">
        <v>66</v>
      </c>
      <c r="I218" s="8" t="s">
        <v>65</v>
      </c>
      <c r="J218" s="8">
        <v>1</v>
      </c>
      <c r="K218" s="8" t="s">
        <v>514</v>
      </c>
      <c r="L218" s="8">
        <v>2</v>
      </c>
      <c r="M218" s="8">
        <v>3</v>
      </c>
      <c r="N218" s="72" t="s">
        <v>623</v>
      </c>
      <c r="O218" s="257"/>
    </row>
    <row r="219" spans="1:15" ht="18.75" hidden="1" customHeight="1">
      <c r="E219" s="8" t="s">
        <v>250</v>
      </c>
      <c r="F219" s="8">
        <v>100</v>
      </c>
      <c r="G219" s="8" t="s">
        <v>249</v>
      </c>
      <c r="H219" s="8" t="s">
        <v>66</v>
      </c>
      <c r="I219" s="8" t="s">
        <v>65</v>
      </c>
      <c r="J219" s="8">
        <v>1</v>
      </c>
      <c r="K219" s="8" t="s">
        <v>514</v>
      </c>
      <c r="L219" s="8">
        <v>3</v>
      </c>
      <c r="M219" s="8">
        <v>3</v>
      </c>
      <c r="O219" s="257"/>
    </row>
    <row r="220" spans="1:15" ht="18.75" hidden="1" customHeight="1">
      <c r="A220" s="17" t="s">
        <v>278</v>
      </c>
      <c r="B220" s="17" t="s">
        <v>524</v>
      </c>
      <c r="C220" s="17"/>
      <c r="D220" s="139"/>
      <c r="E220" s="17"/>
      <c r="F220" s="17"/>
      <c r="G220" s="17"/>
      <c r="H220" s="17" t="s">
        <v>17</v>
      </c>
      <c r="I220" s="17" t="s">
        <v>71</v>
      </c>
      <c r="J220" s="17">
        <v>25</v>
      </c>
      <c r="K220" s="17"/>
      <c r="L220" s="17"/>
      <c r="M220" s="17"/>
      <c r="N220" s="138"/>
      <c r="O220" s="257"/>
    </row>
    <row r="221" spans="1:15" ht="18.75" hidden="1" customHeight="1">
      <c r="A221" s="17"/>
      <c r="B221" s="17"/>
      <c r="C221" s="17" t="s">
        <v>278</v>
      </c>
      <c r="D221" s="139"/>
      <c r="E221" s="17"/>
      <c r="F221" s="17"/>
      <c r="G221" s="17"/>
      <c r="H221" s="17" t="s">
        <v>66</v>
      </c>
      <c r="I221" s="17" t="s">
        <v>65</v>
      </c>
      <c r="J221" s="17">
        <v>1</v>
      </c>
      <c r="K221" s="17"/>
      <c r="L221" s="17"/>
      <c r="M221" s="17"/>
      <c r="N221" s="138"/>
      <c r="O221" s="257"/>
    </row>
    <row r="222" spans="1:15" ht="28.5" hidden="1" customHeight="1">
      <c r="E222" s="8" t="s">
        <v>277</v>
      </c>
      <c r="F222" s="8">
        <v>248</v>
      </c>
      <c r="G222" s="8" t="s">
        <v>276</v>
      </c>
      <c r="H222" s="8" t="s">
        <v>66</v>
      </c>
      <c r="I222" s="8" t="s">
        <v>65</v>
      </c>
      <c r="J222" s="8">
        <v>1</v>
      </c>
      <c r="K222" s="8" t="s">
        <v>514</v>
      </c>
      <c r="L222" s="8">
        <v>1</v>
      </c>
      <c r="M222" s="8">
        <v>1</v>
      </c>
      <c r="N222" s="72" t="s">
        <v>654</v>
      </c>
      <c r="O222" s="257"/>
    </row>
    <row r="223" spans="1:15" ht="18.75" hidden="1" customHeight="1">
      <c r="E223" s="8" t="s">
        <v>275</v>
      </c>
      <c r="F223" s="8">
        <v>1300</v>
      </c>
      <c r="G223" s="8" t="s">
        <v>274</v>
      </c>
      <c r="H223" s="8" t="s">
        <v>78</v>
      </c>
      <c r="I223" s="8" t="s">
        <v>96</v>
      </c>
      <c r="J223" s="8">
        <v>1</v>
      </c>
      <c r="K223" s="8" t="s">
        <v>514</v>
      </c>
      <c r="L223" s="8">
        <v>4</v>
      </c>
      <c r="M223" s="8">
        <v>4</v>
      </c>
      <c r="N223" s="70" t="s">
        <v>624</v>
      </c>
      <c r="O223" s="257"/>
    </row>
    <row r="224" spans="1:15" ht="18.75" hidden="1" customHeight="1">
      <c r="E224" s="8" t="s">
        <v>273</v>
      </c>
      <c r="F224" s="8">
        <v>559</v>
      </c>
      <c r="G224" s="8" t="s">
        <v>197</v>
      </c>
      <c r="H224" s="8" t="s">
        <v>78</v>
      </c>
      <c r="I224" s="8" t="s">
        <v>71</v>
      </c>
      <c r="J224" s="8">
        <v>1</v>
      </c>
      <c r="K224" s="8" t="s">
        <v>514</v>
      </c>
      <c r="L224" s="8">
        <v>2</v>
      </c>
      <c r="M224" s="8">
        <v>2</v>
      </c>
      <c r="N224" s="72" t="s">
        <v>643</v>
      </c>
      <c r="O224" s="257"/>
    </row>
    <row r="225" spans="1:28" ht="18.75" hidden="1" customHeight="1">
      <c r="E225" s="13" t="s">
        <v>272</v>
      </c>
      <c r="F225" s="13">
        <v>1301</v>
      </c>
      <c r="G225" s="13" t="s">
        <v>271</v>
      </c>
      <c r="H225" s="13" t="s">
        <v>78</v>
      </c>
      <c r="I225" s="25" t="s">
        <v>96</v>
      </c>
      <c r="J225" s="13">
        <v>1</v>
      </c>
      <c r="K225" s="13" t="s">
        <v>509</v>
      </c>
      <c r="L225" s="13">
        <v>1</v>
      </c>
      <c r="M225" s="13">
        <v>10</v>
      </c>
      <c r="N225" s="25"/>
      <c r="O225" s="257"/>
    </row>
    <row r="226" spans="1:28" ht="18.75" hidden="1" customHeight="1">
      <c r="E226" s="8" t="s">
        <v>270</v>
      </c>
      <c r="F226" s="8">
        <v>610</v>
      </c>
      <c r="G226" s="8" t="s">
        <v>269</v>
      </c>
      <c r="H226" s="8" t="s">
        <v>17</v>
      </c>
      <c r="I226" s="8" t="s">
        <v>71</v>
      </c>
      <c r="J226" s="8">
        <v>1</v>
      </c>
      <c r="K226" s="8" t="s">
        <v>150</v>
      </c>
      <c r="L226" s="8">
        <v>1</v>
      </c>
      <c r="M226" s="8">
        <v>15</v>
      </c>
      <c r="O226" s="257"/>
    </row>
    <row r="227" spans="1:28" ht="18.75" hidden="1" customHeight="1">
      <c r="E227" s="8" t="s">
        <v>268</v>
      </c>
      <c r="F227" s="8">
        <v>378</v>
      </c>
      <c r="G227" s="8" t="s">
        <v>267</v>
      </c>
      <c r="H227" s="8" t="s">
        <v>78</v>
      </c>
      <c r="I227" s="8" t="s">
        <v>71</v>
      </c>
      <c r="J227" s="8">
        <v>1</v>
      </c>
      <c r="K227" s="8" t="s">
        <v>514</v>
      </c>
      <c r="L227" s="8">
        <v>1</v>
      </c>
      <c r="M227" s="8">
        <v>1</v>
      </c>
      <c r="N227" s="72" t="s">
        <v>626</v>
      </c>
      <c r="O227" s="257"/>
    </row>
    <row r="228" spans="1:28" ht="18.75" hidden="1" customHeight="1">
      <c r="E228" s="8" t="s">
        <v>266</v>
      </c>
      <c r="F228" s="8">
        <v>332</v>
      </c>
      <c r="G228" s="8" t="s">
        <v>232</v>
      </c>
      <c r="H228" s="8" t="s">
        <v>78</v>
      </c>
      <c r="I228" s="8" t="s">
        <v>71</v>
      </c>
      <c r="J228" s="8">
        <v>1</v>
      </c>
      <c r="K228" s="8" t="s">
        <v>438</v>
      </c>
      <c r="L228" s="8">
        <v>1</v>
      </c>
      <c r="M228" s="8">
        <v>6</v>
      </c>
      <c r="O228" s="257"/>
    </row>
    <row r="229" spans="1:28" ht="18.75" hidden="1" customHeight="1">
      <c r="E229" s="19" t="s">
        <v>265</v>
      </c>
      <c r="F229" s="19">
        <v>118</v>
      </c>
      <c r="G229" s="19" t="s">
        <v>264</v>
      </c>
      <c r="H229" s="19" t="s">
        <v>17</v>
      </c>
      <c r="I229" s="19" t="s">
        <v>174</v>
      </c>
      <c r="J229" s="19">
        <v>1</v>
      </c>
      <c r="K229" s="19" t="s">
        <v>438</v>
      </c>
      <c r="L229" s="19">
        <v>1</v>
      </c>
      <c r="M229" s="19">
        <v>9</v>
      </c>
      <c r="N229" s="25"/>
      <c r="O229" s="257"/>
    </row>
    <row r="230" spans="1:28" ht="18.75" hidden="1" customHeight="1">
      <c r="E230" s="19" t="s">
        <v>263</v>
      </c>
      <c r="F230" s="19">
        <v>355</v>
      </c>
      <c r="G230" s="19" t="s">
        <v>103</v>
      </c>
      <c r="H230" s="19" t="s">
        <v>78</v>
      </c>
      <c r="I230" s="19" t="s">
        <v>174</v>
      </c>
      <c r="J230" s="19">
        <v>1</v>
      </c>
      <c r="K230" s="19" t="s">
        <v>514</v>
      </c>
      <c r="L230" s="19">
        <v>2</v>
      </c>
      <c r="M230" s="19">
        <v>2</v>
      </c>
      <c r="N230" s="25"/>
      <c r="O230" s="257"/>
    </row>
    <row r="231" spans="1:28" ht="18.75" hidden="1" customHeight="1">
      <c r="E231" s="19" t="s">
        <v>262</v>
      </c>
      <c r="F231" s="19">
        <v>380</v>
      </c>
      <c r="G231" s="19" t="s">
        <v>105</v>
      </c>
      <c r="H231" s="19" t="s">
        <v>78</v>
      </c>
      <c r="I231" s="19" t="s">
        <v>174</v>
      </c>
      <c r="J231" s="19">
        <v>1</v>
      </c>
      <c r="K231" s="19" t="s">
        <v>438</v>
      </c>
      <c r="L231" s="19">
        <v>1</v>
      </c>
      <c r="M231" s="19">
        <v>15</v>
      </c>
      <c r="N231" s="25"/>
      <c r="O231" s="257"/>
    </row>
    <row r="232" spans="1:28" ht="18.75" hidden="1" customHeight="1">
      <c r="E232" s="19" t="s">
        <v>261</v>
      </c>
      <c r="F232" s="19">
        <v>380</v>
      </c>
      <c r="G232" s="19" t="s">
        <v>105</v>
      </c>
      <c r="H232" s="19" t="s">
        <v>17</v>
      </c>
      <c r="I232" s="19" t="s">
        <v>174</v>
      </c>
      <c r="J232" s="19">
        <v>1</v>
      </c>
      <c r="K232" s="19" t="s">
        <v>438</v>
      </c>
      <c r="L232" s="19">
        <v>1</v>
      </c>
      <c r="M232" s="19">
        <v>15</v>
      </c>
      <c r="N232" s="25"/>
      <c r="O232" s="257"/>
    </row>
    <row r="233" spans="1:28" ht="18.75" hidden="1" customHeight="1">
      <c r="E233" s="19" t="s">
        <v>260</v>
      </c>
      <c r="F233" s="19">
        <v>331</v>
      </c>
      <c r="G233" s="19" t="s">
        <v>259</v>
      </c>
      <c r="H233" s="19" t="s">
        <v>17</v>
      </c>
      <c r="I233" s="19" t="s">
        <v>174</v>
      </c>
      <c r="J233" s="19">
        <v>1</v>
      </c>
      <c r="K233" s="19" t="s">
        <v>514</v>
      </c>
      <c r="L233" s="19">
        <v>2</v>
      </c>
      <c r="M233" s="19">
        <v>2</v>
      </c>
      <c r="N233" s="25"/>
      <c r="O233" s="257"/>
      <c r="Q233" s="145"/>
      <c r="R233" s="145"/>
      <c r="S233" s="145"/>
      <c r="T233" s="145"/>
      <c r="U233" s="145"/>
      <c r="V233" s="145"/>
      <c r="W233" s="145"/>
      <c r="X233" s="145"/>
      <c r="Y233" s="145"/>
      <c r="Z233" s="145"/>
      <c r="AA233" s="145"/>
      <c r="AB233" s="145"/>
    </row>
    <row r="234" spans="1:28" ht="18.75" hidden="1" customHeight="1">
      <c r="E234" s="8" t="s">
        <v>258</v>
      </c>
      <c r="F234" s="8">
        <v>127</v>
      </c>
      <c r="G234" s="8" t="s">
        <v>126</v>
      </c>
      <c r="H234" s="8" t="s">
        <v>78</v>
      </c>
      <c r="I234" s="8" t="s">
        <v>71</v>
      </c>
      <c r="J234" s="8">
        <v>1</v>
      </c>
      <c r="K234" s="8" t="s">
        <v>509</v>
      </c>
      <c r="L234" s="8">
        <v>1</v>
      </c>
      <c r="M234" s="8">
        <v>30</v>
      </c>
      <c r="N234" s="72" t="s">
        <v>655</v>
      </c>
      <c r="O234" s="257"/>
      <c r="Q234" s="145"/>
      <c r="R234" s="145"/>
      <c r="S234" s="145"/>
      <c r="T234" s="145"/>
      <c r="U234" s="145"/>
      <c r="V234" s="145"/>
      <c r="W234" s="145"/>
      <c r="X234" s="145"/>
      <c r="Y234" s="145"/>
      <c r="Z234" s="145"/>
      <c r="AA234" s="145"/>
      <c r="AB234" s="145"/>
    </row>
    <row r="235" spans="1:28" ht="18.75" hidden="1" customHeight="1">
      <c r="E235" s="8" t="s">
        <v>257</v>
      </c>
      <c r="F235" s="8">
        <v>770</v>
      </c>
      <c r="G235" s="8" t="s">
        <v>256</v>
      </c>
      <c r="H235" s="8" t="s">
        <v>17</v>
      </c>
      <c r="I235" s="8" t="s">
        <v>71</v>
      </c>
      <c r="J235" s="8">
        <v>1</v>
      </c>
      <c r="K235" s="8" t="s">
        <v>509</v>
      </c>
      <c r="L235" s="8">
        <v>1</v>
      </c>
      <c r="M235" s="8">
        <v>20</v>
      </c>
      <c r="N235" s="70" t="s">
        <v>624</v>
      </c>
      <c r="O235" s="257"/>
      <c r="Q235" s="145"/>
      <c r="R235" s="145"/>
      <c r="S235" s="145"/>
      <c r="T235" s="145"/>
      <c r="U235" s="145"/>
      <c r="V235" s="145"/>
      <c r="W235" s="145"/>
      <c r="X235" s="145"/>
      <c r="Y235" s="145"/>
      <c r="Z235" s="145"/>
      <c r="AA235" s="145"/>
      <c r="AB235" s="145"/>
    </row>
    <row r="236" spans="1:28" ht="18.75" hidden="1" customHeight="1">
      <c r="E236" s="8" t="s">
        <v>255</v>
      </c>
      <c r="F236" s="8">
        <v>352</v>
      </c>
      <c r="G236" s="8" t="s">
        <v>3</v>
      </c>
      <c r="H236" s="8" t="s">
        <v>78</v>
      </c>
      <c r="I236" s="8" t="s">
        <v>71</v>
      </c>
      <c r="J236" s="8">
        <v>1</v>
      </c>
      <c r="K236" s="8" t="s">
        <v>509</v>
      </c>
      <c r="L236" s="8">
        <v>1</v>
      </c>
      <c r="M236" s="8">
        <v>80</v>
      </c>
      <c r="O236" s="257"/>
      <c r="Q236" s="145"/>
      <c r="R236" s="145"/>
      <c r="S236" s="145"/>
      <c r="T236" s="145"/>
      <c r="U236" s="145"/>
      <c r="V236" s="145"/>
      <c r="W236" s="145"/>
      <c r="X236" s="145"/>
      <c r="Y236" s="145"/>
      <c r="Z236" s="145"/>
      <c r="AA236" s="145"/>
      <c r="AB236" s="145"/>
    </row>
    <row r="237" spans="1:28" ht="18.75" hidden="1" customHeight="1">
      <c r="E237" s="8" t="s">
        <v>254</v>
      </c>
      <c r="F237" s="8">
        <v>819</v>
      </c>
      <c r="G237" s="8" t="s">
        <v>253</v>
      </c>
      <c r="H237" s="8" t="s">
        <v>17</v>
      </c>
      <c r="I237" s="8" t="s">
        <v>71</v>
      </c>
      <c r="J237" s="8">
        <v>1</v>
      </c>
      <c r="K237" s="8" t="s">
        <v>514</v>
      </c>
      <c r="L237" s="8">
        <v>2</v>
      </c>
      <c r="M237" s="8">
        <v>3</v>
      </c>
      <c r="N237" s="70" t="s">
        <v>624</v>
      </c>
      <c r="O237" s="257"/>
      <c r="Q237" s="145"/>
      <c r="R237" s="145"/>
      <c r="S237" s="145"/>
      <c r="T237" s="145"/>
      <c r="U237" s="145"/>
      <c r="V237" s="145"/>
      <c r="W237" s="145"/>
      <c r="X237" s="145"/>
      <c r="Y237" s="145"/>
      <c r="Z237" s="145"/>
      <c r="AA237" s="145"/>
      <c r="AB237" s="145"/>
    </row>
    <row r="238" spans="1:28" ht="18.75" hidden="1" customHeight="1">
      <c r="A238" s="17"/>
      <c r="B238" s="17"/>
      <c r="C238" s="17" t="s">
        <v>252</v>
      </c>
      <c r="D238" s="139"/>
      <c r="E238" s="17"/>
      <c r="F238" s="17"/>
      <c r="G238" s="17"/>
      <c r="H238" s="17" t="s">
        <v>17</v>
      </c>
      <c r="I238" s="17" t="s">
        <v>71</v>
      </c>
      <c r="J238" s="17">
        <v>1</v>
      </c>
      <c r="K238" s="17"/>
      <c r="L238" s="17"/>
      <c r="M238" s="17"/>
      <c r="N238" s="138"/>
      <c r="O238" s="257"/>
      <c r="Q238" s="145"/>
      <c r="R238" s="145"/>
      <c r="S238" s="145"/>
      <c r="T238" s="145"/>
      <c r="U238" s="145"/>
      <c r="V238" s="145"/>
      <c r="W238" s="145"/>
      <c r="X238" s="145"/>
      <c r="Y238" s="145"/>
      <c r="Z238" s="145"/>
      <c r="AA238" s="145"/>
      <c r="AB238" s="145"/>
    </row>
    <row r="239" spans="1:28" ht="18.75" hidden="1" customHeight="1">
      <c r="E239" s="8" t="s">
        <v>251</v>
      </c>
      <c r="F239" s="8">
        <v>98</v>
      </c>
      <c r="G239" s="8" t="s">
        <v>156</v>
      </c>
      <c r="H239" s="8" t="s">
        <v>66</v>
      </c>
      <c r="I239" s="8" t="s">
        <v>65</v>
      </c>
      <c r="J239" s="8">
        <v>1</v>
      </c>
      <c r="K239" s="8" t="s">
        <v>514</v>
      </c>
      <c r="L239" s="8">
        <v>2</v>
      </c>
      <c r="M239" s="8">
        <v>3</v>
      </c>
      <c r="N239" s="72" t="s">
        <v>623</v>
      </c>
      <c r="O239" s="257"/>
    </row>
    <row r="240" spans="1:28" ht="18.75" hidden="1" customHeight="1">
      <c r="E240" s="8" t="s">
        <v>250</v>
      </c>
      <c r="F240" s="8">
        <v>100</v>
      </c>
      <c r="G240" s="8" t="s">
        <v>249</v>
      </c>
      <c r="H240" s="8" t="s">
        <v>66</v>
      </c>
      <c r="I240" s="8" t="s">
        <v>65</v>
      </c>
      <c r="J240" s="8">
        <v>1</v>
      </c>
      <c r="K240" s="8" t="s">
        <v>514</v>
      </c>
      <c r="L240" s="8">
        <v>3</v>
      </c>
      <c r="M240" s="8">
        <v>3</v>
      </c>
      <c r="O240" s="257"/>
    </row>
    <row r="241" spans="1:15" ht="18.75" hidden="1" customHeight="1">
      <c r="E241" s="19" t="s">
        <v>290</v>
      </c>
      <c r="F241" s="19">
        <v>280</v>
      </c>
      <c r="G241" s="19" t="s">
        <v>289</v>
      </c>
      <c r="H241" s="19" t="s">
        <v>17</v>
      </c>
      <c r="I241" s="19" t="s">
        <v>96</v>
      </c>
      <c r="J241" s="19">
        <v>1</v>
      </c>
      <c r="K241" s="19" t="s">
        <v>438</v>
      </c>
      <c r="L241" s="19">
        <v>4</v>
      </c>
      <c r="M241" s="19">
        <v>10</v>
      </c>
      <c r="N241" s="25"/>
      <c r="O241" s="257"/>
    </row>
    <row r="242" spans="1:15" ht="18.75" hidden="1" customHeight="1">
      <c r="E242" s="19" t="s">
        <v>288</v>
      </c>
      <c r="F242" s="19">
        <v>98</v>
      </c>
      <c r="G242" s="19" t="s">
        <v>156</v>
      </c>
      <c r="H242" s="19" t="s">
        <v>17</v>
      </c>
      <c r="I242" s="19" t="s">
        <v>96</v>
      </c>
      <c r="J242" s="19">
        <v>1</v>
      </c>
      <c r="K242" s="19" t="s">
        <v>514</v>
      </c>
      <c r="L242" s="19">
        <v>2</v>
      </c>
      <c r="M242" s="19">
        <v>3</v>
      </c>
      <c r="N242" s="25"/>
      <c r="O242" s="257"/>
    </row>
    <row r="243" spans="1:15" ht="18.75" hidden="1" customHeight="1">
      <c r="E243" s="19" t="s">
        <v>287</v>
      </c>
      <c r="F243" s="19">
        <v>100</v>
      </c>
      <c r="G243" s="19" t="s">
        <v>249</v>
      </c>
      <c r="H243" s="19" t="s">
        <v>17</v>
      </c>
      <c r="I243" s="19" t="s">
        <v>96</v>
      </c>
      <c r="J243" s="19">
        <v>1</v>
      </c>
      <c r="K243" s="19" t="s">
        <v>514</v>
      </c>
      <c r="L243" s="19">
        <v>3</v>
      </c>
      <c r="M243" s="19">
        <v>3</v>
      </c>
      <c r="N243" s="25"/>
      <c r="O243" s="257"/>
    </row>
    <row r="244" spans="1:15" ht="18.75" hidden="1" customHeight="1">
      <c r="E244" s="19" t="s">
        <v>286</v>
      </c>
      <c r="F244" s="19">
        <v>669</v>
      </c>
      <c r="G244" s="19" t="s">
        <v>285</v>
      </c>
      <c r="H244" s="19" t="s">
        <v>17</v>
      </c>
      <c r="I244" s="19" t="s">
        <v>96</v>
      </c>
      <c r="J244" s="19">
        <v>1</v>
      </c>
      <c r="K244" s="19" t="s">
        <v>514</v>
      </c>
      <c r="L244" s="19">
        <v>3</v>
      </c>
      <c r="M244" s="19">
        <v>3</v>
      </c>
      <c r="N244" s="25"/>
      <c r="O244" s="257"/>
    </row>
    <row r="245" spans="1:15" ht="18.75" hidden="1" customHeight="1">
      <c r="E245" s="8" t="s">
        <v>284</v>
      </c>
      <c r="F245" s="8">
        <v>374</v>
      </c>
      <c r="G245" s="8" t="s">
        <v>82</v>
      </c>
      <c r="H245" s="8" t="s">
        <v>78</v>
      </c>
      <c r="I245" s="8" t="s">
        <v>71</v>
      </c>
      <c r="J245" s="8">
        <v>1</v>
      </c>
      <c r="K245" s="8" t="s">
        <v>514</v>
      </c>
      <c r="L245" s="8">
        <v>3</v>
      </c>
      <c r="M245" s="8">
        <v>3</v>
      </c>
      <c r="N245" s="72" t="s">
        <v>656</v>
      </c>
      <c r="O245" s="257"/>
    </row>
    <row r="246" spans="1:15" ht="18.75" hidden="1" customHeight="1">
      <c r="E246" s="8" t="s">
        <v>283</v>
      </c>
      <c r="F246" s="8">
        <v>373</v>
      </c>
      <c r="G246" s="8" t="s">
        <v>1</v>
      </c>
      <c r="H246" s="8" t="s">
        <v>17</v>
      </c>
      <c r="I246" s="8" t="s">
        <v>71</v>
      </c>
      <c r="J246" s="8">
        <v>1</v>
      </c>
      <c r="K246" s="8" t="s">
        <v>519</v>
      </c>
      <c r="L246" s="8">
        <v>8</v>
      </c>
      <c r="M246" s="8">
        <v>8</v>
      </c>
      <c r="O246" s="257"/>
    </row>
    <row r="247" spans="1:15" ht="18.75" hidden="1" customHeight="1">
      <c r="E247" s="8" t="s">
        <v>282</v>
      </c>
      <c r="F247" s="8">
        <v>337</v>
      </c>
      <c r="G247" s="8" t="s">
        <v>79</v>
      </c>
      <c r="H247" s="8" t="s">
        <v>17</v>
      </c>
      <c r="I247" s="8" t="s">
        <v>71</v>
      </c>
      <c r="J247" s="8">
        <v>1</v>
      </c>
      <c r="K247" s="8" t="s">
        <v>518</v>
      </c>
      <c r="L247" s="8">
        <v>4</v>
      </c>
      <c r="M247" s="8">
        <v>8</v>
      </c>
      <c r="O247" s="257"/>
    </row>
    <row r="248" spans="1:15" ht="18.75" hidden="1" customHeight="1">
      <c r="E248" s="8" t="s">
        <v>281</v>
      </c>
      <c r="F248" s="8">
        <v>374</v>
      </c>
      <c r="G248" s="8" t="s">
        <v>82</v>
      </c>
      <c r="H248" s="8" t="s">
        <v>78</v>
      </c>
      <c r="I248" s="8" t="s">
        <v>71</v>
      </c>
      <c r="J248" s="8">
        <v>1</v>
      </c>
      <c r="K248" s="8" t="s">
        <v>514</v>
      </c>
      <c r="L248" s="8">
        <v>3</v>
      </c>
      <c r="M248" s="8">
        <v>3</v>
      </c>
      <c r="N248" s="72" t="s">
        <v>657</v>
      </c>
      <c r="O248" s="257"/>
    </row>
    <row r="249" spans="1:15" ht="18.75" hidden="1" customHeight="1">
      <c r="E249" s="8" t="s">
        <v>280</v>
      </c>
      <c r="F249" s="8">
        <v>373</v>
      </c>
      <c r="G249" s="8" t="s">
        <v>1</v>
      </c>
      <c r="H249" s="8" t="s">
        <v>78</v>
      </c>
      <c r="I249" s="8" t="s">
        <v>71</v>
      </c>
      <c r="J249" s="8">
        <v>1</v>
      </c>
      <c r="K249" s="8" t="s">
        <v>519</v>
      </c>
      <c r="L249" s="8">
        <v>8</v>
      </c>
      <c r="M249" s="8">
        <v>8</v>
      </c>
      <c r="O249" s="257"/>
    </row>
    <row r="250" spans="1:15" ht="18.75" hidden="1" customHeight="1">
      <c r="E250" s="8" t="s">
        <v>279</v>
      </c>
      <c r="F250" s="8">
        <v>337</v>
      </c>
      <c r="G250" s="8" t="s">
        <v>79</v>
      </c>
      <c r="H250" s="8" t="s">
        <v>78</v>
      </c>
      <c r="I250" s="8" t="s">
        <v>71</v>
      </c>
      <c r="J250" s="8">
        <v>1</v>
      </c>
      <c r="K250" s="8" t="s">
        <v>518</v>
      </c>
      <c r="L250" s="8">
        <v>4</v>
      </c>
      <c r="M250" s="8">
        <v>8</v>
      </c>
      <c r="O250" s="257"/>
    </row>
    <row r="251" spans="1:15" ht="18.75" hidden="1" customHeight="1">
      <c r="A251" s="17"/>
      <c r="B251" s="17"/>
      <c r="C251" s="17" t="s">
        <v>387</v>
      </c>
      <c r="D251" s="139"/>
      <c r="E251" s="17"/>
      <c r="F251" s="17"/>
      <c r="G251" s="17"/>
      <c r="H251" s="17" t="s">
        <v>17</v>
      </c>
      <c r="I251" s="17" t="s">
        <v>71</v>
      </c>
      <c r="J251" s="17" t="s">
        <v>525</v>
      </c>
      <c r="K251" s="17"/>
      <c r="L251" s="17"/>
      <c r="M251" s="17"/>
      <c r="N251" s="138"/>
      <c r="O251" s="257"/>
    </row>
    <row r="252" spans="1:15" ht="18.75" hidden="1" customHeight="1">
      <c r="E252" s="8" t="s">
        <v>386</v>
      </c>
      <c r="F252" s="8">
        <v>336</v>
      </c>
      <c r="G252" s="8" t="s">
        <v>385</v>
      </c>
      <c r="H252" s="8" t="s">
        <v>17</v>
      </c>
      <c r="I252" s="8" t="s">
        <v>71</v>
      </c>
      <c r="J252" s="8">
        <v>1</v>
      </c>
      <c r="K252" s="8" t="s">
        <v>514</v>
      </c>
      <c r="L252" s="8">
        <v>2</v>
      </c>
      <c r="M252" s="8">
        <v>2</v>
      </c>
      <c r="N252" s="70" t="s">
        <v>624</v>
      </c>
      <c r="O252" s="257"/>
    </row>
    <row r="253" spans="1:15" ht="18.75" hidden="1" customHeight="1">
      <c r="E253" s="8" t="s">
        <v>384</v>
      </c>
      <c r="F253" s="8">
        <v>333</v>
      </c>
      <c r="G253" s="8" t="s">
        <v>383</v>
      </c>
      <c r="H253" s="8" t="s">
        <v>17</v>
      </c>
      <c r="I253" s="8" t="s">
        <v>71</v>
      </c>
      <c r="J253" s="8">
        <v>1</v>
      </c>
      <c r="K253" s="8" t="s">
        <v>514</v>
      </c>
      <c r="L253" s="8">
        <v>1</v>
      </c>
      <c r="M253" s="8">
        <v>2</v>
      </c>
      <c r="N253" s="72" t="s">
        <v>658</v>
      </c>
      <c r="O253" s="257"/>
    </row>
    <row r="254" spans="1:15" ht="18.75" hidden="1" customHeight="1">
      <c r="E254" s="8" t="s">
        <v>382</v>
      </c>
      <c r="F254" s="8">
        <v>338</v>
      </c>
      <c r="G254" s="8" t="s">
        <v>381</v>
      </c>
      <c r="H254" s="8" t="s">
        <v>17</v>
      </c>
      <c r="I254" s="8" t="s">
        <v>71</v>
      </c>
      <c r="J254" s="8">
        <v>1</v>
      </c>
      <c r="K254" s="8" t="s">
        <v>438</v>
      </c>
      <c r="L254" s="8">
        <v>1</v>
      </c>
      <c r="M254" s="8">
        <v>6</v>
      </c>
      <c r="O254" s="257"/>
    </row>
    <row r="255" spans="1:15" ht="18.75" hidden="1" customHeight="1">
      <c r="E255" s="19" t="s">
        <v>380</v>
      </c>
      <c r="F255" s="19">
        <v>370</v>
      </c>
      <c r="G255" s="19" t="s">
        <v>379</v>
      </c>
      <c r="H255" s="19" t="s">
        <v>78</v>
      </c>
      <c r="I255" s="19" t="s">
        <v>174</v>
      </c>
      <c r="J255" s="19">
        <v>1</v>
      </c>
      <c r="K255" s="19" t="s">
        <v>519</v>
      </c>
      <c r="L255" s="19">
        <v>8</v>
      </c>
      <c r="M255" s="19">
        <v>8</v>
      </c>
      <c r="N255" s="25"/>
      <c r="O255" s="257"/>
    </row>
    <row r="256" spans="1:15" ht="18.75" hidden="1" customHeight="1">
      <c r="E256" s="8" t="s">
        <v>378</v>
      </c>
      <c r="F256" s="8">
        <v>351</v>
      </c>
      <c r="G256" s="8" t="s">
        <v>377</v>
      </c>
      <c r="H256" s="8" t="s">
        <v>78</v>
      </c>
      <c r="I256" s="8" t="s">
        <v>71</v>
      </c>
      <c r="J256" s="8">
        <v>1</v>
      </c>
      <c r="K256" s="8" t="s">
        <v>510</v>
      </c>
      <c r="L256" s="8">
        <v>1</v>
      </c>
      <c r="M256" s="8">
        <v>3</v>
      </c>
      <c r="O256" s="257"/>
    </row>
    <row r="257" spans="1:16" ht="18.75" hidden="1" customHeight="1">
      <c r="E257" s="19" t="s">
        <v>376</v>
      </c>
      <c r="F257" s="19">
        <v>446</v>
      </c>
      <c r="G257" s="19" t="s">
        <v>375</v>
      </c>
      <c r="H257" s="19" t="s">
        <v>17</v>
      </c>
      <c r="I257" s="19" t="s">
        <v>174</v>
      </c>
      <c r="J257" s="19">
        <v>1</v>
      </c>
      <c r="K257" s="19" t="s">
        <v>519</v>
      </c>
      <c r="L257" s="19">
        <v>8</v>
      </c>
      <c r="M257" s="19">
        <v>8</v>
      </c>
      <c r="N257" s="25"/>
      <c r="O257" s="257"/>
    </row>
    <row r="258" spans="1:16" ht="18.75" hidden="1" customHeight="1">
      <c r="E258" s="8" t="s">
        <v>374</v>
      </c>
      <c r="F258" s="8">
        <v>386</v>
      </c>
      <c r="G258" s="8" t="s">
        <v>373</v>
      </c>
      <c r="H258" s="8" t="s">
        <v>17</v>
      </c>
      <c r="I258" s="8" t="s">
        <v>71</v>
      </c>
      <c r="J258" s="8">
        <v>1</v>
      </c>
      <c r="K258" s="8" t="s">
        <v>510</v>
      </c>
      <c r="L258" s="8">
        <v>1</v>
      </c>
      <c r="M258" s="8">
        <v>3</v>
      </c>
      <c r="O258" s="257"/>
    </row>
    <row r="259" spans="1:16" ht="18.75" hidden="1" customHeight="1">
      <c r="E259" s="8" t="s">
        <v>372</v>
      </c>
      <c r="F259" s="8">
        <v>362</v>
      </c>
      <c r="G259" s="8" t="s">
        <v>371</v>
      </c>
      <c r="H259" s="8" t="s">
        <v>17</v>
      </c>
      <c r="I259" s="8" t="s">
        <v>71</v>
      </c>
      <c r="J259" s="8">
        <v>1</v>
      </c>
      <c r="K259" s="8" t="s">
        <v>150</v>
      </c>
      <c r="L259" s="8">
        <v>1</v>
      </c>
      <c r="M259" s="8">
        <v>10</v>
      </c>
      <c r="O259" s="257"/>
    </row>
    <row r="260" spans="1:16" ht="18.75" hidden="1" customHeight="1">
      <c r="E260" s="19" t="s">
        <v>370</v>
      </c>
      <c r="F260" s="19">
        <v>388</v>
      </c>
      <c r="G260" s="19" t="s">
        <v>369</v>
      </c>
      <c r="H260" s="19" t="s">
        <v>17</v>
      </c>
      <c r="I260" s="19" t="s">
        <v>174</v>
      </c>
      <c r="J260" s="19">
        <v>1</v>
      </c>
      <c r="K260" s="19" t="s">
        <v>519</v>
      </c>
      <c r="L260" s="19">
        <v>8</v>
      </c>
      <c r="M260" s="19">
        <v>8</v>
      </c>
      <c r="N260" s="25"/>
      <c r="O260" s="257"/>
    </row>
    <row r="261" spans="1:16" ht="18.75" hidden="1" customHeight="1">
      <c r="E261" s="19" t="s">
        <v>368</v>
      </c>
      <c r="F261" s="19">
        <v>389</v>
      </c>
      <c r="G261" s="19" t="s">
        <v>367</v>
      </c>
      <c r="H261" s="19" t="s">
        <v>78</v>
      </c>
      <c r="I261" s="19" t="s">
        <v>174</v>
      </c>
      <c r="J261" s="19">
        <v>1</v>
      </c>
      <c r="K261" s="19" t="s">
        <v>150</v>
      </c>
      <c r="L261" s="19">
        <v>1</v>
      </c>
      <c r="M261" s="19">
        <v>10</v>
      </c>
      <c r="N261" s="25"/>
      <c r="O261" s="257"/>
    </row>
    <row r="262" spans="1:16" ht="18.75" hidden="1" customHeight="1">
      <c r="E262" s="19" t="s">
        <v>366</v>
      </c>
      <c r="F262" s="19">
        <v>342</v>
      </c>
      <c r="G262" s="19" t="s">
        <v>365</v>
      </c>
      <c r="H262" s="19" t="s">
        <v>78</v>
      </c>
      <c r="I262" s="19" t="s">
        <v>174</v>
      </c>
      <c r="J262" s="19">
        <v>1</v>
      </c>
      <c r="K262" s="19" t="s">
        <v>438</v>
      </c>
      <c r="L262" s="19">
        <v>1</v>
      </c>
      <c r="M262" s="19">
        <v>5</v>
      </c>
      <c r="N262" s="25"/>
      <c r="O262" s="257"/>
    </row>
    <row r="263" spans="1:16" ht="18.75" hidden="1" customHeight="1">
      <c r="E263" s="8" t="s">
        <v>364</v>
      </c>
      <c r="F263" s="8">
        <v>352</v>
      </c>
      <c r="G263" s="8" t="s">
        <v>3</v>
      </c>
      <c r="H263" s="8" t="s">
        <v>17</v>
      </c>
      <c r="I263" s="8" t="s">
        <v>174</v>
      </c>
      <c r="J263" s="8">
        <v>1</v>
      </c>
      <c r="K263" s="8" t="s">
        <v>509</v>
      </c>
      <c r="L263" s="8">
        <v>1</v>
      </c>
      <c r="M263" s="8">
        <v>80</v>
      </c>
      <c r="O263" s="257"/>
    </row>
    <row r="264" spans="1:16" ht="18.75" hidden="1" customHeight="1">
      <c r="E264" s="19" t="s">
        <v>363</v>
      </c>
      <c r="F264" s="19">
        <v>765</v>
      </c>
      <c r="G264" s="19" t="s">
        <v>362</v>
      </c>
      <c r="H264" s="19" t="s">
        <v>78</v>
      </c>
      <c r="I264" s="19" t="s">
        <v>174</v>
      </c>
      <c r="J264" s="19">
        <v>1</v>
      </c>
      <c r="K264" s="19" t="s">
        <v>510</v>
      </c>
      <c r="L264" s="19">
        <v>1</v>
      </c>
      <c r="M264" s="19">
        <v>2</v>
      </c>
      <c r="N264" s="25"/>
      <c r="O264" s="257"/>
    </row>
    <row r="265" spans="1:16" ht="18.75" hidden="1" customHeight="1">
      <c r="E265" s="19" t="s">
        <v>361</v>
      </c>
      <c r="F265" s="19">
        <v>107</v>
      </c>
      <c r="G265" s="19" t="s">
        <v>360</v>
      </c>
      <c r="H265" s="19" t="s">
        <v>17</v>
      </c>
      <c r="I265" s="19" t="s">
        <v>174</v>
      </c>
      <c r="J265" s="19">
        <v>1</v>
      </c>
      <c r="K265" s="19" t="s">
        <v>514</v>
      </c>
      <c r="L265" s="19">
        <v>1</v>
      </c>
      <c r="M265" s="19">
        <v>2</v>
      </c>
      <c r="N265" s="25"/>
      <c r="O265" s="257"/>
    </row>
    <row r="266" spans="1:16" ht="18.75" hidden="1" customHeight="1">
      <c r="E266" s="8" t="s">
        <v>359</v>
      </c>
      <c r="F266" s="8">
        <v>954</v>
      </c>
      <c r="G266" s="8" t="s">
        <v>232</v>
      </c>
      <c r="H266" s="8" t="s">
        <v>17</v>
      </c>
      <c r="I266" s="8" t="s">
        <v>71</v>
      </c>
      <c r="J266" s="8">
        <v>1</v>
      </c>
      <c r="K266" s="8" t="s">
        <v>438</v>
      </c>
      <c r="L266" s="8">
        <v>1</v>
      </c>
      <c r="M266" s="8">
        <v>10</v>
      </c>
      <c r="O266" s="257"/>
    </row>
    <row r="267" spans="1:16">
      <c r="A267" s="17"/>
      <c r="B267" s="17"/>
      <c r="C267" s="17" t="s">
        <v>84</v>
      </c>
      <c r="D267" s="139" t="s">
        <v>428</v>
      </c>
      <c r="E267" s="17"/>
      <c r="F267" s="17"/>
      <c r="G267" s="17"/>
      <c r="H267" s="17" t="s">
        <v>17</v>
      </c>
      <c r="I267" s="17" t="s">
        <v>71</v>
      </c>
      <c r="J267" s="17">
        <v>10</v>
      </c>
      <c r="K267" s="17"/>
      <c r="L267" s="17"/>
      <c r="M267" s="17"/>
      <c r="N267" s="138"/>
      <c r="O267" s="257" t="s">
        <v>1956</v>
      </c>
      <c r="P267" s="257" t="s">
        <v>2019</v>
      </c>
    </row>
    <row r="268" spans="1:16" ht="18.75" hidden="1" customHeight="1" outlineLevel="1">
      <c r="E268" s="8" t="s">
        <v>83</v>
      </c>
      <c r="F268" s="8">
        <v>374</v>
      </c>
      <c r="G268" s="8" t="s">
        <v>82</v>
      </c>
      <c r="H268" s="8" t="s">
        <v>66</v>
      </c>
      <c r="I268" s="8" t="s">
        <v>65</v>
      </c>
      <c r="J268" s="8">
        <v>1</v>
      </c>
      <c r="K268" s="8" t="s">
        <v>514</v>
      </c>
      <c r="L268" s="8">
        <v>3</v>
      </c>
      <c r="M268" s="8">
        <v>3</v>
      </c>
      <c r="N268" s="72" t="s">
        <v>659</v>
      </c>
      <c r="O268" s="257"/>
    </row>
    <row r="269" spans="1:16" ht="18.75" hidden="1" customHeight="1" outlineLevel="1">
      <c r="E269" s="8" t="s">
        <v>81</v>
      </c>
      <c r="F269" s="8">
        <v>373</v>
      </c>
      <c r="G269" s="8" t="s">
        <v>1</v>
      </c>
      <c r="H269" s="8" t="s">
        <v>78</v>
      </c>
      <c r="I269" s="8" t="s">
        <v>71</v>
      </c>
      <c r="J269" s="8">
        <v>1</v>
      </c>
      <c r="K269" s="8" t="s">
        <v>519</v>
      </c>
      <c r="L269" s="8">
        <v>8</v>
      </c>
      <c r="M269" s="8">
        <v>8</v>
      </c>
      <c r="O269" s="257"/>
    </row>
    <row r="270" spans="1:16" ht="18.75" hidden="1" customHeight="1" outlineLevel="1">
      <c r="E270" s="8" t="s">
        <v>80</v>
      </c>
      <c r="F270" s="8">
        <v>337</v>
      </c>
      <c r="G270" s="8" t="s">
        <v>79</v>
      </c>
      <c r="H270" s="8" t="s">
        <v>78</v>
      </c>
      <c r="I270" s="8" t="s">
        <v>71</v>
      </c>
      <c r="J270" s="8">
        <v>1</v>
      </c>
      <c r="K270" s="8" t="s">
        <v>518</v>
      </c>
      <c r="L270" s="8">
        <v>4</v>
      </c>
      <c r="M270" s="8">
        <v>8</v>
      </c>
      <c r="O270" s="257"/>
    </row>
    <row r="271" spans="1:16" ht="18.75" hidden="1" customHeight="1" outlineLevel="1">
      <c r="E271" s="8" t="s">
        <v>77</v>
      </c>
      <c r="F271" s="8">
        <v>623</v>
      </c>
      <c r="G271" s="8" t="s">
        <v>76</v>
      </c>
      <c r="H271" s="8" t="s">
        <v>17</v>
      </c>
      <c r="I271" s="8" t="s">
        <v>71</v>
      </c>
      <c r="J271" s="8">
        <v>1</v>
      </c>
      <c r="K271" s="8" t="s">
        <v>514</v>
      </c>
      <c r="L271" s="8">
        <v>2</v>
      </c>
      <c r="M271" s="8">
        <v>2</v>
      </c>
      <c r="N271" s="70" t="s">
        <v>624</v>
      </c>
      <c r="O271" s="257"/>
    </row>
    <row r="272" spans="1:16" ht="18.75" hidden="1" customHeight="1" collapsed="1">
      <c r="A272" s="17"/>
      <c r="B272" s="17"/>
      <c r="C272" s="17" t="s">
        <v>84</v>
      </c>
      <c r="D272" s="139" t="s">
        <v>428</v>
      </c>
      <c r="E272" s="17"/>
      <c r="F272" s="17"/>
      <c r="G272" s="17"/>
      <c r="H272" s="17" t="s">
        <v>17</v>
      </c>
      <c r="I272" s="17" t="s">
        <v>71</v>
      </c>
      <c r="J272" s="17">
        <v>10</v>
      </c>
      <c r="K272" s="17"/>
      <c r="L272" s="17"/>
      <c r="M272" s="17"/>
      <c r="N272" s="138"/>
      <c r="O272" s="257"/>
    </row>
    <row r="273" spans="1:15" ht="18.75" hidden="1" customHeight="1">
      <c r="E273" s="8" t="s">
        <v>83</v>
      </c>
      <c r="F273" s="8">
        <v>374</v>
      </c>
      <c r="G273" s="8" t="s">
        <v>82</v>
      </c>
      <c r="H273" s="8" t="s">
        <v>66</v>
      </c>
      <c r="I273" s="8" t="s">
        <v>65</v>
      </c>
      <c r="J273" s="8">
        <v>1</v>
      </c>
      <c r="K273" s="8" t="s">
        <v>514</v>
      </c>
      <c r="L273" s="8">
        <v>3</v>
      </c>
      <c r="M273" s="8">
        <v>3</v>
      </c>
      <c r="N273" s="72" t="s">
        <v>660</v>
      </c>
      <c r="O273" s="257"/>
    </row>
    <row r="274" spans="1:15" ht="18.75" hidden="1" customHeight="1">
      <c r="E274" s="8" t="s">
        <v>81</v>
      </c>
      <c r="F274" s="8">
        <v>373</v>
      </c>
      <c r="G274" s="8" t="s">
        <v>1</v>
      </c>
      <c r="H274" s="8" t="s">
        <v>78</v>
      </c>
      <c r="I274" s="8" t="s">
        <v>71</v>
      </c>
      <c r="J274" s="8">
        <v>1</v>
      </c>
      <c r="K274" s="8" t="s">
        <v>519</v>
      </c>
      <c r="L274" s="8">
        <v>8</v>
      </c>
      <c r="M274" s="8">
        <v>8</v>
      </c>
      <c r="O274" s="257"/>
    </row>
    <row r="275" spans="1:15" ht="18.75" hidden="1" customHeight="1">
      <c r="E275" s="8" t="s">
        <v>80</v>
      </c>
      <c r="F275" s="8">
        <v>337</v>
      </c>
      <c r="G275" s="8" t="s">
        <v>79</v>
      </c>
      <c r="H275" s="8" t="s">
        <v>78</v>
      </c>
      <c r="I275" s="8" t="s">
        <v>71</v>
      </c>
      <c r="J275" s="8">
        <v>1</v>
      </c>
      <c r="K275" s="8" t="s">
        <v>518</v>
      </c>
      <c r="L275" s="8">
        <v>4</v>
      </c>
      <c r="M275" s="8">
        <v>8</v>
      </c>
      <c r="O275" s="257"/>
    </row>
    <row r="276" spans="1:15" ht="18.75" hidden="1" customHeight="1">
      <c r="E276" s="8" t="s">
        <v>77</v>
      </c>
      <c r="F276" s="8">
        <v>623</v>
      </c>
      <c r="G276" s="8" t="s">
        <v>76</v>
      </c>
      <c r="H276" s="8" t="s">
        <v>17</v>
      </c>
      <c r="I276" s="8" t="s">
        <v>71</v>
      </c>
      <c r="J276" s="8">
        <v>1</v>
      </c>
      <c r="K276" s="8" t="s">
        <v>514</v>
      </c>
      <c r="L276" s="8">
        <v>2</v>
      </c>
      <c r="M276" s="8">
        <v>2</v>
      </c>
      <c r="N276" s="70" t="s">
        <v>624</v>
      </c>
      <c r="O276" s="257"/>
    </row>
    <row r="277" spans="1:15" ht="18.75" hidden="1" customHeight="1">
      <c r="A277" s="17"/>
      <c r="B277" s="17"/>
      <c r="C277" s="17" t="s">
        <v>84</v>
      </c>
      <c r="D277" s="139" t="s">
        <v>428</v>
      </c>
      <c r="E277" s="17"/>
      <c r="F277" s="17"/>
      <c r="G277" s="17"/>
      <c r="H277" s="17" t="s">
        <v>17</v>
      </c>
      <c r="I277" s="17" t="s">
        <v>71</v>
      </c>
      <c r="J277" s="17">
        <v>10</v>
      </c>
      <c r="K277" s="17"/>
      <c r="L277" s="17"/>
      <c r="M277" s="17"/>
      <c r="N277" s="138"/>
      <c r="O277" s="257"/>
    </row>
    <row r="278" spans="1:15" ht="18.75" hidden="1" customHeight="1">
      <c r="E278" s="8" t="s">
        <v>83</v>
      </c>
      <c r="F278" s="8">
        <v>374</v>
      </c>
      <c r="G278" s="8" t="s">
        <v>82</v>
      </c>
      <c r="H278" s="8" t="s">
        <v>66</v>
      </c>
      <c r="I278" s="8" t="s">
        <v>65</v>
      </c>
      <c r="J278" s="8">
        <v>1</v>
      </c>
      <c r="K278" s="8" t="s">
        <v>514</v>
      </c>
      <c r="L278" s="8">
        <v>3</v>
      </c>
      <c r="M278" s="8">
        <v>3</v>
      </c>
      <c r="N278" s="72" t="s">
        <v>661</v>
      </c>
      <c r="O278" s="257"/>
    </row>
    <row r="279" spans="1:15" ht="18.75" hidden="1" customHeight="1">
      <c r="E279" s="8" t="s">
        <v>81</v>
      </c>
      <c r="F279" s="8">
        <v>373</v>
      </c>
      <c r="G279" s="8" t="s">
        <v>1</v>
      </c>
      <c r="H279" s="8" t="s">
        <v>78</v>
      </c>
      <c r="I279" s="8" t="s">
        <v>71</v>
      </c>
      <c r="J279" s="8">
        <v>1</v>
      </c>
      <c r="K279" s="8" t="s">
        <v>519</v>
      </c>
      <c r="L279" s="8">
        <v>8</v>
      </c>
      <c r="M279" s="8">
        <v>8</v>
      </c>
      <c r="O279" s="257"/>
    </row>
    <row r="280" spans="1:15" ht="18.75" hidden="1" customHeight="1">
      <c r="E280" s="8" t="s">
        <v>80</v>
      </c>
      <c r="F280" s="8">
        <v>337</v>
      </c>
      <c r="G280" s="8" t="s">
        <v>79</v>
      </c>
      <c r="H280" s="8" t="s">
        <v>78</v>
      </c>
      <c r="I280" s="8" t="s">
        <v>71</v>
      </c>
      <c r="J280" s="8">
        <v>1</v>
      </c>
      <c r="K280" s="8" t="s">
        <v>518</v>
      </c>
      <c r="L280" s="8">
        <v>4</v>
      </c>
      <c r="M280" s="8">
        <v>8</v>
      </c>
      <c r="O280" s="257"/>
    </row>
    <row r="281" spans="1:15" ht="18.75" hidden="1" customHeight="1">
      <c r="E281" s="8" t="s">
        <v>77</v>
      </c>
      <c r="F281" s="8">
        <v>623</v>
      </c>
      <c r="G281" s="8" t="s">
        <v>76</v>
      </c>
      <c r="H281" s="8" t="s">
        <v>17</v>
      </c>
      <c r="I281" s="8" t="s">
        <v>71</v>
      </c>
      <c r="J281" s="8">
        <v>1</v>
      </c>
      <c r="K281" s="8" t="s">
        <v>514</v>
      </c>
      <c r="L281" s="8">
        <v>2</v>
      </c>
      <c r="M281" s="8">
        <v>2</v>
      </c>
      <c r="N281" s="70" t="s">
        <v>624</v>
      </c>
      <c r="O281" s="257"/>
    </row>
    <row r="282" spans="1:15" ht="18.75" hidden="1" customHeight="1">
      <c r="A282" s="17"/>
      <c r="B282" s="17"/>
      <c r="C282" s="17" t="s">
        <v>84</v>
      </c>
      <c r="D282" s="139" t="s">
        <v>428</v>
      </c>
      <c r="E282" s="17"/>
      <c r="F282" s="17"/>
      <c r="G282" s="17"/>
      <c r="H282" s="17" t="s">
        <v>17</v>
      </c>
      <c r="I282" s="17" t="s">
        <v>71</v>
      </c>
      <c r="J282" s="17">
        <v>10</v>
      </c>
      <c r="K282" s="17"/>
      <c r="L282" s="17"/>
      <c r="M282" s="17"/>
      <c r="N282" s="138"/>
      <c r="O282" s="257"/>
    </row>
    <row r="283" spans="1:15" ht="18.75" hidden="1" customHeight="1">
      <c r="E283" s="8" t="s">
        <v>83</v>
      </c>
      <c r="F283" s="8">
        <v>374</v>
      </c>
      <c r="G283" s="8" t="s">
        <v>82</v>
      </c>
      <c r="H283" s="8" t="s">
        <v>66</v>
      </c>
      <c r="I283" s="8" t="s">
        <v>65</v>
      </c>
      <c r="J283" s="8">
        <v>1</v>
      </c>
      <c r="K283" s="8" t="s">
        <v>514</v>
      </c>
      <c r="L283" s="8">
        <v>3</v>
      </c>
      <c r="M283" s="8">
        <v>3</v>
      </c>
      <c r="N283" s="72" t="s">
        <v>662</v>
      </c>
      <c r="O283" s="257"/>
    </row>
    <row r="284" spans="1:15" ht="18.75" hidden="1" customHeight="1">
      <c r="E284" s="8" t="s">
        <v>81</v>
      </c>
      <c r="F284" s="8">
        <v>373</v>
      </c>
      <c r="G284" s="8" t="s">
        <v>1</v>
      </c>
      <c r="H284" s="8" t="s">
        <v>78</v>
      </c>
      <c r="I284" s="8" t="s">
        <v>71</v>
      </c>
      <c r="J284" s="8">
        <v>1</v>
      </c>
      <c r="K284" s="8" t="s">
        <v>519</v>
      </c>
      <c r="L284" s="8">
        <v>8</v>
      </c>
      <c r="M284" s="8">
        <v>8</v>
      </c>
      <c r="O284" s="257"/>
    </row>
    <row r="285" spans="1:15" ht="18.75" hidden="1" customHeight="1">
      <c r="E285" s="8" t="s">
        <v>80</v>
      </c>
      <c r="F285" s="8">
        <v>337</v>
      </c>
      <c r="G285" s="8" t="s">
        <v>79</v>
      </c>
      <c r="H285" s="8" t="s">
        <v>78</v>
      </c>
      <c r="I285" s="8" t="s">
        <v>71</v>
      </c>
      <c r="J285" s="8">
        <v>1</v>
      </c>
      <c r="K285" s="8" t="s">
        <v>518</v>
      </c>
      <c r="L285" s="8">
        <v>4</v>
      </c>
      <c r="M285" s="8">
        <v>8</v>
      </c>
      <c r="O285" s="257"/>
    </row>
    <row r="286" spans="1:15" ht="18.75" hidden="1" customHeight="1">
      <c r="E286" s="8" t="s">
        <v>77</v>
      </c>
      <c r="F286" s="8">
        <v>623</v>
      </c>
      <c r="G286" s="8" t="s">
        <v>76</v>
      </c>
      <c r="H286" s="8" t="s">
        <v>17</v>
      </c>
      <c r="I286" s="8" t="s">
        <v>71</v>
      </c>
      <c r="J286" s="8">
        <v>1</v>
      </c>
      <c r="K286" s="8" t="s">
        <v>514</v>
      </c>
      <c r="L286" s="8">
        <v>2</v>
      </c>
      <c r="M286" s="8">
        <v>2</v>
      </c>
      <c r="N286" s="70" t="s">
        <v>624</v>
      </c>
      <c r="O286" s="257"/>
    </row>
    <row r="287" spans="1:15" ht="18.75" hidden="1" customHeight="1">
      <c r="A287" s="17"/>
      <c r="B287" s="17"/>
      <c r="C287" s="17" t="s">
        <v>84</v>
      </c>
      <c r="D287" s="139" t="s">
        <v>428</v>
      </c>
      <c r="E287" s="17"/>
      <c r="F287" s="17"/>
      <c r="G287" s="17"/>
      <c r="H287" s="17" t="s">
        <v>17</v>
      </c>
      <c r="I287" s="17" t="s">
        <v>71</v>
      </c>
      <c r="J287" s="17">
        <v>10</v>
      </c>
      <c r="K287" s="17"/>
      <c r="L287" s="17"/>
      <c r="M287" s="17"/>
      <c r="N287" s="138"/>
      <c r="O287" s="257"/>
    </row>
    <row r="288" spans="1:15" ht="18.75" hidden="1" customHeight="1">
      <c r="E288" s="8" t="s">
        <v>83</v>
      </c>
      <c r="F288" s="8">
        <v>374</v>
      </c>
      <c r="G288" s="8" t="s">
        <v>82</v>
      </c>
      <c r="H288" s="8" t="s">
        <v>66</v>
      </c>
      <c r="I288" s="8" t="s">
        <v>65</v>
      </c>
      <c r="J288" s="8">
        <v>1</v>
      </c>
      <c r="K288" s="8" t="s">
        <v>514</v>
      </c>
      <c r="L288" s="8">
        <v>3</v>
      </c>
      <c r="M288" s="8">
        <v>3</v>
      </c>
      <c r="N288" s="72" t="s">
        <v>663</v>
      </c>
      <c r="O288" s="257"/>
    </row>
    <row r="289" spans="1:15" ht="18.75" hidden="1" customHeight="1">
      <c r="E289" s="8" t="s">
        <v>81</v>
      </c>
      <c r="F289" s="8">
        <v>373</v>
      </c>
      <c r="G289" s="8" t="s">
        <v>1</v>
      </c>
      <c r="H289" s="8" t="s">
        <v>78</v>
      </c>
      <c r="I289" s="8" t="s">
        <v>71</v>
      </c>
      <c r="J289" s="8">
        <v>1</v>
      </c>
      <c r="K289" s="8" t="s">
        <v>519</v>
      </c>
      <c r="L289" s="8">
        <v>8</v>
      </c>
      <c r="M289" s="8">
        <v>8</v>
      </c>
      <c r="O289" s="257"/>
    </row>
    <row r="290" spans="1:15" ht="18.75" hidden="1" customHeight="1">
      <c r="E290" s="8" t="s">
        <v>80</v>
      </c>
      <c r="F290" s="8">
        <v>337</v>
      </c>
      <c r="G290" s="8" t="s">
        <v>79</v>
      </c>
      <c r="H290" s="8" t="s">
        <v>78</v>
      </c>
      <c r="I290" s="8" t="s">
        <v>71</v>
      </c>
      <c r="J290" s="8">
        <v>1</v>
      </c>
      <c r="K290" s="8" t="s">
        <v>518</v>
      </c>
      <c r="L290" s="8">
        <v>4</v>
      </c>
      <c r="M290" s="8">
        <v>8</v>
      </c>
      <c r="O290" s="257"/>
    </row>
    <row r="291" spans="1:15" ht="18.75" hidden="1" customHeight="1">
      <c r="E291" s="8" t="s">
        <v>77</v>
      </c>
      <c r="F291" s="8">
        <v>623</v>
      </c>
      <c r="G291" s="8" t="s">
        <v>76</v>
      </c>
      <c r="H291" s="8" t="s">
        <v>17</v>
      </c>
      <c r="I291" s="8" t="s">
        <v>71</v>
      </c>
      <c r="J291" s="8">
        <v>1</v>
      </c>
      <c r="K291" s="8" t="s">
        <v>514</v>
      </c>
      <c r="L291" s="8">
        <v>2</v>
      </c>
      <c r="M291" s="8">
        <v>2</v>
      </c>
      <c r="N291" s="70" t="s">
        <v>624</v>
      </c>
      <c r="O291" s="257"/>
    </row>
    <row r="292" spans="1:15" ht="18.75" hidden="1" customHeight="1">
      <c r="A292" s="17"/>
      <c r="B292" s="17"/>
      <c r="C292" s="17" t="s">
        <v>84</v>
      </c>
      <c r="D292" s="139" t="s">
        <v>428</v>
      </c>
      <c r="E292" s="17"/>
      <c r="F292" s="17"/>
      <c r="G292" s="17"/>
      <c r="H292" s="17" t="s">
        <v>17</v>
      </c>
      <c r="I292" s="17" t="s">
        <v>71</v>
      </c>
      <c r="J292" s="17">
        <v>10</v>
      </c>
      <c r="K292" s="17"/>
      <c r="L292" s="17"/>
      <c r="M292" s="17"/>
      <c r="N292" s="138"/>
      <c r="O292" s="257"/>
    </row>
    <row r="293" spans="1:15" ht="18.75" hidden="1" customHeight="1">
      <c r="E293" s="8" t="s">
        <v>83</v>
      </c>
      <c r="F293" s="8">
        <v>374</v>
      </c>
      <c r="G293" s="8" t="s">
        <v>82</v>
      </c>
      <c r="H293" s="8" t="s">
        <v>66</v>
      </c>
      <c r="I293" s="8" t="s">
        <v>65</v>
      </c>
      <c r="J293" s="8">
        <v>1</v>
      </c>
      <c r="K293" s="8" t="s">
        <v>514</v>
      </c>
      <c r="L293" s="8">
        <v>3</v>
      </c>
      <c r="M293" s="8">
        <v>3</v>
      </c>
      <c r="N293" s="72" t="s">
        <v>664</v>
      </c>
      <c r="O293" s="257"/>
    </row>
    <row r="294" spans="1:15" ht="18.75" hidden="1" customHeight="1">
      <c r="E294" s="8" t="s">
        <v>81</v>
      </c>
      <c r="F294" s="8">
        <v>373</v>
      </c>
      <c r="G294" s="8" t="s">
        <v>1</v>
      </c>
      <c r="H294" s="8" t="s">
        <v>78</v>
      </c>
      <c r="I294" s="8" t="s">
        <v>71</v>
      </c>
      <c r="J294" s="8">
        <v>1</v>
      </c>
      <c r="K294" s="8" t="s">
        <v>519</v>
      </c>
      <c r="L294" s="8">
        <v>8</v>
      </c>
      <c r="M294" s="8">
        <v>8</v>
      </c>
      <c r="O294" s="257"/>
    </row>
    <row r="295" spans="1:15" ht="18.75" hidden="1" customHeight="1">
      <c r="E295" s="8" t="s">
        <v>80</v>
      </c>
      <c r="F295" s="8">
        <v>337</v>
      </c>
      <c r="G295" s="8" t="s">
        <v>79</v>
      </c>
      <c r="H295" s="8" t="s">
        <v>78</v>
      </c>
      <c r="I295" s="8" t="s">
        <v>71</v>
      </c>
      <c r="J295" s="8">
        <v>1</v>
      </c>
      <c r="K295" s="8" t="s">
        <v>518</v>
      </c>
      <c r="L295" s="8">
        <v>4</v>
      </c>
      <c r="M295" s="8">
        <v>8</v>
      </c>
      <c r="O295" s="257"/>
    </row>
    <row r="296" spans="1:15" ht="18.75" hidden="1" customHeight="1">
      <c r="E296" s="8" t="s">
        <v>77</v>
      </c>
      <c r="F296" s="8">
        <v>623</v>
      </c>
      <c r="G296" s="8" t="s">
        <v>76</v>
      </c>
      <c r="H296" s="8" t="s">
        <v>17</v>
      </c>
      <c r="I296" s="8" t="s">
        <v>71</v>
      </c>
      <c r="J296" s="8">
        <v>1</v>
      </c>
      <c r="K296" s="8" t="s">
        <v>514</v>
      </c>
      <c r="L296" s="8">
        <v>2</v>
      </c>
      <c r="M296" s="8">
        <v>2</v>
      </c>
      <c r="N296" s="70" t="s">
        <v>624</v>
      </c>
      <c r="O296" s="257"/>
    </row>
    <row r="297" spans="1:15" ht="18.75" hidden="1" customHeight="1">
      <c r="A297" s="17"/>
      <c r="B297" s="17"/>
      <c r="C297" s="17" t="s">
        <v>84</v>
      </c>
      <c r="D297" s="139" t="s">
        <v>428</v>
      </c>
      <c r="E297" s="17"/>
      <c r="F297" s="17"/>
      <c r="G297" s="17"/>
      <c r="H297" s="17" t="s">
        <v>17</v>
      </c>
      <c r="I297" s="17" t="s">
        <v>71</v>
      </c>
      <c r="J297" s="17">
        <v>10</v>
      </c>
      <c r="K297" s="17"/>
      <c r="L297" s="17"/>
      <c r="M297" s="17"/>
      <c r="N297" s="138"/>
      <c r="O297" s="257"/>
    </row>
    <row r="298" spans="1:15" ht="18.75" hidden="1" customHeight="1">
      <c r="E298" s="8" t="s">
        <v>83</v>
      </c>
      <c r="F298" s="8">
        <v>374</v>
      </c>
      <c r="G298" s="8" t="s">
        <v>82</v>
      </c>
      <c r="H298" s="8" t="s">
        <v>66</v>
      </c>
      <c r="I298" s="8" t="s">
        <v>65</v>
      </c>
      <c r="J298" s="8">
        <v>1</v>
      </c>
      <c r="K298" s="8" t="s">
        <v>514</v>
      </c>
      <c r="L298" s="8">
        <v>3</v>
      </c>
      <c r="M298" s="8">
        <v>3</v>
      </c>
      <c r="N298" s="72" t="s">
        <v>665</v>
      </c>
      <c r="O298" s="257"/>
    </row>
    <row r="299" spans="1:15" ht="18.75" hidden="1" customHeight="1">
      <c r="E299" s="8" t="s">
        <v>81</v>
      </c>
      <c r="F299" s="8">
        <v>373</v>
      </c>
      <c r="G299" s="8" t="s">
        <v>1</v>
      </c>
      <c r="H299" s="8" t="s">
        <v>78</v>
      </c>
      <c r="I299" s="8" t="s">
        <v>71</v>
      </c>
      <c r="J299" s="8">
        <v>1</v>
      </c>
      <c r="K299" s="8" t="s">
        <v>519</v>
      </c>
      <c r="L299" s="8">
        <v>8</v>
      </c>
      <c r="M299" s="8">
        <v>8</v>
      </c>
      <c r="O299" s="257"/>
    </row>
    <row r="300" spans="1:15" ht="18.75" hidden="1" customHeight="1">
      <c r="E300" s="8" t="s">
        <v>80</v>
      </c>
      <c r="F300" s="8">
        <v>337</v>
      </c>
      <c r="G300" s="8" t="s">
        <v>79</v>
      </c>
      <c r="H300" s="8" t="s">
        <v>78</v>
      </c>
      <c r="I300" s="8" t="s">
        <v>71</v>
      </c>
      <c r="J300" s="8">
        <v>1</v>
      </c>
      <c r="K300" s="8" t="s">
        <v>518</v>
      </c>
      <c r="L300" s="8">
        <v>4</v>
      </c>
      <c r="M300" s="8">
        <v>8</v>
      </c>
      <c r="O300" s="257"/>
    </row>
    <row r="301" spans="1:15" ht="18.75" hidden="1" customHeight="1">
      <c r="E301" s="8" t="s">
        <v>77</v>
      </c>
      <c r="F301" s="8">
        <v>623</v>
      </c>
      <c r="G301" s="8" t="s">
        <v>76</v>
      </c>
      <c r="H301" s="8" t="s">
        <v>17</v>
      </c>
      <c r="I301" s="8" t="s">
        <v>71</v>
      </c>
      <c r="J301" s="8">
        <v>1</v>
      </c>
      <c r="K301" s="8" t="s">
        <v>514</v>
      </c>
      <c r="L301" s="8">
        <v>2</v>
      </c>
      <c r="M301" s="8">
        <v>2</v>
      </c>
      <c r="N301" s="70" t="s">
        <v>624</v>
      </c>
      <c r="O301" s="257"/>
    </row>
    <row r="302" spans="1:15" ht="18.75" hidden="1" customHeight="1">
      <c r="A302" s="17"/>
      <c r="B302" s="17"/>
      <c r="C302" s="17" t="s">
        <v>298</v>
      </c>
      <c r="D302" s="139" t="s">
        <v>426</v>
      </c>
      <c r="E302" s="17"/>
      <c r="F302" s="17"/>
      <c r="G302" s="17"/>
      <c r="H302" s="17" t="s">
        <v>17</v>
      </c>
      <c r="I302" s="17" t="s">
        <v>71</v>
      </c>
      <c r="J302" s="17">
        <v>200</v>
      </c>
      <c r="K302" s="17"/>
      <c r="L302" s="17"/>
      <c r="M302" s="17"/>
      <c r="N302" s="138"/>
      <c r="O302" s="257"/>
    </row>
    <row r="303" spans="1:15" ht="18.75" hidden="1" customHeight="1">
      <c r="E303" s="10" t="s">
        <v>297</v>
      </c>
      <c r="F303" s="8">
        <v>349</v>
      </c>
      <c r="G303" s="10" t="s">
        <v>201</v>
      </c>
      <c r="H303" s="10" t="s">
        <v>66</v>
      </c>
      <c r="I303" s="10" t="s">
        <v>65</v>
      </c>
      <c r="J303" s="8">
        <v>1</v>
      </c>
      <c r="K303" s="8" t="s">
        <v>514</v>
      </c>
      <c r="L303" s="8">
        <v>1</v>
      </c>
      <c r="M303" s="8">
        <v>1</v>
      </c>
      <c r="N303" s="93" t="s">
        <v>666</v>
      </c>
      <c r="O303" s="257"/>
    </row>
    <row r="304" spans="1:15" ht="18.75" hidden="1" customHeight="1">
      <c r="E304" s="10" t="s">
        <v>296</v>
      </c>
      <c r="F304" s="8">
        <v>750</v>
      </c>
      <c r="G304" s="10" t="s">
        <v>295</v>
      </c>
      <c r="H304" s="10" t="s">
        <v>17</v>
      </c>
      <c r="I304" s="10" t="s">
        <v>71</v>
      </c>
      <c r="J304" s="8">
        <v>1</v>
      </c>
      <c r="K304" s="8" t="s">
        <v>514</v>
      </c>
      <c r="L304" s="8">
        <v>2</v>
      </c>
      <c r="M304" s="8">
        <v>3</v>
      </c>
      <c r="N304" s="93" t="s">
        <v>667</v>
      </c>
      <c r="O304" s="257"/>
    </row>
    <row r="305" spans="1:15" ht="18.75" hidden="1" customHeight="1">
      <c r="E305" s="140" t="s">
        <v>294</v>
      </c>
      <c r="F305" s="19">
        <v>559</v>
      </c>
      <c r="G305" s="140" t="s">
        <v>197</v>
      </c>
      <c r="H305" s="140" t="s">
        <v>78</v>
      </c>
      <c r="I305" s="140" t="s">
        <v>96</v>
      </c>
      <c r="J305" s="19">
        <v>1</v>
      </c>
      <c r="K305" s="19" t="s">
        <v>514</v>
      </c>
      <c r="L305" s="19">
        <v>2</v>
      </c>
      <c r="M305" s="19">
        <v>2</v>
      </c>
      <c r="N305" s="146"/>
      <c r="O305" s="257"/>
    </row>
    <row r="306" spans="1:15" ht="18.75" hidden="1" customHeight="1">
      <c r="E306" s="140" t="s">
        <v>293</v>
      </c>
      <c r="F306" s="19">
        <v>751</v>
      </c>
      <c r="G306" s="140" t="s">
        <v>292</v>
      </c>
      <c r="H306" s="140" t="s">
        <v>78</v>
      </c>
      <c r="I306" s="140" t="s">
        <v>96</v>
      </c>
      <c r="J306" s="19">
        <v>1</v>
      </c>
      <c r="K306" s="19" t="s">
        <v>509</v>
      </c>
      <c r="L306" s="19">
        <v>1</v>
      </c>
      <c r="M306" s="19">
        <v>12</v>
      </c>
      <c r="N306" s="146"/>
      <c r="O306" s="257"/>
    </row>
    <row r="307" spans="1:15" ht="18.75" hidden="1" customHeight="1">
      <c r="E307" s="10" t="s">
        <v>291</v>
      </c>
      <c r="F307" s="8">
        <v>352</v>
      </c>
      <c r="G307" s="10" t="s">
        <v>3</v>
      </c>
      <c r="H307" s="10" t="s">
        <v>78</v>
      </c>
      <c r="I307" s="10" t="s">
        <v>71</v>
      </c>
      <c r="J307" s="8">
        <v>1</v>
      </c>
      <c r="K307" s="8" t="s">
        <v>509</v>
      </c>
      <c r="L307" s="8">
        <v>1</v>
      </c>
      <c r="M307" s="8">
        <v>80</v>
      </c>
      <c r="N307" s="93"/>
      <c r="O307" s="257"/>
    </row>
    <row r="308" spans="1:15" ht="18.75" hidden="1" customHeight="1">
      <c r="E308" s="140" t="s">
        <v>305</v>
      </c>
      <c r="F308" s="19">
        <v>752</v>
      </c>
      <c r="G308" s="140" t="s">
        <v>304</v>
      </c>
      <c r="H308" s="140" t="s">
        <v>17</v>
      </c>
      <c r="I308" s="140" t="s">
        <v>96</v>
      </c>
      <c r="J308" s="19">
        <v>1</v>
      </c>
      <c r="K308" s="19" t="s">
        <v>514</v>
      </c>
      <c r="L308" s="19">
        <v>2</v>
      </c>
      <c r="M308" s="19">
        <v>2</v>
      </c>
      <c r="N308" s="146"/>
      <c r="O308" s="257"/>
    </row>
    <row r="309" spans="1:15" ht="18.75" hidden="1" customHeight="1">
      <c r="E309" s="140" t="s">
        <v>303</v>
      </c>
      <c r="F309" s="19">
        <v>822</v>
      </c>
      <c r="G309" s="140" t="s">
        <v>302</v>
      </c>
      <c r="H309" s="140" t="s">
        <v>17</v>
      </c>
      <c r="I309" s="140" t="s">
        <v>96</v>
      </c>
      <c r="J309" s="19">
        <v>1</v>
      </c>
      <c r="K309" s="19" t="s">
        <v>509</v>
      </c>
      <c r="L309" s="19">
        <v>1</v>
      </c>
      <c r="M309" s="19">
        <v>15</v>
      </c>
      <c r="N309" s="146"/>
      <c r="O309" s="257"/>
    </row>
    <row r="310" spans="1:15" ht="18.75" hidden="1" customHeight="1">
      <c r="E310" s="140" t="s">
        <v>301</v>
      </c>
      <c r="F310" s="19">
        <v>1073</v>
      </c>
      <c r="G310" s="140" t="s">
        <v>300</v>
      </c>
      <c r="H310" s="140" t="s">
        <v>17</v>
      </c>
      <c r="I310" s="140" t="s">
        <v>96</v>
      </c>
      <c r="J310" s="19">
        <v>1</v>
      </c>
      <c r="K310" s="19" t="s">
        <v>514</v>
      </c>
      <c r="L310" s="19">
        <v>1</v>
      </c>
      <c r="M310" s="19">
        <v>1</v>
      </c>
      <c r="N310" s="146"/>
      <c r="O310" s="257"/>
    </row>
    <row r="311" spans="1:15" ht="18.75" hidden="1" customHeight="1">
      <c r="E311" s="10" t="s">
        <v>299</v>
      </c>
      <c r="F311" s="8">
        <v>819</v>
      </c>
      <c r="G311" s="10" t="s">
        <v>253</v>
      </c>
      <c r="H311" s="10" t="s">
        <v>17</v>
      </c>
      <c r="I311" s="10" t="s">
        <v>71</v>
      </c>
      <c r="J311" s="8">
        <v>1</v>
      </c>
      <c r="K311" s="8" t="s">
        <v>514</v>
      </c>
      <c r="L311" s="8">
        <v>2</v>
      </c>
      <c r="M311" s="8">
        <v>3</v>
      </c>
      <c r="N311" s="70" t="s">
        <v>624</v>
      </c>
      <c r="O311" s="257"/>
    </row>
    <row r="312" spans="1:15" ht="18.75" hidden="1" customHeight="1">
      <c r="A312" s="17"/>
      <c r="B312" s="17"/>
      <c r="C312" s="17" t="s">
        <v>237</v>
      </c>
      <c r="D312" s="139" t="s">
        <v>517</v>
      </c>
      <c r="E312" s="17"/>
      <c r="F312" s="17"/>
      <c r="G312" s="17"/>
      <c r="H312" s="17" t="s">
        <v>17</v>
      </c>
      <c r="I312" s="17" t="s">
        <v>71</v>
      </c>
      <c r="J312" s="17" t="s">
        <v>525</v>
      </c>
      <c r="K312" s="17"/>
      <c r="L312" s="17"/>
      <c r="M312" s="17"/>
      <c r="N312" s="138"/>
      <c r="O312" s="257"/>
    </row>
    <row r="313" spans="1:15" ht="18.75" hidden="1" customHeight="1">
      <c r="E313" s="8" t="s">
        <v>236</v>
      </c>
      <c r="F313" s="8">
        <v>963</v>
      </c>
      <c r="G313" s="8" t="s">
        <v>235</v>
      </c>
      <c r="H313" s="8" t="s">
        <v>66</v>
      </c>
      <c r="I313" s="8" t="s">
        <v>65</v>
      </c>
      <c r="J313" s="8">
        <v>1</v>
      </c>
      <c r="K313" s="8" t="s">
        <v>514</v>
      </c>
      <c r="L313" s="8">
        <v>2</v>
      </c>
      <c r="M313" s="8">
        <v>2</v>
      </c>
      <c r="N313" s="72" t="s">
        <v>668</v>
      </c>
      <c r="O313" s="257"/>
    </row>
    <row r="314" spans="1:15" ht="18.75" hidden="1" customHeight="1">
      <c r="E314" s="8" t="s">
        <v>234</v>
      </c>
      <c r="F314" s="8">
        <v>782</v>
      </c>
      <c r="G314" s="8" t="s">
        <v>67</v>
      </c>
      <c r="H314" s="8" t="s">
        <v>78</v>
      </c>
      <c r="I314" s="8" t="s">
        <v>71</v>
      </c>
      <c r="J314" s="8">
        <v>1</v>
      </c>
      <c r="K314" s="8" t="s">
        <v>438</v>
      </c>
      <c r="L314" s="8">
        <v>1</v>
      </c>
      <c r="M314" s="8">
        <v>18</v>
      </c>
      <c r="O314" s="257"/>
    </row>
    <row r="315" spans="1:15" ht="18.75" hidden="1" customHeight="1">
      <c r="A315" s="17"/>
      <c r="B315" s="17"/>
      <c r="C315" s="17" t="s">
        <v>237</v>
      </c>
      <c r="D315" s="139" t="s">
        <v>517</v>
      </c>
      <c r="E315" s="17"/>
      <c r="F315" s="17"/>
      <c r="G315" s="17"/>
      <c r="H315" s="17" t="s">
        <v>17</v>
      </c>
      <c r="I315" s="17" t="s">
        <v>71</v>
      </c>
      <c r="J315" s="17" t="s">
        <v>525</v>
      </c>
      <c r="K315" s="17"/>
      <c r="L315" s="17"/>
      <c r="M315" s="17"/>
      <c r="N315" s="138"/>
      <c r="O315" s="257"/>
    </row>
    <row r="316" spans="1:15" ht="18.75" hidden="1" customHeight="1">
      <c r="E316" s="8" t="s">
        <v>236</v>
      </c>
      <c r="F316" s="8">
        <v>963</v>
      </c>
      <c r="G316" s="8" t="s">
        <v>235</v>
      </c>
      <c r="H316" s="8" t="s">
        <v>66</v>
      </c>
      <c r="I316" s="8" t="s">
        <v>65</v>
      </c>
      <c r="J316" s="8">
        <v>1</v>
      </c>
      <c r="K316" s="8" t="s">
        <v>514</v>
      </c>
      <c r="L316" s="8">
        <v>2</v>
      </c>
      <c r="M316" s="8">
        <v>2</v>
      </c>
      <c r="N316" s="70" t="s">
        <v>624</v>
      </c>
      <c r="O316" s="257"/>
    </row>
    <row r="317" spans="1:15" ht="18.75" hidden="1" customHeight="1">
      <c r="E317" s="8" t="s">
        <v>234</v>
      </c>
      <c r="F317" s="8">
        <v>782</v>
      </c>
      <c r="G317" s="8" t="s">
        <v>67</v>
      </c>
      <c r="H317" s="8" t="s">
        <v>78</v>
      </c>
      <c r="I317" s="8" t="s">
        <v>71</v>
      </c>
      <c r="J317" s="8">
        <v>1</v>
      </c>
      <c r="K317" s="8" t="s">
        <v>438</v>
      </c>
      <c r="L317" s="8">
        <v>1</v>
      </c>
      <c r="M317" s="8">
        <v>18</v>
      </c>
      <c r="O317" s="257"/>
    </row>
    <row r="318" spans="1:15" ht="18.75" hidden="1" customHeight="1">
      <c r="E318" s="8" t="s">
        <v>233</v>
      </c>
      <c r="F318" s="8">
        <v>954</v>
      </c>
      <c r="G318" s="8" t="s">
        <v>232</v>
      </c>
      <c r="H318" s="8" t="s">
        <v>78</v>
      </c>
      <c r="I318" s="8" t="s">
        <v>71</v>
      </c>
      <c r="J318" s="8">
        <v>1</v>
      </c>
      <c r="K318" s="8" t="s">
        <v>438</v>
      </c>
      <c r="L318" s="8">
        <v>1</v>
      </c>
      <c r="M318" s="8">
        <v>10</v>
      </c>
      <c r="O318" s="257"/>
    </row>
    <row r="319" spans="1:15" ht="18.75" hidden="1" customHeight="1">
      <c r="D319" s="8"/>
      <c r="E319" s="8" t="s">
        <v>231</v>
      </c>
      <c r="F319" s="8">
        <v>955</v>
      </c>
      <c r="G319" s="10" t="s">
        <v>230</v>
      </c>
      <c r="H319" s="10" t="s">
        <v>78</v>
      </c>
      <c r="I319" s="10" t="s">
        <v>71</v>
      </c>
      <c r="J319" s="8">
        <v>1</v>
      </c>
      <c r="K319" s="8" t="s">
        <v>514</v>
      </c>
      <c r="L319" s="8">
        <v>2</v>
      </c>
      <c r="M319" s="8">
        <v>2</v>
      </c>
      <c r="N319" s="72" t="s">
        <v>669</v>
      </c>
      <c r="O319" s="257"/>
    </row>
    <row r="320" spans="1:15" ht="18.75" hidden="1" customHeight="1">
      <c r="D320" s="8"/>
      <c r="E320" s="8" t="s">
        <v>229</v>
      </c>
      <c r="F320" s="8">
        <v>956</v>
      </c>
      <c r="G320" s="10" t="s">
        <v>228</v>
      </c>
      <c r="H320" s="10" t="s">
        <v>78</v>
      </c>
      <c r="I320" s="10" t="s">
        <v>71</v>
      </c>
      <c r="J320" s="8">
        <v>1</v>
      </c>
      <c r="K320" s="8" t="s">
        <v>509</v>
      </c>
      <c r="L320" s="8">
        <v>1</v>
      </c>
      <c r="M320" s="8">
        <v>10</v>
      </c>
      <c r="O320" s="257"/>
    </row>
    <row r="321" spans="1:15" ht="18.75" hidden="1" customHeight="1">
      <c r="D321" s="8"/>
      <c r="E321" s="8" t="s">
        <v>227</v>
      </c>
      <c r="F321" s="8">
        <v>441</v>
      </c>
      <c r="G321" s="10" t="s">
        <v>226</v>
      </c>
      <c r="H321" s="10" t="s">
        <v>78</v>
      </c>
      <c r="I321" s="10" t="s">
        <v>71</v>
      </c>
      <c r="J321" s="8">
        <v>1</v>
      </c>
      <c r="K321" s="8" t="s">
        <v>514</v>
      </c>
      <c r="L321" s="8">
        <v>1</v>
      </c>
      <c r="M321" s="8">
        <v>1</v>
      </c>
      <c r="N321" s="70" t="s">
        <v>624</v>
      </c>
      <c r="O321" s="257"/>
    </row>
    <row r="322" spans="1:15" ht="18.75" hidden="1" customHeight="1">
      <c r="E322" s="19" t="s">
        <v>225</v>
      </c>
      <c r="F322" s="19">
        <v>662</v>
      </c>
      <c r="G322" s="19" t="s">
        <v>97</v>
      </c>
      <c r="H322" s="19" t="s">
        <v>17</v>
      </c>
      <c r="I322" s="19" t="s">
        <v>96</v>
      </c>
      <c r="J322" s="19">
        <v>1</v>
      </c>
      <c r="K322" s="19" t="s">
        <v>514</v>
      </c>
      <c r="L322" s="19">
        <v>1</v>
      </c>
      <c r="M322" s="19">
        <v>1</v>
      </c>
      <c r="N322" s="25"/>
      <c r="O322" s="257"/>
    </row>
    <row r="323" spans="1:15" ht="18.75" hidden="1" customHeight="1">
      <c r="D323" s="8"/>
      <c r="E323" s="8" t="s">
        <v>224</v>
      </c>
      <c r="F323" s="8">
        <v>828</v>
      </c>
      <c r="G323" s="10" t="s">
        <v>223</v>
      </c>
      <c r="H323" s="10" t="s">
        <v>17</v>
      </c>
      <c r="I323" s="10" t="s">
        <v>71</v>
      </c>
      <c r="J323" s="8">
        <v>1</v>
      </c>
      <c r="K323" s="8" t="s">
        <v>438</v>
      </c>
      <c r="L323" s="8">
        <v>1</v>
      </c>
      <c r="M323" s="8">
        <v>9</v>
      </c>
      <c r="O323" s="257"/>
    </row>
    <row r="324" spans="1:15" ht="18.75" hidden="1" customHeight="1">
      <c r="C324" s="11"/>
      <c r="D324" s="11"/>
      <c r="E324" s="33" t="s">
        <v>222</v>
      </c>
      <c r="F324" s="33">
        <v>325</v>
      </c>
      <c r="G324" s="33" t="s">
        <v>221</v>
      </c>
      <c r="H324" s="33" t="s">
        <v>17</v>
      </c>
      <c r="I324" s="33" t="s">
        <v>71</v>
      </c>
      <c r="J324" s="11">
        <v>1</v>
      </c>
      <c r="K324" s="11" t="s">
        <v>509</v>
      </c>
      <c r="L324" s="11">
        <v>1</v>
      </c>
      <c r="M324" s="11">
        <v>20</v>
      </c>
      <c r="N324" s="18"/>
      <c r="O324" s="257"/>
    </row>
    <row r="325" spans="1:15" ht="18.75" hidden="1" customHeight="1">
      <c r="D325" s="8"/>
      <c r="E325" s="8" t="s">
        <v>220</v>
      </c>
      <c r="F325" s="8">
        <v>350</v>
      </c>
      <c r="G325" s="10" t="s">
        <v>108</v>
      </c>
      <c r="H325" s="10" t="s">
        <v>17</v>
      </c>
      <c r="I325" s="10" t="s">
        <v>71</v>
      </c>
      <c r="J325" s="8">
        <v>1</v>
      </c>
      <c r="K325" s="8" t="s">
        <v>509</v>
      </c>
      <c r="L325" s="8">
        <v>1</v>
      </c>
      <c r="M325" s="8">
        <v>20</v>
      </c>
      <c r="O325" s="257"/>
    </row>
    <row r="326" spans="1:15" ht="18.75" hidden="1" customHeight="1">
      <c r="A326" s="17" t="s">
        <v>177</v>
      </c>
      <c r="B326" s="17" t="s">
        <v>126</v>
      </c>
      <c r="C326" s="17"/>
      <c r="D326" s="139"/>
      <c r="E326" s="17"/>
      <c r="F326" s="17"/>
      <c r="G326" s="17"/>
      <c r="H326" s="17" t="s">
        <v>17</v>
      </c>
      <c r="I326" s="17" t="s">
        <v>71</v>
      </c>
      <c r="J326" s="17">
        <v>1000</v>
      </c>
      <c r="K326" s="17"/>
      <c r="L326" s="17"/>
      <c r="M326" s="17"/>
      <c r="N326" s="138"/>
      <c r="O326" s="257"/>
    </row>
    <row r="327" spans="1:15" ht="18.75" hidden="1" customHeight="1">
      <c r="A327" s="17"/>
      <c r="B327" s="17"/>
      <c r="C327" s="17" t="s">
        <v>177</v>
      </c>
      <c r="D327" s="139" t="s">
        <v>126</v>
      </c>
      <c r="E327" s="17"/>
      <c r="F327" s="17"/>
      <c r="G327" s="17"/>
      <c r="H327" s="17" t="s">
        <v>66</v>
      </c>
      <c r="I327" s="17" t="s">
        <v>65</v>
      </c>
      <c r="J327" s="17">
        <v>1</v>
      </c>
      <c r="K327" s="17"/>
      <c r="L327" s="17"/>
      <c r="M327" s="17"/>
      <c r="N327" s="138"/>
      <c r="O327" s="257"/>
    </row>
    <row r="328" spans="1:15" ht="18.75" hidden="1" customHeight="1">
      <c r="E328" s="8" t="s">
        <v>176</v>
      </c>
      <c r="F328" s="8">
        <v>128</v>
      </c>
      <c r="G328" s="8" t="s">
        <v>128</v>
      </c>
      <c r="H328" s="8" t="s">
        <v>66</v>
      </c>
      <c r="I328" s="8" t="s">
        <v>65</v>
      </c>
      <c r="J328" s="8">
        <v>1</v>
      </c>
      <c r="K328" s="8" t="s">
        <v>514</v>
      </c>
      <c r="L328" s="8">
        <v>2</v>
      </c>
      <c r="M328" s="8">
        <v>3</v>
      </c>
      <c r="N328" s="72" t="s">
        <v>670</v>
      </c>
      <c r="O328" s="257"/>
    </row>
    <row r="329" spans="1:15" ht="18.75" hidden="1" customHeight="1">
      <c r="E329" s="8" t="s">
        <v>175</v>
      </c>
      <c r="F329" s="8">
        <v>127</v>
      </c>
      <c r="G329" s="8" t="s">
        <v>126</v>
      </c>
      <c r="H329" s="8" t="s">
        <v>78</v>
      </c>
      <c r="I329" s="8" t="s">
        <v>71</v>
      </c>
      <c r="J329" s="8">
        <v>1</v>
      </c>
      <c r="K329" s="8" t="s">
        <v>509</v>
      </c>
      <c r="L329" s="8">
        <v>1</v>
      </c>
      <c r="M329" s="8">
        <v>30</v>
      </c>
      <c r="O329" s="257"/>
    </row>
    <row r="330" spans="1:15" ht="18.75" hidden="1" customHeight="1">
      <c r="E330" s="8" t="s">
        <v>173</v>
      </c>
      <c r="F330" s="8">
        <v>369</v>
      </c>
      <c r="G330" s="8" t="s">
        <v>172</v>
      </c>
      <c r="H330" s="8" t="s">
        <v>78</v>
      </c>
      <c r="I330" s="8" t="s">
        <v>71</v>
      </c>
      <c r="J330" s="8">
        <v>1</v>
      </c>
      <c r="K330" s="8" t="s">
        <v>509</v>
      </c>
      <c r="L330" s="8">
        <v>1</v>
      </c>
      <c r="M330" s="8">
        <v>45</v>
      </c>
      <c r="O330" s="257"/>
    </row>
    <row r="331" spans="1:15" ht="18.75" hidden="1" customHeight="1">
      <c r="A331" s="17"/>
      <c r="B331" s="17"/>
      <c r="C331" s="17" t="s">
        <v>84</v>
      </c>
      <c r="D331" s="139" t="s">
        <v>428</v>
      </c>
      <c r="E331" s="17"/>
      <c r="F331" s="17"/>
      <c r="G331" s="17"/>
      <c r="H331" s="17" t="s">
        <v>17</v>
      </c>
      <c r="I331" s="17" t="s">
        <v>71</v>
      </c>
      <c r="J331" s="17" t="s">
        <v>525</v>
      </c>
      <c r="K331" s="17"/>
      <c r="L331" s="17"/>
      <c r="M331" s="17"/>
      <c r="N331" s="138"/>
      <c r="O331" s="257"/>
    </row>
    <row r="332" spans="1:15" ht="18.75" hidden="1" customHeight="1">
      <c r="E332" s="8" t="s">
        <v>83</v>
      </c>
      <c r="F332" s="8">
        <v>374</v>
      </c>
      <c r="G332" s="8" t="s">
        <v>82</v>
      </c>
      <c r="H332" s="8" t="s">
        <v>66</v>
      </c>
      <c r="I332" s="8" t="s">
        <v>65</v>
      </c>
      <c r="J332" s="8">
        <v>1</v>
      </c>
      <c r="K332" s="8" t="s">
        <v>514</v>
      </c>
      <c r="L332" s="8">
        <v>3</v>
      </c>
      <c r="M332" s="8">
        <v>3</v>
      </c>
      <c r="N332" s="72" t="s">
        <v>661</v>
      </c>
      <c r="O332" s="257"/>
    </row>
    <row r="333" spans="1:15" ht="18.75" hidden="1" customHeight="1">
      <c r="E333" s="19" t="s">
        <v>81</v>
      </c>
      <c r="F333" s="19">
        <v>373</v>
      </c>
      <c r="G333" s="19" t="s">
        <v>1</v>
      </c>
      <c r="H333" s="19" t="s">
        <v>78</v>
      </c>
      <c r="I333" s="19" t="s">
        <v>174</v>
      </c>
      <c r="J333" s="19">
        <v>1</v>
      </c>
      <c r="K333" s="19" t="s">
        <v>519</v>
      </c>
      <c r="L333" s="19">
        <v>8</v>
      </c>
      <c r="M333" s="19">
        <v>8</v>
      </c>
      <c r="N333" s="25"/>
      <c r="O333" s="257"/>
    </row>
    <row r="334" spans="1:15" ht="18.75" hidden="1" customHeight="1">
      <c r="E334" s="19" t="s">
        <v>80</v>
      </c>
      <c r="F334" s="19">
        <v>337</v>
      </c>
      <c r="G334" s="19" t="s">
        <v>79</v>
      </c>
      <c r="H334" s="19" t="s">
        <v>78</v>
      </c>
      <c r="I334" s="19" t="s">
        <v>174</v>
      </c>
      <c r="J334" s="19">
        <v>1</v>
      </c>
      <c r="K334" s="19" t="s">
        <v>518</v>
      </c>
      <c r="L334" s="19">
        <v>4</v>
      </c>
      <c r="M334" s="19">
        <v>8</v>
      </c>
      <c r="N334" s="25"/>
      <c r="O334" s="257"/>
    </row>
    <row r="335" spans="1:15" ht="18.75" hidden="1" customHeight="1">
      <c r="E335" s="19" t="s">
        <v>77</v>
      </c>
      <c r="F335" s="19">
        <v>623</v>
      </c>
      <c r="G335" s="19" t="s">
        <v>76</v>
      </c>
      <c r="H335" s="19" t="s">
        <v>17</v>
      </c>
      <c r="I335" s="19" t="s">
        <v>174</v>
      </c>
      <c r="J335" s="19">
        <v>1</v>
      </c>
      <c r="K335" s="19" t="s">
        <v>514</v>
      </c>
      <c r="L335" s="19">
        <v>2</v>
      </c>
      <c r="M335" s="19">
        <v>2</v>
      </c>
      <c r="N335" s="25"/>
      <c r="O335" s="257"/>
    </row>
    <row r="336" spans="1:15" ht="18.75" hidden="1" customHeight="1">
      <c r="E336" s="8" t="s">
        <v>358</v>
      </c>
      <c r="F336" s="8">
        <v>1250</v>
      </c>
      <c r="G336" s="8" t="s">
        <v>357</v>
      </c>
      <c r="H336" s="8" t="s">
        <v>78</v>
      </c>
      <c r="I336" s="8" t="s">
        <v>71</v>
      </c>
      <c r="J336" s="8">
        <v>1</v>
      </c>
      <c r="K336" s="8" t="s">
        <v>514</v>
      </c>
      <c r="L336" s="8">
        <v>2</v>
      </c>
      <c r="M336" s="8">
        <v>3</v>
      </c>
      <c r="N336" s="72" t="s">
        <v>671</v>
      </c>
      <c r="O336" s="257"/>
    </row>
    <row r="337" spans="1:15" ht="18.75" hidden="1" customHeight="1">
      <c r="E337" s="8" t="s">
        <v>356</v>
      </c>
      <c r="F337" s="8">
        <v>1251</v>
      </c>
      <c r="G337" s="8" t="s">
        <v>355</v>
      </c>
      <c r="H337" s="8" t="s">
        <v>78</v>
      </c>
      <c r="I337" s="8" t="s">
        <v>71</v>
      </c>
      <c r="J337" s="8">
        <v>1</v>
      </c>
      <c r="K337" s="8" t="s">
        <v>509</v>
      </c>
      <c r="L337" s="8">
        <v>1</v>
      </c>
      <c r="M337" s="8">
        <v>35</v>
      </c>
      <c r="O337" s="257"/>
    </row>
    <row r="338" spans="1:15" ht="18.75" hidden="1" customHeight="1">
      <c r="A338" s="17" t="s">
        <v>177</v>
      </c>
      <c r="B338" s="17" t="s">
        <v>126</v>
      </c>
      <c r="C338" s="17"/>
      <c r="D338" s="139"/>
      <c r="E338" s="17"/>
      <c r="F338" s="17"/>
      <c r="G338" s="17"/>
      <c r="H338" s="17" t="s">
        <v>17</v>
      </c>
      <c r="I338" s="17" t="s">
        <v>71</v>
      </c>
      <c r="J338" s="17">
        <v>1000</v>
      </c>
      <c r="K338" s="17"/>
      <c r="L338" s="17"/>
      <c r="M338" s="17"/>
      <c r="N338" s="138"/>
      <c r="O338" s="257"/>
    </row>
    <row r="339" spans="1:15" ht="18.75" hidden="1" customHeight="1">
      <c r="A339" s="17"/>
      <c r="B339" s="17"/>
      <c r="C339" s="17" t="s">
        <v>177</v>
      </c>
      <c r="D339" s="139" t="s">
        <v>126</v>
      </c>
      <c r="E339" s="17"/>
      <c r="F339" s="17"/>
      <c r="G339" s="17"/>
      <c r="H339" s="17" t="s">
        <v>66</v>
      </c>
      <c r="I339" s="17" t="s">
        <v>65</v>
      </c>
      <c r="J339" s="17">
        <v>1</v>
      </c>
      <c r="K339" s="17"/>
      <c r="L339" s="17"/>
      <c r="M339" s="17"/>
      <c r="N339" s="138"/>
      <c r="O339" s="257"/>
    </row>
    <row r="340" spans="1:15" ht="18.75" hidden="1" customHeight="1">
      <c r="E340" s="8" t="s">
        <v>176</v>
      </c>
      <c r="F340" s="8">
        <v>128</v>
      </c>
      <c r="G340" s="8" t="s">
        <v>128</v>
      </c>
      <c r="H340" s="8" t="s">
        <v>66</v>
      </c>
      <c r="I340" s="8" t="s">
        <v>65</v>
      </c>
      <c r="J340" s="8">
        <v>1</v>
      </c>
      <c r="K340" s="8" t="s">
        <v>514</v>
      </c>
      <c r="L340" s="8">
        <v>2</v>
      </c>
      <c r="M340" s="8">
        <v>3</v>
      </c>
      <c r="N340" s="72" t="s">
        <v>672</v>
      </c>
      <c r="O340" s="257"/>
    </row>
    <row r="341" spans="1:15" ht="18.75" hidden="1" customHeight="1">
      <c r="E341" s="8" t="s">
        <v>175</v>
      </c>
      <c r="F341" s="8">
        <v>127</v>
      </c>
      <c r="G341" s="8" t="s">
        <v>126</v>
      </c>
      <c r="H341" s="8" t="s">
        <v>78</v>
      </c>
      <c r="I341" s="8" t="s">
        <v>71</v>
      </c>
      <c r="J341" s="8">
        <v>1</v>
      </c>
      <c r="K341" s="8" t="s">
        <v>509</v>
      </c>
      <c r="L341" s="8">
        <v>1</v>
      </c>
      <c r="M341" s="8">
        <v>30</v>
      </c>
      <c r="O341" s="257"/>
    </row>
    <row r="342" spans="1:15" ht="18.75" hidden="1" customHeight="1">
      <c r="E342" s="8" t="s">
        <v>173</v>
      </c>
      <c r="F342" s="8">
        <v>369</v>
      </c>
      <c r="G342" s="8" t="s">
        <v>172</v>
      </c>
      <c r="H342" s="8" t="s">
        <v>78</v>
      </c>
      <c r="I342" s="8" t="s">
        <v>71</v>
      </c>
      <c r="J342" s="8">
        <v>1</v>
      </c>
      <c r="K342" s="8" t="s">
        <v>509</v>
      </c>
      <c r="L342" s="8">
        <v>1</v>
      </c>
      <c r="M342" s="8">
        <v>45</v>
      </c>
      <c r="N342" s="18" t="s">
        <v>673</v>
      </c>
      <c r="O342" s="257"/>
    </row>
    <row r="343" spans="1:15" ht="18.75" hidden="1" customHeight="1">
      <c r="A343" s="17"/>
      <c r="B343" s="17"/>
      <c r="C343" s="17" t="s">
        <v>87</v>
      </c>
      <c r="D343" s="139" t="s">
        <v>515</v>
      </c>
      <c r="E343" s="17"/>
      <c r="F343" s="17"/>
      <c r="G343" s="17"/>
      <c r="H343" s="17" t="s">
        <v>17</v>
      </c>
      <c r="I343" s="17" t="s">
        <v>71</v>
      </c>
      <c r="J343" s="17">
        <v>1000</v>
      </c>
      <c r="K343" s="17"/>
      <c r="L343" s="17"/>
      <c r="M343" s="17"/>
      <c r="N343" s="138"/>
      <c r="O343" s="257"/>
    </row>
    <row r="344" spans="1:15" ht="18.75" hidden="1" customHeight="1">
      <c r="E344" s="8" t="s">
        <v>86</v>
      </c>
      <c r="F344" s="8">
        <v>933</v>
      </c>
      <c r="G344" s="8" t="s">
        <v>85</v>
      </c>
      <c r="H344" s="8" t="s">
        <v>66</v>
      </c>
      <c r="I344" s="8" t="s">
        <v>65</v>
      </c>
      <c r="J344" s="8">
        <v>1</v>
      </c>
      <c r="K344" s="8" t="s">
        <v>509</v>
      </c>
      <c r="L344" s="8">
        <v>1</v>
      </c>
      <c r="M344" s="8">
        <v>264</v>
      </c>
      <c r="O344" s="257"/>
    </row>
    <row r="345" spans="1:15" ht="18.75" hidden="1" customHeight="1">
      <c r="E345" s="8" t="s">
        <v>179</v>
      </c>
      <c r="F345" s="8">
        <v>934</v>
      </c>
      <c r="G345" s="8" t="s">
        <v>178</v>
      </c>
      <c r="H345" s="8" t="s">
        <v>78</v>
      </c>
      <c r="I345" s="8" t="s">
        <v>71</v>
      </c>
      <c r="J345" s="8">
        <v>1</v>
      </c>
      <c r="K345" s="8" t="s">
        <v>514</v>
      </c>
      <c r="L345" s="8">
        <v>2</v>
      </c>
      <c r="M345" s="8">
        <v>2</v>
      </c>
      <c r="N345" s="18" t="s">
        <v>674</v>
      </c>
      <c r="O345" s="257"/>
    </row>
    <row r="346" spans="1:15" ht="18.75" hidden="1" customHeight="1">
      <c r="A346" s="17" t="s">
        <v>177</v>
      </c>
      <c r="B346" s="17" t="s">
        <v>126</v>
      </c>
      <c r="C346" s="17"/>
      <c r="D346" s="139"/>
      <c r="E346" s="17"/>
      <c r="F346" s="17"/>
      <c r="G346" s="17"/>
      <c r="H346" s="17" t="s">
        <v>17</v>
      </c>
      <c r="I346" s="17" t="s">
        <v>71</v>
      </c>
      <c r="J346" s="17">
        <v>1000</v>
      </c>
      <c r="K346" s="17"/>
      <c r="L346" s="17"/>
      <c r="M346" s="17"/>
      <c r="N346" s="138"/>
      <c r="O346" s="257"/>
    </row>
    <row r="347" spans="1:15" ht="18.75" hidden="1" customHeight="1">
      <c r="A347" s="17"/>
      <c r="B347" s="17"/>
      <c r="C347" s="17" t="s">
        <v>177</v>
      </c>
      <c r="D347" s="139" t="s">
        <v>126</v>
      </c>
      <c r="E347" s="17"/>
      <c r="F347" s="17"/>
      <c r="G347" s="17"/>
      <c r="H347" s="17" t="s">
        <v>66</v>
      </c>
      <c r="I347" s="17" t="s">
        <v>65</v>
      </c>
      <c r="J347" s="17">
        <v>1</v>
      </c>
      <c r="K347" s="17"/>
      <c r="L347" s="17"/>
      <c r="M347" s="17"/>
      <c r="N347" s="138"/>
      <c r="O347" s="257"/>
    </row>
    <row r="348" spans="1:15" ht="18.75" hidden="1" customHeight="1">
      <c r="E348" s="8" t="s">
        <v>176</v>
      </c>
      <c r="F348" s="8">
        <v>128</v>
      </c>
      <c r="G348" s="8" t="s">
        <v>128</v>
      </c>
      <c r="H348" s="8" t="s">
        <v>66</v>
      </c>
      <c r="I348" s="8" t="s">
        <v>65</v>
      </c>
      <c r="J348" s="8">
        <v>1</v>
      </c>
      <c r="K348" s="8" t="s">
        <v>514</v>
      </c>
      <c r="L348" s="8">
        <v>2</v>
      </c>
      <c r="M348" s="8">
        <v>3</v>
      </c>
      <c r="N348" s="72" t="s">
        <v>688</v>
      </c>
      <c r="O348" s="257"/>
    </row>
    <row r="349" spans="1:15" ht="18.75" hidden="1" customHeight="1">
      <c r="E349" s="8" t="s">
        <v>175</v>
      </c>
      <c r="F349" s="8">
        <v>127</v>
      </c>
      <c r="G349" s="8" t="s">
        <v>126</v>
      </c>
      <c r="H349" s="8" t="s">
        <v>78</v>
      </c>
      <c r="I349" s="8" t="s">
        <v>71</v>
      </c>
      <c r="J349" s="8">
        <v>1</v>
      </c>
      <c r="K349" s="8" t="s">
        <v>509</v>
      </c>
      <c r="L349" s="8">
        <v>1</v>
      </c>
      <c r="M349" s="8">
        <v>30</v>
      </c>
      <c r="O349" s="257"/>
    </row>
    <row r="350" spans="1:15" ht="18.75" hidden="1" customHeight="1">
      <c r="E350" s="8" t="s">
        <v>173</v>
      </c>
      <c r="F350" s="8">
        <v>369</v>
      </c>
      <c r="G350" s="8" t="s">
        <v>172</v>
      </c>
      <c r="H350" s="8" t="s">
        <v>78</v>
      </c>
      <c r="I350" s="8" t="s">
        <v>71</v>
      </c>
      <c r="J350" s="8">
        <v>1</v>
      </c>
      <c r="K350" s="8" t="s">
        <v>509</v>
      </c>
      <c r="L350" s="8">
        <v>1</v>
      </c>
      <c r="M350" s="8">
        <v>45</v>
      </c>
      <c r="N350" s="18" t="s">
        <v>673</v>
      </c>
      <c r="O350" s="257"/>
    </row>
    <row r="351" spans="1:15" ht="18.75" hidden="1" customHeight="1">
      <c r="A351" s="17"/>
      <c r="B351" s="17"/>
      <c r="C351" s="17" t="s">
        <v>87</v>
      </c>
      <c r="D351" s="139" t="s">
        <v>515</v>
      </c>
      <c r="E351" s="17"/>
      <c r="F351" s="17"/>
      <c r="G351" s="17"/>
      <c r="H351" s="17" t="s">
        <v>17</v>
      </c>
      <c r="I351" s="17" t="s">
        <v>71</v>
      </c>
      <c r="J351" s="17">
        <v>1000</v>
      </c>
      <c r="K351" s="17"/>
      <c r="L351" s="17"/>
      <c r="M351" s="17"/>
      <c r="N351" s="138"/>
      <c r="O351" s="257"/>
    </row>
    <row r="352" spans="1:15" ht="18.75" hidden="1" customHeight="1">
      <c r="E352" s="8" t="s">
        <v>86</v>
      </c>
      <c r="F352" s="8">
        <v>933</v>
      </c>
      <c r="G352" s="8" t="s">
        <v>85</v>
      </c>
      <c r="H352" s="8" t="s">
        <v>66</v>
      </c>
      <c r="I352" s="8" t="s">
        <v>65</v>
      </c>
      <c r="J352" s="8">
        <v>1</v>
      </c>
      <c r="K352" s="8" t="s">
        <v>509</v>
      </c>
      <c r="L352" s="8">
        <v>1</v>
      </c>
      <c r="M352" s="8">
        <v>264</v>
      </c>
      <c r="O352" s="257"/>
    </row>
    <row r="353" spans="1:15" ht="18.75" hidden="1" customHeight="1">
      <c r="E353" s="8" t="s">
        <v>179</v>
      </c>
      <c r="F353" s="8">
        <v>934</v>
      </c>
      <c r="G353" s="8" t="s">
        <v>178</v>
      </c>
      <c r="H353" s="8" t="s">
        <v>78</v>
      </c>
      <c r="I353" s="8" t="s">
        <v>71</v>
      </c>
      <c r="J353" s="8">
        <v>1</v>
      </c>
      <c r="K353" s="8" t="s">
        <v>514</v>
      </c>
      <c r="L353" s="8">
        <v>2</v>
      </c>
      <c r="M353" s="8">
        <v>2</v>
      </c>
      <c r="N353" s="18" t="s">
        <v>674</v>
      </c>
      <c r="O353" s="257"/>
    </row>
    <row r="354" spans="1:15" ht="18.75" hidden="1" customHeight="1">
      <c r="A354" s="17" t="s">
        <v>177</v>
      </c>
      <c r="B354" s="17" t="s">
        <v>126</v>
      </c>
      <c r="C354" s="17"/>
      <c r="D354" s="139"/>
      <c r="E354" s="17"/>
      <c r="F354" s="17"/>
      <c r="G354" s="17"/>
      <c r="H354" s="17" t="s">
        <v>17</v>
      </c>
      <c r="I354" s="17" t="s">
        <v>71</v>
      </c>
      <c r="J354" s="17">
        <v>1000</v>
      </c>
      <c r="K354" s="17"/>
      <c r="L354" s="17"/>
      <c r="M354" s="17"/>
      <c r="N354" s="138"/>
      <c r="O354" s="257"/>
    </row>
    <row r="355" spans="1:15" ht="18.75" hidden="1" customHeight="1">
      <c r="A355" s="17"/>
      <c r="B355" s="17"/>
      <c r="C355" s="17" t="s">
        <v>177</v>
      </c>
      <c r="D355" s="139" t="s">
        <v>126</v>
      </c>
      <c r="E355" s="17"/>
      <c r="F355" s="17"/>
      <c r="G355" s="17"/>
      <c r="H355" s="17" t="s">
        <v>66</v>
      </c>
      <c r="I355" s="17" t="s">
        <v>65</v>
      </c>
      <c r="J355" s="17">
        <v>1</v>
      </c>
      <c r="K355" s="17"/>
      <c r="L355" s="17"/>
      <c r="M355" s="17"/>
      <c r="N355" s="138"/>
      <c r="O355" s="257"/>
    </row>
    <row r="356" spans="1:15" ht="18.75" hidden="1" customHeight="1">
      <c r="E356" s="8" t="s">
        <v>176</v>
      </c>
      <c r="F356" s="8">
        <v>128</v>
      </c>
      <c r="G356" s="8" t="s">
        <v>128</v>
      </c>
      <c r="H356" s="8" t="s">
        <v>66</v>
      </c>
      <c r="I356" s="8" t="s">
        <v>65</v>
      </c>
      <c r="J356" s="8">
        <v>1</v>
      </c>
      <c r="K356" s="8" t="s">
        <v>514</v>
      </c>
      <c r="L356" s="8">
        <v>2</v>
      </c>
      <c r="M356" s="8">
        <v>3</v>
      </c>
      <c r="N356" s="72" t="s">
        <v>675</v>
      </c>
      <c r="O356" s="257"/>
    </row>
    <row r="357" spans="1:15" ht="18.75" hidden="1" customHeight="1">
      <c r="E357" s="8" t="s">
        <v>173</v>
      </c>
      <c r="F357" s="8">
        <v>369</v>
      </c>
      <c r="G357" s="8" t="s">
        <v>172</v>
      </c>
      <c r="H357" s="8" t="s">
        <v>78</v>
      </c>
      <c r="I357" s="8" t="s">
        <v>71</v>
      </c>
      <c r="J357" s="8">
        <v>1</v>
      </c>
      <c r="K357" s="8" t="s">
        <v>509</v>
      </c>
      <c r="L357" s="8">
        <v>1</v>
      </c>
      <c r="M357" s="8">
        <v>30</v>
      </c>
      <c r="N357" s="18" t="s">
        <v>676</v>
      </c>
      <c r="O357" s="257"/>
    </row>
    <row r="358" spans="1:15" ht="18.75" hidden="1" customHeight="1">
      <c r="A358" s="17"/>
      <c r="B358" s="17"/>
      <c r="C358" s="17" t="s">
        <v>87</v>
      </c>
      <c r="D358" s="139" t="s">
        <v>515</v>
      </c>
      <c r="E358" s="17"/>
      <c r="F358" s="17"/>
      <c r="G358" s="17"/>
      <c r="H358" s="17" t="s">
        <v>17</v>
      </c>
      <c r="I358" s="17" t="s">
        <v>71</v>
      </c>
      <c r="J358" s="17">
        <v>1000</v>
      </c>
      <c r="K358" s="17"/>
      <c r="L358" s="17"/>
      <c r="M358" s="17"/>
      <c r="N358" s="138"/>
      <c r="O358" s="257"/>
    </row>
    <row r="359" spans="1:15" ht="18.75" hidden="1" customHeight="1">
      <c r="E359" s="8" t="s">
        <v>86</v>
      </c>
      <c r="F359" s="8">
        <v>933</v>
      </c>
      <c r="G359" s="8" t="s">
        <v>85</v>
      </c>
      <c r="H359" s="8" t="s">
        <v>66</v>
      </c>
      <c r="I359" s="8" t="s">
        <v>65</v>
      </c>
      <c r="J359" s="8">
        <v>1</v>
      </c>
      <c r="K359" s="8" t="s">
        <v>509</v>
      </c>
      <c r="L359" s="8">
        <v>1</v>
      </c>
      <c r="M359" s="8">
        <v>264</v>
      </c>
      <c r="O359" s="257"/>
    </row>
    <row r="360" spans="1:15" ht="18.75" hidden="1" customHeight="1">
      <c r="E360" s="8" t="s">
        <v>179</v>
      </c>
      <c r="F360" s="8">
        <v>934</v>
      </c>
      <c r="G360" s="8" t="s">
        <v>178</v>
      </c>
      <c r="H360" s="8" t="s">
        <v>78</v>
      </c>
      <c r="I360" s="8" t="s">
        <v>71</v>
      </c>
      <c r="J360" s="8">
        <v>1</v>
      </c>
      <c r="K360" s="8" t="s">
        <v>514</v>
      </c>
      <c r="L360" s="8">
        <v>2</v>
      </c>
      <c r="M360" s="8">
        <v>2</v>
      </c>
      <c r="N360" s="18" t="s">
        <v>674</v>
      </c>
      <c r="O360" s="257"/>
    </row>
    <row r="361" spans="1:15" ht="18.75" hidden="1" customHeight="1">
      <c r="A361" s="17" t="s">
        <v>177</v>
      </c>
      <c r="B361" s="17" t="s">
        <v>126</v>
      </c>
      <c r="C361" s="17"/>
      <c r="D361" s="139"/>
      <c r="E361" s="17"/>
      <c r="F361" s="17"/>
      <c r="G361" s="17"/>
      <c r="H361" s="17" t="s">
        <v>17</v>
      </c>
      <c r="I361" s="17" t="s">
        <v>71</v>
      </c>
      <c r="J361" s="17">
        <v>1000</v>
      </c>
      <c r="K361" s="17"/>
      <c r="L361" s="17"/>
      <c r="M361" s="17"/>
      <c r="N361" s="138"/>
      <c r="O361" s="257"/>
    </row>
    <row r="362" spans="1:15" ht="18.75" hidden="1" customHeight="1">
      <c r="A362" s="17"/>
      <c r="B362" s="17"/>
      <c r="C362" s="17" t="s">
        <v>177</v>
      </c>
      <c r="D362" s="139" t="s">
        <v>126</v>
      </c>
      <c r="E362" s="17"/>
      <c r="F362" s="17"/>
      <c r="G362" s="17"/>
      <c r="H362" s="17" t="s">
        <v>66</v>
      </c>
      <c r="I362" s="17" t="s">
        <v>65</v>
      </c>
      <c r="J362" s="17">
        <v>1</v>
      </c>
      <c r="K362" s="17"/>
      <c r="L362" s="17"/>
      <c r="M362" s="17"/>
      <c r="N362" s="138"/>
      <c r="O362" s="257"/>
    </row>
    <row r="363" spans="1:15" ht="18.75" hidden="1" customHeight="1">
      <c r="E363" s="8" t="s">
        <v>176</v>
      </c>
      <c r="F363" s="8">
        <v>128</v>
      </c>
      <c r="G363" s="8" t="s">
        <v>128</v>
      </c>
      <c r="H363" s="8" t="s">
        <v>66</v>
      </c>
      <c r="I363" s="8" t="s">
        <v>65</v>
      </c>
      <c r="J363" s="8">
        <v>1</v>
      </c>
      <c r="K363" s="8" t="s">
        <v>514</v>
      </c>
      <c r="L363" s="8">
        <v>2</v>
      </c>
      <c r="M363" s="8">
        <v>3</v>
      </c>
      <c r="N363" s="72" t="s">
        <v>627</v>
      </c>
      <c r="O363" s="257"/>
    </row>
    <row r="364" spans="1:15" ht="18.75" hidden="1" customHeight="1">
      <c r="E364" s="8" t="s">
        <v>175</v>
      </c>
      <c r="F364" s="8">
        <v>127</v>
      </c>
      <c r="G364" s="8" t="s">
        <v>126</v>
      </c>
      <c r="H364" s="8" t="s">
        <v>78</v>
      </c>
      <c r="I364" s="8" t="s">
        <v>71</v>
      </c>
      <c r="J364" s="8">
        <v>1</v>
      </c>
      <c r="K364" s="8" t="s">
        <v>509</v>
      </c>
      <c r="L364" s="8">
        <v>1</v>
      </c>
      <c r="M364" s="8">
        <v>30</v>
      </c>
      <c r="N364" s="93"/>
      <c r="O364" s="257"/>
    </row>
    <row r="365" spans="1:15" ht="18.75" hidden="1" customHeight="1">
      <c r="E365" s="8" t="s">
        <v>173</v>
      </c>
      <c r="F365" s="8">
        <v>369</v>
      </c>
      <c r="G365" s="8" t="s">
        <v>172</v>
      </c>
      <c r="H365" s="8" t="s">
        <v>78</v>
      </c>
      <c r="I365" s="8" t="s">
        <v>71</v>
      </c>
      <c r="J365" s="8">
        <v>1</v>
      </c>
      <c r="K365" s="8" t="s">
        <v>509</v>
      </c>
      <c r="L365" s="8">
        <v>1</v>
      </c>
      <c r="M365" s="8">
        <v>45</v>
      </c>
      <c r="N365" s="72" t="s">
        <v>677</v>
      </c>
      <c r="O365" s="257"/>
    </row>
    <row r="366" spans="1:15" ht="18.75" hidden="1" customHeight="1">
      <c r="A366" s="17"/>
      <c r="B366" s="17"/>
      <c r="C366" s="17" t="s">
        <v>87</v>
      </c>
      <c r="D366" s="139" t="s">
        <v>515</v>
      </c>
      <c r="E366" s="17"/>
      <c r="F366" s="17"/>
      <c r="G366" s="17"/>
      <c r="H366" s="17" t="s">
        <v>17</v>
      </c>
      <c r="I366" s="17" t="s">
        <v>71</v>
      </c>
      <c r="J366" s="17">
        <v>1000</v>
      </c>
      <c r="K366" s="17"/>
      <c r="L366" s="17"/>
      <c r="M366" s="17"/>
      <c r="N366" s="138"/>
      <c r="O366" s="257"/>
    </row>
    <row r="367" spans="1:15" ht="18.75" hidden="1" customHeight="1" outlineLevel="1">
      <c r="E367" s="8" t="s">
        <v>86</v>
      </c>
      <c r="F367" s="8">
        <v>933</v>
      </c>
      <c r="G367" s="8" t="s">
        <v>85</v>
      </c>
      <c r="H367" s="8" t="s">
        <v>66</v>
      </c>
      <c r="I367" s="8" t="s">
        <v>65</v>
      </c>
      <c r="J367" s="8">
        <v>1</v>
      </c>
      <c r="K367" s="8" t="s">
        <v>509</v>
      </c>
      <c r="L367" s="8">
        <v>1</v>
      </c>
      <c r="M367" s="8">
        <v>264</v>
      </c>
      <c r="O367" s="257"/>
    </row>
    <row r="368" spans="1:15" ht="18.75" hidden="1" customHeight="1" collapsed="1">
      <c r="A368" s="17" t="s">
        <v>177</v>
      </c>
      <c r="B368" s="17" t="s">
        <v>126</v>
      </c>
      <c r="C368" s="17"/>
      <c r="D368" s="139"/>
      <c r="E368" s="17"/>
      <c r="F368" s="17"/>
      <c r="G368" s="17"/>
      <c r="H368" s="17" t="s">
        <v>17</v>
      </c>
      <c r="I368" s="17" t="s">
        <v>71</v>
      </c>
      <c r="J368" s="17">
        <v>1000</v>
      </c>
      <c r="K368" s="17"/>
      <c r="L368" s="17"/>
      <c r="M368" s="17"/>
      <c r="N368" s="138"/>
      <c r="O368" s="257"/>
    </row>
    <row r="369" spans="1:16" ht="18.75" hidden="1" customHeight="1">
      <c r="A369" s="17"/>
      <c r="B369" s="17"/>
      <c r="C369" s="17" t="s">
        <v>177</v>
      </c>
      <c r="D369" s="139" t="s">
        <v>126</v>
      </c>
      <c r="E369" s="17"/>
      <c r="F369" s="17"/>
      <c r="G369" s="17"/>
      <c r="H369" s="17" t="s">
        <v>66</v>
      </c>
      <c r="I369" s="17" t="s">
        <v>65</v>
      </c>
      <c r="J369" s="17">
        <v>1</v>
      </c>
      <c r="K369" s="17"/>
      <c r="L369" s="17"/>
      <c r="M369" s="17"/>
      <c r="N369" s="138"/>
      <c r="O369" s="257"/>
    </row>
    <row r="370" spans="1:16" ht="18.75" hidden="1" customHeight="1">
      <c r="E370" s="8" t="s">
        <v>176</v>
      </c>
      <c r="F370" s="8">
        <v>128</v>
      </c>
      <c r="G370" s="8" t="s">
        <v>128</v>
      </c>
      <c r="H370" s="8" t="s">
        <v>66</v>
      </c>
      <c r="I370" s="8" t="s">
        <v>65</v>
      </c>
      <c r="J370" s="8">
        <v>1</v>
      </c>
      <c r="K370" s="8" t="s">
        <v>514</v>
      </c>
      <c r="L370" s="8">
        <v>2</v>
      </c>
      <c r="M370" s="8">
        <v>3</v>
      </c>
      <c r="N370" s="72" t="s">
        <v>627</v>
      </c>
      <c r="O370" s="257"/>
    </row>
    <row r="371" spans="1:16" ht="18.75" hidden="1" customHeight="1">
      <c r="E371" s="8" t="s">
        <v>175</v>
      </c>
      <c r="F371" s="8">
        <v>127</v>
      </c>
      <c r="G371" s="8" t="s">
        <v>126</v>
      </c>
      <c r="H371" s="8" t="s">
        <v>78</v>
      </c>
      <c r="I371" s="8" t="s">
        <v>71</v>
      </c>
      <c r="J371" s="8">
        <v>1</v>
      </c>
      <c r="K371" s="8" t="s">
        <v>509</v>
      </c>
      <c r="L371" s="8">
        <v>1</v>
      </c>
      <c r="M371" s="8">
        <v>30</v>
      </c>
      <c r="N371" s="93"/>
      <c r="O371" s="257"/>
    </row>
    <row r="372" spans="1:16" ht="18.75" hidden="1" customHeight="1">
      <c r="E372" s="8" t="s">
        <v>173</v>
      </c>
      <c r="F372" s="8">
        <v>369</v>
      </c>
      <c r="G372" s="8" t="s">
        <v>172</v>
      </c>
      <c r="H372" s="8" t="s">
        <v>78</v>
      </c>
      <c r="I372" s="8" t="s">
        <v>71</v>
      </c>
      <c r="J372" s="8">
        <v>1</v>
      </c>
      <c r="K372" s="8" t="s">
        <v>509</v>
      </c>
      <c r="L372" s="8">
        <v>1</v>
      </c>
      <c r="M372" s="8">
        <v>45</v>
      </c>
      <c r="N372" s="72" t="s">
        <v>678</v>
      </c>
      <c r="O372" s="257"/>
    </row>
    <row r="373" spans="1:16" ht="18.75" hidden="1" customHeight="1">
      <c r="A373" s="17"/>
      <c r="B373" s="17"/>
      <c r="C373" s="17" t="s">
        <v>87</v>
      </c>
      <c r="D373" s="139" t="s">
        <v>515</v>
      </c>
      <c r="E373" s="17"/>
      <c r="F373" s="17"/>
      <c r="G373" s="17"/>
      <c r="H373" s="17" t="s">
        <v>17</v>
      </c>
      <c r="I373" s="17" t="s">
        <v>71</v>
      </c>
      <c r="J373" s="17">
        <v>1000</v>
      </c>
      <c r="K373" s="17"/>
      <c r="L373" s="17"/>
      <c r="M373" s="17"/>
      <c r="N373" s="138"/>
      <c r="O373" s="257"/>
    </row>
    <row r="374" spans="1:16" ht="18.75" hidden="1" customHeight="1">
      <c r="E374" s="8" t="s">
        <v>86</v>
      </c>
      <c r="F374" s="8">
        <v>933</v>
      </c>
      <c r="G374" s="8" t="s">
        <v>85</v>
      </c>
      <c r="H374" s="8" t="s">
        <v>66</v>
      </c>
      <c r="I374" s="8" t="s">
        <v>65</v>
      </c>
      <c r="J374" s="8">
        <v>1</v>
      </c>
      <c r="K374" s="8" t="s">
        <v>509</v>
      </c>
      <c r="L374" s="8">
        <v>1</v>
      </c>
      <c r="M374" s="8">
        <v>264</v>
      </c>
      <c r="O374" s="257"/>
    </row>
    <row r="375" spans="1:16">
      <c r="A375" s="17" t="s">
        <v>177</v>
      </c>
      <c r="B375" s="17" t="s">
        <v>126</v>
      </c>
      <c r="C375" s="17"/>
      <c r="D375" s="139"/>
      <c r="E375" s="17"/>
      <c r="F375" s="17"/>
      <c r="G375" s="17"/>
      <c r="H375" s="17" t="s">
        <v>17</v>
      </c>
      <c r="I375" s="17" t="s">
        <v>71</v>
      </c>
      <c r="J375" s="17">
        <v>1000</v>
      </c>
      <c r="K375" s="17"/>
      <c r="L375" s="17"/>
      <c r="M375" s="17"/>
      <c r="N375" s="138"/>
      <c r="O375" s="257" t="s">
        <v>924</v>
      </c>
      <c r="P375" s="257" t="s">
        <v>2020</v>
      </c>
    </row>
    <row r="376" spans="1:16" ht="18.75" hidden="1" customHeight="1" outlineLevel="1">
      <c r="A376" s="17"/>
      <c r="B376" s="17"/>
      <c r="C376" s="17" t="s">
        <v>177</v>
      </c>
      <c r="D376" s="139" t="s">
        <v>126</v>
      </c>
      <c r="E376" s="17"/>
      <c r="F376" s="17"/>
      <c r="G376" s="17"/>
      <c r="H376" s="17" t="s">
        <v>66</v>
      </c>
      <c r="I376" s="17" t="s">
        <v>65</v>
      </c>
      <c r="J376" s="17">
        <v>1</v>
      </c>
      <c r="K376" s="17"/>
      <c r="L376" s="17"/>
      <c r="M376" s="17"/>
      <c r="N376" s="138"/>
      <c r="O376" s="257" t="s">
        <v>925</v>
      </c>
    </row>
    <row r="377" spans="1:16" ht="18.75" hidden="1" customHeight="1" outlineLevel="1">
      <c r="E377" s="8" t="s">
        <v>176</v>
      </c>
      <c r="F377" s="8">
        <v>128</v>
      </c>
      <c r="G377" s="8" t="s">
        <v>128</v>
      </c>
      <c r="H377" s="8" t="s">
        <v>66</v>
      </c>
      <c r="I377" s="8" t="s">
        <v>65</v>
      </c>
      <c r="J377" s="8">
        <v>1</v>
      </c>
      <c r="K377" s="8" t="s">
        <v>514</v>
      </c>
      <c r="L377" s="8">
        <v>2</v>
      </c>
      <c r="M377" s="8">
        <v>3</v>
      </c>
      <c r="N377" s="72" t="s">
        <v>679</v>
      </c>
      <c r="O377" s="257" t="s">
        <v>926</v>
      </c>
    </row>
    <row r="378" spans="1:16" ht="18.75" hidden="1" customHeight="1" outlineLevel="1">
      <c r="E378" s="8" t="s">
        <v>175</v>
      </c>
      <c r="F378" s="8">
        <v>127</v>
      </c>
      <c r="G378" s="8" t="s">
        <v>126</v>
      </c>
      <c r="H378" s="8" t="s">
        <v>78</v>
      </c>
      <c r="I378" s="8" t="s">
        <v>65</v>
      </c>
      <c r="J378" s="8">
        <v>1</v>
      </c>
      <c r="K378" s="8" t="s">
        <v>509</v>
      </c>
      <c r="L378" s="8">
        <v>1</v>
      </c>
      <c r="M378" s="8">
        <v>30</v>
      </c>
      <c r="N378" s="72" t="s">
        <v>680</v>
      </c>
      <c r="O378" s="257" t="s">
        <v>1922</v>
      </c>
    </row>
    <row r="379" spans="1:16" ht="18.75" hidden="1" customHeight="1" outlineLevel="1">
      <c r="E379" s="8" t="s">
        <v>173</v>
      </c>
      <c r="F379" s="8">
        <v>369</v>
      </c>
      <c r="G379" s="8" t="s">
        <v>172</v>
      </c>
      <c r="H379" s="8" t="s">
        <v>78</v>
      </c>
      <c r="I379" s="8" t="s">
        <v>71</v>
      </c>
      <c r="J379" s="8">
        <v>1</v>
      </c>
      <c r="K379" s="8" t="s">
        <v>509</v>
      </c>
      <c r="L379" s="8">
        <v>1</v>
      </c>
      <c r="M379" s="8">
        <v>45</v>
      </c>
      <c r="O379" s="257" t="s">
        <v>974</v>
      </c>
    </row>
    <row r="380" spans="1:16" collapsed="1">
      <c r="A380" s="17"/>
      <c r="B380" s="17"/>
      <c r="C380" s="17" t="s">
        <v>87</v>
      </c>
      <c r="D380" s="139" t="s">
        <v>515</v>
      </c>
      <c r="E380" s="17"/>
      <c r="F380" s="17"/>
      <c r="G380" s="17"/>
      <c r="H380" s="17" t="s">
        <v>17</v>
      </c>
      <c r="I380" s="17" t="s">
        <v>71</v>
      </c>
      <c r="J380" s="17">
        <v>1000</v>
      </c>
      <c r="K380" s="17"/>
      <c r="L380" s="17"/>
      <c r="M380" s="17"/>
      <c r="N380" s="138"/>
      <c r="O380" s="257" t="s">
        <v>975</v>
      </c>
    </row>
    <row r="381" spans="1:16" ht="18.75" hidden="1" customHeight="1" outlineLevel="1">
      <c r="E381" s="8" t="s">
        <v>86</v>
      </c>
      <c r="F381" s="8">
        <v>933</v>
      </c>
      <c r="G381" s="8" t="s">
        <v>85</v>
      </c>
      <c r="H381" s="8" t="s">
        <v>66</v>
      </c>
      <c r="I381" s="8" t="s">
        <v>65</v>
      </c>
      <c r="J381" s="8">
        <v>1</v>
      </c>
      <c r="K381" s="8" t="s">
        <v>509</v>
      </c>
      <c r="L381" s="8">
        <v>1</v>
      </c>
      <c r="M381" s="8">
        <v>264</v>
      </c>
      <c r="O381" s="257" t="s">
        <v>1923</v>
      </c>
    </row>
    <row r="382" spans="1:16" ht="18.75" hidden="1" customHeight="1" outlineLevel="1">
      <c r="E382" s="8" t="s">
        <v>179</v>
      </c>
      <c r="F382" s="8">
        <v>934</v>
      </c>
      <c r="G382" s="8" t="s">
        <v>178</v>
      </c>
      <c r="H382" s="8" t="s">
        <v>78</v>
      </c>
      <c r="I382" s="8" t="s">
        <v>71</v>
      </c>
      <c r="J382" s="8">
        <v>1</v>
      </c>
      <c r="K382" s="8" t="s">
        <v>514</v>
      </c>
      <c r="L382" s="8">
        <v>2</v>
      </c>
      <c r="M382" s="8">
        <v>2</v>
      </c>
      <c r="N382" s="18" t="s">
        <v>674</v>
      </c>
      <c r="O382" s="257" t="s">
        <v>1957</v>
      </c>
    </row>
    <row r="383" spans="1:16" collapsed="1">
      <c r="A383" s="17" t="s">
        <v>177</v>
      </c>
      <c r="B383" s="17" t="s">
        <v>126</v>
      </c>
      <c r="C383" s="17"/>
      <c r="D383" s="139"/>
      <c r="E383" s="17"/>
      <c r="F383" s="17"/>
      <c r="G383" s="17"/>
      <c r="H383" s="17" t="s">
        <v>17</v>
      </c>
      <c r="I383" s="17" t="s">
        <v>71</v>
      </c>
      <c r="J383" s="17">
        <v>1000</v>
      </c>
      <c r="K383" s="17"/>
      <c r="L383" s="17"/>
      <c r="M383" s="17"/>
      <c r="N383" s="138"/>
      <c r="O383" s="107" t="s">
        <v>926</v>
      </c>
    </row>
    <row r="384" spans="1:16" ht="18.75" hidden="1" customHeight="1" outlineLevel="1">
      <c r="A384" s="17"/>
      <c r="B384" s="17"/>
      <c r="C384" s="17" t="s">
        <v>177</v>
      </c>
      <c r="D384" s="139" t="s">
        <v>126</v>
      </c>
      <c r="E384" s="17"/>
      <c r="F384" s="17"/>
      <c r="G384" s="17"/>
      <c r="H384" s="17" t="s">
        <v>66</v>
      </c>
      <c r="I384" s="17" t="s">
        <v>65</v>
      </c>
      <c r="J384" s="17">
        <v>1</v>
      </c>
      <c r="K384" s="17"/>
      <c r="L384" s="17"/>
      <c r="M384" s="17"/>
      <c r="N384" s="138"/>
      <c r="O384" s="107"/>
    </row>
    <row r="385" spans="1:15" ht="18.75" hidden="1" customHeight="1" outlineLevel="1">
      <c r="E385" s="8" t="s">
        <v>176</v>
      </c>
      <c r="F385" s="8">
        <v>128</v>
      </c>
      <c r="G385" s="8" t="s">
        <v>128</v>
      </c>
      <c r="H385" s="8" t="s">
        <v>66</v>
      </c>
      <c r="I385" s="8" t="s">
        <v>65</v>
      </c>
      <c r="J385" s="8">
        <v>1</v>
      </c>
      <c r="K385" s="8" t="s">
        <v>514</v>
      </c>
      <c r="L385" s="8">
        <v>2</v>
      </c>
      <c r="M385" s="8">
        <v>3</v>
      </c>
      <c r="N385" s="72" t="s">
        <v>643</v>
      </c>
      <c r="O385" s="107"/>
    </row>
    <row r="386" spans="1:15" ht="18.75" hidden="1" customHeight="1" outlineLevel="1">
      <c r="E386" s="19" t="s">
        <v>175</v>
      </c>
      <c r="F386" s="19">
        <v>127</v>
      </c>
      <c r="G386" s="19" t="s">
        <v>126</v>
      </c>
      <c r="H386" s="19" t="s">
        <v>78</v>
      </c>
      <c r="I386" s="19" t="s">
        <v>174</v>
      </c>
      <c r="J386" s="19">
        <v>1</v>
      </c>
      <c r="K386" s="19" t="s">
        <v>509</v>
      </c>
      <c r="L386" s="19">
        <v>1</v>
      </c>
      <c r="M386" s="19">
        <v>30</v>
      </c>
      <c r="N386" s="25"/>
      <c r="O386" s="107"/>
    </row>
    <row r="387" spans="1:15" ht="18.75" hidden="1" customHeight="1" outlineLevel="1">
      <c r="E387" s="8" t="s">
        <v>173</v>
      </c>
      <c r="F387" s="8">
        <v>369</v>
      </c>
      <c r="G387" s="8" t="s">
        <v>172</v>
      </c>
      <c r="H387" s="8" t="s">
        <v>78</v>
      </c>
      <c r="I387" s="8" t="s">
        <v>71</v>
      </c>
      <c r="J387" s="8">
        <v>1</v>
      </c>
      <c r="K387" s="8" t="s">
        <v>509</v>
      </c>
      <c r="L387" s="8">
        <v>1</v>
      </c>
      <c r="M387" s="8">
        <v>45</v>
      </c>
      <c r="O387" s="107"/>
    </row>
    <row r="388" spans="1:15" collapsed="1">
      <c r="A388" s="17"/>
      <c r="B388" s="17"/>
      <c r="C388" s="75" t="s">
        <v>87</v>
      </c>
      <c r="D388" s="142" t="s">
        <v>515</v>
      </c>
      <c r="E388" s="75"/>
      <c r="F388" s="75"/>
      <c r="G388" s="75"/>
      <c r="H388" s="75" t="s">
        <v>17</v>
      </c>
      <c r="I388" s="75" t="s">
        <v>71</v>
      </c>
      <c r="J388" s="75">
        <v>1000</v>
      </c>
      <c r="K388" s="75"/>
      <c r="L388" s="75"/>
      <c r="M388" s="75"/>
      <c r="N388" s="78"/>
      <c r="O388" s="107" t="s">
        <v>927</v>
      </c>
    </row>
    <row r="389" spans="1:15" ht="18.75" hidden="1" customHeight="1" outlineLevel="1">
      <c r="C389" s="11"/>
      <c r="D389" s="33"/>
      <c r="E389" s="11" t="s">
        <v>86</v>
      </c>
      <c r="F389" s="11">
        <v>933</v>
      </c>
      <c r="G389" s="11" t="s">
        <v>85</v>
      </c>
      <c r="H389" s="11" t="s">
        <v>66</v>
      </c>
      <c r="I389" s="11" t="s">
        <v>65</v>
      </c>
      <c r="J389" s="11">
        <v>1</v>
      </c>
      <c r="K389" s="11" t="s">
        <v>509</v>
      </c>
      <c r="L389" s="11">
        <v>1</v>
      </c>
      <c r="M389" s="11">
        <v>264</v>
      </c>
      <c r="N389" s="18"/>
      <c r="O389" s="107"/>
    </row>
    <row r="390" spans="1:15" ht="18.75" hidden="1" customHeight="1" outlineLevel="1">
      <c r="C390" s="11"/>
      <c r="D390" s="33"/>
      <c r="E390" s="11" t="s">
        <v>179</v>
      </c>
      <c r="F390" s="11">
        <v>934</v>
      </c>
      <c r="G390" s="11" t="s">
        <v>178</v>
      </c>
      <c r="H390" s="11" t="s">
        <v>78</v>
      </c>
      <c r="I390" s="11" t="s">
        <v>71</v>
      </c>
      <c r="J390" s="11">
        <v>1</v>
      </c>
      <c r="K390" s="11" t="s">
        <v>514</v>
      </c>
      <c r="L390" s="11">
        <v>2</v>
      </c>
      <c r="M390" s="11">
        <v>2</v>
      </c>
      <c r="N390" s="18" t="s">
        <v>674</v>
      </c>
      <c r="O390" s="107"/>
    </row>
    <row r="391" spans="1:15" collapsed="1">
      <c r="C391" s="11"/>
      <c r="D391" s="33"/>
      <c r="E391" s="11"/>
      <c r="F391" s="11"/>
      <c r="G391" s="11"/>
      <c r="H391" s="11"/>
      <c r="I391" s="11"/>
      <c r="J391" s="11"/>
      <c r="K391" s="11"/>
      <c r="L391" s="11"/>
      <c r="M391" s="11"/>
      <c r="N391" s="18"/>
      <c r="O391" s="107" t="s">
        <v>974</v>
      </c>
    </row>
    <row r="392" spans="1:15">
      <c r="C392" s="11"/>
      <c r="D392" s="33"/>
      <c r="E392" s="11"/>
      <c r="F392" s="11"/>
      <c r="G392" s="11"/>
      <c r="H392" s="11"/>
      <c r="I392" s="11"/>
      <c r="J392" s="11"/>
      <c r="K392" s="11"/>
      <c r="L392" s="11"/>
      <c r="M392" s="11"/>
      <c r="N392" s="18"/>
      <c r="O392" s="107" t="s">
        <v>975</v>
      </c>
    </row>
    <row r="393" spans="1:15">
      <c r="C393" s="11"/>
      <c r="D393" s="33"/>
      <c r="E393" s="11"/>
      <c r="F393" s="11"/>
      <c r="G393" s="11"/>
      <c r="H393" s="11"/>
      <c r="I393" s="11"/>
      <c r="J393" s="11"/>
      <c r="K393" s="11"/>
      <c r="L393" s="11"/>
      <c r="M393" s="11"/>
      <c r="N393" s="18"/>
      <c r="O393" s="107" t="s">
        <v>1637</v>
      </c>
    </row>
    <row r="394" spans="1:15">
      <c r="C394" s="11"/>
      <c r="D394" s="33"/>
      <c r="E394" s="11"/>
      <c r="F394" s="11"/>
      <c r="G394" s="11"/>
      <c r="H394" s="11"/>
      <c r="I394" s="11"/>
      <c r="J394" s="11"/>
      <c r="K394" s="11"/>
      <c r="L394" s="11"/>
      <c r="M394" s="11"/>
      <c r="N394" s="18"/>
      <c r="O394" s="107" t="s">
        <v>976</v>
      </c>
    </row>
    <row r="395" spans="1:15">
      <c r="C395" s="11"/>
      <c r="D395" s="33"/>
      <c r="E395" s="11"/>
      <c r="F395" s="11"/>
      <c r="G395" s="11"/>
      <c r="H395" s="11"/>
      <c r="I395" s="11"/>
      <c r="J395" s="11"/>
      <c r="K395" s="11"/>
      <c r="L395" s="11"/>
      <c r="M395" s="11"/>
      <c r="N395" s="18"/>
      <c r="O395" s="243" t="s">
        <v>977</v>
      </c>
    </row>
    <row r="396" spans="1:15">
      <c r="C396" s="11"/>
      <c r="D396" s="33"/>
      <c r="E396" s="11"/>
      <c r="F396" s="11"/>
      <c r="G396" s="11"/>
      <c r="H396" s="11"/>
      <c r="I396" s="11"/>
      <c r="J396" s="11"/>
      <c r="K396" s="11"/>
      <c r="L396" s="11"/>
      <c r="M396" s="11"/>
      <c r="N396" s="18"/>
      <c r="O396" s="243" t="s">
        <v>1026</v>
      </c>
    </row>
    <row r="397" spans="1:15">
      <c r="C397" s="11"/>
      <c r="D397" s="33"/>
      <c r="E397" s="11"/>
      <c r="F397" s="11"/>
      <c r="G397" s="11"/>
      <c r="H397" s="11"/>
      <c r="I397" s="11"/>
      <c r="J397" s="11"/>
      <c r="K397" s="11"/>
      <c r="L397" s="11"/>
      <c r="M397" s="11"/>
      <c r="N397" s="18"/>
      <c r="O397" s="257" t="s">
        <v>978</v>
      </c>
    </row>
    <row r="398" spans="1:15">
      <c r="C398" s="11"/>
      <c r="D398" s="33"/>
      <c r="E398" s="11"/>
      <c r="F398" s="11"/>
      <c r="G398" s="11"/>
      <c r="H398" s="11"/>
      <c r="I398" s="11"/>
      <c r="J398" s="11"/>
      <c r="K398" s="11"/>
      <c r="L398" s="11"/>
      <c r="M398" s="11"/>
      <c r="N398" s="18"/>
      <c r="O398" s="257" t="s">
        <v>981</v>
      </c>
    </row>
    <row r="399" spans="1:15">
      <c r="C399" s="11"/>
      <c r="D399" s="33"/>
      <c r="E399" s="11"/>
      <c r="F399" s="11"/>
      <c r="G399" s="11"/>
      <c r="H399" s="11"/>
      <c r="I399" s="11"/>
      <c r="J399" s="11"/>
      <c r="K399" s="11"/>
      <c r="L399" s="11"/>
      <c r="M399" s="11"/>
      <c r="N399" s="18"/>
      <c r="O399" s="243" t="s">
        <v>979</v>
      </c>
    </row>
    <row r="400" spans="1:15">
      <c r="C400" s="11"/>
      <c r="D400" s="33"/>
      <c r="E400" s="11"/>
      <c r="F400" s="11"/>
      <c r="G400" s="11"/>
      <c r="H400" s="11"/>
      <c r="I400" s="11"/>
      <c r="J400" s="11"/>
      <c r="K400" s="11"/>
      <c r="L400" s="11"/>
      <c r="M400" s="11"/>
      <c r="N400" s="18"/>
      <c r="O400" s="243" t="s">
        <v>1876</v>
      </c>
    </row>
    <row r="401" spans="3:15">
      <c r="C401" s="11"/>
      <c r="D401" s="33"/>
      <c r="E401" s="11"/>
      <c r="F401" s="11"/>
      <c r="G401" s="11"/>
      <c r="H401" s="11"/>
      <c r="I401" s="11"/>
      <c r="J401" s="11"/>
      <c r="K401" s="11"/>
      <c r="L401" s="11"/>
      <c r="M401" s="11"/>
      <c r="N401" s="18"/>
      <c r="O401" s="243" t="s">
        <v>980</v>
      </c>
    </row>
    <row r="402" spans="3:15">
      <c r="C402" s="11"/>
      <c r="D402" s="33"/>
      <c r="E402" s="11"/>
      <c r="F402" s="11"/>
      <c r="G402" s="11"/>
      <c r="H402" s="11"/>
      <c r="I402" s="11"/>
      <c r="J402" s="11"/>
      <c r="K402" s="11"/>
      <c r="L402" s="11"/>
      <c r="M402" s="11"/>
      <c r="N402" s="18"/>
      <c r="O402" s="243" t="s">
        <v>981</v>
      </c>
    </row>
    <row r="403" spans="3:15">
      <c r="C403" s="11"/>
      <c r="D403" s="33"/>
      <c r="E403" s="11"/>
      <c r="F403" s="11"/>
      <c r="G403" s="11"/>
      <c r="H403" s="11"/>
      <c r="I403" s="11"/>
      <c r="J403" s="11"/>
      <c r="K403" s="11"/>
      <c r="L403" s="11"/>
      <c r="M403" s="11"/>
      <c r="N403" s="18"/>
      <c r="O403" s="243" t="s">
        <v>982</v>
      </c>
    </row>
    <row r="404" spans="3:15">
      <c r="C404" s="11"/>
      <c r="D404" s="33"/>
      <c r="E404" s="11"/>
      <c r="F404" s="11"/>
      <c r="G404" s="11"/>
      <c r="H404" s="11"/>
      <c r="I404" s="11"/>
      <c r="J404" s="11"/>
      <c r="K404" s="11"/>
      <c r="L404" s="11"/>
      <c r="M404" s="11"/>
      <c r="N404" s="18"/>
      <c r="O404" s="243" t="s">
        <v>1026</v>
      </c>
    </row>
    <row r="405" spans="3:15">
      <c r="C405" s="11"/>
      <c r="D405" s="33"/>
      <c r="E405" s="11"/>
      <c r="F405" s="11"/>
      <c r="G405" s="11"/>
      <c r="H405" s="11"/>
      <c r="I405" s="11"/>
      <c r="J405" s="11"/>
      <c r="K405" s="11"/>
      <c r="L405" s="11"/>
      <c r="M405" s="11"/>
      <c r="N405" s="18"/>
      <c r="O405" s="257" t="s">
        <v>983</v>
      </c>
    </row>
    <row r="406" spans="3:15">
      <c r="C406" s="11"/>
      <c r="D406" s="33"/>
      <c r="E406" s="11"/>
      <c r="F406" s="11"/>
      <c r="G406" s="11"/>
      <c r="H406" s="11"/>
      <c r="I406" s="11"/>
      <c r="J406" s="11"/>
      <c r="K406" s="11"/>
      <c r="L406" s="11"/>
      <c r="M406" s="11"/>
      <c r="N406" s="18"/>
      <c r="O406" s="257" t="s">
        <v>1927</v>
      </c>
    </row>
    <row r="407" spans="3:15">
      <c r="C407" s="11"/>
      <c r="D407" s="33"/>
      <c r="E407" s="11"/>
      <c r="F407" s="11"/>
      <c r="G407" s="11"/>
      <c r="H407" s="11"/>
      <c r="I407" s="11"/>
      <c r="J407" s="11"/>
      <c r="K407" s="11"/>
      <c r="L407" s="11"/>
      <c r="M407" s="11"/>
      <c r="N407" s="18"/>
      <c r="O407" s="243" t="s">
        <v>1663</v>
      </c>
    </row>
    <row r="408" spans="3:15">
      <c r="C408" s="11"/>
      <c r="D408" s="33"/>
      <c r="E408" s="11"/>
      <c r="F408" s="11"/>
      <c r="G408" s="11"/>
      <c r="H408" s="11"/>
      <c r="I408" s="11"/>
      <c r="J408" s="11"/>
      <c r="K408" s="11"/>
      <c r="L408" s="11"/>
      <c r="M408" s="11"/>
      <c r="N408" s="18"/>
      <c r="O408" s="243" t="s">
        <v>1659</v>
      </c>
    </row>
    <row r="409" spans="3:15">
      <c r="C409" s="11"/>
      <c r="D409" s="33"/>
      <c r="E409" s="11"/>
      <c r="F409" s="11"/>
      <c r="G409" s="11"/>
      <c r="H409" s="11"/>
      <c r="I409" s="11"/>
      <c r="J409" s="11"/>
      <c r="K409" s="11"/>
      <c r="L409" s="11"/>
      <c r="M409" s="11"/>
      <c r="N409" s="18"/>
      <c r="O409" s="243" t="s">
        <v>1859</v>
      </c>
    </row>
    <row r="410" spans="3:15" ht="62">
      <c r="O410" s="244" t="s">
        <v>1858</v>
      </c>
    </row>
    <row r="411" spans="3:15">
      <c r="O411" s="243" t="s">
        <v>1664</v>
      </c>
    </row>
    <row r="412" spans="3:15">
      <c r="O412" s="243" t="s">
        <v>1659</v>
      </c>
    </row>
    <row r="413" spans="3:15">
      <c r="O413" s="257" t="s">
        <v>985</v>
      </c>
    </row>
    <row r="414" spans="3:15">
      <c r="C414" s="10"/>
      <c r="E414" s="10"/>
      <c r="F414" s="10"/>
      <c r="G414" s="10"/>
      <c r="H414" s="10"/>
      <c r="I414" s="10"/>
      <c r="J414" s="10"/>
      <c r="K414" s="10"/>
      <c r="L414" s="10"/>
      <c r="M414" s="10"/>
      <c r="N414" s="10"/>
      <c r="O414" s="257" t="s">
        <v>986</v>
      </c>
    </row>
    <row r="415" spans="3:15">
      <c r="C415" s="11"/>
      <c r="D415" s="33"/>
      <c r="E415" s="11"/>
      <c r="F415" s="11"/>
      <c r="G415" s="11"/>
      <c r="H415" s="11"/>
      <c r="I415" s="11"/>
      <c r="J415" s="11"/>
      <c r="K415" s="11"/>
      <c r="L415" s="11"/>
      <c r="M415" s="11"/>
      <c r="N415" s="18"/>
      <c r="O415" s="257" t="s">
        <v>987</v>
      </c>
    </row>
    <row r="416" spans="3:15">
      <c r="C416" s="11"/>
      <c r="D416" s="33"/>
      <c r="E416" s="11"/>
      <c r="F416" s="11"/>
      <c r="G416" s="11"/>
      <c r="H416" s="11"/>
      <c r="I416" s="11"/>
      <c r="J416" s="11"/>
      <c r="K416" s="11"/>
      <c r="L416" s="11"/>
      <c r="M416" s="11"/>
      <c r="N416" s="18"/>
      <c r="O416" s="257" t="s">
        <v>988</v>
      </c>
    </row>
    <row r="417" spans="3:15">
      <c r="C417" s="10"/>
      <c r="E417" s="10"/>
      <c r="F417" s="10"/>
      <c r="G417" s="10"/>
      <c r="H417" s="10"/>
      <c r="I417" s="10"/>
      <c r="J417" s="10"/>
      <c r="K417" s="10"/>
      <c r="L417" s="10"/>
      <c r="M417" s="10"/>
      <c r="N417" s="10"/>
      <c r="O417" s="257" t="s">
        <v>989</v>
      </c>
    </row>
    <row r="418" spans="3:15">
      <c r="O418" s="257" t="s">
        <v>990</v>
      </c>
    </row>
    <row r="419" spans="3:15">
      <c r="E419" s="19"/>
      <c r="F419" s="19"/>
      <c r="G419" s="19"/>
      <c r="H419" s="19"/>
      <c r="I419" s="19"/>
      <c r="J419" s="19"/>
      <c r="K419" s="19"/>
      <c r="L419" s="19"/>
      <c r="M419" s="19"/>
      <c r="N419" s="25"/>
      <c r="O419" s="257" t="s">
        <v>991</v>
      </c>
    </row>
    <row r="420" spans="3:15">
      <c r="O420" s="257" t="s">
        <v>1930</v>
      </c>
    </row>
    <row r="421" spans="3:15">
      <c r="C421" s="10"/>
      <c r="E421" s="10"/>
      <c r="F421" s="10"/>
      <c r="G421" s="10"/>
      <c r="H421" s="10"/>
      <c r="I421" s="10"/>
      <c r="J421" s="10"/>
      <c r="K421" s="10"/>
      <c r="L421" s="10"/>
      <c r="M421" s="10"/>
      <c r="N421" s="10"/>
      <c r="O421" s="257" t="s">
        <v>993</v>
      </c>
    </row>
    <row r="422" spans="3:15">
      <c r="C422" s="11"/>
      <c r="D422" s="33"/>
      <c r="E422" s="11"/>
      <c r="F422" s="11"/>
      <c r="G422" s="11"/>
      <c r="H422" s="11"/>
      <c r="I422" s="11"/>
      <c r="J422" s="11"/>
      <c r="K422" s="11"/>
      <c r="L422" s="11"/>
      <c r="M422" s="11"/>
      <c r="N422" s="18"/>
      <c r="O422" s="257" t="s">
        <v>1931</v>
      </c>
    </row>
    <row r="423" spans="3:15">
      <c r="C423" s="11"/>
      <c r="D423" s="33"/>
      <c r="E423" s="11"/>
      <c r="F423" s="11"/>
      <c r="G423" s="11"/>
      <c r="H423" s="11"/>
      <c r="I423" s="11"/>
      <c r="J423" s="11"/>
      <c r="K423" s="11"/>
      <c r="L423" s="11"/>
      <c r="M423" s="11"/>
      <c r="N423" s="18"/>
      <c r="O423" s="243" t="s">
        <v>994</v>
      </c>
    </row>
    <row r="424" spans="3:15">
      <c r="C424" s="11"/>
      <c r="D424" s="33"/>
      <c r="E424" s="11"/>
      <c r="F424" s="11"/>
      <c r="G424" s="11"/>
      <c r="H424" s="11"/>
      <c r="I424" s="11"/>
      <c r="J424" s="11"/>
      <c r="K424" s="11"/>
      <c r="L424" s="11"/>
      <c r="M424" s="11"/>
      <c r="N424" s="18"/>
      <c r="O424" s="243" t="s">
        <v>995</v>
      </c>
    </row>
    <row r="425" spans="3:15">
      <c r="O425" s="257" t="s">
        <v>996</v>
      </c>
    </row>
    <row r="426" spans="3:15">
      <c r="O426" s="257" t="s">
        <v>997</v>
      </c>
    </row>
    <row r="427" spans="3:15">
      <c r="O427" s="257" t="s">
        <v>998</v>
      </c>
    </row>
    <row r="428" spans="3:15">
      <c r="O428" s="257" t="s">
        <v>1932</v>
      </c>
    </row>
    <row r="429" spans="3:15">
      <c r="O429" s="257" t="s">
        <v>1000</v>
      </c>
    </row>
    <row r="430" spans="3:15">
      <c r="O430" s="257" t="s">
        <v>1001</v>
      </c>
    </row>
    <row r="431" spans="3:15">
      <c r="O431" s="257" t="s">
        <v>1933</v>
      </c>
    </row>
    <row r="432" spans="3:15">
      <c r="O432" s="257" t="s">
        <v>1934</v>
      </c>
    </row>
    <row r="433" spans="1:16">
      <c r="O433" s="257" t="s">
        <v>1935</v>
      </c>
    </row>
    <row r="434" spans="1:16">
      <c r="O434" s="257" t="s">
        <v>1934</v>
      </c>
      <c r="P434" s="257" t="s">
        <v>2025</v>
      </c>
    </row>
    <row r="435" spans="1:16" ht="18.75" hidden="1" customHeight="1">
      <c r="A435" s="17" t="s">
        <v>177</v>
      </c>
      <c r="B435" s="17" t="s">
        <v>126</v>
      </c>
      <c r="C435" s="17"/>
      <c r="D435" s="139"/>
      <c r="E435" s="17"/>
      <c r="F435" s="17"/>
      <c r="G435" s="17"/>
      <c r="H435" s="17" t="s">
        <v>17</v>
      </c>
      <c r="I435" s="17" t="s">
        <v>71</v>
      </c>
      <c r="J435" s="17">
        <v>1000</v>
      </c>
      <c r="K435" s="17"/>
      <c r="L435" s="17"/>
      <c r="M435" s="17"/>
      <c r="N435" s="138"/>
      <c r="O435" s="257"/>
    </row>
    <row r="436" spans="1:16" ht="18.75" hidden="1" customHeight="1">
      <c r="A436" s="17"/>
      <c r="B436" s="17"/>
      <c r="C436" s="17" t="s">
        <v>177</v>
      </c>
      <c r="D436" s="139" t="s">
        <v>126</v>
      </c>
      <c r="E436" s="17"/>
      <c r="F436" s="17"/>
      <c r="G436" s="17"/>
      <c r="H436" s="17" t="s">
        <v>66</v>
      </c>
      <c r="I436" s="17" t="s">
        <v>65</v>
      </c>
      <c r="J436" s="17">
        <v>1</v>
      </c>
      <c r="K436" s="17"/>
      <c r="L436" s="17"/>
      <c r="M436" s="17"/>
      <c r="N436" s="138"/>
      <c r="O436" s="257"/>
    </row>
    <row r="437" spans="1:16" ht="18.75" hidden="1" customHeight="1">
      <c r="E437" s="8" t="s">
        <v>176</v>
      </c>
      <c r="F437" s="8">
        <v>128</v>
      </c>
      <c r="G437" s="8" t="s">
        <v>128</v>
      </c>
      <c r="H437" s="8" t="s">
        <v>66</v>
      </c>
      <c r="I437" s="8" t="s">
        <v>65</v>
      </c>
      <c r="J437" s="8">
        <v>1</v>
      </c>
      <c r="K437" s="8" t="s">
        <v>514</v>
      </c>
      <c r="L437" s="8">
        <v>2</v>
      </c>
      <c r="M437" s="8">
        <v>3</v>
      </c>
      <c r="N437" s="72" t="s">
        <v>681</v>
      </c>
      <c r="O437" s="257"/>
    </row>
    <row r="438" spans="1:16" ht="18.75" hidden="1" customHeight="1">
      <c r="E438" s="8" t="s">
        <v>175</v>
      </c>
      <c r="F438" s="8">
        <v>127</v>
      </c>
      <c r="G438" s="8" t="s">
        <v>126</v>
      </c>
      <c r="H438" s="8" t="s">
        <v>78</v>
      </c>
      <c r="I438" s="8" t="s">
        <v>71</v>
      </c>
      <c r="J438" s="8">
        <v>1</v>
      </c>
      <c r="K438" s="8" t="s">
        <v>509</v>
      </c>
      <c r="L438" s="8">
        <v>1</v>
      </c>
      <c r="M438" s="8">
        <v>30</v>
      </c>
      <c r="N438" s="72" t="s">
        <v>686</v>
      </c>
      <c r="O438" s="257"/>
    </row>
    <row r="439" spans="1:16" ht="18.75" hidden="1" customHeight="1">
      <c r="E439" s="8" t="s">
        <v>173</v>
      </c>
      <c r="F439" s="8">
        <v>369</v>
      </c>
      <c r="G439" s="8" t="s">
        <v>172</v>
      </c>
      <c r="H439" s="8" t="s">
        <v>78</v>
      </c>
      <c r="I439" s="8" t="s">
        <v>71</v>
      </c>
      <c r="J439" s="8">
        <v>1</v>
      </c>
      <c r="K439" s="8" t="s">
        <v>509</v>
      </c>
      <c r="L439" s="8">
        <v>1</v>
      </c>
      <c r="M439" s="8">
        <v>45</v>
      </c>
      <c r="O439" s="257"/>
    </row>
    <row r="440" spans="1:16" ht="18.75" hidden="1" customHeight="1">
      <c r="A440" s="17" t="s">
        <v>177</v>
      </c>
      <c r="B440" s="17" t="s">
        <v>126</v>
      </c>
      <c r="C440" s="17"/>
      <c r="D440" s="139"/>
      <c r="E440" s="17"/>
      <c r="F440" s="17"/>
      <c r="G440" s="17"/>
      <c r="H440" s="17" t="s">
        <v>17</v>
      </c>
      <c r="I440" s="17" t="s">
        <v>71</v>
      </c>
      <c r="J440" s="17">
        <v>1000</v>
      </c>
      <c r="K440" s="17"/>
      <c r="L440" s="17"/>
      <c r="M440" s="17"/>
      <c r="N440" s="138"/>
      <c r="O440" s="257"/>
    </row>
    <row r="441" spans="1:16" ht="18.75" hidden="1" customHeight="1">
      <c r="A441" s="17"/>
      <c r="B441" s="17"/>
      <c r="C441" s="17" t="s">
        <v>177</v>
      </c>
      <c r="D441" s="139" t="s">
        <v>126</v>
      </c>
      <c r="E441" s="17"/>
      <c r="F441" s="17"/>
      <c r="G441" s="17"/>
      <c r="H441" s="17" t="s">
        <v>66</v>
      </c>
      <c r="I441" s="17" t="s">
        <v>65</v>
      </c>
      <c r="J441" s="17">
        <v>1</v>
      </c>
      <c r="K441" s="17"/>
      <c r="L441" s="17"/>
      <c r="M441" s="17"/>
      <c r="N441" s="138"/>
      <c r="O441" s="257"/>
    </row>
    <row r="442" spans="1:16" ht="18.75" hidden="1" customHeight="1">
      <c r="E442" s="8" t="s">
        <v>176</v>
      </c>
      <c r="F442" s="8">
        <v>128</v>
      </c>
      <c r="G442" s="8" t="s">
        <v>128</v>
      </c>
      <c r="H442" s="8" t="s">
        <v>66</v>
      </c>
      <c r="I442" s="8" t="s">
        <v>65</v>
      </c>
      <c r="J442" s="8">
        <v>1</v>
      </c>
      <c r="K442" s="8" t="s">
        <v>514</v>
      </c>
      <c r="L442" s="8">
        <v>2</v>
      </c>
      <c r="M442" s="8">
        <v>3</v>
      </c>
      <c r="N442" s="72" t="s">
        <v>681</v>
      </c>
      <c r="O442" s="257"/>
    </row>
    <row r="443" spans="1:16" ht="18.75" hidden="1" customHeight="1">
      <c r="E443" s="8" t="s">
        <v>175</v>
      </c>
      <c r="F443" s="8">
        <v>127</v>
      </c>
      <c r="G443" s="8" t="s">
        <v>126</v>
      </c>
      <c r="H443" s="8" t="s">
        <v>78</v>
      </c>
      <c r="I443" s="8" t="s">
        <v>71</v>
      </c>
      <c r="J443" s="8">
        <v>1</v>
      </c>
      <c r="K443" s="8" t="s">
        <v>509</v>
      </c>
      <c r="L443" s="8">
        <v>1</v>
      </c>
      <c r="M443" s="8">
        <v>30</v>
      </c>
      <c r="N443" s="72" t="s">
        <v>687</v>
      </c>
      <c r="O443" s="257"/>
    </row>
    <row r="444" spans="1:16" ht="18.75" hidden="1" customHeight="1">
      <c r="E444" s="8" t="s">
        <v>173</v>
      </c>
      <c r="F444" s="8">
        <v>369</v>
      </c>
      <c r="G444" s="8" t="s">
        <v>172</v>
      </c>
      <c r="H444" s="8" t="s">
        <v>78</v>
      </c>
      <c r="I444" s="8" t="s">
        <v>71</v>
      </c>
      <c r="J444" s="8">
        <v>1</v>
      </c>
      <c r="K444" s="8" t="s">
        <v>509</v>
      </c>
      <c r="L444" s="8">
        <v>1</v>
      </c>
      <c r="M444" s="8">
        <v>45</v>
      </c>
      <c r="O444" s="257"/>
    </row>
    <row r="445" spans="1:16" ht="18.75" hidden="1" customHeight="1">
      <c r="A445" s="17" t="s">
        <v>177</v>
      </c>
      <c r="B445" s="17" t="s">
        <v>126</v>
      </c>
      <c r="C445" s="17"/>
      <c r="D445" s="139"/>
      <c r="E445" s="17"/>
      <c r="F445" s="17"/>
      <c r="G445" s="17"/>
      <c r="H445" s="17" t="s">
        <v>17</v>
      </c>
      <c r="I445" s="17" t="s">
        <v>71</v>
      </c>
      <c r="J445" s="17">
        <v>1000</v>
      </c>
      <c r="K445" s="17"/>
      <c r="L445" s="17"/>
      <c r="M445" s="17"/>
      <c r="N445" s="138"/>
      <c r="O445" s="257"/>
    </row>
    <row r="446" spans="1:16" ht="18.75" hidden="1" customHeight="1">
      <c r="A446" s="17"/>
      <c r="B446" s="17"/>
      <c r="C446" s="17" t="s">
        <v>177</v>
      </c>
      <c r="D446" s="139" t="s">
        <v>126</v>
      </c>
      <c r="E446" s="17"/>
      <c r="F446" s="17"/>
      <c r="G446" s="17"/>
      <c r="H446" s="17" t="s">
        <v>66</v>
      </c>
      <c r="I446" s="17" t="s">
        <v>65</v>
      </c>
      <c r="J446" s="17">
        <v>1</v>
      </c>
      <c r="K446" s="17"/>
      <c r="L446" s="17"/>
      <c r="M446" s="17"/>
      <c r="N446" s="138"/>
      <c r="O446" s="257"/>
    </row>
    <row r="447" spans="1:16" ht="18.75" hidden="1" customHeight="1">
      <c r="E447" s="8" t="s">
        <v>176</v>
      </c>
      <c r="F447" s="8">
        <v>128</v>
      </c>
      <c r="G447" s="8" t="s">
        <v>128</v>
      </c>
      <c r="H447" s="8" t="s">
        <v>66</v>
      </c>
      <c r="I447" s="8" t="s">
        <v>65</v>
      </c>
      <c r="J447" s="8">
        <v>1</v>
      </c>
      <c r="K447" s="8" t="s">
        <v>514</v>
      </c>
      <c r="L447" s="8">
        <v>2</v>
      </c>
      <c r="M447" s="8">
        <v>3</v>
      </c>
      <c r="N447" s="72" t="s">
        <v>681</v>
      </c>
      <c r="O447" s="257"/>
    </row>
    <row r="448" spans="1:16" ht="18.75" hidden="1" customHeight="1">
      <c r="E448" s="8" t="s">
        <v>175</v>
      </c>
      <c r="F448" s="8">
        <v>127</v>
      </c>
      <c r="G448" s="8" t="s">
        <v>126</v>
      </c>
      <c r="H448" s="8" t="s">
        <v>78</v>
      </c>
      <c r="I448" s="8" t="s">
        <v>71</v>
      </c>
      <c r="J448" s="8">
        <v>1</v>
      </c>
      <c r="K448" s="8" t="s">
        <v>509</v>
      </c>
      <c r="L448" s="8">
        <v>1</v>
      </c>
      <c r="M448" s="8">
        <v>30</v>
      </c>
      <c r="N448" s="72" t="s">
        <v>894</v>
      </c>
      <c r="O448" s="257"/>
    </row>
    <row r="449" spans="1:15" ht="18.75" hidden="1" customHeight="1">
      <c r="E449" s="8" t="s">
        <v>173</v>
      </c>
      <c r="F449" s="8">
        <v>369</v>
      </c>
      <c r="G449" s="8" t="s">
        <v>172</v>
      </c>
      <c r="H449" s="8" t="s">
        <v>78</v>
      </c>
      <c r="I449" s="8" t="s">
        <v>71</v>
      </c>
      <c r="J449" s="8">
        <v>1</v>
      </c>
      <c r="K449" s="8" t="s">
        <v>509</v>
      </c>
      <c r="L449" s="8">
        <v>1</v>
      </c>
      <c r="M449" s="8">
        <v>45</v>
      </c>
      <c r="O449" s="257"/>
    </row>
    <row r="450" spans="1:15" ht="18.75" hidden="1" customHeight="1">
      <c r="A450" s="17" t="s">
        <v>177</v>
      </c>
      <c r="B450" s="17" t="s">
        <v>126</v>
      </c>
      <c r="C450" s="17"/>
      <c r="D450" s="139"/>
      <c r="E450" s="17"/>
      <c r="F450" s="17"/>
      <c r="G450" s="17"/>
      <c r="H450" s="17" t="s">
        <v>17</v>
      </c>
      <c r="I450" s="17" t="s">
        <v>71</v>
      </c>
      <c r="J450" s="17">
        <v>1000</v>
      </c>
      <c r="K450" s="17"/>
      <c r="L450" s="17"/>
      <c r="M450" s="17"/>
      <c r="N450" s="138"/>
      <c r="O450" s="257"/>
    </row>
    <row r="451" spans="1:15" ht="18.75" hidden="1" customHeight="1">
      <c r="A451" s="17"/>
      <c r="B451" s="17"/>
      <c r="C451" s="17" t="s">
        <v>177</v>
      </c>
      <c r="D451" s="139" t="s">
        <v>126</v>
      </c>
      <c r="E451" s="17"/>
      <c r="F451" s="17"/>
      <c r="G451" s="17"/>
      <c r="H451" s="17" t="s">
        <v>66</v>
      </c>
      <c r="I451" s="17" t="s">
        <v>65</v>
      </c>
      <c r="J451" s="17">
        <v>1</v>
      </c>
      <c r="K451" s="17"/>
      <c r="L451" s="17"/>
      <c r="M451" s="17"/>
      <c r="N451" s="138"/>
      <c r="O451" s="257"/>
    </row>
    <row r="452" spans="1:15" ht="18.75" hidden="1" customHeight="1">
      <c r="E452" s="8" t="s">
        <v>176</v>
      </c>
      <c r="F452" s="8">
        <v>128</v>
      </c>
      <c r="G452" s="8" t="s">
        <v>128</v>
      </c>
      <c r="H452" s="8" t="s">
        <v>66</v>
      </c>
      <c r="I452" s="8" t="s">
        <v>65</v>
      </c>
      <c r="J452" s="8">
        <v>1</v>
      </c>
      <c r="K452" s="8" t="s">
        <v>514</v>
      </c>
      <c r="L452" s="8">
        <v>2</v>
      </c>
      <c r="M452" s="8">
        <v>3</v>
      </c>
      <c r="N452" s="72" t="s">
        <v>681</v>
      </c>
      <c r="O452" s="257"/>
    </row>
    <row r="453" spans="1:15" ht="18.75" hidden="1" customHeight="1">
      <c r="E453" s="8" t="s">
        <v>175</v>
      </c>
      <c r="F453" s="8">
        <v>127</v>
      </c>
      <c r="G453" s="8" t="s">
        <v>126</v>
      </c>
      <c r="H453" s="8" t="s">
        <v>78</v>
      </c>
      <c r="I453" s="8" t="s">
        <v>71</v>
      </c>
      <c r="J453" s="8">
        <v>1</v>
      </c>
      <c r="K453" s="8" t="s">
        <v>509</v>
      </c>
      <c r="L453" s="8">
        <v>1</v>
      </c>
      <c r="M453" s="8">
        <v>30</v>
      </c>
      <c r="N453" s="72" t="s">
        <v>895</v>
      </c>
      <c r="O453" s="257"/>
    </row>
    <row r="454" spans="1:15" ht="18.75" hidden="1" customHeight="1">
      <c r="E454" s="8" t="s">
        <v>173</v>
      </c>
      <c r="F454" s="8">
        <v>369</v>
      </c>
      <c r="G454" s="8" t="s">
        <v>172</v>
      </c>
      <c r="H454" s="8" t="s">
        <v>78</v>
      </c>
      <c r="I454" s="8" t="s">
        <v>71</v>
      </c>
      <c r="J454" s="8">
        <v>1</v>
      </c>
      <c r="K454" s="8" t="s">
        <v>509</v>
      </c>
      <c r="L454" s="8">
        <v>1</v>
      </c>
      <c r="M454" s="8">
        <v>45</v>
      </c>
      <c r="O454" s="257"/>
    </row>
    <row r="455" spans="1:15" ht="18.75" hidden="1" customHeight="1">
      <c r="A455" s="17" t="s">
        <v>177</v>
      </c>
      <c r="B455" s="17" t="s">
        <v>126</v>
      </c>
      <c r="C455" s="17"/>
      <c r="D455" s="139"/>
      <c r="E455" s="17"/>
      <c r="F455" s="17"/>
      <c r="G455" s="17"/>
      <c r="H455" s="17" t="s">
        <v>17</v>
      </c>
      <c r="I455" s="17" t="s">
        <v>71</v>
      </c>
      <c r="J455" s="17">
        <v>1000</v>
      </c>
      <c r="K455" s="17"/>
      <c r="L455" s="17"/>
      <c r="M455" s="17"/>
      <c r="N455" s="138"/>
      <c r="O455" s="257"/>
    </row>
    <row r="456" spans="1:15" ht="18.75" hidden="1" customHeight="1">
      <c r="A456" s="17"/>
      <c r="B456" s="17"/>
      <c r="C456" s="17" t="s">
        <v>177</v>
      </c>
      <c r="D456" s="139" t="s">
        <v>126</v>
      </c>
      <c r="E456" s="17"/>
      <c r="F456" s="17"/>
      <c r="G456" s="17"/>
      <c r="H456" s="17" t="s">
        <v>66</v>
      </c>
      <c r="I456" s="17" t="s">
        <v>65</v>
      </c>
      <c r="J456" s="17">
        <v>1</v>
      </c>
      <c r="K456" s="17"/>
      <c r="L456" s="17"/>
      <c r="M456" s="17"/>
      <c r="N456" s="138"/>
      <c r="O456" s="257"/>
    </row>
    <row r="457" spans="1:15" ht="18.75" hidden="1" customHeight="1">
      <c r="E457" s="8" t="s">
        <v>176</v>
      </c>
      <c r="F457" s="8">
        <v>128</v>
      </c>
      <c r="G457" s="8" t="s">
        <v>128</v>
      </c>
      <c r="H457" s="8" t="s">
        <v>66</v>
      </c>
      <c r="I457" s="8" t="s">
        <v>65</v>
      </c>
      <c r="J457" s="8">
        <v>1</v>
      </c>
      <c r="K457" s="8" t="s">
        <v>514</v>
      </c>
      <c r="L457" s="8">
        <v>2</v>
      </c>
      <c r="M457" s="8">
        <v>3</v>
      </c>
      <c r="N457" s="72" t="s">
        <v>681</v>
      </c>
      <c r="O457" s="257"/>
    </row>
    <row r="458" spans="1:15" ht="18.75" hidden="1" customHeight="1">
      <c r="E458" s="8" t="s">
        <v>175</v>
      </c>
      <c r="F458" s="8">
        <v>127</v>
      </c>
      <c r="G458" s="8" t="s">
        <v>126</v>
      </c>
      <c r="H458" s="8" t="s">
        <v>78</v>
      </c>
      <c r="I458" s="8" t="s">
        <v>71</v>
      </c>
      <c r="J458" s="8">
        <v>1</v>
      </c>
      <c r="K458" s="8" t="s">
        <v>509</v>
      </c>
      <c r="L458" s="8">
        <v>1</v>
      </c>
      <c r="M458" s="8">
        <v>30</v>
      </c>
      <c r="N458" s="72" t="s">
        <v>896</v>
      </c>
      <c r="O458" s="257"/>
    </row>
    <row r="459" spans="1:15" ht="18.75" hidden="1" customHeight="1">
      <c r="E459" s="8" t="s">
        <v>173</v>
      </c>
      <c r="F459" s="8">
        <v>369</v>
      </c>
      <c r="G459" s="8" t="s">
        <v>172</v>
      </c>
      <c r="H459" s="8" t="s">
        <v>78</v>
      </c>
      <c r="I459" s="8" t="s">
        <v>71</v>
      </c>
      <c r="J459" s="8">
        <v>1</v>
      </c>
      <c r="K459" s="8" t="s">
        <v>509</v>
      </c>
      <c r="L459" s="8">
        <v>1</v>
      </c>
      <c r="M459" s="8">
        <v>45</v>
      </c>
      <c r="O459" s="257"/>
    </row>
    <row r="460" spans="1:15" ht="18.75" hidden="1" customHeight="1">
      <c r="A460" s="17" t="s">
        <v>177</v>
      </c>
      <c r="B460" s="17" t="s">
        <v>126</v>
      </c>
      <c r="C460" s="17"/>
      <c r="D460" s="139"/>
      <c r="E460" s="17"/>
      <c r="F460" s="17"/>
      <c r="G460" s="17"/>
      <c r="H460" s="17" t="s">
        <v>17</v>
      </c>
      <c r="I460" s="17" t="s">
        <v>71</v>
      </c>
      <c r="J460" s="17">
        <v>1000</v>
      </c>
      <c r="K460" s="17"/>
      <c r="L460" s="17"/>
      <c r="M460" s="17"/>
      <c r="N460" s="138"/>
      <c r="O460" s="257"/>
    </row>
    <row r="461" spans="1:15" ht="18.75" hidden="1" customHeight="1">
      <c r="A461" s="17"/>
      <c r="B461" s="17"/>
      <c r="C461" s="17" t="s">
        <v>177</v>
      </c>
      <c r="D461" s="139" t="s">
        <v>126</v>
      </c>
      <c r="E461" s="17"/>
      <c r="F461" s="17"/>
      <c r="G461" s="17"/>
      <c r="H461" s="17" t="s">
        <v>66</v>
      </c>
      <c r="I461" s="17" t="s">
        <v>65</v>
      </c>
      <c r="J461" s="17">
        <v>1</v>
      </c>
      <c r="K461" s="17"/>
      <c r="L461" s="17"/>
      <c r="M461" s="17"/>
      <c r="N461" s="138"/>
      <c r="O461" s="257"/>
    </row>
    <row r="462" spans="1:15" ht="18.75" hidden="1" customHeight="1">
      <c r="E462" s="8" t="s">
        <v>176</v>
      </c>
      <c r="F462" s="8">
        <v>128</v>
      </c>
      <c r="G462" s="8" t="s">
        <v>128</v>
      </c>
      <c r="H462" s="8" t="s">
        <v>66</v>
      </c>
      <c r="I462" s="8" t="s">
        <v>65</v>
      </c>
      <c r="J462" s="8">
        <v>1</v>
      </c>
      <c r="K462" s="8" t="s">
        <v>514</v>
      </c>
      <c r="L462" s="8">
        <v>2</v>
      </c>
      <c r="M462" s="8">
        <v>3</v>
      </c>
      <c r="N462" s="72" t="s">
        <v>1642</v>
      </c>
      <c r="O462" s="257"/>
    </row>
    <row r="463" spans="1:15" ht="18.75" hidden="1" customHeight="1">
      <c r="E463" s="8" t="s">
        <v>175</v>
      </c>
      <c r="F463" s="8">
        <v>127</v>
      </c>
      <c r="G463" s="8" t="s">
        <v>126</v>
      </c>
      <c r="H463" s="8" t="s">
        <v>78</v>
      </c>
      <c r="I463" s="8" t="s">
        <v>71</v>
      </c>
      <c r="J463" s="8">
        <v>1</v>
      </c>
      <c r="K463" s="8" t="s">
        <v>509</v>
      </c>
      <c r="L463" s="8">
        <v>1</v>
      </c>
      <c r="M463" s="8">
        <v>30</v>
      </c>
      <c r="N463" s="72" t="s">
        <v>1642</v>
      </c>
      <c r="O463" s="257"/>
    </row>
    <row r="464" spans="1:15" ht="18.75" hidden="1" customHeight="1">
      <c r="E464" s="8" t="s">
        <v>173</v>
      </c>
      <c r="F464" s="8">
        <v>369</v>
      </c>
      <c r="G464" s="8" t="s">
        <v>172</v>
      </c>
      <c r="H464" s="8" t="s">
        <v>78</v>
      </c>
      <c r="I464" s="8" t="s">
        <v>71</v>
      </c>
      <c r="J464" s="8">
        <v>1</v>
      </c>
      <c r="K464" s="8" t="s">
        <v>509</v>
      </c>
      <c r="L464" s="8">
        <v>1</v>
      </c>
      <c r="M464" s="8">
        <v>45</v>
      </c>
      <c r="O464" s="257"/>
    </row>
    <row r="465" spans="1:16" ht="18.75" hidden="1" customHeight="1">
      <c r="A465" s="17"/>
      <c r="B465" s="17"/>
      <c r="C465" s="75" t="s">
        <v>87</v>
      </c>
      <c r="D465" s="142" t="s">
        <v>515</v>
      </c>
      <c r="E465" s="75"/>
      <c r="F465" s="75"/>
      <c r="G465" s="75"/>
      <c r="H465" s="75" t="s">
        <v>17</v>
      </c>
      <c r="I465" s="75" t="s">
        <v>71</v>
      </c>
      <c r="J465" s="75">
        <v>1000</v>
      </c>
      <c r="K465" s="75"/>
      <c r="L465" s="75"/>
      <c r="M465" s="75"/>
      <c r="N465" s="78"/>
      <c r="O465" s="257"/>
    </row>
    <row r="466" spans="1:16" ht="18.75" hidden="1" customHeight="1">
      <c r="E466" s="8" t="s">
        <v>86</v>
      </c>
      <c r="F466" s="8">
        <v>933</v>
      </c>
      <c r="G466" s="8" t="s">
        <v>85</v>
      </c>
      <c r="H466" s="8" t="s">
        <v>66</v>
      </c>
      <c r="I466" s="8" t="s">
        <v>65</v>
      </c>
      <c r="J466" s="8">
        <v>1</v>
      </c>
      <c r="K466" s="8" t="s">
        <v>509</v>
      </c>
      <c r="L466" s="8">
        <v>1</v>
      </c>
      <c r="M466" s="8">
        <v>264</v>
      </c>
      <c r="O466" s="257"/>
    </row>
    <row r="467" spans="1:16" ht="18.75" hidden="1" customHeight="1">
      <c r="A467" s="17" t="s">
        <v>177</v>
      </c>
      <c r="B467" s="17" t="s">
        <v>126</v>
      </c>
      <c r="C467" s="17"/>
      <c r="D467" s="139"/>
      <c r="E467" s="17"/>
      <c r="F467" s="17"/>
      <c r="G467" s="17"/>
      <c r="H467" s="17" t="s">
        <v>17</v>
      </c>
      <c r="I467" s="17" t="s">
        <v>71</v>
      </c>
      <c r="J467" s="17">
        <v>1000</v>
      </c>
      <c r="K467" s="17"/>
      <c r="L467" s="17"/>
      <c r="M467" s="17"/>
      <c r="N467" s="138"/>
      <c r="O467" s="257"/>
    </row>
    <row r="468" spans="1:16" ht="18.75" hidden="1" customHeight="1">
      <c r="A468" s="17"/>
      <c r="B468" s="17"/>
      <c r="C468" s="17" t="s">
        <v>177</v>
      </c>
      <c r="D468" s="139" t="s">
        <v>126</v>
      </c>
      <c r="E468" s="17"/>
      <c r="F468" s="17"/>
      <c r="G468" s="17"/>
      <c r="H468" s="17" t="s">
        <v>66</v>
      </c>
      <c r="I468" s="17" t="s">
        <v>65</v>
      </c>
      <c r="J468" s="17">
        <v>1</v>
      </c>
      <c r="K468" s="17"/>
      <c r="L468" s="17"/>
      <c r="M468" s="17"/>
      <c r="N468" s="138"/>
      <c r="O468" s="257"/>
    </row>
    <row r="469" spans="1:16" ht="18.75" hidden="1" customHeight="1">
      <c r="E469" s="8" t="s">
        <v>176</v>
      </c>
      <c r="F469" s="8">
        <v>128</v>
      </c>
      <c r="G469" s="8" t="s">
        <v>128</v>
      </c>
      <c r="H469" s="8" t="s">
        <v>66</v>
      </c>
      <c r="I469" s="8" t="s">
        <v>65</v>
      </c>
      <c r="J469" s="8">
        <v>1</v>
      </c>
      <c r="K469" s="8" t="s">
        <v>514</v>
      </c>
      <c r="L469" s="8">
        <v>2</v>
      </c>
      <c r="M469" s="8">
        <v>3</v>
      </c>
      <c r="N469" s="72" t="s">
        <v>627</v>
      </c>
      <c r="O469" s="257"/>
    </row>
    <row r="470" spans="1:16" ht="18.75" hidden="1" customHeight="1">
      <c r="E470" s="8" t="s">
        <v>175</v>
      </c>
      <c r="F470" s="8">
        <v>127</v>
      </c>
      <c r="G470" s="8" t="s">
        <v>126</v>
      </c>
      <c r="H470" s="8" t="s">
        <v>78</v>
      </c>
      <c r="I470" s="8" t="s">
        <v>71</v>
      </c>
      <c r="J470" s="8">
        <v>1</v>
      </c>
      <c r="K470" s="8" t="s">
        <v>509</v>
      </c>
      <c r="L470" s="8">
        <v>1</v>
      </c>
      <c r="M470" s="8">
        <v>30</v>
      </c>
      <c r="N470" s="72" t="s">
        <v>1311</v>
      </c>
      <c r="O470" s="257"/>
    </row>
    <row r="471" spans="1:16" ht="18.75" hidden="1" customHeight="1">
      <c r="E471" s="8" t="s">
        <v>173</v>
      </c>
      <c r="F471" s="8">
        <v>369</v>
      </c>
      <c r="G471" s="8" t="s">
        <v>172</v>
      </c>
      <c r="H471" s="8" t="s">
        <v>78</v>
      </c>
      <c r="I471" s="8" t="s">
        <v>71</v>
      </c>
      <c r="J471" s="8">
        <v>1</v>
      </c>
      <c r="K471" s="8" t="s">
        <v>509</v>
      </c>
      <c r="L471" s="8">
        <v>1</v>
      </c>
      <c r="M471" s="8">
        <v>45</v>
      </c>
      <c r="O471" s="257"/>
    </row>
    <row r="472" spans="1:16" ht="18.75" hidden="1" customHeight="1">
      <c r="A472" s="17"/>
      <c r="B472" s="17"/>
      <c r="C472" s="75" t="s">
        <v>87</v>
      </c>
      <c r="D472" s="142" t="s">
        <v>515</v>
      </c>
      <c r="E472" s="75"/>
      <c r="F472" s="75"/>
      <c r="G472" s="75"/>
      <c r="H472" s="75" t="s">
        <v>17</v>
      </c>
      <c r="I472" s="75" t="s">
        <v>71</v>
      </c>
      <c r="J472" s="75">
        <v>1000</v>
      </c>
      <c r="K472" s="75"/>
      <c r="L472" s="75"/>
      <c r="M472" s="75"/>
      <c r="N472" s="78"/>
      <c r="O472" s="257"/>
    </row>
    <row r="473" spans="1:16" ht="18.75" hidden="1" customHeight="1">
      <c r="E473" s="8" t="s">
        <v>86</v>
      </c>
      <c r="F473" s="8">
        <v>933</v>
      </c>
      <c r="G473" s="8" t="s">
        <v>85</v>
      </c>
      <c r="H473" s="8" t="s">
        <v>66</v>
      </c>
      <c r="I473" s="8" t="s">
        <v>65</v>
      </c>
      <c r="J473" s="8">
        <v>1</v>
      </c>
      <c r="K473" s="8" t="s">
        <v>509</v>
      </c>
      <c r="L473" s="8">
        <v>1</v>
      </c>
      <c r="M473" s="8">
        <v>264</v>
      </c>
      <c r="O473" s="257"/>
    </row>
    <row r="474" spans="1:16">
      <c r="A474" s="17" t="s">
        <v>158</v>
      </c>
      <c r="B474" s="17" t="s">
        <v>120</v>
      </c>
      <c r="C474" s="17"/>
      <c r="D474" s="139"/>
      <c r="E474" s="17"/>
      <c r="F474" s="17"/>
      <c r="G474" s="17"/>
      <c r="H474" s="17" t="s">
        <v>17</v>
      </c>
      <c r="I474" s="17" t="s">
        <v>71</v>
      </c>
      <c r="J474" s="17">
        <v>200</v>
      </c>
      <c r="K474" s="17"/>
      <c r="L474" s="17"/>
      <c r="M474" s="17"/>
      <c r="N474" s="138"/>
      <c r="O474" s="257"/>
    </row>
    <row r="475" spans="1:16" ht="19.5" customHeight="1">
      <c r="A475" s="17"/>
      <c r="B475" s="17"/>
      <c r="C475" s="17" t="s">
        <v>158</v>
      </c>
      <c r="D475" s="139" t="s">
        <v>120</v>
      </c>
      <c r="E475" s="17"/>
      <c r="F475" s="17"/>
      <c r="G475" s="17"/>
      <c r="H475" s="17" t="s">
        <v>66</v>
      </c>
      <c r="I475" s="17" t="s">
        <v>65</v>
      </c>
      <c r="J475" s="17">
        <v>1</v>
      </c>
      <c r="K475" s="17"/>
      <c r="L475" s="17"/>
      <c r="M475" s="17"/>
      <c r="N475" s="138"/>
      <c r="O475" s="258" t="s">
        <v>1937</v>
      </c>
      <c r="P475" s="257" t="s">
        <v>1078</v>
      </c>
    </row>
    <row r="476" spans="1:16" ht="18.75" hidden="1" customHeight="1" outlineLevel="1">
      <c r="E476" s="8" t="s">
        <v>157</v>
      </c>
      <c r="F476" s="8">
        <v>98</v>
      </c>
      <c r="G476" s="8" t="s">
        <v>156</v>
      </c>
      <c r="H476" s="8" t="s">
        <v>66</v>
      </c>
      <c r="I476" s="8" t="s">
        <v>65</v>
      </c>
      <c r="J476" s="8">
        <v>1</v>
      </c>
      <c r="K476" s="8" t="s">
        <v>514</v>
      </c>
      <c r="L476" s="8">
        <v>2</v>
      </c>
      <c r="M476" s="8">
        <v>3</v>
      </c>
      <c r="N476" s="72" t="s">
        <v>689</v>
      </c>
      <c r="O476" s="259"/>
    </row>
    <row r="477" spans="1:16" ht="18.75" hidden="1" customHeight="1" outlineLevel="1">
      <c r="E477" s="8" t="s">
        <v>155</v>
      </c>
      <c r="F477" s="8">
        <v>93</v>
      </c>
      <c r="G477" s="8" t="s">
        <v>120</v>
      </c>
      <c r="H477" s="8" t="s">
        <v>78</v>
      </c>
      <c r="I477" s="8" t="s">
        <v>71</v>
      </c>
      <c r="J477" s="8">
        <v>1</v>
      </c>
      <c r="K477" s="8" t="s">
        <v>509</v>
      </c>
      <c r="L477" s="8">
        <v>1</v>
      </c>
      <c r="M477" s="8">
        <v>60</v>
      </c>
      <c r="O477" s="259"/>
    </row>
    <row r="478" spans="1:16" ht="18.75" hidden="1" customHeight="1" outlineLevel="1">
      <c r="E478" s="8" t="s">
        <v>154</v>
      </c>
      <c r="F478" s="8">
        <v>66</v>
      </c>
      <c r="G478" s="8" t="s">
        <v>153</v>
      </c>
      <c r="H478" s="8" t="s">
        <v>78</v>
      </c>
      <c r="I478" s="8" t="s">
        <v>71</v>
      </c>
      <c r="J478" s="8">
        <v>1</v>
      </c>
      <c r="K478" s="8" t="s">
        <v>514</v>
      </c>
      <c r="L478" s="8">
        <v>1</v>
      </c>
      <c r="M478" s="8">
        <v>2</v>
      </c>
      <c r="N478" s="70" t="s">
        <v>624</v>
      </c>
      <c r="O478" s="259"/>
    </row>
    <row r="479" spans="1:16" ht="18.75" hidden="1" customHeight="1" outlineLevel="1">
      <c r="E479" s="8" t="s">
        <v>152</v>
      </c>
      <c r="F479" s="8">
        <v>67</v>
      </c>
      <c r="G479" s="8" t="s">
        <v>151</v>
      </c>
      <c r="H479" s="8" t="s">
        <v>78</v>
      </c>
      <c r="I479" s="8" t="s">
        <v>71</v>
      </c>
      <c r="J479" s="8">
        <v>1</v>
      </c>
      <c r="K479" s="8" t="s">
        <v>509</v>
      </c>
      <c r="L479" s="8">
        <v>2</v>
      </c>
      <c r="M479" s="8">
        <v>80</v>
      </c>
      <c r="O479" s="259"/>
    </row>
    <row r="480" spans="1:16" collapsed="1">
      <c r="A480" s="17"/>
      <c r="B480" s="17"/>
      <c r="C480" s="17" t="s">
        <v>150</v>
      </c>
      <c r="D480" s="139" t="s">
        <v>473</v>
      </c>
      <c r="E480" s="17"/>
      <c r="F480" s="17"/>
      <c r="G480" s="17"/>
      <c r="H480" s="17" t="s">
        <v>17</v>
      </c>
      <c r="I480" s="17" t="s">
        <v>71</v>
      </c>
      <c r="J480" s="17">
        <v>2</v>
      </c>
      <c r="K480" s="17"/>
      <c r="L480" s="17"/>
      <c r="M480" s="17"/>
      <c r="N480" s="138"/>
      <c r="O480" s="259" t="s">
        <v>1644</v>
      </c>
    </row>
    <row r="481" spans="1:15" ht="18.75" hidden="1" customHeight="1" outlineLevel="1">
      <c r="E481" s="8" t="s">
        <v>149</v>
      </c>
      <c r="F481" s="8">
        <v>93</v>
      </c>
      <c r="G481" s="8" t="s">
        <v>120</v>
      </c>
      <c r="H481" s="8" t="s">
        <v>66</v>
      </c>
      <c r="I481" s="8" t="s">
        <v>65</v>
      </c>
      <c r="J481" s="8">
        <v>1</v>
      </c>
      <c r="K481" s="8" t="s">
        <v>509</v>
      </c>
      <c r="L481" s="8">
        <v>1</v>
      </c>
      <c r="M481" s="8">
        <v>60</v>
      </c>
      <c r="O481" s="259"/>
    </row>
    <row r="482" spans="1:15" ht="18.75" hidden="1" customHeight="1" outlineLevel="1">
      <c r="E482" s="8" t="s">
        <v>148</v>
      </c>
      <c r="F482" s="8">
        <v>93</v>
      </c>
      <c r="G482" s="8" t="s">
        <v>120</v>
      </c>
      <c r="H482" s="8" t="s">
        <v>17</v>
      </c>
      <c r="I482" s="8" t="s">
        <v>71</v>
      </c>
      <c r="J482" s="8">
        <v>1</v>
      </c>
      <c r="K482" s="8" t="s">
        <v>509</v>
      </c>
      <c r="L482" s="8">
        <v>1</v>
      </c>
      <c r="M482" s="8">
        <v>60</v>
      </c>
      <c r="O482" s="259"/>
    </row>
    <row r="483" spans="1:15" ht="18.75" hidden="1" customHeight="1" outlineLevel="1">
      <c r="A483" s="17"/>
      <c r="B483" s="17"/>
      <c r="C483" s="17" t="s">
        <v>150</v>
      </c>
      <c r="D483" s="139" t="s">
        <v>473</v>
      </c>
      <c r="E483" s="17"/>
      <c r="F483" s="17"/>
      <c r="G483" s="17"/>
      <c r="H483" s="17" t="s">
        <v>17</v>
      </c>
      <c r="I483" s="17" t="s">
        <v>71</v>
      </c>
      <c r="J483" s="17">
        <v>2</v>
      </c>
      <c r="K483" s="17"/>
      <c r="L483" s="17"/>
      <c r="M483" s="17"/>
      <c r="N483" s="138"/>
      <c r="O483" s="259"/>
    </row>
    <row r="484" spans="1:15" ht="18.75" hidden="1" customHeight="1" outlineLevel="1">
      <c r="E484" s="8" t="s">
        <v>149</v>
      </c>
      <c r="F484" s="8">
        <v>93</v>
      </c>
      <c r="G484" s="8" t="s">
        <v>120</v>
      </c>
      <c r="H484" s="8" t="s">
        <v>66</v>
      </c>
      <c r="I484" s="8" t="s">
        <v>65</v>
      </c>
      <c r="J484" s="8">
        <v>1</v>
      </c>
      <c r="K484" s="8" t="s">
        <v>509</v>
      </c>
      <c r="L484" s="8">
        <v>1</v>
      </c>
      <c r="M484" s="8">
        <v>60</v>
      </c>
      <c r="O484" s="259"/>
    </row>
    <row r="485" spans="1:15" ht="18.75" hidden="1" customHeight="1" outlineLevel="1">
      <c r="E485" s="8" t="s">
        <v>148</v>
      </c>
      <c r="F485" s="8">
        <v>93</v>
      </c>
      <c r="G485" s="8" t="s">
        <v>120</v>
      </c>
      <c r="H485" s="8" t="s">
        <v>17</v>
      </c>
      <c r="I485" s="8" t="s">
        <v>71</v>
      </c>
      <c r="J485" s="8">
        <v>1</v>
      </c>
      <c r="K485" s="8" t="s">
        <v>509</v>
      </c>
      <c r="L485" s="8">
        <v>1</v>
      </c>
      <c r="M485" s="8">
        <v>60</v>
      </c>
      <c r="O485" s="259"/>
    </row>
    <row r="486" spans="1:15" collapsed="1">
      <c r="A486" s="17"/>
      <c r="B486" s="17"/>
      <c r="C486" s="17" t="s">
        <v>147</v>
      </c>
      <c r="D486" s="139" t="s">
        <v>144</v>
      </c>
      <c r="E486" s="17"/>
      <c r="F486" s="17"/>
      <c r="G486" s="17"/>
      <c r="H486" s="17" t="s">
        <v>17</v>
      </c>
      <c r="I486" s="17" t="s">
        <v>71</v>
      </c>
      <c r="J486" s="17">
        <v>2</v>
      </c>
      <c r="K486" s="17"/>
      <c r="L486" s="17"/>
      <c r="M486" s="17"/>
      <c r="N486" s="138"/>
      <c r="O486" s="259" t="s">
        <v>929</v>
      </c>
    </row>
    <row r="487" spans="1:15" ht="18.75" hidden="1" customHeight="1" outlineLevel="1">
      <c r="E487" s="8" t="s">
        <v>146</v>
      </c>
      <c r="F487" s="8">
        <v>166</v>
      </c>
      <c r="G487" s="8" t="s">
        <v>144</v>
      </c>
      <c r="H487" s="8" t="s">
        <v>66</v>
      </c>
      <c r="I487" s="8" t="s">
        <v>65</v>
      </c>
      <c r="J487" s="8">
        <v>1</v>
      </c>
      <c r="K487" s="8" t="s">
        <v>509</v>
      </c>
      <c r="L487" s="8">
        <v>1</v>
      </c>
      <c r="M487" s="8">
        <v>55</v>
      </c>
      <c r="O487" s="259" t="s">
        <v>930</v>
      </c>
    </row>
    <row r="488" spans="1:15" ht="18.75" hidden="1" customHeight="1" outlineLevel="1">
      <c r="E488" s="8" t="s">
        <v>145</v>
      </c>
      <c r="F488" s="8">
        <v>166</v>
      </c>
      <c r="G488" s="8" t="s">
        <v>144</v>
      </c>
      <c r="H488" s="8" t="s">
        <v>17</v>
      </c>
      <c r="I488" s="8" t="s">
        <v>71</v>
      </c>
      <c r="J488" s="8">
        <v>1</v>
      </c>
      <c r="K488" s="8" t="s">
        <v>509</v>
      </c>
      <c r="L488" s="8">
        <v>1</v>
      </c>
      <c r="M488" s="8">
        <v>55</v>
      </c>
      <c r="O488" s="259"/>
    </row>
    <row r="489" spans="1:15" ht="18.75" hidden="1" customHeight="1" outlineLevel="1">
      <c r="A489" s="17"/>
      <c r="B489" s="17"/>
      <c r="C489" s="17" t="s">
        <v>147</v>
      </c>
      <c r="D489" s="139" t="s">
        <v>144</v>
      </c>
      <c r="E489" s="17"/>
      <c r="F489" s="17"/>
      <c r="G489" s="17"/>
      <c r="H489" s="17" t="s">
        <v>17</v>
      </c>
      <c r="I489" s="17" t="s">
        <v>71</v>
      </c>
      <c r="J489" s="17">
        <v>2</v>
      </c>
      <c r="K489" s="17"/>
      <c r="L489" s="17"/>
      <c r="M489" s="17"/>
      <c r="N489" s="138"/>
      <c r="O489" s="259"/>
    </row>
    <row r="490" spans="1:15" ht="18.75" hidden="1" customHeight="1" outlineLevel="1">
      <c r="E490" s="8" t="s">
        <v>146</v>
      </c>
      <c r="F490" s="8">
        <v>166</v>
      </c>
      <c r="G490" s="8" t="s">
        <v>144</v>
      </c>
      <c r="H490" s="8" t="s">
        <v>66</v>
      </c>
      <c r="I490" s="8" t="s">
        <v>65</v>
      </c>
      <c r="J490" s="8">
        <v>1</v>
      </c>
      <c r="K490" s="8" t="s">
        <v>509</v>
      </c>
      <c r="L490" s="8">
        <v>1</v>
      </c>
      <c r="M490" s="8">
        <v>55</v>
      </c>
      <c r="O490" s="259"/>
    </row>
    <row r="491" spans="1:15" ht="18.75" hidden="1" customHeight="1" outlineLevel="1">
      <c r="E491" s="8" t="s">
        <v>145</v>
      </c>
      <c r="F491" s="8">
        <v>166</v>
      </c>
      <c r="G491" s="8" t="s">
        <v>144</v>
      </c>
      <c r="H491" s="8" t="s">
        <v>17</v>
      </c>
      <c r="I491" s="8" t="s">
        <v>71</v>
      </c>
      <c r="J491" s="8">
        <v>1</v>
      </c>
      <c r="K491" s="8" t="s">
        <v>509</v>
      </c>
      <c r="L491" s="8">
        <v>1</v>
      </c>
      <c r="M491" s="8">
        <v>55</v>
      </c>
      <c r="O491" s="259"/>
    </row>
    <row r="492" spans="1:15" collapsed="1">
      <c r="A492" s="17"/>
      <c r="B492" s="17"/>
      <c r="C492" s="17" t="s">
        <v>143</v>
      </c>
      <c r="D492" s="139" t="s">
        <v>474</v>
      </c>
      <c r="E492" s="17"/>
      <c r="F492" s="17"/>
      <c r="G492" s="17"/>
      <c r="H492" s="17" t="s">
        <v>17</v>
      </c>
      <c r="I492" s="17" t="s">
        <v>71</v>
      </c>
      <c r="J492" s="17" t="s">
        <v>525</v>
      </c>
      <c r="K492" s="17"/>
      <c r="L492" s="17"/>
      <c r="M492" s="17"/>
      <c r="N492" s="138"/>
      <c r="O492" s="259" t="s">
        <v>930</v>
      </c>
    </row>
    <row r="493" spans="1:15" ht="18.75" hidden="1" customHeight="1" outlineLevel="1">
      <c r="E493" s="8" t="s">
        <v>142</v>
      </c>
      <c r="F493" s="8">
        <v>19</v>
      </c>
      <c r="G493" s="8" t="s">
        <v>141</v>
      </c>
      <c r="H493" s="8" t="s">
        <v>17</v>
      </c>
      <c r="I493" s="8" t="s">
        <v>71</v>
      </c>
      <c r="J493" s="8">
        <v>1</v>
      </c>
      <c r="K493" s="8" t="s">
        <v>509</v>
      </c>
      <c r="L493" s="8">
        <v>2</v>
      </c>
      <c r="M493" s="8">
        <v>30</v>
      </c>
      <c r="O493" s="259"/>
    </row>
    <row r="494" spans="1:15" ht="18.75" hidden="1" customHeight="1" outlineLevel="1">
      <c r="E494" s="8" t="s">
        <v>140</v>
      </c>
      <c r="F494" s="8">
        <v>156</v>
      </c>
      <c r="G494" s="8" t="s">
        <v>139</v>
      </c>
      <c r="H494" s="8" t="s">
        <v>17</v>
      </c>
      <c r="I494" s="8" t="s">
        <v>71</v>
      </c>
      <c r="J494" s="8">
        <v>1</v>
      </c>
      <c r="K494" s="8" t="s">
        <v>514</v>
      </c>
      <c r="L494" s="8">
        <v>2</v>
      </c>
      <c r="M494" s="8">
        <v>2</v>
      </c>
      <c r="N494" s="70" t="s">
        <v>624</v>
      </c>
      <c r="O494" s="259"/>
    </row>
    <row r="495" spans="1:15" ht="18.75" hidden="1" customHeight="1" outlineLevel="1">
      <c r="E495" s="8" t="s">
        <v>138</v>
      </c>
      <c r="F495" s="8">
        <v>116</v>
      </c>
      <c r="G495" s="8" t="s">
        <v>137</v>
      </c>
      <c r="H495" s="8" t="s">
        <v>17</v>
      </c>
      <c r="I495" s="8" t="s">
        <v>71</v>
      </c>
      <c r="J495" s="8">
        <v>1</v>
      </c>
      <c r="K495" s="8" t="s">
        <v>514</v>
      </c>
      <c r="L495" s="8">
        <v>3</v>
      </c>
      <c r="M495" s="8">
        <v>15</v>
      </c>
      <c r="N495" s="18"/>
      <c r="O495" s="259"/>
    </row>
    <row r="496" spans="1:15" ht="18.75" hidden="1" customHeight="1" outlineLevel="1">
      <c r="E496" s="8" t="s">
        <v>136</v>
      </c>
      <c r="F496" s="8">
        <v>26</v>
      </c>
      <c r="G496" s="8" t="s">
        <v>135</v>
      </c>
      <c r="H496" s="8" t="s">
        <v>17</v>
      </c>
      <c r="I496" s="8" t="s">
        <v>71</v>
      </c>
      <c r="J496" s="8">
        <v>1</v>
      </c>
      <c r="K496" s="8" t="s">
        <v>514</v>
      </c>
      <c r="L496" s="8">
        <v>2</v>
      </c>
      <c r="M496" s="8">
        <v>3</v>
      </c>
      <c r="N496" s="18"/>
      <c r="O496" s="259"/>
    </row>
    <row r="497" spans="1:16" s="8" customFormat="1" ht="18.75" hidden="1" customHeight="1" outlineLevel="1">
      <c r="C497" s="33"/>
      <c r="D497" s="33"/>
      <c r="E497" s="33" t="s">
        <v>134</v>
      </c>
      <c r="F497" s="11">
        <v>309</v>
      </c>
      <c r="G497" s="33" t="s">
        <v>133</v>
      </c>
      <c r="H497" s="33" t="s">
        <v>78</v>
      </c>
      <c r="I497" s="33" t="s">
        <v>71</v>
      </c>
      <c r="J497" s="11">
        <v>1</v>
      </c>
      <c r="K497" s="11" t="s">
        <v>514</v>
      </c>
      <c r="L497" s="11">
        <v>1</v>
      </c>
      <c r="M497" s="11">
        <v>2</v>
      </c>
      <c r="N497" s="18" t="s">
        <v>690</v>
      </c>
      <c r="O497" s="259"/>
      <c r="P497" s="257"/>
    </row>
    <row r="498" spans="1:16" s="8" customFormat="1" ht="18.75" hidden="1" customHeight="1" outlineLevel="1">
      <c r="C498" s="33"/>
      <c r="D498" s="33"/>
      <c r="E498" s="33" t="s">
        <v>132</v>
      </c>
      <c r="F498" s="11">
        <v>310</v>
      </c>
      <c r="G498" s="33" t="s">
        <v>131</v>
      </c>
      <c r="H498" s="33" t="s">
        <v>17</v>
      </c>
      <c r="I498" s="33" t="s">
        <v>71</v>
      </c>
      <c r="J498" s="11">
        <v>1</v>
      </c>
      <c r="K498" s="11" t="s">
        <v>509</v>
      </c>
      <c r="L498" s="11">
        <v>1</v>
      </c>
      <c r="M498" s="11">
        <v>30</v>
      </c>
      <c r="N498" s="18"/>
      <c r="O498" s="259"/>
      <c r="P498" s="257"/>
    </row>
    <row r="499" spans="1:16" ht="18.75" hidden="1" customHeight="1" collapsed="1">
      <c r="A499" s="17"/>
      <c r="B499" s="17"/>
      <c r="C499" s="17" t="s">
        <v>130</v>
      </c>
      <c r="D499" s="139" t="s">
        <v>126</v>
      </c>
      <c r="E499" s="17"/>
      <c r="F499" s="17"/>
      <c r="G499" s="17"/>
      <c r="H499" s="17"/>
      <c r="I499" s="17"/>
      <c r="J499" s="17">
        <v>12</v>
      </c>
      <c r="K499" s="17"/>
      <c r="L499" s="17"/>
      <c r="M499" s="17"/>
      <c r="N499" s="138"/>
      <c r="O499" s="259"/>
    </row>
    <row r="500" spans="1:16" ht="18.75" hidden="1" customHeight="1">
      <c r="E500" s="8" t="s">
        <v>129</v>
      </c>
      <c r="F500" s="72">
        <v>128</v>
      </c>
      <c r="G500" s="72" t="s">
        <v>128</v>
      </c>
      <c r="H500" s="8" t="s">
        <v>66</v>
      </c>
      <c r="I500" s="8" t="s">
        <v>65</v>
      </c>
      <c r="J500" s="8">
        <v>1</v>
      </c>
      <c r="K500" s="8" t="s">
        <v>514</v>
      </c>
      <c r="L500" s="8">
        <v>2</v>
      </c>
      <c r="M500" s="8">
        <v>3</v>
      </c>
      <c r="N500" s="70" t="s">
        <v>624</v>
      </c>
      <c r="O500" s="259"/>
    </row>
    <row r="501" spans="1:16" ht="18.75" hidden="1" customHeight="1">
      <c r="E501" s="19" t="s">
        <v>127</v>
      </c>
      <c r="F501" s="25">
        <v>127</v>
      </c>
      <c r="G501" s="25" t="s">
        <v>126</v>
      </c>
      <c r="H501" s="19" t="s">
        <v>78</v>
      </c>
      <c r="I501" s="25" t="s">
        <v>96</v>
      </c>
      <c r="J501" s="19">
        <v>1</v>
      </c>
      <c r="K501" s="19" t="s">
        <v>509</v>
      </c>
      <c r="L501" s="19">
        <v>1</v>
      </c>
      <c r="M501" s="19">
        <v>30</v>
      </c>
      <c r="N501" s="25"/>
      <c r="O501" s="259"/>
    </row>
    <row r="502" spans="1:16" ht="18.75" hidden="1" customHeight="1">
      <c r="E502" s="8" t="s">
        <v>125</v>
      </c>
      <c r="F502" s="72">
        <v>352</v>
      </c>
      <c r="G502" s="72" t="s">
        <v>3</v>
      </c>
      <c r="H502" s="8" t="s">
        <v>78</v>
      </c>
      <c r="I502" s="8" t="s">
        <v>71</v>
      </c>
      <c r="J502" s="8">
        <v>1</v>
      </c>
      <c r="K502" s="8" t="s">
        <v>509</v>
      </c>
      <c r="L502" s="8">
        <v>1</v>
      </c>
      <c r="M502" s="8">
        <v>80</v>
      </c>
      <c r="O502" s="259"/>
    </row>
    <row r="503" spans="1:16" ht="22" customHeight="1">
      <c r="A503" s="17"/>
      <c r="B503" s="17"/>
      <c r="C503" s="17" t="s">
        <v>130</v>
      </c>
      <c r="D503" s="139" t="s">
        <v>126</v>
      </c>
      <c r="E503" s="17"/>
      <c r="F503" s="17"/>
      <c r="G503" s="17"/>
      <c r="H503" s="17"/>
      <c r="I503" s="17"/>
      <c r="J503" s="17">
        <v>12</v>
      </c>
      <c r="K503" s="17"/>
      <c r="L503" s="17"/>
      <c r="M503" s="17"/>
      <c r="N503" s="138"/>
      <c r="O503" s="260" t="s">
        <v>1044</v>
      </c>
    </row>
    <row r="504" spans="1:16" ht="18.75" hidden="1" customHeight="1" outlineLevel="1">
      <c r="E504" s="8" t="s">
        <v>129</v>
      </c>
      <c r="F504" s="72">
        <v>128</v>
      </c>
      <c r="G504" s="72" t="s">
        <v>128</v>
      </c>
      <c r="H504" s="8" t="s">
        <v>66</v>
      </c>
      <c r="I504" s="8" t="s">
        <v>65</v>
      </c>
      <c r="J504" s="8">
        <v>1</v>
      </c>
      <c r="K504" s="8" t="s">
        <v>514</v>
      </c>
      <c r="L504" s="8">
        <v>2</v>
      </c>
      <c r="M504" s="8">
        <v>3</v>
      </c>
      <c r="N504" s="72" t="s">
        <v>691</v>
      </c>
      <c r="O504" s="257"/>
    </row>
    <row r="505" spans="1:16" ht="18.75" hidden="1" customHeight="1" outlineLevel="1">
      <c r="C505" s="19"/>
      <c r="D505" s="19"/>
      <c r="E505" s="19" t="s">
        <v>127</v>
      </c>
      <c r="F505" s="19">
        <v>127</v>
      </c>
      <c r="G505" s="19" t="s">
        <v>126</v>
      </c>
      <c r="H505" s="19" t="s">
        <v>78</v>
      </c>
      <c r="I505" s="19" t="s">
        <v>96</v>
      </c>
      <c r="J505" s="19">
        <v>1</v>
      </c>
      <c r="K505" s="19" t="s">
        <v>509</v>
      </c>
      <c r="L505" s="19">
        <v>1</v>
      </c>
      <c r="M505" s="19">
        <v>30</v>
      </c>
      <c r="N505" s="25"/>
      <c r="O505" s="257"/>
    </row>
    <row r="506" spans="1:16" ht="18.75" hidden="1" customHeight="1" outlineLevel="1">
      <c r="E506" s="8" t="s">
        <v>125</v>
      </c>
      <c r="F506" s="72">
        <v>352</v>
      </c>
      <c r="G506" s="72" t="s">
        <v>3</v>
      </c>
      <c r="H506" s="8" t="s">
        <v>78</v>
      </c>
      <c r="I506" s="8" t="s">
        <v>71</v>
      </c>
      <c r="J506" s="8">
        <v>1</v>
      </c>
      <c r="K506" s="8" t="s">
        <v>509</v>
      </c>
      <c r="L506" s="8">
        <v>1</v>
      </c>
      <c r="M506" s="8">
        <v>80</v>
      </c>
      <c r="O506" s="257"/>
    </row>
    <row r="507" spans="1:16" ht="18.75" hidden="1" customHeight="1" collapsed="1">
      <c r="A507" s="17"/>
      <c r="B507" s="17"/>
      <c r="C507" s="17" t="s">
        <v>130</v>
      </c>
      <c r="D507" s="139" t="s">
        <v>126</v>
      </c>
      <c r="E507" s="17"/>
      <c r="F507" s="17"/>
      <c r="G507" s="17"/>
      <c r="H507" s="17"/>
      <c r="I507" s="17"/>
      <c r="J507" s="17">
        <v>12</v>
      </c>
      <c r="K507" s="17"/>
      <c r="L507" s="17"/>
      <c r="M507" s="17"/>
      <c r="N507" s="138"/>
      <c r="O507" s="257"/>
    </row>
    <row r="508" spans="1:16" ht="18.75" hidden="1" customHeight="1">
      <c r="E508" s="8" t="s">
        <v>129</v>
      </c>
      <c r="F508" s="72">
        <v>128</v>
      </c>
      <c r="G508" s="72" t="s">
        <v>128</v>
      </c>
      <c r="H508" s="8" t="s">
        <v>66</v>
      </c>
      <c r="I508" s="8" t="s">
        <v>65</v>
      </c>
      <c r="J508" s="8">
        <v>1</v>
      </c>
      <c r="K508" s="8" t="s">
        <v>514</v>
      </c>
      <c r="L508" s="8">
        <v>2</v>
      </c>
      <c r="M508" s="8">
        <v>3</v>
      </c>
      <c r="N508" s="72" t="s">
        <v>692</v>
      </c>
      <c r="O508" s="257"/>
    </row>
    <row r="509" spans="1:16" ht="18.75" hidden="1" customHeight="1">
      <c r="D509" s="19"/>
      <c r="E509" s="19" t="s">
        <v>127</v>
      </c>
      <c r="F509" s="19">
        <v>127</v>
      </c>
      <c r="G509" s="19" t="s">
        <v>126</v>
      </c>
      <c r="H509" s="19" t="s">
        <v>78</v>
      </c>
      <c r="I509" s="19" t="s">
        <v>96</v>
      </c>
      <c r="J509" s="19">
        <v>1</v>
      </c>
      <c r="K509" s="19" t="s">
        <v>509</v>
      </c>
      <c r="L509" s="19">
        <v>1</v>
      </c>
      <c r="M509" s="19">
        <v>30</v>
      </c>
      <c r="N509" s="25"/>
      <c r="O509" s="257"/>
    </row>
    <row r="510" spans="1:16" ht="18.75" hidden="1" customHeight="1">
      <c r="E510" s="8" t="s">
        <v>125</v>
      </c>
      <c r="F510" s="72">
        <v>352</v>
      </c>
      <c r="G510" s="72" t="s">
        <v>3</v>
      </c>
      <c r="H510" s="8" t="s">
        <v>78</v>
      </c>
      <c r="I510" s="8" t="s">
        <v>71</v>
      </c>
      <c r="J510" s="8">
        <v>1</v>
      </c>
      <c r="K510" s="8" t="s">
        <v>509</v>
      </c>
      <c r="L510" s="8">
        <v>1</v>
      </c>
      <c r="M510" s="8">
        <v>80</v>
      </c>
      <c r="O510" s="257"/>
    </row>
    <row r="511" spans="1:16" ht="18.75" hidden="1" customHeight="1">
      <c r="A511" s="17"/>
      <c r="B511" s="17"/>
      <c r="C511" s="17" t="s">
        <v>124</v>
      </c>
      <c r="D511" s="139" t="s">
        <v>475</v>
      </c>
      <c r="E511" s="17"/>
      <c r="F511" s="17"/>
      <c r="G511" s="17"/>
      <c r="H511" s="17" t="s">
        <v>17</v>
      </c>
      <c r="I511" s="17" t="s">
        <v>71</v>
      </c>
      <c r="J511" s="17" t="s">
        <v>525</v>
      </c>
      <c r="K511" s="17"/>
      <c r="L511" s="17"/>
      <c r="M511" s="17"/>
      <c r="N511" s="138"/>
      <c r="O511" s="257"/>
    </row>
    <row r="512" spans="1:16" ht="18.75" hidden="1" customHeight="1" outlineLevel="1">
      <c r="E512" s="8" t="s">
        <v>123</v>
      </c>
      <c r="F512" s="8">
        <v>366</v>
      </c>
      <c r="G512" s="8" t="s">
        <v>122</v>
      </c>
      <c r="H512" s="8" t="s">
        <v>66</v>
      </c>
      <c r="I512" s="8" t="s">
        <v>65</v>
      </c>
      <c r="J512" s="8">
        <v>1</v>
      </c>
      <c r="K512" s="8" t="s">
        <v>514</v>
      </c>
      <c r="L512" s="8">
        <v>2</v>
      </c>
      <c r="M512" s="8">
        <v>2</v>
      </c>
      <c r="N512" s="72" t="s">
        <v>693</v>
      </c>
      <c r="O512" s="257"/>
    </row>
    <row r="513" spans="1:16" ht="18.75" hidden="1" customHeight="1" outlineLevel="1">
      <c r="E513" s="8" t="s">
        <v>121</v>
      </c>
      <c r="F513" s="8">
        <v>93</v>
      </c>
      <c r="G513" s="8" t="s">
        <v>120</v>
      </c>
      <c r="H513" s="8" t="s">
        <v>17</v>
      </c>
      <c r="I513" s="8" t="s">
        <v>71</v>
      </c>
      <c r="J513" s="8">
        <v>1</v>
      </c>
      <c r="K513" s="8" t="s">
        <v>509</v>
      </c>
      <c r="L513" s="8">
        <v>1</v>
      </c>
      <c r="M513" s="8">
        <v>60</v>
      </c>
      <c r="O513" s="257"/>
    </row>
    <row r="514" spans="1:16" ht="18.75" hidden="1" customHeight="1" outlineLevel="1">
      <c r="E514" s="8" t="s">
        <v>119</v>
      </c>
      <c r="F514" s="8">
        <v>365</v>
      </c>
      <c r="G514" s="8" t="s">
        <v>114</v>
      </c>
      <c r="H514" s="8" t="s">
        <v>78</v>
      </c>
      <c r="I514" s="8" t="s">
        <v>71</v>
      </c>
      <c r="J514" s="8">
        <v>1</v>
      </c>
      <c r="K514" s="8" t="s">
        <v>514</v>
      </c>
      <c r="L514" s="8">
        <v>2</v>
      </c>
      <c r="M514" s="8">
        <v>2</v>
      </c>
      <c r="N514" s="70" t="s">
        <v>624</v>
      </c>
      <c r="O514" s="257"/>
    </row>
    <row r="515" spans="1:16" ht="18.75" hidden="1" customHeight="1" outlineLevel="1">
      <c r="E515" s="8" t="s">
        <v>118</v>
      </c>
      <c r="F515" s="8">
        <v>364</v>
      </c>
      <c r="G515" s="8" t="s">
        <v>112</v>
      </c>
      <c r="H515" s="8" t="s">
        <v>78</v>
      </c>
      <c r="I515" s="8" t="s">
        <v>71</v>
      </c>
      <c r="J515" s="8">
        <v>1</v>
      </c>
      <c r="K515" s="8" t="s">
        <v>509</v>
      </c>
      <c r="L515" s="8">
        <v>1</v>
      </c>
      <c r="M515" s="8">
        <v>80</v>
      </c>
      <c r="O515" s="257"/>
    </row>
    <row r="516" spans="1:16" ht="18.75" hidden="1" customHeight="1" outlineLevel="1">
      <c r="E516" s="8" t="s">
        <v>117</v>
      </c>
      <c r="F516" s="8">
        <v>365</v>
      </c>
      <c r="G516" s="8" t="s">
        <v>114</v>
      </c>
      <c r="H516" s="8" t="s">
        <v>78</v>
      </c>
      <c r="I516" s="8" t="s">
        <v>71</v>
      </c>
      <c r="J516" s="8">
        <v>1</v>
      </c>
      <c r="K516" s="8" t="s">
        <v>514</v>
      </c>
      <c r="L516" s="8">
        <v>2</v>
      </c>
      <c r="M516" s="8">
        <v>2</v>
      </c>
      <c r="N516" s="70" t="s">
        <v>624</v>
      </c>
      <c r="O516" s="257"/>
    </row>
    <row r="517" spans="1:16" ht="18.75" hidden="1" customHeight="1" outlineLevel="1">
      <c r="E517" s="8" t="s">
        <v>116</v>
      </c>
      <c r="F517" s="8">
        <v>364</v>
      </c>
      <c r="G517" s="8" t="s">
        <v>112</v>
      </c>
      <c r="H517" s="8" t="s">
        <v>78</v>
      </c>
      <c r="I517" s="8" t="s">
        <v>71</v>
      </c>
      <c r="J517" s="8">
        <v>1</v>
      </c>
      <c r="K517" s="8" t="s">
        <v>509</v>
      </c>
      <c r="L517" s="8">
        <v>1</v>
      </c>
      <c r="M517" s="8">
        <v>80</v>
      </c>
      <c r="O517" s="257"/>
    </row>
    <row r="518" spans="1:16" ht="18.75" hidden="1" customHeight="1" outlineLevel="1">
      <c r="E518" s="8" t="s">
        <v>115</v>
      </c>
      <c r="F518" s="8">
        <v>365</v>
      </c>
      <c r="G518" s="8" t="s">
        <v>114</v>
      </c>
      <c r="H518" s="8" t="s">
        <v>78</v>
      </c>
      <c r="I518" s="8" t="s">
        <v>71</v>
      </c>
      <c r="J518" s="8">
        <v>1</v>
      </c>
      <c r="K518" s="8" t="s">
        <v>514</v>
      </c>
      <c r="L518" s="8">
        <v>2</v>
      </c>
      <c r="M518" s="8">
        <v>2</v>
      </c>
      <c r="N518" s="70" t="s">
        <v>624</v>
      </c>
      <c r="O518" s="257"/>
    </row>
    <row r="519" spans="1:16" ht="18.75" hidden="1" customHeight="1" outlineLevel="1">
      <c r="E519" s="8" t="s">
        <v>113</v>
      </c>
      <c r="F519" s="8">
        <v>364</v>
      </c>
      <c r="G519" s="8" t="s">
        <v>112</v>
      </c>
      <c r="H519" s="8" t="s">
        <v>78</v>
      </c>
      <c r="I519" s="8" t="s">
        <v>71</v>
      </c>
      <c r="J519" s="8">
        <v>1</v>
      </c>
      <c r="K519" s="8" t="s">
        <v>509</v>
      </c>
      <c r="L519" s="8">
        <v>1</v>
      </c>
      <c r="M519" s="8">
        <v>80</v>
      </c>
      <c r="O519" s="257"/>
    </row>
    <row r="520" spans="1:16" collapsed="1">
      <c r="A520" s="17" t="s">
        <v>158</v>
      </c>
      <c r="B520" s="17" t="s">
        <v>120</v>
      </c>
      <c r="C520" s="17"/>
      <c r="D520" s="139"/>
      <c r="E520" s="17"/>
      <c r="F520" s="17"/>
      <c r="G520" s="17"/>
      <c r="H520" s="17" t="s">
        <v>17</v>
      </c>
      <c r="I520" s="17" t="s">
        <v>71</v>
      </c>
      <c r="J520" s="17">
        <v>200</v>
      </c>
      <c r="K520" s="17"/>
      <c r="L520" s="17"/>
      <c r="M520" s="17"/>
      <c r="N520" s="138"/>
      <c r="O520" s="257"/>
    </row>
    <row r="521" spans="1:16" ht="58.5" customHeight="1">
      <c r="A521" s="17"/>
      <c r="B521" s="17"/>
      <c r="C521" s="17" t="s">
        <v>158</v>
      </c>
      <c r="D521" s="139" t="s">
        <v>120</v>
      </c>
      <c r="E521" s="17"/>
      <c r="F521" s="17"/>
      <c r="G521" s="17"/>
      <c r="H521" s="17" t="s">
        <v>66</v>
      </c>
      <c r="I521" s="17" t="s">
        <v>65</v>
      </c>
      <c r="J521" s="17">
        <v>1</v>
      </c>
      <c r="K521" s="17"/>
      <c r="L521" s="17"/>
      <c r="M521" s="17"/>
      <c r="N521" s="138"/>
      <c r="O521" s="258" t="s">
        <v>2009</v>
      </c>
      <c r="P521" s="257" t="s">
        <v>2033</v>
      </c>
    </row>
    <row r="522" spans="1:16" ht="18.75" hidden="1" customHeight="1" outlineLevel="1">
      <c r="E522" s="8" t="s">
        <v>157</v>
      </c>
      <c r="F522" s="8">
        <v>98</v>
      </c>
      <c r="G522" s="8" t="s">
        <v>156</v>
      </c>
      <c r="H522" s="8" t="s">
        <v>66</v>
      </c>
      <c r="I522" s="8" t="s">
        <v>65</v>
      </c>
      <c r="J522" s="8">
        <v>1</v>
      </c>
      <c r="K522" s="8" t="s">
        <v>514</v>
      </c>
      <c r="L522" s="8">
        <v>2</v>
      </c>
      <c r="M522" s="8">
        <v>3</v>
      </c>
      <c r="N522" s="72" t="s">
        <v>694</v>
      </c>
      <c r="O522" s="259"/>
    </row>
    <row r="523" spans="1:16" ht="18.75" hidden="1" customHeight="1" outlineLevel="1">
      <c r="E523" s="8" t="s">
        <v>155</v>
      </c>
      <c r="F523" s="8">
        <v>93</v>
      </c>
      <c r="G523" s="8" t="s">
        <v>120</v>
      </c>
      <c r="H523" s="8" t="s">
        <v>78</v>
      </c>
      <c r="I523" s="8" t="s">
        <v>71</v>
      </c>
      <c r="J523" s="8">
        <v>1</v>
      </c>
      <c r="K523" s="8" t="s">
        <v>509</v>
      </c>
      <c r="L523" s="8">
        <v>1</v>
      </c>
      <c r="M523" s="8">
        <v>60</v>
      </c>
      <c r="O523" s="259"/>
    </row>
    <row r="524" spans="1:16" ht="18.75" hidden="1" customHeight="1" outlineLevel="1">
      <c r="E524" s="8" t="s">
        <v>154</v>
      </c>
      <c r="F524" s="8">
        <v>66</v>
      </c>
      <c r="G524" s="8" t="s">
        <v>153</v>
      </c>
      <c r="H524" s="8" t="s">
        <v>78</v>
      </c>
      <c r="I524" s="8" t="s">
        <v>71</v>
      </c>
      <c r="J524" s="8">
        <v>1</v>
      </c>
      <c r="K524" s="8" t="s">
        <v>514</v>
      </c>
      <c r="L524" s="8">
        <v>1</v>
      </c>
      <c r="M524" s="8">
        <v>2</v>
      </c>
      <c r="N524" s="70" t="s">
        <v>624</v>
      </c>
      <c r="O524" s="259"/>
    </row>
    <row r="525" spans="1:16" ht="18.75" hidden="1" customHeight="1" outlineLevel="1">
      <c r="E525" s="8" t="s">
        <v>152</v>
      </c>
      <c r="F525" s="8">
        <v>67</v>
      </c>
      <c r="G525" s="8" t="s">
        <v>151</v>
      </c>
      <c r="H525" s="8" t="s">
        <v>78</v>
      </c>
      <c r="I525" s="8" t="s">
        <v>71</v>
      </c>
      <c r="J525" s="8">
        <v>1</v>
      </c>
      <c r="K525" s="8" t="s">
        <v>509</v>
      </c>
      <c r="L525" s="8">
        <v>2</v>
      </c>
      <c r="M525" s="8">
        <v>80</v>
      </c>
      <c r="O525" s="259"/>
    </row>
    <row r="526" spans="1:16" collapsed="1">
      <c r="A526" s="17"/>
      <c r="B526" s="17"/>
      <c r="C526" s="17" t="s">
        <v>150</v>
      </c>
      <c r="D526" s="139" t="s">
        <v>473</v>
      </c>
      <c r="E526" s="17"/>
      <c r="F526" s="17"/>
      <c r="G526" s="17"/>
      <c r="H526" s="17" t="s">
        <v>17</v>
      </c>
      <c r="I526" s="17" t="s">
        <v>71</v>
      </c>
      <c r="J526" s="17">
        <v>2</v>
      </c>
      <c r="K526" s="17"/>
      <c r="L526" s="17"/>
      <c r="M526" s="17"/>
      <c r="N526" s="138"/>
      <c r="O526" s="259" t="s">
        <v>1644</v>
      </c>
    </row>
    <row r="527" spans="1:16" ht="18.75" hidden="1" customHeight="1" outlineLevel="1">
      <c r="E527" s="8" t="s">
        <v>149</v>
      </c>
      <c r="F527" s="8">
        <v>93</v>
      </c>
      <c r="G527" s="8" t="s">
        <v>120</v>
      </c>
      <c r="H527" s="8" t="s">
        <v>66</v>
      </c>
      <c r="I527" s="8" t="s">
        <v>65</v>
      </c>
      <c r="J527" s="8">
        <v>1</v>
      </c>
      <c r="K527" s="8" t="s">
        <v>509</v>
      </c>
      <c r="L527" s="8">
        <v>1</v>
      </c>
      <c r="M527" s="8">
        <v>60</v>
      </c>
      <c r="O527" s="259"/>
    </row>
    <row r="528" spans="1:16" ht="18.75" hidden="1" customHeight="1" outlineLevel="1">
      <c r="E528" s="8" t="s">
        <v>148</v>
      </c>
      <c r="F528" s="8">
        <v>93</v>
      </c>
      <c r="G528" s="8" t="s">
        <v>120</v>
      </c>
      <c r="H528" s="8" t="s">
        <v>17</v>
      </c>
      <c r="I528" s="8" t="s">
        <v>71</v>
      </c>
      <c r="J528" s="8">
        <v>1</v>
      </c>
      <c r="K528" s="8" t="s">
        <v>509</v>
      </c>
      <c r="L528" s="8">
        <v>1</v>
      </c>
      <c r="M528" s="8">
        <v>60</v>
      </c>
      <c r="O528" s="259"/>
    </row>
    <row r="529" spans="1:16" ht="18.75" hidden="1" customHeight="1" outlineLevel="1">
      <c r="A529" s="17"/>
      <c r="B529" s="17"/>
      <c r="C529" s="17" t="s">
        <v>150</v>
      </c>
      <c r="D529" s="139" t="s">
        <v>473</v>
      </c>
      <c r="E529" s="17"/>
      <c r="F529" s="17"/>
      <c r="G529" s="17"/>
      <c r="H529" s="17" t="s">
        <v>17</v>
      </c>
      <c r="I529" s="17" t="s">
        <v>71</v>
      </c>
      <c r="J529" s="17">
        <v>2</v>
      </c>
      <c r="K529" s="17"/>
      <c r="L529" s="17"/>
      <c r="M529" s="17"/>
      <c r="N529" s="138"/>
      <c r="O529" s="259"/>
    </row>
    <row r="530" spans="1:16" ht="18.75" hidden="1" customHeight="1" outlineLevel="1">
      <c r="E530" s="8" t="s">
        <v>149</v>
      </c>
      <c r="F530" s="8">
        <v>93</v>
      </c>
      <c r="G530" s="8" t="s">
        <v>120</v>
      </c>
      <c r="H530" s="8" t="s">
        <v>66</v>
      </c>
      <c r="I530" s="8" t="s">
        <v>65</v>
      </c>
      <c r="J530" s="8">
        <v>1</v>
      </c>
      <c r="K530" s="8" t="s">
        <v>509</v>
      </c>
      <c r="L530" s="8">
        <v>1</v>
      </c>
      <c r="M530" s="8">
        <v>60</v>
      </c>
      <c r="O530" s="259"/>
    </row>
    <row r="531" spans="1:16" ht="18.75" hidden="1" customHeight="1" outlineLevel="1">
      <c r="E531" s="8" t="s">
        <v>148</v>
      </c>
      <c r="F531" s="8">
        <v>93</v>
      </c>
      <c r="G531" s="8" t="s">
        <v>120</v>
      </c>
      <c r="H531" s="8" t="s">
        <v>17</v>
      </c>
      <c r="I531" s="8" t="s">
        <v>71</v>
      </c>
      <c r="J531" s="8">
        <v>1</v>
      </c>
      <c r="K531" s="8" t="s">
        <v>509</v>
      </c>
      <c r="L531" s="8">
        <v>1</v>
      </c>
      <c r="M531" s="8">
        <v>60</v>
      </c>
      <c r="O531" s="259"/>
    </row>
    <row r="532" spans="1:16" collapsed="1">
      <c r="A532" s="17"/>
      <c r="B532" s="17"/>
      <c r="C532" s="17" t="s">
        <v>147</v>
      </c>
      <c r="D532" s="139" t="s">
        <v>144</v>
      </c>
      <c r="E532" s="17"/>
      <c r="F532" s="17"/>
      <c r="G532" s="17"/>
      <c r="H532" s="17" t="s">
        <v>17</v>
      </c>
      <c r="I532" s="17" t="s">
        <v>71</v>
      </c>
      <c r="J532" s="17">
        <v>2</v>
      </c>
      <c r="K532" s="17"/>
      <c r="L532" s="17"/>
      <c r="M532" s="17"/>
      <c r="N532" s="138"/>
      <c r="O532" s="259" t="s">
        <v>929</v>
      </c>
    </row>
    <row r="533" spans="1:16" ht="18.75" hidden="1" customHeight="1" outlineLevel="1">
      <c r="E533" s="8" t="s">
        <v>146</v>
      </c>
      <c r="F533" s="8">
        <v>166</v>
      </c>
      <c r="G533" s="8" t="s">
        <v>144</v>
      </c>
      <c r="H533" s="8" t="s">
        <v>66</v>
      </c>
      <c r="I533" s="8" t="s">
        <v>65</v>
      </c>
      <c r="J533" s="8">
        <v>1</v>
      </c>
      <c r="K533" s="8" t="s">
        <v>509</v>
      </c>
      <c r="L533" s="8">
        <v>1</v>
      </c>
      <c r="M533" s="8">
        <v>55</v>
      </c>
      <c r="O533" s="259"/>
    </row>
    <row r="534" spans="1:16" ht="18.75" hidden="1" customHeight="1" outlineLevel="1">
      <c r="E534" s="8" t="s">
        <v>145</v>
      </c>
      <c r="F534" s="8">
        <v>166</v>
      </c>
      <c r="G534" s="8" t="s">
        <v>144</v>
      </c>
      <c r="H534" s="8" t="s">
        <v>17</v>
      </c>
      <c r="I534" s="8" t="s">
        <v>71</v>
      </c>
      <c r="J534" s="8">
        <v>1</v>
      </c>
      <c r="K534" s="8" t="s">
        <v>509</v>
      </c>
      <c r="L534" s="8">
        <v>1</v>
      </c>
      <c r="M534" s="8">
        <v>55</v>
      </c>
      <c r="O534" s="259"/>
    </row>
    <row r="535" spans="1:16" ht="18.75" hidden="1" customHeight="1" outlineLevel="1">
      <c r="A535" s="17"/>
      <c r="B535" s="17"/>
      <c r="C535" s="17" t="s">
        <v>147</v>
      </c>
      <c r="D535" s="139" t="s">
        <v>144</v>
      </c>
      <c r="E535" s="17"/>
      <c r="F535" s="17"/>
      <c r="G535" s="17"/>
      <c r="H535" s="17" t="s">
        <v>17</v>
      </c>
      <c r="I535" s="17" t="s">
        <v>71</v>
      </c>
      <c r="J535" s="17">
        <v>2</v>
      </c>
      <c r="K535" s="17"/>
      <c r="L535" s="17"/>
      <c r="M535" s="17"/>
      <c r="N535" s="138"/>
      <c r="O535" s="259"/>
    </row>
    <row r="536" spans="1:16" ht="18.75" hidden="1" customHeight="1" outlineLevel="1">
      <c r="E536" s="8" t="s">
        <v>146</v>
      </c>
      <c r="F536" s="8">
        <v>166</v>
      </c>
      <c r="G536" s="8" t="s">
        <v>144</v>
      </c>
      <c r="H536" s="8" t="s">
        <v>66</v>
      </c>
      <c r="I536" s="8" t="s">
        <v>65</v>
      </c>
      <c r="J536" s="8">
        <v>1</v>
      </c>
      <c r="K536" s="8" t="s">
        <v>509</v>
      </c>
      <c r="L536" s="8">
        <v>1</v>
      </c>
      <c r="M536" s="8">
        <v>55</v>
      </c>
      <c r="O536" s="259"/>
    </row>
    <row r="537" spans="1:16" ht="18.75" hidden="1" customHeight="1" outlineLevel="1">
      <c r="E537" s="8" t="s">
        <v>145</v>
      </c>
      <c r="F537" s="8">
        <v>166</v>
      </c>
      <c r="G537" s="8" t="s">
        <v>144</v>
      </c>
      <c r="H537" s="8" t="s">
        <v>17</v>
      </c>
      <c r="I537" s="8" t="s">
        <v>71</v>
      </c>
      <c r="J537" s="8">
        <v>1</v>
      </c>
      <c r="K537" s="8" t="s">
        <v>509</v>
      </c>
      <c r="L537" s="8">
        <v>1</v>
      </c>
      <c r="M537" s="8">
        <v>55</v>
      </c>
      <c r="O537" s="259"/>
    </row>
    <row r="538" spans="1:16" collapsed="1">
      <c r="A538" s="17"/>
      <c r="B538" s="17"/>
      <c r="C538" s="17" t="s">
        <v>143</v>
      </c>
      <c r="D538" s="139" t="s">
        <v>474</v>
      </c>
      <c r="E538" s="17"/>
      <c r="F538" s="17"/>
      <c r="G538" s="17"/>
      <c r="H538" s="17" t="s">
        <v>17</v>
      </c>
      <c r="I538" s="17" t="s">
        <v>71</v>
      </c>
      <c r="J538" s="17" t="s">
        <v>525</v>
      </c>
      <c r="K538" s="17"/>
      <c r="L538" s="17"/>
      <c r="M538" s="17"/>
      <c r="N538" s="138"/>
      <c r="O538" s="259" t="s">
        <v>930</v>
      </c>
    </row>
    <row r="539" spans="1:16" ht="18.75" hidden="1" customHeight="1" outlineLevel="1">
      <c r="E539" s="8" t="s">
        <v>142</v>
      </c>
      <c r="F539" s="8">
        <v>19</v>
      </c>
      <c r="G539" s="8" t="s">
        <v>141</v>
      </c>
      <c r="H539" s="8" t="s">
        <v>17</v>
      </c>
      <c r="I539" s="8" t="s">
        <v>71</v>
      </c>
      <c r="J539" s="8">
        <v>1</v>
      </c>
      <c r="K539" s="8" t="s">
        <v>509</v>
      </c>
      <c r="L539" s="8">
        <v>2</v>
      </c>
      <c r="M539" s="8">
        <v>30</v>
      </c>
      <c r="O539" s="259"/>
    </row>
    <row r="540" spans="1:16" ht="18.75" hidden="1" customHeight="1" outlineLevel="1">
      <c r="E540" s="8" t="s">
        <v>140</v>
      </c>
      <c r="F540" s="8">
        <v>156</v>
      </c>
      <c r="G540" s="8" t="s">
        <v>139</v>
      </c>
      <c r="H540" s="8" t="s">
        <v>17</v>
      </c>
      <c r="I540" s="8" t="s">
        <v>71</v>
      </c>
      <c r="J540" s="8">
        <v>1</v>
      </c>
      <c r="K540" s="8" t="s">
        <v>514</v>
      </c>
      <c r="L540" s="8">
        <v>2</v>
      </c>
      <c r="M540" s="8">
        <v>2</v>
      </c>
      <c r="N540" s="70" t="s">
        <v>624</v>
      </c>
      <c r="O540" s="259"/>
    </row>
    <row r="541" spans="1:16" ht="18.75" hidden="1" customHeight="1" outlineLevel="1">
      <c r="E541" s="8" t="s">
        <v>138</v>
      </c>
      <c r="F541" s="8">
        <v>116</v>
      </c>
      <c r="G541" s="8" t="s">
        <v>137</v>
      </c>
      <c r="H541" s="8" t="s">
        <v>17</v>
      </c>
      <c r="I541" s="8" t="s">
        <v>71</v>
      </c>
      <c r="J541" s="8">
        <v>1</v>
      </c>
      <c r="K541" s="8" t="s">
        <v>514</v>
      </c>
      <c r="L541" s="8">
        <v>3</v>
      </c>
      <c r="M541" s="8">
        <v>15</v>
      </c>
      <c r="N541" s="18"/>
      <c r="O541" s="259"/>
    </row>
    <row r="542" spans="1:16" ht="18.75" hidden="1" customHeight="1" outlineLevel="1">
      <c r="E542" s="8" t="s">
        <v>136</v>
      </c>
      <c r="F542" s="8">
        <v>26</v>
      </c>
      <c r="G542" s="8" t="s">
        <v>135</v>
      </c>
      <c r="H542" s="8" t="s">
        <v>17</v>
      </c>
      <c r="I542" s="8" t="s">
        <v>71</v>
      </c>
      <c r="J542" s="8">
        <v>1</v>
      </c>
      <c r="K542" s="8" t="s">
        <v>514</v>
      </c>
      <c r="L542" s="8">
        <v>2</v>
      </c>
      <c r="M542" s="8">
        <v>3</v>
      </c>
      <c r="N542" s="18"/>
      <c r="O542" s="259"/>
    </row>
    <row r="543" spans="1:16" s="8" customFormat="1" ht="18.75" hidden="1" customHeight="1" outlineLevel="1">
      <c r="C543" s="33"/>
      <c r="D543" s="33"/>
      <c r="E543" s="33" t="s">
        <v>134</v>
      </c>
      <c r="F543" s="11">
        <v>309</v>
      </c>
      <c r="G543" s="33" t="s">
        <v>133</v>
      </c>
      <c r="H543" s="33" t="s">
        <v>78</v>
      </c>
      <c r="I543" s="33" t="s">
        <v>71</v>
      </c>
      <c r="J543" s="11">
        <v>1</v>
      </c>
      <c r="K543" s="11" t="s">
        <v>514</v>
      </c>
      <c r="L543" s="11">
        <v>1</v>
      </c>
      <c r="M543" s="11">
        <v>2</v>
      </c>
      <c r="N543" s="18" t="s">
        <v>690</v>
      </c>
      <c r="O543" s="259"/>
      <c r="P543" s="257"/>
    </row>
    <row r="544" spans="1:16" s="8" customFormat="1" ht="18.75" hidden="1" customHeight="1" outlineLevel="1">
      <c r="C544" s="33"/>
      <c r="D544" s="33"/>
      <c r="E544" s="33" t="s">
        <v>132</v>
      </c>
      <c r="F544" s="11">
        <v>310</v>
      </c>
      <c r="G544" s="33" t="s">
        <v>131</v>
      </c>
      <c r="H544" s="33" t="s">
        <v>17</v>
      </c>
      <c r="I544" s="33" t="s">
        <v>71</v>
      </c>
      <c r="J544" s="11">
        <v>1</v>
      </c>
      <c r="K544" s="11" t="s">
        <v>509</v>
      </c>
      <c r="L544" s="11">
        <v>1</v>
      </c>
      <c r="M544" s="11">
        <v>30</v>
      </c>
      <c r="N544" s="18"/>
      <c r="O544" s="259"/>
      <c r="P544" s="257"/>
    </row>
    <row r="545" spans="1:15" ht="18.75" hidden="1" customHeight="1" collapsed="1">
      <c r="A545" s="17"/>
      <c r="B545" s="17"/>
      <c r="C545" s="17" t="s">
        <v>130</v>
      </c>
      <c r="D545" s="139" t="s">
        <v>126</v>
      </c>
      <c r="E545" s="17"/>
      <c r="F545" s="17"/>
      <c r="G545" s="17"/>
      <c r="H545" s="17"/>
      <c r="I545" s="17"/>
      <c r="J545" s="17">
        <v>12</v>
      </c>
      <c r="K545" s="17"/>
      <c r="L545" s="17"/>
      <c r="M545" s="17"/>
      <c r="N545" s="138"/>
      <c r="O545" s="259"/>
    </row>
    <row r="546" spans="1:15" ht="18.75" hidden="1" customHeight="1">
      <c r="E546" s="8" t="s">
        <v>129</v>
      </c>
      <c r="F546" s="72">
        <v>128</v>
      </c>
      <c r="G546" s="72" t="s">
        <v>128</v>
      </c>
      <c r="H546" s="8" t="s">
        <v>66</v>
      </c>
      <c r="I546" s="8" t="s">
        <v>65</v>
      </c>
      <c r="J546" s="8">
        <v>1</v>
      </c>
      <c r="K546" s="8" t="s">
        <v>514</v>
      </c>
      <c r="L546" s="8">
        <v>2</v>
      </c>
      <c r="M546" s="8">
        <v>3</v>
      </c>
      <c r="N546" s="70" t="s">
        <v>624</v>
      </c>
      <c r="O546" s="259"/>
    </row>
    <row r="547" spans="1:15" ht="18.75" hidden="1" customHeight="1">
      <c r="E547" s="19" t="s">
        <v>127</v>
      </c>
      <c r="F547" s="25">
        <v>127</v>
      </c>
      <c r="G547" s="25" t="s">
        <v>126</v>
      </c>
      <c r="H547" s="19" t="s">
        <v>78</v>
      </c>
      <c r="I547" s="25" t="s">
        <v>96</v>
      </c>
      <c r="J547" s="19">
        <v>1</v>
      </c>
      <c r="K547" s="19" t="s">
        <v>509</v>
      </c>
      <c r="L547" s="19">
        <v>1</v>
      </c>
      <c r="M547" s="19">
        <v>30</v>
      </c>
      <c r="N547" s="25"/>
      <c r="O547" s="259"/>
    </row>
    <row r="548" spans="1:15" ht="18" hidden="1" customHeight="1">
      <c r="E548" s="8" t="s">
        <v>125</v>
      </c>
      <c r="F548" s="72">
        <v>352</v>
      </c>
      <c r="G548" s="72" t="s">
        <v>3</v>
      </c>
      <c r="H548" s="8" t="s">
        <v>78</v>
      </c>
      <c r="I548" s="8" t="s">
        <v>71</v>
      </c>
      <c r="J548" s="8">
        <v>1</v>
      </c>
      <c r="K548" s="8" t="s">
        <v>509</v>
      </c>
      <c r="L548" s="8">
        <v>1</v>
      </c>
      <c r="M548" s="8">
        <v>80</v>
      </c>
      <c r="O548" s="259"/>
    </row>
    <row r="549" spans="1:15" ht="18.75" hidden="1" customHeight="1">
      <c r="A549" s="17"/>
      <c r="B549" s="17"/>
      <c r="C549" s="17" t="s">
        <v>130</v>
      </c>
      <c r="D549" s="139" t="s">
        <v>126</v>
      </c>
      <c r="E549" s="17"/>
      <c r="F549" s="17"/>
      <c r="G549" s="17"/>
      <c r="H549" s="17"/>
      <c r="I549" s="17"/>
      <c r="J549" s="17">
        <v>12</v>
      </c>
      <c r="K549" s="17"/>
      <c r="L549" s="17"/>
      <c r="M549" s="17"/>
      <c r="N549" s="138"/>
      <c r="O549" s="259"/>
    </row>
    <row r="550" spans="1:15" ht="18.75" hidden="1" customHeight="1">
      <c r="E550" s="8" t="s">
        <v>129</v>
      </c>
      <c r="F550" s="72">
        <v>128</v>
      </c>
      <c r="G550" s="72" t="s">
        <v>128</v>
      </c>
      <c r="H550" s="8" t="s">
        <v>66</v>
      </c>
      <c r="I550" s="8" t="s">
        <v>65</v>
      </c>
      <c r="J550" s="8">
        <v>1</v>
      </c>
      <c r="K550" s="8" t="s">
        <v>514</v>
      </c>
      <c r="L550" s="8">
        <v>2</v>
      </c>
      <c r="M550" s="8">
        <v>3</v>
      </c>
      <c r="N550" s="72" t="s">
        <v>692</v>
      </c>
      <c r="O550" s="259"/>
    </row>
    <row r="551" spans="1:15" ht="18.75" hidden="1" customHeight="1">
      <c r="C551" s="19"/>
      <c r="D551" s="19"/>
      <c r="E551" s="19" t="s">
        <v>127</v>
      </c>
      <c r="F551" s="19">
        <v>127</v>
      </c>
      <c r="G551" s="19" t="s">
        <v>126</v>
      </c>
      <c r="H551" s="19" t="s">
        <v>78</v>
      </c>
      <c r="I551" s="19" t="s">
        <v>96</v>
      </c>
      <c r="J551" s="19">
        <v>1</v>
      </c>
      <c r="K551" s="19" t="s">
        <v>509</v>
      </c>
      <c r="L551" s="19">
        <v>1</v>
      </c>
      <c r="M551" s="19">
        <v>30</v>
      </c>
      <c r="N551" s="25"/>
      <c r="O551" s="259"/>
    </row>
    <row r="552" spans="1:15" ht="18.75" hidden="1" customHeight="1">
      <c r="E552" s="8" t="s">
        <v>125</v>
      </c>
      <c r="F552" s="72">
        <v>352</v>
      </c>
      <c r="G552" s="72" t="s">
        <v>3</v>
      </c>
      <c r="H552" s="8" t="s">
        <v>78</v>
      </c>
      <c r="I552" s="8" t="s">
        <v>71</v>
      </c>
      <c r="J552" s="8">
        <v>1</v>
      </c>
      <c r="K552" s="8" t="s">
        <v>509</v>
      </c>
      <c r="L552" s="8">
        <v>1</v>
      </c>
      <c r="M552" s="8">
        <v>80</v>
      </c>
      <c r="O552" s="259"/>
    </row>
    <row r="553" spans="1:15" ht="18.75" customHeight="1">
      <c r="A553" s="17"/>
      <c r="B553" s="17"/>
      <c r="C553" s="17" t="s">
        <v>124</v>
      </c>
      <c r="D553" s="139" t="s">
        <v>475</v>
      </c>
      <c r="E553" s="17"/>
      <c r="F553" s="17"/>
      <c r="G553" s="17"/>
      <c r="H553" s="17" t="s">
        <v>17</v>
      </c>
      <c r="I553" s="17" t="s">
        <v>71</v>
      </c>
      <c r="J553" s="17" t="s">
        <v>525</v>
      </c>
      <c r="K553" s="17"/>
      <c r="L553" s="17"/>
      <c r="M553" s="17"/>
      <c r="N553" s="138"/>
      <c r="O553" s="259"/>
    </row>
    <row r="554" spans="1:15" ht="18.75" hidden="1" customHeight="1" outlineLevel="1">
      <c r="E554" s="8" t="s">
        <v>123</v>
      </c>
      <c r="F554" s="8">
        <v>366</v>
      </c>
      <c r="G554" s="8" t="s">
        <v>122</v>
      </c>
      <c r="H554" s="8" t="s">
        <v>66</v>
      </c>
      <c r="I554" s="8" t="s">
        <v>65</v>
      </c>
      <c r="J554" s="8">
        <v>1</v>
      </c>
      <c r="K554" s="8" t="s">
        <v>514</v>
      </c>
      <c r="L554" s="8">
        <v>2</v>
      </c>
      <c r="M554" s="8">
        <v>2</v>
      </c>
      <c r="N554" s="18" t="s">
        <v>695</v>
      </c>
      <c r="O554" s="259"/>
    </row>
    <row r="555" spans="1:15" ht="18.75" hidden="1" customHeight="1" outlineLevel="1">
      <c r="E555" s="8" t="s">
        <v>121</v>
      </c>
      <c r="F555" s="8">
        <v>93</v>
      </c>
      <c r="G555" s="8" t="s">
        <v>120</v>
      </c>
      <c r="H555" s="8" t="s">
        <v>17</v>
      </c>
      <c r="I555" s="8" t="s">
        <v>71</v>
      </c>
      <c r="J555" s="8">
        <v>1</v>
      </c>
      <c r="K555" s="8" t="s">
        <v>509</v>
      </c>
      <c r="L555" s="8">
        <v>1</v>
      </c>
      <c r="M555" s="8">
        <v>60</v>
      </c>
      <c r="O555" s="259"/>
    </row>
    <row r="556" spans="1:15" ht="18.75" hidden="1" customHeight="1" outlineLevel="1">
      <c r="E556" s="8" t="s">
        <v>119</v>
      </c>
      <c r="F556" s="8">
        <v>365</v>
      </c>
      <c r="G556" s="8" t="s">
        <v>114</v>
      </c>
      <c r="H556" s="8" t="s">
        <v>78</v>
      </c>
      <c r="I556" s="8" t="s">
        <v>71</v>
      </c>
      <c r="J556" s="8">
        <v>1</v>
      </c>
      <c r="K556" s="8" t="s">
        <v>514</v>
      </c>
      <c r="L556" s="8">
        <v>2</v>
      </c>
      <c r="M556" s="8">
        <v>2</v>
      </c>
      <c r="N556" s="70" t="s">
        <v>624</v>
      </c>
      <c r="O556" s="259"/>
    </row>
    <row r="557" spans="1:15" ht="18.75" hidden="1" customHeight="1" outlineLevel="1">
      <c r="E557" s="8" t="s">
        <v>118</v>
      </c>
      <c r="F557" s="8">
        <v>364</v>
      </c>
      <c r="G557" s="8" t="s">
        <v>112</v>
      </c>
      <c r="H557" s="8" t="s">
        <v>78</v>
      </c>
      <c r="I557" s="8" t="s">
        <v>71</v>
      </c>
      <c r="J557" s="8">
        <v>1</v>
      </c>
      <c r="K557" s="8" t="s">
        <v>509</v>
      </c>
      <c r="L557" s="8">
        <v>1</v>
      </c>
      <c r="M557" s="8">
        <v>80</v>
      </c>
      <c r="O557" s="259"/>
    </row>
    <row r="558" spans="1:15" ht="18.75" hidden="1" customHeight="1" outlineLevel="1">
      <c r="E558" s="8" t="s">
        <v>117</v>
      </c>
      <c r="F558" s="8">
        <v>365</v>
      </c>
      <c r="G558" s="8" t="s">
        <v>114</v>
      </c>
      <c r="H558" s="8" t="s">
        <v>78</v>
      </c>
      <c r="I558" s="8" t="s">
        <v>71</v>
      </c>
      <c r="J558" s="8">
        <v>1</v>
      </c>
      <c r="K558" s="8" t="s">
        <v>514</v>
      </c>
      <c r="L558" s="8">
        <v>2</v>
      </c>
      <c r="M558" s="8">
        <v>2</v>
      </c>
      <c r="N558" s="70" t="s">
        <v>624</v>
      </c>
      <c r="O558" s="259"/>
    </row>
    <row r="559" spans="1:15" ht="18.75" hidden="1" customHeight="1" outlineLevel="1">
      <c r="E559" s="8" t="s">
        <v>116</v>
      </c>
      <c r="F559" s="8">
        <v>364</v>
      </c>
      <c r="G559" s="8" t="s">
        <v>112</v>
      </c>
      <c r="H559" s="8" t="s">
        <v>78</v>
      </c>
      <c r="I559" s="8" t="s">
        <v>71</v>
      </c>
      <c r="J559" s="8">
        <v>1</v>
      </c>
      <c r="K559" s="8" t="s">
        <v>509</v>
      </c>
      <c r="L559" s="8">
        <v>1</v>
      </c>
      <c r="M559" s="8">
        <v>80</v>
      </c>
      <c r="O559" s="259"/>
    </row>
    <row r="560" spans="1:15" ht="18.75" hidden="1" customHeight="1" outlineLevel="1">
      <c r="E560" s="8" t="s">
        <v>115</v>
      </c>
      <c r="F560" s="8">
        <v>365</v>
      </c>
      <c r="G560" s="8" t="s">
        <v>114</v>
      </c>
      <c r="H560" s="8" t="s">
        <v>78</v>
      </c>
      <c r="I560" s="8" t="s">
        <v>71</v>
      </c>
      <c r="J560" s="8">
        <v>1</v>
      </c>
      <c r="K560" s="8" t="s">
        <v>514</v>
      </c>
      <c r="L560" s="8">
        <v>2</v>
      </c>
      <c r="M560" s="8">
        <v>2</v>
      </c>
      <c r="N560" s="70" t="s">
        <v>624</v>
      </c>
      <c r="O560" s="259"/>
    </row>
    <row r="561" spans="1:16" ht="18.75" hidden="1" customHeight="1" outlineLevel="1">
      <c r="E561" s="8" t="s">
        <v>113</v>
      </c>
      <c r="F561" s="8">
        <v>364</v>
      </c>
      <c r="G561" s="8" t="s">
        <v>112</v>
      </c>
      <c r="H561" s="8" t="s">
        <v>78</v>
      </c>
      <c r="I561" s="8" t="s">
        <v>71</v>
      </c>
      <c r="J561" s="8">
        <v>1</v>
      </c>
      <c r="K561" s="8" t="s">
        <v>509</v>
      </c>
      <c r="L561" s="8">
        <v>1</v>
      </c>
      <c r="M561" s="8">
        <v>80</v>
      </c>
      <c r="O561" s="259"/>
    </row>
    <row r="562" spans="1:16" ht="18.75" customHeight="1" collapsed="1">
      <c r="A562" s="17"/>
      <c r="B562" s="17"/>
      <c r="C562" s="17" t="s">
        <v>163</v>
      </c>
      <c r="D562" s="139" t="s">
        <v>456</v>
      </c>
      <c r="E562" s="17"/>
      <c r="F562" s="17"/>
      <c r="G562" s="17"/>
      <c r="H562" s="17" t="s">
        <v>17</v>
      </c>
      <c r="I562" s="17" t="s">
        <v>71</v>
      </c>
      <c r="J562" s="17">
        <v>12</v>
      </c>
      <c r="K562" s="17"/>
      <c r="L562" s="17"/>
      <c r="M562" s="17"/>
      <c r="N562" s="138"/>
      <c r="O562" s="241" t="s">
        <v>1638</v>
      </c>
      <c r="P562" s="205" t="s">
        <v>1080</v>
      </c>
    </row>
    <row r="563" spans="1:16" ht="18.75" hidden="1" customHeight="1" outlineLevel="1">
      <c r="E563" s="8" t="s">
        <v>162</v>
      </c>
      <c r="F563" s="8">
        <v>133</v>
      </c>
      <c r="G563" s="8" t="s">
        <v>161</v>
      </c>
      <c r="H563" s="8" t="s">
        <v>17</v>
      </c>
      <c r="I563" s="8" t="s">
        <v>71</v>
      </c>
      <c r="J563" s="8">
        <v>1</v>
      </c>
      <c r="K563" s="8" t="s">
        <v>514</v>
      </c>
      <c r="L563" s="8">
        <v>1</v>
      </c>
      <c r="M563" s="8">
        <v>2</v>
      </c>
      <c r="N563" s="72" t="s">
        <v>696</v>
      </c>
      <c r="O563" s="245"/>
      <c r="P563" s="243"/>
    </row>
    <row r="564" spans="1:16" ht="18.75" hidden="1" customHeight="1" outlineLevel="1">
      <c r="E564" s="8" t="s">
        <v>160</v>
      </c>
      <c r="F564" s="8">
        <v>66</v>
      </c>
      <c r="G564" s="8" t="s">
        <v>153</v>
      </c>
      <c r="H564" s="8" t="s">
        <v>78</v>
      </c>
      <c r="I564" s="8" t="s">
        <v>71</v>
      </c>
      <c r="J564" s="8">
        <v>1</v>
      </c>
      <c r="K564" s="8" t="s">
        <v>514</v>
      </c>
      <c r="L564" s="8">
        <v>1</v>
      </c>
      <c r="M564" s="8">
        <v>2</v>
      </c>
      <c r="N564" s="72" t="s">
        <v>643</v>
      </c>
      <c r="O564" s="259"/>
    </row>
    <row r="565" spans="1:16" ht="18.75" hidden="1" customHeight="1" outlineLevel="1">
      <c r="E565" s="8" t="s">
        <v>159</v>
      </c>
      <c r="F565" s="8">
        <v>67</v>
      </c>
      <c r="G565" s="8" t="s">
        <v>151</v>
      </c>
      <c r="H565" s="8" t="s">
        <v>78</v>
      </c>
      <c r="I565" s="8" t="s">
        <v>71</v>
      </c>
      <c r="J565" s="8">
        <v>1</v>
      </c>
      <c r="K565" s="8" t="s">
        <v>509</v>
      </c>
      <c r="L565" s="8">
        <v>2</v>
      </c>
      <c r="M565" s="8">
        <v>80</v>
      </c>
      <c r="O565" s="259"/>
    </row>
    <row r="566" spans="1:16" ht="18.75" hidden="1" customHeight="1" outlineLevel="1">
      <c r="E566" s="8" t="s">
        <v>171</v>
      </c>
      <c r="F566" s="8">
        <v>91</v>
      </c>
      <c r="G566" s="8" t="s">
        <v>170</v>
      </c>
      <c r="H566" s="8" t="s">
        <v>78</v>
      </c>
      <c r="I566" s="8" t="s">
        <v>71</v>
      </c>
      <c r="J566" s="8">
        <v>1</v>
      </c>
      <c r="K566" s="8" t="s">
        <v>514</v>
      </c>
      <c r="L566" s="8">
        <v>1</v>
      </c>
      <c r="M566" s="8">
        <v>2</v>
      </c>
      <c r="N566" s="70" t="s">
        <v>624</v>
      </c>
      <c r="O566" s="259"/>
    </row>
    <row r="567" spans="1:16" ht="18.75" hidden="1" customHeight="1" outlineLevel="1">
      <c r="E567" s="19" t="s">
        <v>169</v>
      </c>
      <c r="F567" s="19">
        <v>387</v>
      </c>
      <c r="G567" s="19" t="s">
        <v>168</v>
      </c>
      <c r="H567" s="19" t="s">
        <v>78</v>
      </c>
      <c r="I567" s="19" t="s">
        <v>96</v>
      </c>
      <c r="J567" s="19">
        <v>1</v>
      </c>
      <c r="K567" s="19" t="s">
        <v>509</v>
      </c>
      <c r="L567" s="19">
        <v>1</v>
      </c>
      <c r="M567" s="19">
        <v>35</v>
      </c>
      <c r="N567" s="25"/>
      <c r="O567" s="259"/>
    </row>
    <row r="568" spans="1:16" ht="18.75" hidden="1" customHeight="1" outlineLevel="1">
      <c r="E568" s="19" t="s">
        <v>167</v>
      </c>
      <c r="F568" s="19">
        <v>368</v>
      </c>
      <c r="G568" s="19" t="s">
        <v>166</v>
      </c>
      <c r="H568" s="19" t="s">
        <v>78</v>
      </c>
      <c r="I568" s="19" t="s">
        <v>96</v>
      </c>
      <c r="J568" s="19">
        <v>1</v>
      </c>
      <c r="K568" s="19" t="s">
        <v>514</v>
      </c>
      <c r="L568" s="19">
        <v>2</v>
      </c>
      <c r="M568" s="19">
        <v>2</v>
      </c>
      <c r="N568" s="25"/>
      <c r="O568" s="259"/>
    </row>
    <row r="569" spans="1:16" ht="18.75" hidden="1" customHeight="1" outlineLevel="1">
      <c r="C569" s="24"/>
      <c r="D569" s="143"/>
      <c r="E569" s="11" t="s">
        <v>897</v>
      </c>
      <c r="F569" s="11">
        <v>309</v>
      </c>
      <c r="G569" s="11" t="s">
        <v>133</v>
      </c>
      <c r="H569" s="11" t="s">
        <v>17</v>
      </c>
      <c r="I569" s="11" t="s">
        <v>71</v>
      </c>
      <c r="J569" s="11">
        <v>1</v>
      </c>
      <c r="K569" s="11" t="s">
        <v>514</v>
      </c>
      <c r="L569" s="11">
        <v>1</v>
      </c>
      <c r="M569" s="11">
        <v>2</v>
      </c>
      <c r="N569" s="18" t="s">
        <v>643</v>
      </c>
      <c r="O569" s="259"/>
    </row>
    <row r="570" spans="1:16" ht="18.75" hidden="1" customHeight="1" outlineLevel="1">
      <c r="C570" s="147"/>
      <c r="D570" s="148"/>
      <c r="E570" s="11" t="s">
        <v>898</v>
      </c>
      <c r="F570" s="11">
        <v>310</v>
      </c>
      <c r="G570" s="11" t="s">
        <v>131</v>
      </c>
      <c r="H570" s="11" t="s">
        <v>17</v>
      </c>
      <c r="I570" s="11" t="s">
        <v>71</v>
      </c>
      <c r="J570" s="11">
        <v>1</v>
      </c>
      <c r="K570" s="11" t="s">
        <v>509</v>
      </c>
      <c r="L570" s="11">
        <v>1</v>
      </c>
      <c r="M570" s="11">
        <v>30</v>
      </c>
      <c r="N570" s="18"/>
      <c r="O570" s="259"/>
    </row>
    <row r="571" spans="1:16" collapsed="1">
      <c r="A571" s="17"/>
      <c r="B571" s="17"/>
      <c r="C571" s="142" t="s">
        <v>165</v>
      </c>
      <c r="D571" s="142"/>
      <c r="E571" s="142"/>
      <c r="F571" s="142"/>
      <c r="G571" s="142"/>
      <c r="H571" s="142" t="s">
        <v>17</v>
      </c>
      <c r="I571" s="142" t="s">
        <v>71</v>
      </c>
      <c r="J571" s="75">
        <v>5</v>
      </c>
      <c r="K571" s="75"/>
      <c r="L571" s="75"/>
      <c r="M571" s="75"/>
      <c r="N571" s="141"/>
      <c r="O571" s="260" t="s">
        <v>1936</v>
      </c>
      <c r="P571" s="257" t="s">
        <v>1297</v>
      </c>
    </row>
    <row r="572" spans="1:16" ht="18.75" hidden="1" customHeight="1" outlineLevel="1">
      <c r="C572" s="11"/>
      <c r="D572" s="11"/>
      <c r="E572" s="11" t="s">
        <v>697</v>
      </c>
      <c r="F572" s="11">
        <v>152</v>
      </c>
      <c r="G572" s="11" t="s">
        <v>164</v>
      </c>
      <c r="H572" s="11" t="s">
        <v>78</v>
      </c>
      <c r="I572" s="11" t="s">
        <v>71</v>
      </c>
      <c r="J572" s="11">
        <v>1</v>
      </c>
      <c r="K572" s="11" t="s">
        <v>514</v>
      </c>
      <c r="L572" s="11">
        <v>2</v>
      </c>
      <c r="M572" s="11">
        <v>3</v>
      </c>
      <c r="N572" s="18" t="s">
        <v>698</v>
      </c>
      <c r="O572" s="257"/>
    </row>
    <row r="573" spans="1:16" ht="18.75" hidden="1" customHeight="1" outlineLevel="1">
      <c r="C573" s="11"/>
      <c r="D573" s="11"/>
      <c r="E573" s="25" t="s">
        <v>699</v>
      </c>
      <c r="F573" s="25">
        <v>208</v>
      </c>
      <c r="G573" s="25" t="s">
        <v>470</v>
      </c>
      <c r="H573" s="19" t="s">
        <v>78</v>
      </c>
      <c r="I573" s="25" t="s">
        <v>96</v>
      </c>
      <c r="J573" s="25">
        <v>1</v>
      </c>
      <c r="K573" s="25" t="s">
        <v>514</v>
      </c>
      <c r="L573" s="25">
        <v>1</v>
      </c>
      <c r="M573" s="25">
        <v>1</v>
      </c>
      <c r="N573" s="25"/>
      <c r="O573" s="257"/>
    </row>
    <row r="574" spans="1:16" ht="18.75" hidden="1" customHeight="1" outlineLevel="1">
      <c r="C574" s="11"/>
      <c r="D574" s="11"/>
      <c r="E574" s="25" t="s">
        <v>700</v>
      </c>
      <c r="F574" s="25">
        <v>209</v>
      </c>
      <c r="G574" s="25" t="s">
        <v>471</v>
      </c>
      <c r="H574" s="19" t="s">
        <v>78</v>
      </c>
      <c r="I574" s="25" t="s">
        <v>96</v>
      </c>
      <c r="J574" s="25">
        <v>1</v>
      </c>
      <c r="K574" s="25" t="s">
        <v>509</v>
      </c>
      <c r="L574" s="25">
        <v>1</v>
      </c>
      <c r="M574" s="25">
        <v>4</v>
      </c>
      <c r="N574" s="25"/>
      <c r="O574" s="257"/>
    </row>
    <row r="575" spans="1:16" ht="18.75" hidden="1" customHeight="1" outlineLevel="1">
      <c r="C575" s="11"/>
      <c r="D575" s="11"/>
      <c r="E575" s="11" t="s">
        <v>701</v>
      </c>
      <c r="F575" s="11">
        <v>352</v>
      </c>
      <c r="G575" s="11" t="s">
        <v>3</v>
      </c>
      <c r="H575" s="11" t="s">
        <v>78</v>
      </c>
      <c r="I575" s="11" t="s">
        <v>71</v>
      </c>
      <c r="J575" s="11">
        <v>1</v>
      </c>
      <c r="K575" s="11" t="s">
        <v>509</v>
      </c>
      <c r="L575" s="11">
        <v>1</v>
      </c>
      <c r="M575" s="11">
        <v>80</v>
      </c>
      <c r="N575" s="18"/>
      <c r="O575" s="257"/>
    </row>
    <row r="576" spans="1:16" collapsed="1">
      <c r="A576" s="17" t="s">
        <v>158</v>
      </c>
      <c r="B576" s="17" t="s">
        <v>120</v>
      </c>
      <c r="C576" s="17"/>
      <c r="D576" s="139"/>
      <c r="E576" s="17"/>
      <c r="F576" s="17"/>
      <c r="G576" s="17"/>
      <c r="H576" s="17" t="s">
        <v>17</v>
      </c>
      <c r="I576" s="17" t="s">
        <v>71</v>
      </c>
      <c r="J576" s="17">
        <v>200</v>
      </c>
      <c r="K576" s="17"/>
      <c r="L576" s="17"/>
      <c r="M576" s="17"/>
      <c r="N576" s="138"/>
    </row>
    <row r="577" spans="1:15" ht="18.75" customHeight="1" outlineLevel="1">
      <c r="A577" s="17"/>
      <c r="B577" s="17"/>
      <c r="C577" s="17" t="s">
        <v>158</v>
      </c>
      <c r="D577" s="139" t="s">
        <v>120</v>
      </c>
      <c r="E577" s="17"/>
      <c r="F577" s="17"/>
      <c r="G577" s="17"/>
      <c r="H577" s="17" t="s">
        <v>66</v>
      </c>
      <c r="I577" s="17" t="s">
        <v>65</v>
      </c>
      <c r="J577" s="17">
        <v>1</v>
      </c>
      <c r="K577" s="17"/>
      <c r="L577" s="17"/>
      <c r="M577" s="17"/>
      <c r="N577" s="138"/>
      <c r="O577" s="258" t="s">
        <v>935</v>
      </c>
    </row>
    <row r="578" spans="1:15" ht="18.75" hidden="1" customHeight="1" outlineLevel="1">
      <c r="E578" s="8" t="s">
        <v>157</v>
      </c>
      <c r="F578" s="8">
        <v>98</v>
      </c>
      <c r="G578" s="8" t="s">
        <v>156</v>
      </c>
      <c r="H578" s="8" t="s">
        <v>66</v>
      </c>
      <c r="I578" s="8" t="s">
        <v>65</v>
      </c>
      <c r="J578" s="8">
        <v>1</v>
      </c>
      <c r="K578" s="8" t="s">
        <v>514</v>
      </c>
      <c r="L578" s="8">
        <v>2</v>
      </c>
      <c r="M578" s="8">
        <v>3</v>
      </c>
      <c r="N578" s="72" t="s">
        <v>702</v>
      </c>
      <c r="O578" s="259"/>
    </row>
    <row r="579" spans="1:15" ht="18.75" hidden="1" customHeight="1" outlineLevel="1">
      <c r="E579" s="8" t="s">
        <v>155</v>
      </c>
      <c r="F579" s="8">
        <v>93</v>
      </c>
      <c r="G579" s="8" t="s">
        <v>120</v>
      </c>
      <c r="H579" s="8" t="s">
        <v>78</v>
      </c>
      <c r="I579" s="8" t="s">
        <v>71</v>
      </c>
      <c r="J579" s="8">
        <v>1</v>
      </c>
      <c r="K579" s="8" t="s">
        <v>509</v>
      </c>
      <c r="L579" s="8">
        <v>1</v>
      </c>
      <c r="M579" s="8">
        <v>60</v>
      </c>
      <c r="O579" s="259"/>
    </row>
    <row r="580" spans="1:15" ht="18.75" hidden="1" customHeight="1" outlineLevel="1">
      <c r="E580" s="8" t="s">
        <v>154</v>
      </c>
      <c r="F580" s="8">
        <v>66</v>
      </c>
      <c r="G580" s="8" t="s">
        <v>153</v>
      </c>
      <c r="H580" s="8" t="s">
        <v>78</v>
      </c>
      <c r="I580" s="8" t="s">
        <v>71</v>
      </c>
      <c r="J580" s="8">
        <v>1</v>
      </c>
      <c r="K580" s="8" t="s">
        <v>514</v>
      </c>
      <c r="L580" s="8">
        <v>1</v>
      </c>
      <c r="M580" s="8">
        <v>2</v>
      </c>
      <c r="N580" s="70" t="s">
        <v>624</v>
      </c>
      <c r="O580" s="259"/>
    </row>
    <row r="581" spans="1:15" ht="18.75" hidden="1" customHeight="1" outlineLevel="1">
      <c r="E581" s="8" t="s">
        <v>152</v>
      </c>
      <c r="F581" s="8">
        <v>67</v>
      </c>
      <c r="G581" s="8" t="s">
        <v>151</v>
      </c>
      <c r="H581" s="8" t="s">
        <v>78</v>
      </c>
      <c r="I581" s="8" t="s">
        <v>71</v>
      </c>
      <c r="J581" s="8">
        <v>1</v>
      </c>
      <c r="K581" s="8" t="s">
        <v>509</v>
      </c>
      <c r="L581" s="8">
        <v>2</v>
      </c>
      <c r="M581" s="8">
        <v>80</v>
      </c>
      <c r="O581" s="259"/>
    </row>
    <row r="582" spans="1:15">
      <c r="A582" s="17"/>
      <c r="B582" s="17"/>
      <c r="C582" s="17" t="s">
        <v>150</v>
      </c>
      <c r="D582" s="139" t="s">
        <v>473</v>
      </c>
      <c r="E582" s="17"/>
      <c r="F582" s="17"/>
      <c r="G582" s="17"/>
      <c r="H582" s="17" t="s">
        <v>17</v>
      </c>
      <c r="I582" s="17" t="s">
        <v>71</v>
      </c>
      <c r="J582" s="17">
        <v>2</v>
      </c>
      <c r="K582" s="17"/>
      <c r="L582" s="17"/>
      <c r="M582" s="17"/>
      <c r="N582" s="138"/>
      <c r="O582" s="259" t="s">
        <v>1644</v>
      </c>
    </row>
    <row r="583" spans="1:15" ht="18.75" hidden="1" customHeight="1" outlineLevel="1">
      <c r="E583" s="8" t="s">
        <v>149</v>
      </c>
      <c r="F583" s="8">
        <v>93</v>
      </c>
      <c r="G583" s="8" t="s">
        <v>120</v>
      </c>
      <c r="H583" s="8" t="s">
        <v>66</v>
      </c>
      <c r="I583" s="8" t="s">
        <v>65</v>
      </c>
      <c r="J583" s="8">
        <v>1</v>
      </c>
      <c r="K583" s="8" t="s">
        <v>509</v>
      </c>
      <c r="L583" s="8">
        <v>1</v>
      </c>
      <c r="M583" s="8">
        <v>60</v>
      </c>
      <c r="O583" s="259"/>
    </row>
    <row r="584" spans="1:15" ht="18.75" hidden="1" customHeight="1" outlineLevel="1">
      <c r="E584" s="8" t="s">
        <v>148</v>
      </c>
      <c r="F584" s="8">
        <v>93</v>
      </c>
      <c r="G584" s="8" t="s">
        <v>120</v>
      </c>
      <c r="H584" s="8" t="s">
        <v>17</v>
      </c>
      <c r="I584" s="8" t="s">
        <v>71</v>
      </c>
      <c r="J584" s="8">
        <v>1</v>
      </c>
      <c r="K584" s="8" t="s">
        <v>509</v>
      </c>
      <c r="L584" s="8">
        <v>1</v>
      </c>
      <c r="M584" s="8">
        <v>60</v>
      </c>
      <c r="O584" s="259"/>
    </row>
    <row r="585" spans="1:15" collapsed="1">
      <c r="A585" s="17"/>
      <c r="B585" s="17"/>
      <c r="C585" s="17" t="s">
        <v>147</v>
      </c>
      <c r="D585" s="139" t="s">
        <v>144</v>
      </c>
      <c r="E585" s="17"/>
      <c r="F585" s="17"/>
      <c r="G585" s="17"/>
      <c r="H585" s="17" t="s">
        <v>17</v>
      </c>
      <c r="I585" s="17" t="s">
        <v>71</v>
      </c>
      <c r="J585" s="17">
        <v>2</v>
      </c>
      <c r="K585" s="17"/>
      <c r="L585" s="17"/>
      <c r="M585" s="17"/>
      <c r="N585" s="138"/>
      <c r="O585" s="259" t="s">
        <v>936</v>
      </c>
    </row>
    <row r="586" spans="1:15" ht="18.75" hidden="1" customHeight="1" outlineLevel="2">
      <c r="E586" s="8" t="s">
        <v>146</v>
      </c>
      <c r="F586" s="8">
        <v>166</v>
      </c>
      <c r="G586" s="8" t="s">
        <v>144</v>
      </c>
      <c r="H586" s="8" t="s">
        <v>66</v>
      </c>
      <c r="I586" s="8" t="s">
        <v>65</v>
      </c>
      <c r="J586" s="8">
        <v>1</v>
      </c>
      <c r="K586" s="8" t="s">
        <v>509</v>
      </c>
      <c r="L586" s="8">
        <v>1</v>
      </c>
      <c r="M586" s="8">
        <v>55</v>
      </c>
      <c r="O586" s="259"/>
    </row>
    <row r="587" spans="1:15" ht="18.75" hidden="1" customHeight="1" outlineLevel="2">
      <c r="E587" s="8" t="s">
        <v>145</v>
      </c>
      <c r="F587" s="8">
        <v>166</v>
      </c>
      <c r="G587" s="8" t="s">
        <v>144</v>
      </c>
      <c r="H587" s="8" t="s">
        <v>17</v>
      </c>
      <c r="I587" s="8" t="s">
        <v>71</v>
      </c>
      <c r="J587" s="8">
        <v>1</v>
      </c>
      <c r="K587" s="8" t="s">
        <v>509</v>
      </c>
      <c r="L587" s="8">
        <v>1</v>
      </c>
      <c r="M587" s="8">
        <v>55</v>
      </c>
      <c r="O587" s="259"/>
    </row>
    <row r="588" spans="1:15" ht="18.75" hidden="1" customHeight="1" collapsed="1">
      <c r="A588" s="17"/>
      <c r="B588" s="17"/>
      <c r="C588" s="17" t="s">
        <v>147</v>
      </c>
      <c r="D588" s="139" t="s">
        <v>144</v>
      </c>
      <c r="E588" s="17"/>
      <c r="F588" s="17"/>
      <c r="G588" s="17"/>
      <c r="H588" s="17" t="s">
        <v>17</v>
      </c>
      <c r="I588" s="17" t="s">
        <v>71</v>
      </c>
      <c r="J588" s="17">
        <v>2</v>
      </c>
      <c r="K588" s="17"/>
      <c r="L588" s="17"/>
      <c r="M588" s="17"/>
      <c r="N588" s="138"/>
      <c r="O588" s="259"/>
    </row>
    <row r="589" spans="1:15" ht="18.75" hidden="1" customHeight="1" outlineLevel="1">
      <c r="E589" s="8" t="s">
        <v>146</v>
      </c>
      <c r="F589" s="8">
        <v>166</v>
      </c>
      <c r="G589" s="8" t="s">
        <v>144</v>
      </c>
      <c r="H589" s="8" t="s">
        <v>66</v>
      </c>
      <c r="I589" s="8" t="s">
        <v>65</v>
      </c>
      <c r="J589" s="8">
        <v>1</v>
      </c>
      <c r="K589" s="8" t="s">
        <v>509</v>
      </c>
      <c r="L589" s="8">
        <v>1</v>
      </c>
      <c r="M589" s="8">
        <v>55</v>
      </c>
      <c r="O589" s="259"/>
    </row>
    <row r="590" spans="1:15" ht="18.75" hidden="1" customHeight="1" outlineLevel="1">
      <c r="E590" s="8" t="s">
        <v>145</v>
      </c>
      <c r="F590" s="8">
        <v>166</v>
      </c>
      <c r="G590" s="8" t="s">
        <v>144</v>
      </c>
      <c r="H590" s="8" t="s">
        <v>17</v>
      </c>
      <c r="I590" s="8" t="s">
        <v>71</v>
      </c>
      <c r="J590" s="8">
        <v>1</v>
      </c>
      <c r="K590" s="8" t="s">
        <v>509</v>
      </c>
      <c r="L590" s="8">
        <v>1</v>
      </c>
      <c r="M590" s="8">
        <v>55</v>
      </c>
      <c r="O590" s="259"/>
    </row>
    <row r="591" spans="1:15" collapsed="1">
      <c r="A591" s="17"/>
      <c r="B591" s="17"/>
      <c r="C591" s="17" t="s">
        <v>143</v>
      </c>
      <c r="D591" s="139" t="s">
        <v>474</v>
      </c>
      <c r="E591" s="17"/>
      <c r="F591" s="17"/>
      <c r="G591" s="17"/>
      <c r="H591" s="17" t="s">
        <v>17</v>
      </c>
      <c r="I591" s="17" t="s">
        <v>71</v>
      </c>
      <c r="J591" s="17" t="s">
        <v>525</v>
      </c>
      <c r="K591" s="17"/>
      <c r="L591" s="17"/>
      <c r="M591" s="17"/>
      <c r="N591" s="138"/>
      <c r="O591" s="259" t="s">
        <v>950</v>
      </c>
    </row>
    <row r="592" spans="1:15" ht="18.75" hidden="1" customHeight="1" outlineLevel="1">
      <c r="E592" s="8" t="s">
        <v>142</v>
      </c>
      <c r="F592" s="8">
        <v>19</v>
      </c>
      <c r="G592" s="8" t="s">
        <v>141</v>
      </c>
      <c r="H592" s="8" t="s">
        <v>17</v>
      </c>
      <c r="I592" s="8" t="s">
        <v>71</v>
      </c>
      <c r="J592" s="8">
        <v>1</v>
      </c>
      <c r="K592" s="8" t="s">
        <v>509</v>
      </c>
      <c r="L592" s="8">
        <v>2</v>
      </c>
      <c r="M592" s="8">
        <v>30</v>
      </c>
      <c r="O592" s="259"/>
    </row>
    <row r="593" spans="1:16" ht="18.75" hidden="1" customHeight="1" outlineLevel="1">
      <c r="E593" s="8" t="s">
        <v>140</v>
      </c>
      <c r="F593" s="8">
        <v>156</v>
      </c>
      <c r="G593" s="8" t="s">
        <v>139</v>
      </c>
      <c r="H593" s="8" t="s">
        <v>17</v>
      </c>
      <c r="I593" s="8" t="s">
        <v>71</v>
      </c>
      <c r="J593" s="8">
        <v>1</v>
      </c>
      <c r="K593" s="8" t="s">
        <v>514</v>
      </c>
      <c r="L593" s="8">
        <v>2</v>
      </c>
      <c r="M593" s="8">
        <v>2</v>
      </c>
      <c r="N593" s="70" t="s">
        <v>624</v>
      </c>
      <c r="O593" s="259"/>
    </row>
    <row r="594" spans="1:16" ht="18" hidden="1" customHeight="1" outlineLevel="1">
      <c r="E594" s="8" t="s">
        <v>138</v>
      </c>
      <c r="F594" s="8">
        <v>116</v>
      </c>
      <c r="G594" s="8" t="s">
        <v>137</v>
      </c>
      <c r="H594" s="8" t="s">
        <v>17</v>
      </c>
      <c r="I594" s="8" t="s">
        <v>71</v>
      </c>
      <c r="J594" s="8">
        <v>1</v>
      </c>
      <c r="K594" s="8" t="s">
        <v>514</v>
      </c>
      <c r="L594" s="8">
        <v>3</v>
      </c>
      <c r="M594" s="8">
        <v>15</v>
      </c>
      <c r="N594" s="18"/>
      <c r="O594" s="259"/>
    </row>
    <row r="595" spans="1:16" ht="18.75" hidden="1" customHeight="1" outlineLevel="1">
      <c r="E595" s="8" t="s">
        <v>136</v>
      </c>
      <c r="F595" s="8">
        <v>26</v>
      </c>
      <c r="G595" s="8" t="s">
        <v>135</v>
      </c>
      <c r="H595" s="8" t="s">
        <v>17</v>
      </c>
      <c r="I595" s="8" t="s">
        <v>71</v>
      </c>
      <c r="J595" s="8">
        <v>1</v>
      </c>
      <c r="K595" s="8" t="s">
        <v>514</v>
      </c>
      <c r="L595" s="8">
        <v>2</v>
      </c>
      <c r="M595" s="8">
        <v>3</v>
      </c>
      <c r="N595" s="18"/>
      <c r="O595" s="259"/>
    </row>
    <row r="596" spans="1:16" s="8" customFormat="1" ht="18.75" hidden="1" customHeight="1" outlineLevel="1">
      <c r="C596" s="33"/>
      <c r="D596" s="33"/>
      <c r="E596" s="33" t="s">
        <v>134</v>
      </c>
      <c r="F596" s="11">
        <v>309</v>
      </c>
      <c r="G596" s="33" t="s">
        <v>133</v>
      </c>
      <c r="H596" s="33" t="s">
        <v>78</v>
      </c>
      <c r="I596" s="33" t="s">
        <v>71</v>
      </c>
      <c r="J596" s="11">
        <v>1</v>
      </c>
      <c r="K596" s="11" t="s">
        <v>514</v>
      </c>
      <c r="L596" s="11">
        <v>1</v>
      </c>
      <c r="M596" s="11">
        <v>2</v>
      </c>
      <c r="N596" s="18" t="s">
        <v>703</v>
      </c>
      <c r="O596" s="259"/>
      <c r="P596" s="257"/>
    </row>
    <row r="597" spans="1:16" s="8" customFormat="1" ht="18.75" hidden="1" customHeight="1" outlineLevel="1">
      <c r="C597" s="33"/>
      <c r="D597" s="33"/>
      <c r="E597" s="33" t="s">
        <v>132</v>
      </c>
      <c r="F597" s="11">
        <v>310</v>
      </c>
      <c r="G597" s="33" t="s">
        <v>131</v>
      </c>
      <c r="H597" s="33" t="s">
        <v>17</v>
      </c>
      <c r="I597" s="33" t="s">
        <v>71</v>
      </c>
      <c r="J597" s="11">
        <v>1</v>
      </c>
      <c r="K597" s="11" t="s">
        <v>509</v>
      </c>
      <c r="L597" s="11">
        <v>1</v>
      </c>
      <c r="M597" s="11">
        <v>30</v>
      </c>
      <c r="N597" s="18"/>
      <c r="O597" s="259"/>
      <c r="P597" s="257"/>
    </row>
    <row r="598" spans="1:16" ht="18.75" hidden="1" customHeight="1" collapsed="1">
      <c r="A598" s="17"/>
      <c r="B598" s="17"/>
      <c r="C598" s="17" t="s">
        <v>130</v>
      </c>
      <c r="D598" s="139" t="s">
        <v>126</v>
      </c>
      <c r="E598" s="17"/>
      <c r="F598" s="17"/>
      <c r="G598" s="17"/>
      <c r="H598" s="17"/>
      <c r="I598" s="17"/>
      <c r="J598" s="17">
        <v>12</v>
      </c>
      <c r="K598" s="17"/>
      <c r="L598" s="17"/>
      <c r="M598" s="17"/>
      <c r="N598" s="138"/>
      <c r="O598" s="259"/>
    </row>
    <row r="599" spans="1:16" ht="18.75" hidden="1" customHeight="1">
      <c r="E599" s="8" t="s">
        <v>129</v>
      </c>
      <c r="F599" s="72">
        <v>128</v>
      </c>
      <c r="G599" s="72" t="s">
        <v>128</v>
      </c>
      <c r="H599" s="8" t="s">
        <v>66</v>
      </c>
      <c r="I599" s="8" t="s">
        <v>65</v>
      </c>
      <c r="J599" s="8">
        <v>1</v>
      </c>
      <c r="K599" s="8" t="s">
        <v>514</v>
      </c>
      <c r="L599" s="8">
        <v>2</v>
      </c>
      <c r="M599" s="8">
        <v>3</v>
      </c>
      <c r="N599" s="72" t="s">
        <v>692</v>
      </c>
      <c r="O599" s="259"/>
    </row>
    <row r="600" spans="1:16" ht="18.75" hidden="1" customHeight="1">
      <c r="E600" s="19" t="s">
        <v>127</v>
      </c>
      <c r="F600" s="19">
        <v>127</v>
      </c>
      <c r="G600" s="19" t="s">
        <v>126</v>
      </c>
      <c r="H600" s="19" t="s">
        <v>78</v>
      </c>
      <c r="I600" s="19" t="s">
        <v>96</v>
      </c>
      <c r="J600" s="19">
        <v>1</v>
      </c>
      <c r="K600" s="19" t="s">
        <v>509</v>
      </c>
      <c r="L600" s="19">
        <v>1</v>
      </c>
      <c r="M600" s="19">
        <v>30</v>
      </c>
      <c r="N600" s="25"/>
      <c r="O600" s="259"/>
    </row>
    <row r="601" spans="1:16" ht="18.75" hidden="1" customHeight="1">
      <c r="E601" s="8" t="s">
        <v>125</v>
      </c>
      <c r="F601" s="72">
        <v>352</v>
      </c>
      <c r="G601" s="72" t="s">
        <v>3</v>
      </c>
      <c r="H601" s="8" t="s">
        <v>78</v>
      </c>
      <c r="I601" s="8" t="s">
        <v>71</v>
      </c>
      <c r="J601" s="8">
        <v>1</v>
      </c>
      <c r="K601" s="8" t="s">
        <v>509</v>
      </c>
      <c r="L601" s="8">
        <v>1</v>
      </c>
      <c r="M601" s="8">
        <v>80</v>
      </c>
      <c r="O601" s="259"/>
    </row>
    <row r="602" spans="1:16">
      <c r="A602" s="17"/>
      <c r="B602" s="17"/>
      <c r="C602" s="17" t="s">
        <v>124</v>
      </c>
      <c r="D602" s="139" t="s">
        <v>475</v>
      </c>
      <c r="E602" s="17"/>
      <c r="F602" s="17"/>
      <c r="G602" s="17"/>
      <c r="H602" s="17" t="s">
        <v>17</v>
      </c>
      <c r="I602" s="17" t="s">
        <v>71</v>
      </c>
      <c r="J602" s="17" t="s">
        <v>525</v>
      </c>
      <c r="K602" s="17"/>
      <c r="L602" s="17"/>
      <c r="M602" s="17"/>
      <c r="N602" s="138"/>
      <c r="O602" s="260" t="s">
        <v>1939</v>
      </c>
    </row>
    <row r="603" spans="1:16" ht="18.75" hidden="1" customHeight="1" outlineLevel="1">
      <c r="E603" s="8" t="s">
        <v>123</v>
      </c>
      <c r="F603" s="8">
        <v>366</v>
      </c>
      <c r="G603" s="8" t="s">
        <v>122</v>
      </c>
      <c r="H603" s="8" t="s">
        <v>66</v>
      </c>
      <c r="I603" s="8" t="s">
        <v>65</v>
      </c>
      <c r="J603" s="8">
        <v>1</v>
      </c>
      <c r="K603" s="8" t="s">
        <v>514</v>
      </c>
      <c r="L603" s="8">
        <v>2</v>
      </c>
      <c r="M603" s="8">
        <v>2</v>
      </c>
      <c r="N603" s="72" t="s">
        <v>704</v>
      </c>
      <c r="O603" s="257"/>
    </row>
    <row r="604" spans="1:16" ht="18.75" hidden="1" customHeight="1" outlineLevel="1">
      <c r="E604" s="8" t="s">
        <v>121</v>
      </c>
      <c r="F604" s="8">
        <v>93</v>
      </c>
      <c r="G604" s="8" t="s">
        <v>120</v>
      </c>
      <c r="H604" s="8" t="s">
        <v>17</v>
      </c>
      <c r="I604" s="8" t="s">
        <v>71</v>
      </c>
      <c r="J604" s="8">
        <v>1</v>
      </c>
      <c r="K604" s="8" t="s">
        <v>509</v>
      </c>
      <c r="L604" s="8">
        <v>1</v>
      </c>
      <c r="M604" s="8">
        <v>60</v>
      </c>
      <c r="O604" s="257"/>
    </row>
    <row r="605" spans="1:16" ht="18.75" hidden="1" customHeight="1" outlineLevel="1">
      <c r="E605" s="8" t="s">
        <v>119</v>
      </c>
      <c r="F605" s="8">
        <v>365</v>
      </c>
      <c r="G605" s="8" t="s">
        <v>114</v>
      </c>
      <c r="H605" s="8" t="s">
        <v>78</v>
      </c>
      <c r="I605" s="8" t="s">
        <v>71</v>
      </c>
      <c r="J605" s="8">
        <v>1</v>
      </c>
      <c r="K605" s="8" t="s">
        <v>514</v>
      </c>
      <c r="L605" s="8">
        <v>2</v>
      </c>
      <c r="M605" s="8">
        <v>2</v>
      </c>
      <c r="N605" s="70" t="s">
        <v>624</v>
      </c>
      <c r="O605" s="257"/>
    </row>
    <row r="606" spans="1:16" ht="18.75" hidden="1" customHeight="1" outlineLevel="1">
      <c r="E606" s="8" t="s">
        <v>118</v>
      </c>
      <c r="F606" s="8">
        <v>364</v>
      </c>
      <c r="G606" s="8" t="s">
        <v>112</v>
      </c>
      <c r="H606" s="8" t="s">
        <v>78</v>
      </c>
      <c r="I606" s="8" t="s">
        <v>71</v>
      </c>
      <c r="J606" s="8">
        <v>1</v>
      </c>
      <c r="K606" s="8" t="s">
        <v>509</v>
      </c>
      <c r="L606" s="8">
        <v>1</v>
      </c>
      <c r="M606" s="8">
        <v>80</v>
      </c>
      <c r="O606" s="257"/>
    </row>
    <row r="607" spans="1:16" ht="18.75" hidden="1" customHeight="1" outlineLevel="1">
      <c r="E607" s="8" t="s">
        <v>117</v>
      </c>
      <c r="F607" s="8">
        <v>365</v>
      </c>
      <c r="G607" s="8" t="s">
        <v>114</v>
      </c>
      <c r="H607" s="8" t="s">
        <v>78</v>
      </c>
      <c r="I607" s="8" t="s">
        <v>71</v>
      </c>
      <c r="J607" s="8">
        <v>1</v>
      </c>
      <c r="K607" s="8" t="s">
        <v>514</v>
      </c>
      <c r="L607" s="8">
        <v>2</v>
      </c>
      <c r="M607" s="8">
        <v>2</v>
      </c>
      <c r="N607" s="70" t="s">
        <v>624</v>
      </c>
      <c r="O607" s="257"/>
    </row>
    <row r="608" spans="1:16" ht="18.75" hidden="1" customHeight="1" outlineLevel="1">
      <c r="E608" s="8" t="s">
        <v>116</v>
      </c>
      <c r="F608" s="8">
        <v>364</v>
      </c>
      <c r="G608" s="8" t="s">
        <v>112</v>
      </c>
      <c r="H608" s="8" t="s">
        <v>78</v>
      </c>
      <c r="I608" s="8" t="s">
        <v>71</v>
      </c>
      <c r="J608" s="8">
        <v>1</v>
      </c>
      <c r="K608" s="8" t="s">
        <v>509</v>
      </c>
      <c r="L608" s="8">
        <v>1</v>
      </c>
      <c r="M608" s="8">
        <v>80</v>
      </c>
      <c r="O608" s="257"/>
    </row>
    <row r="609" spans="1:15" ht="18.75" hidden="1" customHeight="1" outlineLevel="1">
      <c r="E609" s="8" t="s">
        <v>115</v>
      </c>
      <c r="F609" s="8">
        <v>365</v>
      </c>
      <c r="G609" s="8" t="s">
        <v>114</v>
      </c>
      <c r="H609" s="8" t="s">
        <v>78</v>
      </c>
      <c r="I609" s="8" t="s">
        <v>71</v>
      </c>
      <c r="J609" s="8">
        <v>1</v>
      </c>
      <c r="K609" s="8" t="s">
        <v>514</v>
      </c>
      <c r="L609" s="8">
        <v>2</v>
      </c>
      <c r="M609" s="8">
        <v>2</v>
      </c>
      <c r="N609" s="70" t="s">
        <v>624</v>
      </c>
      <c r="O609" s="257"/>
    </row>
    <row r="610" spans="1:15" ht="18.75" hidden="1" customHeight="1" outlineLevel="1">
      <c r="E610" s="8" t="s">
        <v>113</v>
      </c>
      <c r="F610" s="8">
        <v>364</v>
      </c>
      <c r="G610" s="8" t="s">
        <v>112</v>
      </c>
      <c r="H610" s="8" t="s">
        <v>78</v>
      </c>
      <c r="I610" s="8" t="s">
        <v>71</v>
      </c>
      <c r="J610" s="8">
        <v>1</v>
      </c>
      <c r="K610" s="8" t="s">
        <v>509</v>
      </c>
      <c r="L610" s="8">
        <v>1</v>
      </c>
      <c r="M610" s="8">
        <v>80</v>
      </c>
      <c r="O610" s="257"/>
    </row>
    <row r="611" spans="1:15" ht="18.75" hidden="1" customHeight="1" collapsed="1">
      <c r="A611" s="17" t="s">
        <v>158</v>
      </c>
      <c r="B611" s="17" t="s">
        <v>120</v>
      </c>
      <c r="C611" s="17"/>
      <c r="D611" s="139"/>
      <c r="E611" s="17"/>
      <c r="F611" s="17"/>
      <c r="G611" s="17"/>
      <c r="H611" s="17" t="s">
        <v>17</v>
      </c>
      <c r="I611" s="17" t="s">
        <v>71</v>
      </c>
      <c r="J611" s="17">
        <v>200</v>
      </c>
      <c r="K611" s="17"/>
      <c r="L611" s="17"/>
      <c r="M611" s="17"/>
      <c r="N611" s="138"/>
      <c r="O611" s="257"/>
    </row>
    <row r="612" spans="1:15" ht="18.75" hidden="1" customHeight="1">
      <c r="A612" s="17"/>
      <c r="B612" s="17"/>
      <c r="C612" s="17" t="s">
        <v>158</v>
      </c>
      <c r="D612" s="139" t="s">
        <v>120</v>
      </c>
      <c r="E612" s="17"/>
      <c r="F612" s="17"/>
      <c r="G612" s="17"/>
      <c r="H612" s="17" t="s">
        <v>66</v>
      </c>
      <c r="I612" s="17" t="s">
        <v>65</v>
      </c>
      <c r="J612" s="17">
        <v>1</v>
      </c>
      <c r="K612" s="17"/>
      <c r="L612" s="17"/>
      <c r="M612" s="17"/>
      <c r="N612" s="138"/>
      <c r="O612" s="257"/>
    </row>
    <row r="613" spans="1:15" ht="18.75" hidden="1" customHeight="1">
      <c r="E613" s="8" t="s">
        <v>157</v>
      </c>
      <c r="F613" s="8">
        <v>98</v>
      </c>
      <c r="G613" s="8" t="s">
        <v>156</v>
      </c>
      <c r="H613" s="8" t="s">
        <v>66</v>
      </c>
      <c r="I613" s="8" t="s">
        <v>65</v>
      </c>
      <c r="J613" s="8">
        <v>1</v>
      </c>
      <c r="K613" s="8" t="s">
        <v>514</v>
      </c>
      <c r="L613" s="8">
        <v>2</v>
      </c>
      <c r="M613" s="8">
        <v>3</v>
      </c>
      <c r="N613" s="70" t="s">
        <v>624</v>
      </c>
      <c r="O613" s="257"/>
    </row>
    <row r="614" spans="1:15" ht="18.75" hidden="1" customHeight="1">
      <c r="E614" s="8" t="s">
        <v>155</v>
      </c>
      <c r="F614" s="8">
        <v>93</v>
      </c>
      <c r="G614" s="8" t="s">
        <v>120</v>
      </c>
      <c r="H614" s="8" t="s">
        <v>78</v>
      </c>
      <c r="I614" s="8" t="s">
        <v>71</v>
      </c>
      <c r="J614" s="8">
        <v>1</v>
      </c>
      <c r="K614" s="8" t="s">
        <v>509</v>
      </c>
      <c r="L614" s="8">
        <v>1</v>
      </c>
      <c r="M614" s="8">
        <v>60</v>
      </c>
      <c r="O614" s="257"/>
    </row>
    <row r="615" spans="1:15" ht="18.75" hidden="1" customHeight="1">
      <c r="E615" s="8" t="s">
        <v>154</v>
      </c>
      <c r="F615" s="8">
        <v>66</v>
      </c>
      <c r="G615" s="8" t="s">
        <v>153</v>
      </c>
      <c r="H615" s="8" t="s">
        <v>78</v>
      </c>
      <c r="I615" s="8" t="s">
        <v>71</v>
      </c>
      <c r="J615" s="8">
        <v>1</v>
      </c>
      <c r="K615" s="8" t="s">
        <v>514</v>
      </c>
      <c r="L615" s="8">
        <v>1</v>
      </c>
      <c r="M615" s="8">
        <v>2</v>
      </c>
      <c r="N615" s="70" t="s">
        <v>624</v>
      </c>
      <c r="O615" s="257"/>
    </row>
    <row r="616" spans="1:15" ht="18.75" hidden="1" customHeight="1">
      <c r="E616" s="8" t="s">
        <v>152</v>
      </c>
      <c r="F616" s="8">
        <v>67</v>
      </c>
      <c r="G616" s="8" t="s">
        <v>151</v>
      </c>
      <c r="H616" s="8" t="s">
        <v>78</v>
      </c>
      <c r="I616" s="8" t="s">
        <v>71</v>
      </c>
      <c r="J616" s="8">
        <v>1</v>
      </c>
      <c r="K616" s="8" t="s">
        <v>509</v>
      </c>
      <c r="L616" s="8">
        <v>2</v>
      </c>
      <c r="M616" s="8">
        <v>80</v>
      </c>
      <c r="O616" s="257"/>
    </row>
    <row r="617" spans="1:15" ht="18.75" hidden="1" customHeight="1">
      <c r="A617" s="17"/>
      <c r="B617" s="17"/>
      <c r="C617" s="17" t="s">
        <v>150</v>
      </c>
      <c r="D617" s="139" t="s">
        <v>473</v>
      </c>
      <c r="E617" s="17"/>
      <c r="F617" s="17"/>
      <c r="G617" s="17"/>
      <c r="H617" s="17" t="s">
        <v>17</v>
      </c>
      <c r="I617" s="17" t="s">
        <v>71</v>
      </c>
      <c r="J617" s="17">
        <v>2</v>
      </c>
      <c r="K617" s="17"/>
      <c r="L617" s="17"/>
      <c r="M617" s="17"/>
      <c r="N617" s="138"/>
      <c r="O617" s="257"/>
    </row>
    <row r="618" spans="1:15" ht="18.75" hidden="1" customHeight="1">
      <c r="E618" s="8" t="s">
        <v>149</v>
      </c>
      <c r="F618" s="8">
        <v>93</v>
      </c>
      <c r="G618" s="8" t="s">
        <v>120</v>
      </c>
      <c r="H618" s="8" t="s">
        <v>66</v>
      </c>
      <c r="I618" s="8" t="s">
        <v>65</v>
      </c>
      <c r="J618" s="8">
        <v>1</v>
      </c>
      <c r="K618" s="8" t="s">
        <v>509</v>
      </c>
      <c r="L618" s="8">
        <v>1</v>
      </c>
      <c r="M618" s="8">
        <v>60</v>
      </c>
      <c r="O618" s="257"/>
    </row>
    <row r="619" spans="1:15" ht="18.75" hidden="1" customHeight="1">
      <c r="E619" s="8" t="s">
        <v>148</v>
      </c>
      <c r="F619" s="8">
        <v>93</v>
      </c>
      <c r="G619" s="8" t="s">
        <v>120</v>
      </c>
      <c r="H619" s="8" t="s">
        <v>17</v>
      </c>
      <c r="I619" s="8" t="s">
        <v>71</v>
      </c>
      <c r="J619" s="8">
        <v>1</v>
      </c>
      <c r="K619" s="8" t="s">
        <v>509</v>
      </c>
      <c r="L619" s="8">
        <v>1</v>
      </c>
      <c r="M619" s="8">
        <v>60</v>
      </c>
      <c r="O619" s="257"/>
    </row>
    <row r="620" spans="1:15" ht="18.75" hidden="1" customHeight="1">
      <c r="A620" s="17"/>
      <c r="B620" s="17"/>
      <c r="C620" s="17" t="s">
        <v>150</v>
      </c>
      <c r="D620" s="139" t="s">
        <v>473</v>
      </c>
      <c r="E620" s="17"/>
      <c r="F620" s="17"/>
      <c r="G620" s="17"/>
      <c r="H620" s="17" t="s">
        <v>17</v>
      </c>
      <c r="I620" s="17" t="s">
        <v>71</v>
      </c>
      <c r="J620" s="17">
        <v>2</v>
      </c>
      <c r="K620" s="17"/>
      <c r="L620" s="17"/>
      <c r="M620" s="17"/>
      <c r="N620" s="138"/>
      <c r="O620" s="257"/>
    </row>
    <row r="621" spans="1:15" ht="18.75" hidden="1" customHeight="1">
      <c r="E621" s="8" t="s">
        <v>149</v>
      </c>
      <c r="F621" s="8">
        <v>93</v>
      </c>
      <c r="G621" s="8" t="s">
        <v>120</v>
      </c>
      <c r="H621" s="8" t="s">
        <v>66</v>
      </c>
      <c r="I621" s="8" t="s">
        <v>65</v>
      </c>
      <c r="J621" s="8">
        <v>1</v>
      </c>
      <c r="K621" s="8" t="s">
        <v>509</v>
      </c>
      <c r="L621" s="8">
        <v>1</v>
      </c>
      <c r="M621" s="8">
        <v>60</v>
      </c>
      <c r="O621" s="257"/>
    </row>
    <row r="622" spans="1:15" ht="18.75" hidden="1" customHeight="1">
      <c r="E622" s="8" t="s">
        <v>148</v>
      </c>
      <c r="F622" s="8">
        <v>93</v>
      </c>
      <c r="G622" s="8" t="s">
        <v>120</v>
      </c>
      <c r="H622" s="8" t="s">
        <v>17</v>
      </c>
      <c r="I622" s="8" t="s">
        <v>71</v>
      </c>
      <c r="J622" s="8">
        <v>1</v>
      </c>
      <c r="K622" s="8" t="s">
        <v>509</v>
      </c>
      <c r="L622" s="8">
        <v>1</v>
      </c>
      <c r="M622" s="8">
        <v>60</v>
      </c>
      <c r="O622" s="257"/>
    </row>
    <row r="623" spans="1:15" ht="18.75" hidden="1" customHeight="1">
      <c r="A623" s="17"/>
      <c r="B623" s="17"/>
      <c r="C623" s="17" t="s">
        <v>147</v>
      </c>
      <c r="D623" s="139" t="s">
        <v>144</v>
      </c>
      <c r="E623" s="17"/>
      <c r="F623" s="17"/>
      <c r="G623" s="17"/>
      <c r="H623" s="17" t="s">
        <v>17</v>
      </c>
      <c r="I623" s="17" t="s">
        <v>71</v>
      </c>
      <c r="J623" s="17">
        <v>2</v>
      </c>
      <c r="K623" s="17"/>
      <c r="L623" s="17"/>
      <c r="M623" s="17"/>
      <c r="N623" s="138"/>
      <c r="O623" s="257"/>
    </row>
    <row r="624" spans="1:15" ht="18.75" hidden="1" customHeight="1">
      <c r="E624" s="8" t="s">
        <v>146</v>
      </c>
      <c r="F624" s="8">
        <v>166</v>
      </c>
      <c r="G624" s="8" t="s">
        <v>144</v>
      </c>
      <c r="H624" s="8" t="s">
        <v>66</v>
      </c>
      <c r="I624" s="8" t="s">
        <v>65</v>
      </c>
      <c r="J624" s="8">
        <v>1</v>
      </c>
      <c r="K624" s="8" t="s">
        <v>509</v>
      </c>
      <c r="L624" s="8">
        <v>1</v>
      </c>
      <c r="M624" s="8">
        <v>55</v>
      </c>
      <c r="O624" s="257"/>
    </row>
    <row r="625" spans="1:16" ht="18.75" hidden="1" customHeight="1">
      <c r="E625" s="8" t="s">
        <v>145</v>
      </c>
      <c r="F625" s="8">
        <v>166</v>
      </c>
      <c r="G625" s="8" t="s">
        <v>144</v>
      </c>
      <c r="H625" s="8" t="s">
        <v>17</v>
      </c>
      <c r="I625" s="8" t="s">
        <v>71</v>
      </c>
      <c r="J625" s="8">
        <v>1</v>
      </c>
      <c r="K625" s="8" t="s">
        <v>509</v>
      </c>
      <c r="L625" s="8">
        <v>1</v>
      </c>
      <c r="M625" s="8">
        <v>55</v>
      </c>
      <c r="O625" s="257"/>
    </row>
    <row r="626" spans="1:16" ht="18.75" hidden="1" customHeight="1">
      <c r="A626" s="17"/>
      <c r="B626" s="17"/>
      <c r="C626" s="17" t="s">
        <v>147</v>
      </c>
      <c r="D626" s="139" t="s">
        <v>144</v>
      </c>
      <c r="E626" s="17"/>
      <c r="F626" s="17"/>
      <c r="G626" s="17"/>
      <c r="H626" s="17" t="s">
        <v>17</v>
      </c>
      <c r="I626" s="17" t="s">
        <v>71</v>
      </c>
      <c r="J626" s="17">
        <v>2</v>
      </c>
      <c r="K626" s="17"/>
      <c r="L626" s="17"/>
      <c r="M626" s="17"/>
      <c r="N626" s="138"/>
      <c r="O626" s="257"/>
    </row>
    <row r="627" spans="1:16" ht="18.75" hidden="1" customHeight="1">
      <c r="E627" s="8" t="s">
        <v>146</v>
      </c>
      <c r="F627" s="8">
        <v>166</v>
      </c>
      <c r="G627" s="8" t="s">
        <v>144</v>
      </c>
      <c r="H627" s="8" t="s">
        <v>66</v>
      </c>
      <c r="I627" s="8" t="s">
        <v>65</v>
      </c>
      <c r="J627" s="8">
        <v>1</v>
      </c>
      <c r="K627" s="8" t="s">
        <v>509</v>
      </c>
      <c r="L627" s="8">
        <v>1</v>
      </c>
      <c r="M627" s="8">
        <v>55</v>
      </c>
      <c r="O627" s="257"/>
    </row>
    <row r="628" spans="1:16" ht="18.75" hidden="1" customHeight="1">
      <c r="E628" s="8" t="s">
        <v>145</v>
      </c>
      <c r="F628" s="8">
        <v>166</v>
      </c>
      <c r="G628" s="8" t="s">
        <v>144</v>
      </c>
      <c r="H628" s="8" t="s">
        <v>17</v>
      </c>
      <c r="I628" s="8" t="s">
        <v>71</v>
      </c>
      <c r="J628" s="8">
        <v>1</v>
      </c>
      <c r="K628" s="8" t="s">
        <v>509</v>
      </c>
      <c r="L628" s="8">
        <v>1</v>
      </c>
      <c r="M628" s="8">
        <v>55</v>
      </c>
      <c r="O628" s="257"/>
    </row>
    <row r="629" spans="1:16" ht="18.75" hidden="1" customHeight="1">
      <c r="A629" s="17"/>
      <c r="B629" s="17"/>
      <c r="C629" s="17" t="s">
        <v>143</v>
      </c>
      <c r="D629" s="139" t="s">
        <v>474</v>
      </c>
      <c r="E629" s="17"/>
      <c r="F629" s="17"/>
      <c r="G629" s="17"/>
      <c r="H629" s="17" t="s">
        <v>17</v>
      </c>
      <c r="I629" s="17" t="s">
        <v>71</v>
      </c>
      <c r="J629" s="17" t="s">
        <v>525</v>
      </c>
      <c r="K629" s="17"/>
      <c r="L629" s="17"/>
      <c r="M629" s="17"/>
      <c r="N629" s="138"/>
      <c r="O629" s="257"/>
    </row>
    <row r="630" spans="1:16" ht="18.75" hidden="1" customHeight="1">
      <c r="E630" s="8" t="s">
        <v>142</v>
      </c>
      <c r="F630" s="8">
        <v>19</v>
      </c>
      <c r="G630" s="8" t="s">
        <v>141</v>
      </c>
      <c r="H630" s="8" t="s">
        <v>17</v>
      </c>
      <c r="I630" s="8" t="s">
        <v>71</v>
      </c>
      <c r="J630" s="8">
        <v>1</v>
      </c>
      <c r="K630" s="8" t="s">
        <v>509</v>
      </c>
      <c r="L630" s="8">
        <v>2</v>
      </c>
      <c r="M630" s="8">
        <v>30</v>
      </c>
      <c r="O630" s="257"/>
    </row>
    <row r="631" spans="1:16" ht="18.75" hidden="1" customHeight="1">
      <c r="E631" s="8" t="s">
        <v>140</v>
      </c>
      <c r="F631" s="8">
        <v>156</v>
      </c>
      <c r="G631" s="8" t="s">
        <v>139</v>
      </c>
      <c r="H631" s="8" t="s">
        <v>17</v>
      </c>
      <c r="I631" s="8" t="s">
        <v>71</v>
      </c>
      <c r="J631" s="8">
        <v>1</v>
      </c>
      <c r="K631" s="8" t="s">
        <v>514</v>
      </c>
      <c r="L631" s="8">
        <v>2</v>
      </c>
      <c r="M631" s="8">
        <v>2</v>
      </c>
      <c r="N631" s="70" t="s">
        <v>624</v>
      </c>
      <c r="O631" s="257"/>
    </row>
    <row r="632" spans="1:16" ht="18.75" hidden="1" customHeight="1">
      <c r="E632" s="8" t="s">
        <v>138</v>
      </c>
      <c r="F632" s="8">
        <v>116</v>
      </c>
      <c r="G632" s="8" t="s">
        <v>137</v>
      </c>
      <c r="H632" s="8" t="s">
        <v>17</v>
      </c>
      <c r="I632" s="8" t="s">
        <v>71</v>
      </c>
      <c r="J632" s="8">
        <v>1</v>
      </c>
      <c r="K632" s="8" t="s">
        <v>514</v>
      </c>
      <c r="L632" s="8">
        <v>3</v>
      </c>
      <c r="M632" s="8">
        <v>15</v>
      </c>
      <c r="N632" s="18"/>
      <c r="O632" s="257"/>
    </row>
    <row r="633" spans="1:16" ht="18.75" hidden="1" customHeight="1">
      <c r="E633" s="8" t="s">
        <v>136</v>
      </c>
      <c r="F633" s="8">
        <v>26</v>
      </c>
      <c r="G633" s="8" t="s">
        <v>135</v>
      </c>
      <c r="H633" s="8" t="s">
        <v>17</v>
      </c>
      <c r="I633" s="8" t="s">
        <v>71</v>
      </c>
      <c r="J633" s="8">
        <v>1</v>
      </c>
      <c r="K633" s="8" t="s">
        <v>514</v>
      </c>
      <c r="L633" s="8">
        <v>2</v>
      </c>
      <c r="M633" s="8">
        <v>3</v>
      </c>
      <c r="N633" s="18"/>
      <c r="O633" s="257"/>
    </row>
    <row r="634" spans="1:16" s="8" customFormat="1" ht="18.75" hidden="1" customHeight="1">
      <c r="C634" s="33"/>
      <c r="D634" s="33"/>
      <c r="E634" s="33" t="s">
        <v>134</v>
      </c>
      <c r="F634" s="11">
        <v>309</v>
      </c>
      <c r="G634" s="33" t="s">
        <v>133</v>
      </c>
      <c r="H634" s="33" t="s">
        <v>78</v>
      </c>
      <c r="I634" s="33" t="s">
        <v>71</v>
      </c>
      <c r="J634" s="11">
        <v>1</v>
      </c>
      <c r="K634" s="11" t="s">
        <v>514</v>
      </c>
      <c r="L634" s="11">
        <v>1</v>
      </c>
      <c r="M634" s="11">
        <v>2</v>
      </c>
      <c r="N634" s="18" t="s">
        <v>1648</v>
      </c>
      <c r="O634" s="257"/>
      <c r="P634" s="257"/>
    </row>
    <row r="635" spans="1:16" s="8" customFormat="1" ht="18.75" hidden="1" customHeight="1">
      <c r="C635" s="33"/>
      <c r="D635" s="33"/>
      <c r="E635" s="33" t="s">
        <v>132</v>
      </c>
      <c r="F635" s="11">
        <v>310</v>
      </c>
      <c r="G635" s="33" t="s">
        <v>131</v>
      </c>
      <c r="H635" s="33" t="s">
        <v>17</v>
      </c>
      <c r="I635" s="33" t="s">
        <v>71</v>
      </c>
      <c r="J635" s="11">
        <v>1</v>
      </c>
      <c r="K635" s="11" t="s">
        <v>509</v>
      </c>
      <c r="L635" s="11">
        <v>1</v>
      </c>
      <c r="M635" s="11">
        <v>30</v>
      </c>
      <c r="N635" s="18"/>
      <c r="O635" s="257"/>
      <c r="P635" s="257"/>
    </row>
    <row r="636" spans="1:16" ht="18.75" hidden="1" customHeight="1">
      <c r="A636" s="17"/>
      <c r="B636" s="17"/>
      <c r="C636" s="17" t="s">
        <v>130</v>
      </c>
      <c r="D636" s="139" t="s">
        <v>126</v>
      </c>
      <c r="E636" s="17"/>
      <c r="F636" s="17"/>
      <c r="G636" s="17"/>
      <c r="H636" s="17"/>
      <c r="I636" s="17"/>
      <c r="J636" s="17">
        <v>12</v>
      </c>
      <c r="K636" s="17"/>
      <c r="L636" s="17"/>
      <c r="M636" s="17"/>
      <c r="N636" s="138"/>
      <c r="O636" s="257"/>
    </row>
    <row r="637" spans="1:16" ht="18.75" hidden="1" customHeight="1">
      <c r="E637" s="8" t="s">
        <v>129</v>
      </c>
      <c r="F637" s="72">
        <v>128</v>
      </c>
      <c r="G637" s="72" t="s">
        <v>128</v>
      </c>
      <c r="H637" s="8" t="s">
        <v>66</v>
      </c>
      <c r="I637" s="8" t="s">
        <v>65</v>
      </c>
      <c r="J637" s="8">
        <v>1</v>
      </c>
      <c r="K637" s="8" t="s">
        <v>514</v>
      </c>
      <c r="L637" s="8">
        <v>2</v>
      </c>
      <c r="M637" s="8">
        <v>3</v>
      </c>
      <c r="N637" s="70" t="s">
        <v>624</v>
      </c>
      <c r="O637" s="257"/>
    </row>
    <row r="638" spans="1:16" ht="18.75" hidden="1" customHeight="1">
      <c r="E638" s="25" t="s">
        <v>127</v>
      </c>
      <c r="F638" s="25">
        <v>127</v>
      </c>
      <c r="G638" s="25" t="s">
        <v>126</v>
      </c>
      <c r="H638" s="19" t="s">
        <v>78</v>
      </c>
      <c r="I638" s="19" t="s">
        <v>96</v>
      </c>
      <c r="J638" s="19">
        <v>1</v>
      </c>
      <c r="K638" s="19" t="s">
        <v>509</v>
      </c>
      <c r="L638" s="19">
        <v>1</v>
      </c>
      <c r="M638" s="19">
        <v>30</v>
      </c>
      <c r="N638" s="25"/>
      <c r="O638" s="257"/>
    </row>
    <row r="639" spans="1:16" ht="18.75" hidden="1" customHeight="1">
      <c r="E639" s="8" t="s">
        <v>125</v>
      </c>
      <c r="F639" s="72">
        <v>352</v>
      </c>
      <c r="G639" s="72" t="s">
        <v>3</v>
      </c>
      <c r="H639" s="8" t="s">
        <v>78</v>
      </c>
      <c r="I639" s="8" t="s">
        <v>71</v>
      </c>
      <c r="J639" s="8">
        <v>1</v>
      </c>
      <c r="K639" s="8" t="s">
        <v>509</v>
      </c>
      <c r="L639" s="8">
        <v>1</v>
      </c>
      <c r="M639" s="8">
        <v>80</v>
      </c>
      <c r="O639" s="257"/>
    </row>
    <row r="640" spans="1:16" ht="18.75" hidden="1" customHeight="1">
      <c r="A640" s="17"/>
      <c r="B640" s="17"/>
      <c r="C640" s="17" t="s">
        <v>130</v>
      </c>
      <c r="D640" s="139" t="s">
        <v>126</v>
      </c>
      <c r="E640" s="17"/>
      <c r="F640" s="17"/>
      <c r="G640" s="17"/>
      <c r="H640" s="17"/>
      <c r="I640" s="17"/>
      <c r="J640" s="17">
        <v>12</v>
      </c>
      <c r="K640" s="17"/>
      <c r="L640" s="17"/>
      <c r="M640" s="17"/>
      <c r="N640" s="138"/>
      <c r="O640" s="257"/>
    </row>
    <row r="641" spans="1:16" ht="18.75" hidden="1" customHeight="1">
      <c r="E641" s="8" t="s">
        <v>129</v>
      </c>
      <c r="F641" s="72">
        <v>128</v>
      </c>
      <c r="G641" s="72" t="s">
        <v>128</v>
      </c>
      <c r="H641" s="8" t="s">
        <v>66</v>
      </c>
      <c r="I641" s="8" t="s">
        <v>65</v>
      </c>
      <c r="J641" s="8">
        <v>1</v>
      </c>
      <c r="K641" s="8" t="s">
        <v>514</v>
      </c>
      <c r="L641" s="8">
        <v>2</v>
      </c>
      <c r="M641" s="8">
        <v>3</v>
      </c>
      <c r="N641" s="72" t="s">
        <v>643</v>
      </c>
      <c r="O641" s="257"/>
    </row>
    <row r="642" spans="1:16" ht="18.75" hidden="1" customHeight="1">
      <c r="E642" s="25" t="s">
        <v>127</v>
      </c>
      <c r="F642" s="25">
        <v>127</v>
      </c>
      <c r="G642" s="25" t="s">
        <v>126</v>
      </c>
      <c r="H642" s="19" t="s">
        <v>78</v>
      </c>
      <c r="I642" s="25" t="s">
        <v>96</v>
      </c>
      <c r="J642" s="19">
        <v>1</v>
      </c>
      <c r="K642" s="19" t="s">
        <v>509</v>
      </c>
      <c r="L642" s="19">
        <v>1</v>
      </c>
      <c r="M642" s="19">
        <v>30</v>
      </c>
      <c r="N642" s="25"/>
      <c r="O642" s="257"/>
    </row>
    <row r="643" spans="1:16" ht="18.75" hidden="1" customHeight="1">
      <c r="E643" s="8" t="s">
        <v>125</v>
      </c>
      <c r="F643" s="72">
        <v>352</v>
      </c>
      <c r="G643" s="72" t="s">
        <v>3</v>
      </c>
      <c r="H643" s="8" t="s">
        <v>78</v>
      </c>
      <c r="I643" s="8" t="s">
        <v>71</v>
      </c>
      <c r="J643" s="8">
        <v>1</v>
      </c>
      <c r="K643" s="8" t="s">
        <v>509</v>
      </c>
      <c r="L643" s="8">
        <v>1</v>
      </c>
      <c r="M643" s="8">
        <v>80</v>
      </c>
      <c r="O643" s="257"/>
    </row>
    <row r="644" spans="1:16" ht="18.75" hidden="1" customHeight="1">
      <c r="A644" s="17"/>
      <c r="B644" s="17"/>
      <c r="C644" s="17" t="s">
        <v>124</v>
      </c>
      <c r="D644" s="139" t="s">
        <v>475</v>
      </c>
      <c r="E644" s="17"/>
      <c r="F644" s="17"/>
      <c r="G644" s="17"/>
      <c r="H644" s="17" t="s">
        <v>17</v>
      </c>
      <c r="I644" s="17" t="s">
        <v>71</v>
      </c>
      <c r="J644" s="17" t="s">
        <v>525</v>
      </c>
      <c r="K644" s="17"/>
      <c r="L644" s="17"/>
      <c r="M644" s="17"/>
      <c r="N644" s="138"/>
      <c r="O644" s="257"/>
    </row>
    <row r="645" spans="1:16" ht="18.75" hidden="1" customHeight="1">
      <c r="E645" s="8" t="s">
        <v>123</v>
      </c>
      <c r="F645" s="8">
        <v>366</v>
      </c>
      <c r="G645" s="8" t="s">
        <v>122</v>
      </c>
      <c r="H645" s="8" t="s">
        <v>66</v>
      </c>
      <c r="I645" s="8" t="s">
        <v>65</v>
      </c>
      <c r="J645" s="8">
        <v>1</v>
      </c>
      <c r="K645" s="8" t="s">
        <v>514</v>
      </c>
      <c r="L645" s="8">
        <v>2</v>
      </c>
      <c r="M645" s="8">
        <v>2</v>
      </c>
      <c r="N645" s="72" t="s">
        <v>704</v>
      </c>
      <c r="O645" s="257"/>
    </row>
    <row r="646" spans="1:16" ht="18.75" hidden="1" customHeight="1">
      <c r="E646" s="8" t="s">
        <v>121</v>
      </c>
      <c r="F646" s="8">
        <v>93</v>
      </c>
      <c r="G646" s="8" t="s">
        <v>120</v>
      </c>
      <c r="H646" s="8" t="s">
        <v>17</v>
      </c>
      <c r="I646" s="8" t="s">
        <v>71</v>
      </c>
      <c r="J646" s="8">
        <v>1</v>
      </c>
      <c r="K646" s="8" t="s">
        <v>509</v>
      </c>
      <c r="L646" s="8">
        <v>1</v>
      </c>
      <c r="M646" s="8">
        <v>60</v>
      </c>
      <c r="O646" s="257"/>
    </row>
    <row r="647" spans="1:16" ht="18.75" hidden="1" customHeight="1">
      <c r="E647" s="8" t="s">
        <v>119</v>
      </c>
      <c r="F647" s="8">
        <v>365</v>
      </c>
      <c r="G647" s="8" t="s">
        <v>114</v>
      </c>
      <c r="H647" s="8" t="s">
        <v>78</v>
      </c>
      <c r="I647" s="8" t="s">
        <v>71</v>
      </c>
      <c r="J647" s="8">
        <v>1</v>
      </c>
      <c r="K647" s="8" t="s">
        <v>514</v>
      </c>
      <c r="L647" s="8">
        <v>2</v>
      </c>
      <c r="M647" s="8">
        <v>2</v>
      </c>
      <c r="N647" s="70" t="s">
        <v>624</v>
      </c>
      <c r="O647" s="257"/>
    </row>
    <row r="648" spans="1:16" ht="18.75" hidden="1" customHeight="1">
      <c r="E648" s="8" t="s">
        <v>118</v>
      </c>
      <c r="F648" s="8">
        <v>364</v>
      </c>
      <c r="G648" s="8" t="s">
        <v>112</v>
      </c>
      <c r="H648" s="8" t="s">
        <v>78</v>
      </c>
      <c r="I648" s="8" t="s">
        <v>71</v>
      </c>
      <c r="J648" s="8">
        <v>1</v>
      </c>
      <c r="K648" s="8" t="s">
        <v>509</v>
      </c>
      <c r="L648" s="8">
        <v>1</v>
      </c>
      <c r="M648" s="8">
        <v>80</v>
      </c>
      <c r="O648" s="257"/>
    </row>
    <row r="649" spans="1:16" ht="18.75" hidden="1" customHeight="1">
      <c r="E649" s="8" t="s">
        <v>117</v>
      </c>
      <c r="F649" s="8">
        <v>365</v>
      </c>
      <c r="G649" s="8" t="s">
        <v>114</v>
      </c>
      <c r="H649" s="8" t="s">
        <v>78</v>
      </c>
      <c r="I649" s="8" t="s">
        <v>71</v>
      </c>
      <c r="J649" s="8">
        <v>1</v>
      </c>
      <c r="K649" s="8" t="s">
        <v>514</v>
      </c>
      <c r="L649" s="8">
        <v>2</v>
      </c>
      <c r="M649" s="8">
        <v>2</v>
      </c>
      <c r="N649" s="70" t="s">
        <v>624</v>
      </c>
      <c r="O649" s="257"/>
    </row>
    <row r="650" spans="1:16" ht="18.75" hidden="1" customHeight="1">
      <c r="E650" s="8" t="s">
        <v>116</v>
      </c>
      <c r="F650" s="8">
        <v>364</v>
      </c>
      <c r="G650" s="8" t="s">
        <v>112</v>
      </c>
      <c r="H650" s="8" t="s">
        <v>78</v>
      </c>
      <c r="I650" s="8" t="s">
        <v>71</v>
      </c>
      <c r="J650" s="8">
        <v>1</v>
      </c>
      <c r="K650" s="8" t="s">
        <v>509</v>
      </c>
      <c r="L650" s="8">
        <v>1</v>
      </c>
      <c r="M650" s="8">
        <v>80</v>
      </c>
      <c r="O650" s="257"/>
    </row>
    <row r="651" spans="1:16" ht="18.75" hidden="1" customHeight="1">
      <c r="E651" s="8" t="s">
        <v>115</v>
      </c>
      <c r="F651" s="8">
        <v>365</v>
      </c>
      <c r="G651" s="8" t="s">
        <v>114</v>
      </c>
      <c r="H651" s="8" t="s">
        <v>78</v>
      </c>
      <c r="I651" s="8" t="s">
        <v>71</v>
      </c>
      <c r="J651" s="8">
        <v>1</v>
      </c>
      <c r="K651" s="8" t="s">
        <v>514</v>
      </c>
      <c r="L651" s="8">
        <v>2</v>
      </c>
      <c r="M651" s="8">
        <v>2</v>
      </c>
      <c r="N651" s="70" t="s">
        <v>624</v>
      </c>
      <c r="O651" s="257"/>
    </row>
    <row r="652" spans="1:16" ht="18.75" hidden="1" customHeight="1">
      <c r="E652" s="8" t="s">
        <v>113</v>
      </c>
      <c r="F652" s="8">
        <v>364</v>
      </c>
      <c r="G652" s="8" t="s">
        <v>112</v>
      </c>
      <c r="H652" s="8" t="s">
        <v>78</v>
      </c>
      <c r="I652" s="8" t="s">
        <v>71</v>
      </c>
      <c r="J652" s="8">
        <v>1</v>
      </c>
      <c r="K652" s="8" t="s">
        <v>509</v>
      </c>
      <c r="L652" s="8">
        <v>1</v>
      </c>
      <c r="M652" s="8">
        <v>80</v>
      </c>
      <c r="O652" s="257"/>
    </row>
    <row r="653" spans="1:16">
      <c r="O653" s="258" t="s">
        <v>1254</v>
      </c>
      <c r="P653" s="257" t="s">
        <v>1309</v>
      </c>
    </row>
    <row r="654" spans="1:16">
      <c r="O654" s="259" t="s">
        <v>1644</v>
      </c>
    </row>
    <row r="655" spans="1:16">
      <c r="O655" s="259" t="s">
        <v>936</v>
      </c>
    </row>
    <row r="656" spans="1:16">
      <c r="O656" s="259" t="s">
        <v>1310</v>
      </c>
    </row>
    <row r="657" spans="15:16">
      <c r="O657" s="259" t="s">
        <v>1249</v>
      </c>
      <c r="P657" s="257" t="s">
        <v>1669</v>
      </c>
    </row>
    <row r="658" spans="15:16">
      <c r="O658" s="260" t="s">
        <v>1003</v>
      </c>
      <c r="P658" s="257" t="s">
        <v>1670</v>
      </c>
    </row>
    <row r="659" spans="15:16">
      <c r="O659" s="258" t="s">
        <v>1029</v>
      </c>
      <c r="P659" s="257" t="s">
        <v>2026</v>
      </c>
    </row>
    <row r="660" spans="15:16">
      <c r="O660" s="259" t="s">
        <v>2021</v>
      </c>
    </row>
    <row r="661" spans="15:16">
      <c r="O661" s="259" t="s">
        <v>1255</v>
      </c>
      <c r="P661" s="257" t="s">
        <v>1673</v>
      </c>
    </row>
    <row r="662" spans="15:16">
      <c r="O662" s="259" t="s">
        <v>2022</v>
      </c>
    </row>
    <row r="663" spans="15:16">
      <c r="O663" s="259" t="s">
        <v>936</v>
      </c>
    </row>
    <row r="664" spans="15:16">
      <c r="O664" s="259" t="s">
        <v>2005</v>
      </c>
    </row>
    <row r="665" spans="15:16">
      <c r="O665" s="260" t="s">
        <v>1939</v>
      </c>
      <c r="P665" s="257" t="s">
        <v>1081</v>
      </c>
    </row>
    <row r="666" spans="15:16">
      <c r="O666" s="246" t="s">
        <v>1255</v>
      </c>
      <c r="P666" s="205" t="s">
        <v>1673</v>
      </c>
    </row>
    <row r="667" spans="15:16">
      <c r="O667" s="241" t="s">
        <v>1644</v>
      </c>
    </row>
    <row r="668" spans="15:16">
      <c r="O668" s="241" t="s">
        <v>1097</v>
      </c>
    </row>
    <row r="669" spans="15:16">
      <c r="O669" s="241" t="s">
        <v>1098</v>
      </c>
    </row>
    <row r="670" spans="15:16">
      <c r="O670" s="247" t="s">
        <v>1004</v>
      </c>
    </row>
    <row r="671" spans="15:16" ht="37.5" customHeight="1">
      <c r="O671" s="258" t="s">
        <v>1099</v>
      </c>
      <c r="P671" s="257" t="s">
        <v>2034</v>
      </c>
    </row>
    <row r="672" spans="15:16">
      <c r="O672" s="259" t="s">
        <v>2022</v>
      </c>
    </row>
    <row r="673" spans="1:16">
      <c r="O673" s="259" t="s">
        <v>1028</v>
      </c>
    </row>
    <row r="674" spans="1:16">
      <c r="O674" s="259" t="s">
        <v>1253</v>
      </c>
    </row>
    <row r="675" spans="1:16">
      <c r="O675" s="260" t="s">
        <v>1100</v>
      </c>
      <c r="P675" s="257" t="s">
        <v>1671</v>
      </c>
    </row>
    <row r="676" spans="1:16" ht="31">
      <c r="O676" s="259" t="s">
        <v>2732</v>
      </c>
      <c r="P676" s="257" t="s">
        <v>2034</v>
      </c>
    </row>
    <row r="677" spans="1:16">
      <c r="O677" s="259" t="s">
        <v>1644</v>
      </c>
    </row>
    <row r="678" spans="1:16">
      <c r="O678" s="259" t="s">
        <v>1028</v>
      </c>
    </row>
    <row r="679" spans="1:16">
      <c r="O679" s="259" t="s">
        <v>1253</v>
      </c>
    </row>
    <row r="680" spans="1:16">
      <c r="O680" s="260" t="s">
        <v>2733</v>
      </c>
      <c r="P680" s="257" t="s">
        <v>2735</v>
      </c>
    </row>
    <row r="681" spans="1:16">
      <c r="A681" s="21" t="s">
        <v>423</v>
      </c>
      <c r="B681" s="9"/>
      <c r="C681" s="133"/>
      <c r="D681" s="9"/>
      <c r="E681" s="9"/>
      <c r="F681" s="9"/>
      <c r="G681" s="9"/>
      <c r="H681" s="9"/>
      <c r="I681" s="9"/>
      <c r="J681" s="9"/>
      <c r="K681" s="9"/>
      <c r="L681" s="9"/>
      <c r="M681" s="9"/>
      <c r="N681" s="149"/>
      <c r="O681" s="257"/>
    </row>
    <row r="682" spans="1:16" ht="31">
      <c r="A682" s="17" t="s">
        <v>354</v>
      </c>
      <c r="B682" s="17" t="s">
        <v>528</v>
      </c>
      <c r="C682" s="17"/>
      <c r="D682" s="139"/>
      <c r="E682" s="17"/>
      <c r="F682" s="17"/>
      <c r="G682" s="17"/>
      <c r="H682" s="17" t="s">
        <v>66</v>
      </c>
      <c r="I682" s="17" t="s">
        <v>65</v>
      </c>
      <c r="J682" s="17">
        <v>100000</v>
      </c>
      <c r="K682" s="17"/>
      <c r="L682" s="17"/>
      <c r="M682" s="17"/>
      <c r="N682" s="138"/>
      <c r="O682" s="107" t="s">
        <v>1958</v>
      </c>
      <c r="P682" s="257" t="s">
        <v>2027</v>
      </c>
    </row>
    <row r="683" spans="1:16" ht="18.75" hidden="1" customHeight="1" outlineLevel="1">
      <c r="A683" s="17"/>
      <c r="B683" s="17"/>
      <c r="C683" s="17" t="s">
        <v>354</v>
      </c>
      <c r="D683" s="139" t="s">
        <v>528</v>
      </c>
      <c r="E683" s="17"/>
      <c r="F683" s="17"/>
      <c r="G683" s="17"/>
      <c r="H683" s="17" t="s">
        <v>66</v>
      </c>
      <c r="I683" s="17" t="s">
        <v>65</v>
      </c>
      <c r="J683" s="17">
        <v>1</v>
      </c>
      <c r="K683" s="17"/>
      <c r="L683" s="17"/>
      <c r="M683" s="17"/>
      <c r="N683" s="138"/>
      <c r="O683" s="257"/>
    </row>
    <row r="684" spans="1:16" ht="18.75" hidden="1" customHeight="1" outlineLevel="1">
      <c r="E684" s="8" t="s">
        <v>353</v>
      </c>
      <c r="F684" s="8">
        <v>350</v>
      </c>
      <c r="G684" s="8" t="s">
        <v>108</v>
      </c>
      <c r="H684" s="8" t="s">
        <v>17</v>
      </c>
      <c r="I684" s="8" t="s">
        <v>71</v>
      </c>
      <c r="J684" s="8">
        <v>1</v>
      </c>
      <c r="K684" s="8" t="s">
        <v>509</v>
      </c>
      <c r="L684" s="8">
        <v>1</v>
      </c>
      <c r="M684" s="8">
        <v>20</v>
      </c>
      <c r="O684" s="257"/>
    </row>
    <row r="685" spans="1:16" ht="18.75" hidden="1" customHeight="1" outlineLevel="1">
      <c r="E685" s="8" t="s">
        <v>352</v>
      </c>
      <c r="F685" s="8">
        <v>330</v>
      </c>
      <c r="G685" s="8" t="s">
        <v>351</v>
      </c>
      <c r="H685" s="8" t="s">
        <v>78</v>
      </c>
      <c r="I685" s="8" t="s">
        <v>71</v>
      </c>
      <c r="J685" s="8">
        <v>1</v>
      </c>
      <c r="K685" s="8" t="s">
        <v>438</v>
      </c>
      <c r="L685" s="8">
        <v>1</v>
      </c>
      <c r="M685" s="8">
        <v>15</v>
      </c>
      <c r="O685" s="257"/>
    </row>
    <row r="686" spans="1:16" ht="18.75" hidden="1" customHeight="1" outlineLevel="1">
      <c r="E686" s="8" t="s">
        <v>350</v>
      </c>
      <c r="F686" s="8">
        <v>355</v>
      </c>
      <c r="G686" s="8" t="s">
        <v>103</v>
      </c>
      <c r="H686" s="8" t="s">
        <v>17</v>
      </c>
      <c r="I686" s="8" t="s">
        <v>71</v>
      </c>
      <c r="J686" s="8">
        <v>1</v>
      </c>
      <c r="K686" s="8" t="s">
        <v>514</v>
      </c>
      <c r="L686" s="8">
        <v>2</v>
      </c>
      <c r="M686" s="8">
        <v>2</v>
      </c>
      <c r="N686" s="70" t="s">
        <v>624</v>
      </c>
      <c r="O686" s="257"/>
    </row>
    <row r="687" spans="1:16" ht="18.75" hidden="1" customHeight="1" outlineLevel="1">
      <c r="E687" s="8" t="s">
        <v>349</v>
      </c>
      <c r="F687" s="8">
        <v>212</v>
      </c>
      <c r="G687" s="8" t="s">
        <v>101</v>
      </c>
      <c r="H687" s="8" t="s">
        <v>78</v>
      </c>
      <c r="I687" s="8" t="s">
        <v>71</v>
      </c>
      <c r="J687" s="8">
        <v>1</v>
      </c>
      <c r="K687" s="8" t="s">
        <v>438</v>
      </c>
      <c r="L687" s="8">
        <v>1</v>
      </c>
      <c r="M687" s="8">
        <v>17</v>
      </c>
      <c r="O687" s="257"/>
    </row>
    <row r="688" spans="1:16" ht="18.75" hidden="1" customHeight="1" outlineLevel="1">
      <c r="E688" s="19" t="s">
        <v>348</v>
      </c>
      <c r="F688" s="19">
        <v>639</v>
      </c>
      <c r="G688" s="19" t="s">
        <v>99</v>
      </c>
      <c r="H688" s="19" t="s">
        <v>17</v>
      </c>
      <c r="I688" s="19" t="s">
        <v>96</v>
      </c>
      <c r="J688" s="19">
        <v>1</v>
      </c>
      <c r="K688" s="19" t="s">
        <v>514</v>
      </c>
      <c r="L688" s="19">
        <v>2</v>
      </c>
      <c r="M688" s="19">
        <v>2</v>
      </c>
      <c r="N688" s="25"/>
      <c r="O688" s="257"/>
    </row>
    <row r="689" spans="5:15" ht="18.75" hidden="1" customHeight="1" outlineLevel="1">
      <c r="E689" s="8" t="s">
        <v>347</v>
      </c>
      <c r="F689" s="8">
        <v>235</v>
      </c>
      <c r="G689" s="8" t="s">
        <v>90</v>
      </c>
      <c r="H689" s="8" t="s">
        <v>78</v>
      </c>
      <c r="I689" s="8" t="s">
        <v>71</v>
      </c>
      <c r="J689" s="8">
        <v>1</v>
      </c>
      <c r="K689" s="8" t="s">
        <v>514</v>
      </c>
      <c r="L689" s="8">
        <v>2</v>
      </c>
      <c r="M689" s="8">
        <v>2</v>
      </c>
      <c r="N689" s="70" t="s">
        <v>624</v>
      </c>
      <c r="O689" s="257"/>
    </row>
    <row r="690" spans="5:15" ht="18.75" hidden="1" customHeight="1" outlineLevel="1">
      <c r="E690" s="8" t="s">
        <v>346</v>
      </c>
      <c r="F690" s="8">
        <v>234</v>
      </c>
      <c r="G690" s="8" t="s">
        <v>88</v>
      </c>
      <c r="H690" s="8" t="s">
        <v>78</v>
      </c>
      <c r="I690" s="8" t="s">
        <v>71</v>
      </c>
      <c r="J690" s="8">
        <v>1</v>
      </c>
      <c r="K690" s="8" t="s">
        <v>509</v>
      </c>
      <c r="L690" s="8">
        <v>1</v>
      </c>
      <c r="M690" s="8">
        <v>48</v>
      </c>
      <c r="N690" s="70"/>
      <c r="O690" s="257"/>
    </row>
    <row r="691" spans="5:15" ht="18.75" hidden="1" customHeight="1" outlineLevel="1">
      <c r="E691" s="8" t="s">
        <v>345</v>
      </c>
      <c r="F691" s="8">
        <v>235</v>
      </c>
      <c r="G691" s="8" t="s">
        <v>90</v>
      </c>
      <c r="H691" s="8" t="s">
        <v>78</v>
      </c>
      <c r="I691" s="8" t="s">
        <v>71</v>
      </c>
      <c r="J691" s="8">
        <v>1</v>
      </c>
      <c r="K691" s="8" t="s">
        <v>514</v>
      </c>
      <c r="L691" s="8">
        <v>2</v>
      </c>
      <c r="M691" s="8">
        <v>2</v>
      </c>
      <c r="N691" s="70" t="s">
        <v>624</v>
      </c>
      <c r="O691" s="257"/>
    </row>
    <row r="692" spans="5:15" ht="18.75" hidden="1" customHeight="1" outlineLevel="1">
      <c r="E692" s="8" t="s">
        <v>344</v>
      </c>
      <c r="F692" s="8">
        <v>234</v>
      </c>
      <c r="G692" s="8" t="s">
        <v>88</v>
      </c>
      <c r="H692" s="8" t="s">
        <v>78</v>
      </c>
      <c r="I692" s="8" t="s">
        <v>71</v>
      </c>
      <c r="J692" s="8">
        <v>1</v>
      </c>
      <c r="K692" s="8" t="s">
        <v>509</v>
      </c>
      <c r="L692" s="8">
        <v>1</v>
      </c>
      <c r="M692" s="8">
        <v>48</v>
      </c>
      <c r="N692" s="70"/>
      <c r="O692" s="257"/>
    </row>
    <row r="693" spans="5:15" ht="18.75" hidden="1" customHeight="1" outlineLevel="1">
      <c r="E693" s="8" t="s">
        <v>343</v>
      </c>
      <c r="F693" s="8">
        <v>235</v>
      </c>
      <c r="G693" s="8" t="s">
        <v>90</v>
      </c>
      <c r="H693" s="8" t="s">
        <v>78</v>
      </c>
      <c r="I693" s="8" t="s">
        <v>71</v>
      </c>
      <c r="J693" s="8">
        <v>1</v>
      </c>
      <c r="K693" s="8" t="s">
        <v>514</v>
      </c>
      <c r="L693" s="8">
        <v>2</v>
      </c>
      <c r="M693" s="8">
        <v>2</v>
      </c>
      <c r="N693" s="70" t="s">
        <v>624</v>
      </c>
      <c r="O693" s="257"/>
    </row>
    <row r="694" spans="5:15" ht="18.75" hidden="1" customHeight="1" outlineLevel="1">
      <c r="E694" s="8" t="s">
        <v>342</v>
      </c>
      <c r="F694" s="8">
        <v>234</v>
      </c>
      <c r="G694" s="8" t="s">
        <v>88</v>
      </c>
      <c r="H694" s="8" t="s">
        <v>78</v>
      </c>
      <c r="I694" s="8" t="s">
        <v>71</v>
      </c>
      <c r="J694" s="8">
        <v>1</v>
      </c>
      <c r="K694" s="8" t="s">
        <v>509</v>
      </c>
      <c r="L694" s="8">
        <v>1</v>
      </c>
      <c r="M694" s="8">
        <v>48</v>
      </c>
      <c r="N694" s="70"/>
      <c r="O694" s="257"/>
    </row>
    <row r="695" spans="5:15" ht="18.75" hidden="1" customHeight="1" outlineLevel="1">
      <c r="E695" s="8" t="s">
        <v>341</v>
      </c>
      <c r="F695" s="8">
        <v>235</v>
      </c>
      <c r="G695" s="8" t="s">
        <v>90</v>
      </c>
      <c r="H695" s="8" t="s">
        <v>78</v>
      </c>
      <c r="I695" s="8" t="s">
        <v>71</v>
      </c>
      <c r="J695" s="8">
        <v>1</v>
      </c>
      <c r="K695" s="8" t="s">
        <v>514</v>
      </c>
      <c r="L695" s="8">
        <v>2</v>
      </c>
      <c r="M695" s="8">
        <v>2</v>
      </c>
      <c r="N695" s="70" t="s">
        <v>624</v>
      </c>
      <c r="O695" s="257"/>
    </row>
    <row r="696" spans="5:15" ht="18.75" hidden="1" customHeight="1" outlineLevel="1">
      <c r="E696" s="8" t="s">
        <v>340</v>
      </c>
      <c r="F696" s="8">
        <v>234</v>
      </c>
      <c r="G696" s="8" t="s">
        <v>88</v>
      </c>
      <c r="H696" s="8" t="s">
        <v>78</v>
      </c>
      <c r="I696" s="8" t="s">
        <v>71</v>
      </c>
      <c r="J696" s="8">
        <v>1</v>
      </c>
      <c r="K696" s="8" t="s">
        <v>509</v>
      </c>
      <c r="L696" s="8">
        <v>1</v>
      </c>
      <c r="M696" s="8">
        <v>48</v>
      </c>
      <c r="N696" s="70"/>
      <c r="O696" s="257"/>
    </row>
    <row r="697" spans="5:15" ht="18.75" hidden="1" customHeight="1" outlineLevel="1">
      <c r="E697" s="8" t="s">
        <v>339</v>
      </c>
      <c r="F697" s="8">
        <v>235</v>
      </c>
      <c r="G697" s="8" t="s">
        <v>90</v>
      </c>
      <c r="H697" s="8" t="s">
        <v>78</v>
      </c>
      <c r="I697" s="8" t="s">
        <v>71</v>
      </c>
      <c r="J697" s="8">
        <v>1</v>
      </c>
      <c r="K697" s="8" t="s">
        <v>514</v>
      </c>
      <c r="L697" s="8">
        <v>2</v>
      </c>
      <c r="M697" s="8">
        <v>2</v>
      </c>
      <c r="N697" s="70" t="s">
        <v>624</v>
      </c>
      <c r="O697" s="257"/>
    </row>
    <row r="698" spans="5:15" ht="18.75" hidden="1" customHeight="1" outlineLevel="1">
      <c r="E698" s="8" t="s">
        <v>338</v>
      </c>
      <c r="F698" s="8">
        <v>234</v>
      </c>
      <c r="G698" s="8" t="s">
        <v>88</v>
      </c>
      <c r="H698" s="8" t="s">
        <v>78</v>
      </c>
      <c r="I698" s="8" t="s">
        <v>71</v>
      </c>
      <c r="J698" s="8">
        <v>1</v>
      </c>
      <c r="K698" s="8" t="s">
        <v>509</v>
      </c>
      <c r="L698" s="8">
        <v>1</v>
      </c>
      <c r="M698" s="8">
        <v>48</v>
      </c>
      <c r="N698" s="70"/>
      <c r="O698" s="257"/>
    </row>
    <row r="699" spans="5:15" ht="18.75" hidden="1" customHeight="1" outlineLevel="1">
      <c r="E699" s="8" t="s">
        <v>337</v>
      </c>
      <c r="F699" s="8">
        <v>235</v>
      </c>
      <c r="G699" s="8" t="s">
        <v>90</v>
      </c>
      <c r="H699" s="8" t="s">
        <v>78</v>
      </c>
      <c r="I699" s="8" t="s">
        <v>71</v>
      </c>
      <c r="J699" s="8">
        <v>1</v>
      </c>
      <c r="K699" s="8" t="s">
        <v>514</v>
      </c>
      <c r="L699" s="8">
        <v>2</v>
      </c>
      <c r="M699" s="8">
        <v>2</v>
      </c>
      <c r="N699" s="70" t="s">
        <v>624</v>
      </c>
      <c r="O699" s="257"/>
    </row>
    <row r="700" spans="5:15" ht="18.75" hidden="1" customHeight="1" outlineLevel="1">
      <c r="E700" s="8" t="s">
        <v>336</v>
      </c>
      <c r="F700" s="8">
        <v>234</v>
      </c>
      <c r="G700" s="8" t="s">
        <v>88</v>
      </c>
      <c r="H700" s="8" t="s">
        <v>78</v>
      </c>
      <c r="I700" s="8" t="s">
        <v>71</v>
      </c>
      <c r="J700" s="8">
        <v>1</v>
      </c>
      <c r="K700" s="8" t="s">
        <v>509</v>
      </c>
      <c r="L700" s="8">
        <v>1</v>
      </c>
      <c r="M700" s="8">
        <v>48</v>
      </c>
      <c r="N700" s="70"/>
      <c r="O700" s="257"/>
    </row>
    <row r="701" spans="5:15" ht="18.75" hidden="1" customHeight="1" outlineLevel="1">
      <c r="E701" s="8" t="s">
        <v>335</v>
      </c>
      <c r="F701" s="8">
        <v>235</v>
      </c>
      <c r="G701" s="8" t="s">
        <v>90</v>
      </c>
      <c r="H701" s="8" t="s">
        <v>78</v>
      </c>
      <c r="I701" s="8" t="s">
        <v>71</v>
      </c>
      <c r="J701" s="8">
        <v>1</v>
      </c>
      <c r="K701" s="8" t="s">
        <v>514</v>
      </c>
      <c r="L701" s="8">
        <v>2</v>
      </c>
      <c r="M701" s="8">
        <v>2</v>
      </c>
      <c r="N701" s="70" t="s">
        <v>624</v>
      </c>
      <c r="O701" s="257"/>
    </row>
    <row r="702" spans="5:15" ht="18.75" hidden="1" customHeight="1" outlineLevel="1">
      <c r="E702" s="8" t="s">
        <v>334</v>
      </c>
      <c r="F702" s="8">
        <v>234</v>
      </c>
      <c r="G702" s="8" t="s">
        <v>88</v>
      </c>
      <c r="H702" s="8" t="s">
        <v>78</v>
      </c>
      <c r="I702" s="8" t="s">
        <v>71</v>
      </c>
      <c r="J702" s="8">
        <v>1</v>
      </c>
      <c r="K702" s="8" t="s">
        <v>509</v>
      </c>
      <c r="L702" s="8">
        <v>1</v>
      </c>
      <c r="M702" s="8">
        <v>48</v>
      </c>
      <c r="N702" s="70"/>
      <c r="O702" s="257"/>
    </row>
    <row r="703" spans="5:15" ht="18.75" hidden="1" customHeight="1" outlineLevel="1">
      <c r="E703" s="8" t="s">
        <v>333</v>
      </c>
      <c r="F703" s="8">
        <v>235</v>
      </c>
      <c r="G703" s="8" t="s">
        <v>90</v>
      </c>
      <c r="H703" s="8" t="s">
        <v>78</v>
      </c>
      <c r="I703" s="8" t="s">
        <v>71</v>
      </c>
      <c r="J703" s="8">
        <v>1</v>
      </c>
      <c r="K703" s="8" t="s">
        <v>514</v>
      </c>
      <c r="L703" s="8">
        <v>2</v>
      </c>
      <c r="M703" s="8">
        <v>2</v>
      </c>
      <c r="N703" s="70" t="s">
        <v>624</v>
      </c>
      <c r="O703" s="257"/>
    </row>
    <row r="704" spans="5:15" ht="18.75" hidden="1" customHeight="1" outlineLevel="1">
      <c r="E704" s="8" t="s">
        <v>332</v>
      </c>
      <c r="F704" s="8">
        <v>234</v>
      </c>
      <c r="G704" s="8" t="s">
        <v>88</v>
      </c>
      <c r="H704" s="8" t="s">
        <v>78</v>
      </c>
      <c r="I704" s="8" t="s">
        <v>71</v>
      </c>
      <c r="J704" s="8">
        <v>1</v>
      </c>
      <c r="K704" s="8" t="s">
        <v>509</v>
      </c>
      <c r="L704" s="8">
        <v>1</v>
      </c>
      <c r="M704" s="8">
        <v>48</v>
      </c>
      <c r="N704" s="70"/>
      <c r="O704" s="257"/>
    </row>
    <row r="705" spans="1:16" collapsed="1">
      <c r="A705" s="17"/>
      <c r="B705" s="17"/>
      <c r="C705" s="17" t="s">
        <v>252</v>
      </c>
      <c r="D705" s="139" t="s">
        <v>476</v>
      </c>
      <c r="E705" s="17"/>
      <c r="F705" s="17"/>
      <c r="G705" s="17"/>
      <c r="H705" s="17" t="s">
        <v>17</v>
      </c>
      <c r="I705" s="17" t="s">
        <v>71</v>
      </c>
      <c r="J705" s="17">
        <v>1</v>
      </c>
      <c r="K705" s="17"/>
      <c r="L705" s="17"/>
      <c r="M705" s="17"/>
      <c r="N705" s="138"/>
      <c r="O705" s="257" t="s">
        <v>920</v>
      </c>
      <c r="P705" s="257" t="s">
        <v>476</v>
      </c>
    </row>
    <row r="706" spans="1:16" ht="18.75" hidden="1" customHeight="1" outlineLevel="1">
      <c r="E706" s="8" t="s">
        <v>251</v>
      </c>
      <c r="F706" s="8">
        <v>98</v>
      </c>
      <c r="G706" s="8" t="s">
        <v>156</v>
      </c>
      <c r="H706" s="8" t="s">
        <v>66</v>
      </c>
      <c r="I706" s="8" t="s">
        <v>65</v>
      </c>
      <c r="J706" s="8">
        <v>1</v>
      </c>
      <c r="K706" s="8" t="s">
        <v>514</v>
      </c>
      <c r="L706" s="8">
        <v>2</v>
      </c>
      <c r="M706" s="8">
        <v>3</v>
      </c>
      <c r="N706" s="72" t="s">
        <v>623</v>
      </c>
      <c r="O706" s="257"/>
      <c r="P706" s="257" t="s">
        <v>1083</v>
      </c>
    </row>
    <row r="707" spans="1:16" ht="18.75" hidden="1" customHeight="1" outlineLevel="1">
      <c r="E707" s="8" t="s">
        <v>250</v>
      </c>
      <c r="F707" s="8">
        <v>100</v>
      </c>
      <c r="G707" s="8" t="s">
        <v>249</v>
      </c>
      <c r="H707" s="8" t="s">
        <v>66</v>
      </c>
      <c r="I707" s="8" t="s">
        <v>65</v>
      </c>
      <c r="J707" s="8">
        <v>1</v>
      </c>
      <c r="K707" s="8" t="s">
        <v>514</v>
      </c>
      <c r="L707" s="8">
        <v>3</v>
      </c>
      <c r="M707" s="8">
        <v>3</v>
      </c>
      <c r="O707" s="257"/>
    </row>
    <row r="708" spans="1:16" ht="18.75" hidden="1" customHeight="1" outlineLevel="1">
      <c r="E708" s="8" t="s">
        <v>290</v>
      </c>
      <c r="F708" s="8">
        <v>280</v>
      </c>
      <c r="G708" s="8" t="s">
        <v>289</v>
      </c>
      <c r="H708" s="8" t="s">
        <v>17</v>
      </c>
      <c r="I708" s="8" t="s">
        <v>71</v>
      </c>
      <c r="J708" s="8">
        <v>1</v>
      </c>
      <c r="K708" s="8" t="s">
        <v>438</v>
      </c>
      <c r="L708" s="8">
        <v>4</v>
      </c>
      <c r="M708" s="8">
        <v>10</v>
      </c>
      <c r="O708" s="257"/>
    </row>
    <row r="709" spans="1:16" ht="18.75" hidden="1" customHeight="1" outlineLevel="1">
      <c r="E709" s="8" t="s">
        <v>288</v>
      </c>
      <c r="F709" s="8">
        <v>98</v>
      </c>
      <c r="G709" s="8" t="s">
        <v>156</v>
      </c>
      <c r="H709" s="8" t="s">
        <v>17</v>
      </c>
      <c r="I709" s="8" t="s">
        <v>71</v>
      </c>
      <c r="J709" s="8">
        <v>1</v>
      </c>
      <c r="K709" s="8" t="s">
        <v>514</v>
      </c>
      <c r="L709" s="8">
        <v>2</v>
      </c>
      <c r="M709" s="8">
        <v>3</v>
      </c>
      <c r="N709" s="72" t="s">
        <v>625</v>
      </c>
      <c r="O709" s="257"/>
    </row>
    <row r="710" spans="1:16" ht="18.75" hidden="1" customHeight="1" outlineLevel="1">
      <c r="E710" s="8" t="s">
        <v>287</v>
      </c>
      <c r="F710" s="8">
        <v>100</v>
      </c>
      <c r="G710" s="8" t="s">
        <v>249</v>
      </c>
      <c r="H710" s="8" t="s">
        <v>17</v>
      </c>
      <c r="I710" s="8" t="s">
        <v>71</v>
      </c>
      <c r="J710" s="8">
        <v>1</v>
      </c>
      <c r="K710" s="8" t="s">
        <v>514</v>
      </c>
      <c r="L710" s="8">
        <v>3</v>
      </c>
      <c r="M710" s="8">
        <v>3</v>
      </c>
      <c r="O710" s="257"/>
    </row>
    <row r="711" spans="1:16" ht="18.75" hidden="1" customHeight="1" collapsed="1">
      <c r="A711" s="17"/>
      <c r="B711" s="17"/>
      <c r="C711" s="17" t="s">
        <v>331</v>
      </c>
      <c r="D711" s="139"/>
      <c r="E711" s="17"/>
      <c r="F711" s="17"/>
      <c r="G711" s="17"/>
      <c r="H711" s="17" t="s">
        <v>17</v>
      </c>
      <c r="I711" s="17" t="s">
        <v>71</v>
      </c>
      <c r="J711" s="17">
        <v>25</v>
      </c>
      <c r="K711" s="17"/>
      <c r="L711" s="17"/>
      <c r="M711" s="17"/>
      <c r="N711" s="138"/>
      <c r="O711" s="257"/>
    </row>
    <row r="712" spans="1:16" ht="18.75" hidden="1" customHeight="1">
      <c r="E712" s="8" t="s">
        <v>330</v>
      </c>
      <c r="F712" s="8">
        <v>371</v>
      </c>
      <c r="G712" s="8" t="s">
        <v>329</v>
      </c>
      <c r="H712" s="8" t="s">
        <v>66</v>
      </c>
      <c r="I712" s="8" t="s">
        <v>65</v>
      </c>
      <c r="J712" s="8">
        <v>1</v>
      </c>
      <c r="K712" s="8" t="s">
        <v>514</v>
      </c>
      <c r="L712" s="8">
        <v>2</v>
      </c>
      <c r="M712" s="8">
        <v>2</v>
      </c>
      <c r="N712" s="72" t="s">
        <v>643</v>
      </c>
      <c r="O712" s="257"/>
    </row>
    <row r="713" spans="1:16" ht="18.75" hidden="1" customHeight="1">
      <c r="E713" s="19" t="s">
        <v>328</v>
      </c>
      <c r="F713" s="19">
        <v>373</v>
      </c>
      <c r="G713" s="19" t="s">
        <v>1</v>
      </c>
      <c r="H713" s="19" t="s">
        <v>17</v>
      </c>
      <c r="I713" s="19" t="s">
        <v>96</v>
      </c>
      <c r="J713" s="19">
        <v>1</v>
      </c>
      <c r="K713" s="19" t="s">
        <v>519</v>
      </c>
      <c r="L713" s="19">
        <v>8</v>
      </c>
      <c r="M713" s="19">
        <v>8</v>
      </c>
      <c r="N713" s="25"/>
      <c r="O713" s="257"/>
    </row>
    <row r="714" spans="1:16" ht="18.75" hidden="1" customHeight="1">
      <c r="E714" s="19" t="s">
        <v>327</v>
      </c>
      <c r="F714" s="19">
        <v>236</v>
      </c>
      <c r="G714" s="19" t="s">
        <v>326</v>
      </c>
      <c r="H714" s="19" t="s">
        <v>17</v>
      </c>
      <c r="I714" s="19" t="s">
        <v>96</v>
      </c>
      <c r="J714" s="19">
        <v>1</v>
      </c>
      <c r="K714" s="19" t="s">
        <v>514</v>
      </c>
      <c r="L714" s="19">
        <v>3</v>
      </c>
      <c r="M714" s="19">
        <v>3</v>
      </c>
      <c r="N714" s="25"/>
      <c r="O714" s="257"/>
    </row>
    <row r="715" spans="1:16" ht="18.75" hidden="1" customHeight="1">
      <c r="E715" s="19" t="s">
        <v>325</v>
      </c>
      <c r="F715" s="19">
        <v>212</v>
      </c>
      <c r="G715" s="19" t="s">
        <v>101</v>
      </c>
      <c r="H715" s="19" t="s">
        <v>17</v>
      </c>
      <c r="I715" s="19" t="s">
        <v>96</v>
      </c>
      <c r="J715" s="19">
        <v>1</v>
      </c>
      <c r="K715" s="19" t="s">
        <v>438</v>
      </c>
      <c r="L715" s="19">
        <v>1</v>
      </c>
      <c r="M715" s="19">
        <v>17</v>
      </c>
      <c r="N715" s="25"/>
      <c r="O715" s="257"/>
    </row>
    <row r="716" spans="1:16" ht="18.75" hidden="1" customHeight="1">
      <c r="E716" s="8" t="s">
        <v>324</v>
      </c>
      <c r="F716" s="8">
        <v>639</v>
      </c>
      <c r="G716" s="8" t="s">
        <v>323</v>
      </c>
      <c r="H716" s="8" t="s">
        <v>17</v>
      </c>
      <c r="I716" s="8" t="s">
        <v>71</v>
      </c>
      <c r="J716" s="8">
        <v>1</v>
      </c>
      <c r="K716" s="8" t="s">
        <v>514</v>
      </c>
      <c r="L716" s="8">
        <v>2</v>
      </c>
      <c r="M716" s="8">
        <v>2</v>
      </c>
      <c r="N716" s="72" t="s">
        <v>694</v>
      </c>
      <c r="O716" s="257"/>
    </row>
    <row r="717" spans="1:16" ht="18.75" hidden="1" customHeight="1">
      <c r="E717" s="8" t="s">
        <v>322</v>
      </c>
      <c r="F717" s="8">
        <v>380</v>
      </c>
      <c r="G717" s="8" t="s">
        <v>105</v>
      </c>
      <c r="H717" s="8" t="s">
        <v>66</v>
      </c>
      <c r="I717" s="8" t="s">
        <v>71</v>
      </c>
      <c r="J717" s="8">
        <v>1</v>
      </c>
      <c r="K717" s="8" t="s">
        <v>438</v>
      </c>
      <c r="L717" s="8">
        <v>1</v>
      </c>
      <c r="M717" s="8">
        <v>15</v>
      </c>
      <c r="O717" s="257"/>
    </row>
    <row r="718" spans="1:16" ht="18.75" hidden="1" customHeight="1">
      <c r="E718" s="8" t="s">
        <v>321</v>
      </c>
      <c r="F718" s="8">
        <v>355</v>
      </c>
      <c r="G718" s="8" t="s">
        <v>103</v>
      </c>
      <c r="H718" s="8" t="s">
        <v>66</v>
      </c>
      <c r="I718" s="8" t="s">
        <v>71</v>
      </c>
      <c r="J718" s="8">
        <v>1</v>
      </c>
      <c r="K718" s="8" t="s">
        <v>514</v>
      </c>
      <c r="L718" s="8">
        <v>2</v>
      </c>
      <c r="M718" s="8">
        <v>2</v>
      </c>
      <c r="N718" s="70" t="s">
        <v>624</v>
      </c>
      <c r="O718" s="257"/>
    </row>
    <row r="719" spans="1:16">
      <c r="A719" s="17" t="s">
        <v>311</v>
      </c>
      <c r="B719" s="17" t="s">
        <v>527</v>
      </c>
      <c r="C719" s="17"/>
      <c r="D719" s="139"/>
      <c r="E719" s="17"/>
      <c r="F719" s="17"/>
      <c r="G719" s="17"/>
      <c r="H719" s="17" t="s">
        <v>17</v>
      </c>
      <c r="I719" s="17" t="s">
        <v>71</v>
      </c>
      <c r="J719" s="17" t="s">
        <v>525</v>
      </c>
      <c r="K719" s="17"/>
      <c r="L719" s="17"/>
      <c r="M719" s="17"/>
      <c r="N719" s="138"/>
      <c r="O719" s="257" t="s">
        <v>939</v>
      </c>
      <c r="P719" s="257" t="s">
        <v>1083</v>
      </c>
    </row>
    <row r="720" spans="1:16" ht="18.75" hidden="1" customHeight="1" outlineLevel="1">
      <c r="A720" s="17"/>
      <c r="B720" s="17"/>
      <c r="C720" s="17" t="s">
        <v>311</v>
      </c>
      <c r="D720" s="139" t="s">
        <v>527</v>
      </c>
      <c r="E720" s="17"/>
      <c r="F720" s="17"/>
      <c r="G720" s="17"/>
      <c r="H720" s="17" t="s">
        <v>66</v>
      </c>
      <c r="I720" s="17" t="s">
        <v>65</v>
      </c>
      <c r="J720" s="17">
        <v>1</v>
      </c>
      <c r="K720" s="17"/>
      <c r="L720" s="17"/>
      <c r="M720" s="17"/>
      <c r="N720" s="138"/>
      <c r="O720" s="257"/>
    </row>
    <row r="721" spans="1:15" ht="18.75" hidden="1" customHeight="1" outlineLevel="1">
      <c r="E721" s="8" t="s">
        <v>310</v>
      </c>
      <c r="F721" s="8">
        <v>687</v>
      </c>
      <c r="G721" s="8" t="s">
        <v>309</v>
      </c>
      <c r="H721" s="8" t="s">
        <v>17</v>
      </c>
      <c r="I721" s="8" t="s">
        <v>71</v>
      </c>
      <c r="J721" s="8">
        <v>1</v>
      </c>
      <c r="K721" s="8" t="s">
        <v>514</v>
      </c>
      <c r="L721" s="8">
        <v>2</v>
      </c>
      <c r="M721" s="8">
        <v>2</v>
      </c>
      <c r="N721" s="70" t="s">
        <v>624</v>
      </c>
      <c r="O721" s="257"/>
    </row>
    <row r="722" spans="1:15" ht="18.75" hidden="1" customHeight="1" outlineLevel="1">
      <c r="E722" s="19" t="s">
        <v>308</v>
      </c>
      <c r="F722" s="19">
        <v>236</v>
      </c>
      <c r="G722" s="19" t="s">
        <v>307</v>
      </c>
      <c r="H722" s="19" t="s">
        <v>78</v>
      </c>
      <c r="I722" s="19" t="s">
        <v>96</v>
      </c>
      <c r="J722" s="19">
        <v>1</v>
      </c>
      <c r="K722" s="19" t="s">
        <v>514</v>
      </c>
      <c r="L722" s="19">
        <v>3</v>
      </c>
      <c r="M722" s="19">
        <v>3</v>
      </c>
      <c r="N722" s="25"/>
      <c r="O722" s="257"/>
    </row>
    <row r="723" spans="1:15" ht="18.75" hidden="1" customHeight="1" outlineLevel="1">
      <c r="E723" s="19" t="s">
        <v>306</v>
      </c>
      <c r="F723" s="19">
        <v>212</v>
      </c>
      <c r="G723" s="19" t="s">
        <v>101</v>
      </c>
      <c r="H723" s="19" t="s">
        <v>78</v>
      </c>
      <c r="I723" s="19" t="s">
        <v>96</v>
      </c>
      <c r="J723" s="19">
        <v>1</v>
      </c>
      <c r="K723" s="19" t="s">
        <v>438</v>
      </c>
      <c r="L723" s="19">
        <v>1</v>
      </c>
      <c r="M723" s="19">
        <v>17</v>
      </c>
      <c r="N723" s="25"/>
      <c r="O723" s="257"/>
    </row>
    <row r="724" spans="1:15" ht="18.75" hidden="1" customHeight="1" outlineLevel="1">
      <c r="E724" s="8" t="s">
        <v>320</v>
      </c>
      <c r="F724" s="8">
        <v>380</v>
      </c>
      <c r="G724" s="8" t="s">
        <v>105</v>
      </c>
      <c r="H724" s="8" t="s">
        <v>78</v>
      </c>
      <c r="I724" s="8" t="s">
        <v>71</v>
      </c>
      <c r="J724" s="8">
        <v>1</v>
      </c>
      <c r="K724" s="8" t="s">
        <v>438</v>
      </c>
      <c r="L724" s="8">
        <v>1</v>
      </c>
      <c r="M724" s="8">
        <v>15</v>
      </c>
      <c r="O724" s="257"/>
    </row>
    <row r="725" spans="1:15" ht="18.75" hidden="1" customHeight="1" outlineLevel="1">
      <c r="D725" s="10" t="s">
        <v>186</v>
      </c>
      <c r="E725" s="8" t="s">
        <v>319</v>
      </c>
      <c r="H725" s="8" t="s">
        <v>78</v>
      </c>
      <c r="I725" s="8" t="s">
        <v>71</v>
      </c>
      <c r="J725" s="8">
        <v>1</v>
      </c>
      <c r="O725" s="257"/>
    </row>
    <row r="726" spans="1:15" ht="18.75" hidden="1" customHeight="1" outlineLevel="1">
      <c r="E726" s="150" t="s">
        <v>705</v>
      </c>
      <c r="F726" s="150" t="s">
        <v>318</v>
      </c>
      <c r="G726" s="8" t="s">
        <v>103</v>
      </c>
      <c r="H726" s="8" t="s">
        <v>66</v>
      </c>
      <c r="I726" s="8" t="s">
        <v>65</v>
      </c>
      <c r="J726" s="8">
        <v>1</v>
      </c>
      <c r="K726" s="8" t="s">
        <v>514</v>
      </c>
      <c r="L726" s="8">
        <v>2</v>
      </c>
      <c r="M726" s="8">
        <v>2</v>
      </c>
      <c r="O726" s="257"/>
    </row>
    <row r="727" spans="1:15" ht="18.75" hidden="1" customHeight="1" outlineLevel="1">
      <c r="E727" s="150" t="s">
        <v>317</v>
      </c>
      <c r="F727" s="150" t="s">
        <v>316</v>
      </c>
      <c r="G727" s="8" t="s">
        <v>315</v>
      </c>
      <c r="H727" s="8" t="s">
        <v>17</v>
      </c>
      <c r="I727" s="8" t="s">
        <v>71</v>
      </c>
      <c r="J727" s="8">
        <v>1</v>
      </c>
      <c r="K727" s="8" t="s">
        <v>514</v>
      </c>
      <c r="L727" s="8">
        <v>3</v>
      </c>
      <c r="M727" s="8">
        <v>3</v>
      </c>
      <c r="N727" s="72" t="s">
        <v>706</v>
      </c>
      <c r="O727" s="257"/>
    </row>
    <row r="728" spans="1:15" ht="18.75" hidden="1" customHeight="1" outlineLevel="1">
      <c r="E728" s="150" t="s">
        <v>314</v>
      </c>
      <c r="F728" s="150" t="s">
        <v>313</v>
      </c>
      <c r="G728" s="8" t="s">
        <v>312</v>
      </c>
      <c r="H728" s="8" t="s">
        <v>78</v>
      </c>
      <c r="I728" s="8" t="s">
        <v>71</v>
      </c>
      <c r="J728" s="8">
        <v>1</v>
      </c>
      <c r="K728" s="8" t="s">
        <v>438</v>
      </c>
      <c r="L728" s="8">
        <v>1</v>
      </c>
      <c r="M728" s="8">
        <v>10</v>
      </c>
      <c r="O728" s="257"/>
    </row>
    <row r="729" spans="1:15" ht="18.75" hidden="1" customHeight="1" collapsed="1">
      <c r="A729" s="17" t="s">
        <v>311</v>
      </c>
      <c r="B729" s="17" t="s">
        <v>527</v>
      </c>
      <c r="C729" s="17"/>
      <c r="D729" s="139"/>
      <c r="E729" s="17"/>
      <c r="F729" s="17"/>
      <c r="G729" s="17"/>
      <c r="H729" s="17" t="s">
        <v>17</v>
      </c>
      <c r="I729" s="17" t="s">
        <v>71</v>
      </c>
      <c r="J729" s="17" t="s">
        <v>525</v>
      </c>
      <c r="K729" s="17"/>
      <c r="L729" s="17"/>
      <c r="M729" s="17"/>
      <c r="N729" s="138"/>
      <c r="O729" s="257"/>
    </row>
    <row r="730" spans="1:15" ht="18.75" hidden="1" customHeight="1">
      <c r="A730" s="17"/>
      <c r="B730" s="17"/>
      <c r="C730" s="17" t="s">
        <v>311</v>
      </c>
      <c r="D730" s="139" t="s">
        <v>527</v>
      </c>
      <c r="E730" s="17"/>
      <c r="F730" s="17"/>
      <c r="G730" s="17"/>
      <c r="H730" s="17" t="s">
        <v>66</v>
      </c>
      <c r="I730" s="17" t="s">
        <v>65</v>
      </c>
      <c r="J730" s="17">
        <v>1</v>
      </c>
      <c r="K730" s="17"/>
      <c r="L730" s="17"/>
      <c r="M730" s="17"/>
      <c r="N730" s="138"/>
      <c r="O730" s="257"/>
    </row>
    <row r="731" spans="1:15" ht="18.75" hidden="1" customHeight="1">
      <c r="E731" s="8" t="s">
        <v>310</v>
      </c>
      <c r="F731" s="8">
        <v>687</v>
      </c>
      <c r="G731" s="8" t="s">
        <v>309</v>
      </c>
      <c r="H731" s="8" t="s">
        <v>17</v>
      </c>
      <c r="I731" s="8" t="s">
        <v>71</v>
      </c>
      <c r="J731" s="8">
        <v>1</v>
      </c>
      <c r="K731" s="8" t="s">
        <v>514</v>
      </c>
      <c r="L731" s="8">
        <v>2</v>
      </c>
      <c r="M731" s="8">
        <v>2</v>
      </c>
      <c r="N731" s="72" t="s">
        <v>707</v>
      </c>
      <c r="O731" s="257"/>
    </row>
    <row r="732" spans="1:15" ht="18.75" hidden="1" customHeight="1">
      <c r="E732" s="8" t="s">
        <v>308</v>
      </c>
      <c r="F732" s="8">
        <v>236</v>
      </c>
      <c r="G732" s="8" t="s">
        <v>307</v>
      </c>
      <c r="H732" s="8" t="s">
        <v>78</v>
      </c>
      <c r="I732" s="8" t="s">
        <v>71</v>
      </c>
      <c r="J732" s="8">
        <v>1</v>
      </c>
      <c r="K732" s="8" t="s">
        <v>514</v>
      </c>
      <c r="L732" s="8">
        <v>3</v>
      </c>
      <c r="M732" s="8">
        <v>3</v>
      </c>
      <c r="N732" s="72" t="s">
        <v>708</v>
      </c>
      <c r="O732" s="257"/>
    </row>
    <row r="733" spans="1:15" ht="18.75" hidden="1" customHeight="1">
      <c r="E733" s="8" t="s">
        <v>306</v>
      </c>
      <c r="F733" s="8">
        <v>212</v>
      </c>
      <c r="G733" s="8" t="s">
        <v>101</v>
      </c>
      <c r="H733" s="8" t="s">
        <v>78</v>
      </c>
      <c r="I733" s="8" t="s">
        <v>71</v>
      </c>
      <c r="J733" s="8">
        <v>1</v>
      </c>
      <c r="K733" s="8" t="s">
        <v>438</v>
      </c>
      <c r="L733" s="8">
        <v>1</v>
      </c>
      <c r="M733" s="8">
        <v>17</v>
      </c>
      <c r="O733" s="257"/>
    </row>
    <row r="734" spans="1:15" ht="18.75" hidden="1" customHeight="1">
      <c r="A734" s="17"/>
      <c r="B734" s="17"/>
      <c r="C734" s="17" t="s">
        <v>252</v>
      </c>
      <c r="D734" s="139"/>
      <c r="E734" s="17"/>
      <c r="F734" s="17"/>
      <c r="G734" s="17"/>
      <c r="H734" s="17" t="s">
        <v>17</v>
      </c>
      <c r="I734" s="17" t="s">
        <v>71</v>
      </c>
      <c r="J734" s="17">
        <v>1</v>
      </c>
      <c r="K734" s="17"/>
      <c r="L734" s="17"/>
      <c r="M734" s="17"/>
      <c r="N734" s="138"/>
      <c r="O734" s="257"/>
    </row>
    <row r="735" spans="1:15" ht="18.75" hidden="1" customHeight="1">
      <c r="E735" s="8" t="s">
        <v>251</v>
      </c>
      <c r="F735" s="8">
        <v>98</v>
      </c>
      <c r="G735" s="8" t="s">
        <v>156</v>
      </c>
      <c r="H735" s="8" t="s">
        <v>66</v>
      </c>
      <c r="I735" s="8" t="s">
        <v>65</v>
      </c>
      <c r="J735" s="8">
        <v>1</v>
      </c>
      <c r="K735" s="8" t="s">
        <v>514</v>
      </c>
      <c r="L735" s="8">
        <v>2</v>
      </c>
      <c r="M735" s="8">
        <v>3</v>
      </c>
      <c r="N735" s="72" t="s">
        <v>623</v>
      </c>
      <c r="O735" s="257"/>
    </row>
    <row r="736" spans="1:15" ht="18.75" hidden="1" customHeight="1">
      <c r="E736" s="8" t="s">
        <v>250</v>
      </c>
      <c r="F736" s="8">
        <v>100</v>
      </c>
      <c r="G736" s="8" t="s">
        <v>249</v>
      </c>
      <c r="H736" s="8" t="s">
        <v>66</v>
      </c>
      <c r="I736" s="8" t="s">
        <v>65</v>
      </c>
      <c r="J736" s="8">
        <v>1</v>
      </c>
      <c r="K736" s="8" t="s">
        <v>514</v>
      </c>
      <c r="L736" s="8">
        <v>3</v>
      </c>
      <c r="M736" s="8">
        <v>3</v>
      </c>
      <c r="O736" s="257"/>
    </row>
    <row r="737" spans="1:15" ht="18.75" hidden="1" customHeight="1">
      <c r="E737" s="8" t="s">
        <v>290</v>
      </c>
      <c r="F737" s="8">
        <v>280</v>
      </c>
      <c r="G737" s="8" t="s">
        <v>289</v>
      </c>
      <c r="H737" s="8" t="s">
        <v>17</v>
      </c>
      <c r="I737" s="8" t="s">
        <v>71</v>
      </c>
      <c r="J737" s="8">
        <v>1</v>
      </c>
      <c r="K737" s="8" t="s">
        <v>438</v>
      </c>
      <c r="L737" s="8">
        <v>4</v>
      </c>
      <c r="M737" s="8">
        <v>10</v>
      </c>
      <c r="O737" s="257"/>
    </row>
    <row r="738" spans="1:15" ht="18.75" hidden="1" customHeight="1">
      <c r="E738" s="8" t="s">
        <v>288</v>
      </c>
      <c r="F738" s="8">
        <v>98</v>
      </c>
      <c r="G738" s="8" t="s">
        <v>156</v>
      </c>
      <c r="H738" s="8" t="s">
        <v>17</v>
      </c>
      <c r="I738" s="8" t="s">
        <v>71</v>
      </c>
      <c r="J738" s="8">
        <v>1</v>
      </c>
      <c r="K738" s="8" t="s">
        <v>514</v>
      </c>
      <c r="L738" s="8">
        <v>2</v>
      </c>
      <c r="M738" s="8">
        <v>3</v>
      </c>
      <c r="N738" s="72" t="s">
        <v>625</v>
      </c>
      <c r="O738" s="257"/>
    </row>
    <row r="739" spans="1:15" ht="18.75" hidden="1" customHeight="1">
      <c r="E739" s="8" t="s">
        <v>287</v>
      </c>
      <c r="F739" s="8">
        <v>100</v>
      </c>
      <c r="G739" s="8" t="s">
        <v>249</v>
      </c>
      <c r="H739" s="8" t="s">
        <v>17</v>
      </c>
      <c r="I739" s="8" t="s">
        <v>71</v>
      </c>
      <c r="J739" s="8">
        <v>1</v>
      </c>
      <c r="K739" s="8" t="s">
        <v>514</v>
      </c>
      <c r="L739" s="8">
        <v>3</v>
      </c>
      <c r="M739" s="8">
        <v>3</v>
      </c>
      <c r="O739" s="257"/>
    </row>
    <row r="740" spans="1:15" ht="18.75" hidden="1" customHeight="1">
      <c r="A740" s="17" t="s">
        <v>311</v>
      </c>
      <c r="B740" s="17" t="s">
        <v>527</v>
      </c>
      <c r="C740" s="17"/>
      <c r="D740" s="139"/>
      <c r="E740" s="17"/>
      <c r="F740" s="17"/>
      <c r="G740" s="17"/>
      <c r="H740" s="17" t="s">
        <v>17</v>
      </c>
      <c r="I740" s="17" t="s">
        <v>71</v>
      </c>
      <c r="J740" s="17" t="s">
        <v>525</v>
      </c>
      <c r="K740" s="17"/>
      <c r="L740" s="17"/>
      <c r="M740" s="17"/>
      <c r="N740" s="138"/>
      <c r="O740" s="257"/>
    </row>
    <row r="741" spans="1:15" ht="18.75" hidden="1" customHeight="1">
      <c r="A741" s="17"/>
      <c r="B741" s="17"/>
      <c r="C741" s="17" t="s">
        <v>311</v>
      </c>
      <c r="D741" s="139" t="s">
        <v>527</v>
      </c>
      <c r="E741" s="17"/>
      <c r="F741" s="17"/>
      <c r="G741" s="17"/>
      <c r="H741" s="17" t="s">
        <v>66</v>
      </c>
      <c r="I741" s="17" t="s">
        <v>65</v>
      </c>
      <c r="J741" s="17">
        <v>1</v>
      </c>
      <c r="K741" s="17"/>
      <c r="L741" s="17"/>
      <c r="M741" s="17"/>
      <c r="N741" s="138"/>
      <c r="O741" s="257"/>
    </row>
    <row r="742" spans="1:15" ht="18.75" hidden="1" customHeight="1">
      <c r="E742" s="8" t="s">
        <v>310</v>
      </c>
      <c r="F742" s="8">
        <v>687</v>
      </c>
      <c r="G742" s="8" t="s">
        <v>309</v>
      </c>
      <c r="H742" s="8" t="s">
        <v>17</v>
      </c>
      <c r="I742" s="8" t="s">
        <v>71</v>
      </c>
      <c r="J742" s="8">
        <v>1</v>
      </c>
      <c r="K742" s="8" t="s">
        <v>514</v>
      </c>
      <c r="L742" s="8">
        <v>2</v>
      </c>
      <c r="M742" s="8">
        <v>2</v>
      </c>
      <c r="N742" s="72" t="s">
        <v>707</v>
      </c>
      <c r="O742" s="257"/>
    </row>
    <row r="743" spans="1:15" ht="18.75" hidden="1" customHeight="1">
      <c r="E743" s="8" t="s">
        <v>308</v>
      </c>
      <c r="F743" s="8">
        <v>236</v>
      </c>
      <c r="G743" s="8" t="s">
        <v>307</v>
      </c>
      <c r="H743" s="8" t="s">
        <v>78</v>
      </c>
      <c r="I743" s="8" t="s">
        <v>71</v>
      </c>
      <c r="J743" s="8">
        <v>1</v>
      </c>
      <c r="K743" s="8" t="s">
        <v>514</v>
      </c>
      <c r="L743" s="8">
        <v>3</v>
      </c>
      <c r="M743" s="8">
        <v>3</v>
      </c>
      <c r="N743" s="72" t="s">
        <v>709</v>
      </c>
      <c r="O743" s="257"/>
    </row>
    <row r="744" spans="1:15" ht="18.75" hidden="1" customHeight="1">
      <c r="E744" s="8" t="s">
        <v>306</v>
      </c>
      <c r="F744" s="8">
        <v>212</v>
      </c>
      <c r="G744" s="8" t="s">
        <v>101</v>
      </c>
      <c r="H744" s="8" t="s">
        <v>78</v>
      </c>
      <c r="I744" s="8" t="s">
        <v>71</v>
      </c>
      <c r="J744" s="8">
        <v>1</v>
      </c>
      <c r="K744" s="8" t="s">
        <v>438</v>
      </c>
      <c r="L744" s="8">
        <v>1</v>
      </c>
      <c r="M744" s="8">
        <v>17</v>
      </c>
      <c r="O744" s="257"/>
    </row>
    <row r="745" spans="1:15" ht="18.75" hidden="1" customHeight="1">
      <c r="A745" s="17"/>
      <c r="B745" s="17"/>
      <c r="C745" s="17" t="s">
        <v>252</v>
      </c>
      <c r="D745" s="139"/>
      <c r="E745" s="17"/>
      <c r="F745" s="17"/>
      <c r="G745" s="17"/>
      <c r="H745" s="17" t="s">
        <v>17</v>
      </c>
      <c r="I745" s="17" t="s">
        <v>71</v>
      </c>
      <c r="J745" s="17">
        <v>1</v>
      </c>
      <c r="K745" s="17"/>
      <c r="L745" s="17"/>
      <c r="M745" s="17"/>
      <c r="N745" s="138"/>
      <c r="O745" s="257"/>
    </row>
    <row r="746" spans="1:15" ht="18.75" hidden="1" customHeight="1">
      <c r="E746" s="8" t="s">
        <v>251</v>
      </c>
      <c r="F746" s="8">
        <v>98</v>
      </c>
      <c r="G746" s="8" t="s">
        <v>156</v>
      </c>
      <c r="H746" s="8" t="s">
        <v>66</v>
      </c>
      <c r="I746" s="8" t="s">
        <v>65</v>
      </c>
      <c r="J746" s="8">
        <v>1</v>
      </c>
      <c r="K746" s="8" t="s">
        <v>514</v>
      </c>
      <c r="L746" s="8">
        <v>2</v>
      </c>
      <c r="M746" s="8">
        <v>3</v>
      </c>
      <c r="N746" s="72" t="s">
        <v>623</v>
      </c>
      <c r="O746" s="257"/>
    </row>
    <row r="747" spans="1:15" ht="18.75" hidden="1" customHeight="1">
      <c r="E747" s="8" t="s">
        <v>250</v>
      </c>
      <c r="F747" s="8">
        <v>100</v>
      </c>
      <c r="G747" s="8" t="s">
        <v>249</v>
      </c>
      <c r="H747" s="8" t="s">
        <v>66</v>
      </c>
      <c r="I747" s="8" t="s">
        <v>65</v>
      </c>
      <c r="J747" s="8">
        <v>1</v>
      </c>
      <c r="K747" s="8" t="s">
        <v>514</v>
      </c>
      <c r="L747" s="8">
        <v>3</v>
      </c>
      <c r="M747" s="8">
        <v>3</v>
      </c>
      <c r="O747" s="257"/>
    </row>
    <row r="748" spans="1:15" ht="18.75" hidden="1" customHeight="1">
      <c r="E748" s="8" t="s">
        <v>290</v>
      </c>
      <c r="F748" s="8">
        <v>280</v>
      </c>
      <c r="G748" s="8" t="s">
        <v>289</v>
      </c>
      <c r="H748" s="8" t="s">
        <v>17</v>
      </c>
      <c r="I748" s="8" t="s">
        <v>71</v>
      </c>
      <c r="J748" s="8">
        <v>1</v>
      </c>
      <c r="K748" s="8" t="s">
        <v>438</v>
      </c>
      <c r="L748" s="8">
        <v>4</v>
      </c>
      <c r="M748" s="8">
        <v>10</v>
      </c>
      <c r="O748" s="257"/>
    </row>
    <row r="749" spans="1:15" ht="18.75" hidden="1" customHeight="1">
      <c r="E749" s="8" t="s">
        <v>288</v>
      </c>
      <c r="F749" s="8">
        <v>98</v>
      </c>
      <c r="G749" s="8" t="s">
        <v>156</v>
      </c>
      <c r="H749" s="8" t="s">
        <v>17</v>
      </c>
      <c r="I749" s="8" t="s">
        <v>71</v>
      </c>
      <c r="J749" s="8">
        <v>1</v>
      </c>
      <c r="K749" s="8" t="s">
        <v>514</v>
      </c>
      <c r="L749" s="8">
        <v>2</v>
      </c>
      <c r="M749" s="8">
        <v>3</v>
      </c>
      <c r="N749" s="72" t="s">
        <v>625</v>
      </c>
      <c r="O749" s="257"/>
    </row>
    <row r="750" spans="1:15" ht="18.75" hidden="1" customHeight="1">
      <c r="E750" s="8" t="s">
        <v>287</v>
      </c>
      <c r="F750" s="8">
        <v>100</v>
      </c>
      <c r="G750" s="8" t="s">
        <v>249</v>
      </c>
      <c r="H750" s="8" t="s">
        <v>17</v>
      </c>
      <c r="I750" s="8" t="s">
        <v>71</v>
      </c>
      <c r="J750" s="8">
        <v>1</v>
      </c>
      <c r="K750" s="8" t="s">
        <v>514</v>
      </c>
      <c r="L750" s="8">
        <v>3</v>
      </c>
      <c r="M750" s="8">
        <v>3</v>
      </c>
      <c r="O750" s="257"/>
    </row>
    <row r="751" spans="1:15" ht="18.75" hidden="1" customHeight="1">
      <c r="A751" s="17" t="s">
        <v>311</v>
      </c>
      <c r="B751" s="17" t="s">
        <v>527</v>
      </c>
      <c r="C751" s="17"/>
      <c r="D751" s="139"/>
      <c r="E751" s="17"/>
      <c r="F751" s="17"/>
      <c r="G751" s="17"/>
      <c r="H751" s="17" t="s">
        <v>17</v>
      </c>
      <c r="I751" s="17" t="s">
        <v>71</v>
      </c>
      <c r="J751" s="17" t="s">
        <v>525</v>
      </c>
      <c r="K751" s="17"/>
      <c r="L751" s="17"/>
      <c r="M751" s="17"/>
      <c r="N751" s="138"/>
      <c r="O751" s="257"/>
    </row>
    <row r="752" spans="1:15" ht="18.75" hidden="1" customHeight="1">
      <c r="A752" s="17"/>
      <c r="B752" s="17"/>
      <c r="C752" s="17" t="s">
        <v>311</v>
      </c>
      <c r="D752" s="139" t="s">
        <v>527</v>
      </c>
      <c r="E752" s="17"/>
      <c r="F752" s="17"/>
      <c r="G752" s="17"/>
      <c r="H752" s="17" t="s">
        <v>66</v>
      </c>
      <c r="I752" s="17" t="s">
        <v>65</v>
      </c>
      <c r="J752" s="17">
        <v>1</v>
      </c>
      <c r="K752" s="17"/>
      <c r="L752" s="17"/>
      <c r="M752" s="17"/>
      <c r="N752" s="138"/>
      <c r="O752" s="257"/>
    </row>
    <row r="753" spans="1:16" ht="18.75" hidden="1" customHeight="1">
      <c r="E753" s="8" t="s">
        <v>310</v>
      </c>
      <c r="F753" s="8">
        <v>687</v>
      </c>
      <c r="G753" s="8" t="s">
        <v>309</v>
      </c>
      <c r="H753" s="8" t="s">
        <v>17</v>
      </c>
      <c r="I753" s="8" t="s">
        <v>71</v>
      </c>
      <c r="J753" s="8">
        <v>1</v>
      </c>
      <c r="K753" s="8" t="s">
        <v>514</v>
      </c>
      <c r="L753" s="8">
        <v>2</v>
      </c>
      <c r="M753" s="8">
        <v>2</v>
      </c>
      <c r="N753" s="72" t="s">
        <v>707</v>
      </c>
      <c r="O753" s="257"/>
    </row>
    <row r="754" spans="1:16" ht="18.75" hidden="1" customHeight="1">
      <c r="E754" s="8" t="s">
        <v>308</v>
      </c>
      <c r="F754" s="8">
        <v>236</v>
      </c>
      <c r="G754" s="8" t="s">
        <v>307</v>
      </c>
      <c r="H754" s="8" t="s">
        <v>78</v>
      </c>
      <c r="I754" s="8" t="s">
        <v>71</v>
      </c>
      <c r="J754" s="8">
        <v>1</v>
      </c>
      <c r="K754" s="8" t="s">
        <v>514</v>
      </c>
      <c r="L754" s="8">
        <v>3</v>
      </c>
      <c r="M754" s="8">
        <v>3</v>
      </c>
      <c r="N754" s="72" t="s">
        <v>710</v>
      </c>
      <c r="O754" s="257"/>
    </row>
    <row r="755" spans="1:16" ht="18.75" hidden="1" customHeight="1">
      <c r="E755" s="8" t="s">
        <v>306</v>
      </c>
      <c r="F755" s="8">
        <v>212</v>
      </c>
      <c r="G755" s="8" t="s">
        <v>101</v>
      </c>
      <c r="H755" s="8" t="s">
        <v>78</v>
      </c>
      <c r="I755" s="8" t="s">
        <v>71</v>
      </c>
      <c r="J755" s="8">
        <v>1</v>
      </c>
      <c r="K755" s="8" t="s">
        <v>438</v>
      </c>
      <c r="L755" s="8">
        <v>1</v>
      </c>
      <c r="M755" s="8">
        <v>17</v>
      </c>
      <c r="O755" s="257"/>
    </row>
    <row r="756" spans="1:16" ht="18.75" hidden="1" customHeight="1">
      <c r="A756" s="17"/>
      <c r="B756" s="17"/>
      <c r="C756" s="17" t="s">
        <v>252</v>
      </c>
      <c r="D756" s="139"/>
      <c r="E756" s="17"/>
      <c r="F756" s="17"/>
      <c r="G756" s="17"/>
      <c r="H756" s="17" t="s">
        <v>17</v>
      </c>
      <c r="I756" s="17" t="s">
        <v>71</v>
      </c>
      <c r="J756" s="17">
        <v>1</v>
      </c>
      <c r="K756" s="17"/>
      <c r="L756" s="17"/>
      <c r="M756" s="17"/>
      <c r="N756" s="138"/>
      <c r="O756" s="257"/>
    </row>
    <row r="757" spans="1:16" ht="18.75" hidden="1" customHeight="1">
      <c r="E757" s="8" t="s">
        <v>251</v>
      </c>
      <c r="F757" s="8">
        <v>98</v>
      </c>
      <c r="G757" s="8" t="s">
        <v>156</v>
      </c>
      <c r="H757" s="8" t="s">
        <v>66</v>
      </c>
      <c r="I757" s="8" t="s">
        <v>65</v>
      </c>
      <c r="J757" s="8">
        <v>1</v>
      </c>
      <c r="K757" s="8" t="s">
        <v>514</v>
      </c>
      <c r="L757" s="8">
        <v>2</v>
      </c>
      <c r="M757" s="8">
        <v>3</v>
      </c>
      <c r="N757" s="72" t="s">
        <v>623</v>
      </c>
      <c r="O757" s="257"/>
    </row>
    <row r="758" spans="1:16" ht="18.75" hidden="1" customHeight="1">
      <c r="E758" s="8" t="s">
        <v>250</v>
      </c>
      <c r="F758" s="8">
        <v>100</v>
      </c>
      <c r="G758" s="8" t="s">
        <v>249</v>
      </c>
      <c r="H758" s="8" t="s">
        <v>66</v>
      </c>
      <c r="I758" s="8" t="s">
        <v>65</v>
      </c>
      <c r="J758" s="8">
        <v>1</v>
      </c>
      <c r="K758" s="8" t="s">
        <v>514</v>
      </c>
      <c r="L758" s="8">
        <v>3</v>
      </c>
      <c r="M758" s="8">
        <v>3</v>
      </c>
      <c r="O758" s="257"/>
    </row>
    <row r="759" spans="1:16" ht="18.75" hidden="1" customHeight="1">
      <c r="E759" s="8" t="s">
        <v>290</v>
      </c>
      <c r="F759" s="8">
        <v>280</v>
      </c>
      <c r="G759" s="8" t="s">
        <v>289</v>
      </c>
      <c r="H759" s="8" t="s">
        <v>17</v>
      </c>
      <c r="I759" s="8" t="s">
        <v>71</v>
      </c>
      <c r="J759" s="8">
        <v>1</v>
      </c>
      <c r="K759" s="8" t="s">
        <v>438</v>
      </c>
      <c r="L759" s="8">
        <v>4</v>
      </c>
      <c r="M759" s="8">
        <v>10</v>
      </c>
      <c r="O759" s="257"/>
    </row>
    <row r="760" spans="1:16" ht="18.75" hidden="1" customHeight="1">
      <c r="E760" s="8" t="s">
        <v>288</v>
      </c>
      <c r="F760" s="8">
        <v>98</v>
      </c>
      <c r="G760" s="8" t="s">
        <v>156</v>
      </c>
      <c r="H760" s="8" t="s">
        <v>17</v>
      </c>
      <c r="I760" s="8" t="s">
        <v>71</v>
      </c>
      <c r="J760" s="8">
        <v>1</v>
      </c>
      <c r="K760" s="8" t="s">
        <v>514</v>
      </c>
      <c r="L760" s="8">
        <v>2</v>
      </c>
      <c r="M760" s="8">
        <v>3</v>
      </c>
      <c r="N760" s="72" t="s">
        <v>625</v>
      </c>
      <c r="O760" s="257"/>
    </row>
    <row r="761" spans="1:16" ht="18.75" hidden="1" customHeight="1">
      <c r="E761" s="8" t="s">
        <v>287</v>
      </c>
      <c r="F761" s="8">
        <v>100</v>
      </c>
      <c r="G761" s="8" t="s">
        <v>249</v>
      </c>
      <c r="H761" s="8" t="s">
        <v>17</v>
      </c>
      <c r="I761" s="8" t="s">
        <v>71</v>
      </c>
      <c r="J761" s="8">
        <v>1</v>
      </c>
      <c r="K761" s="8" t="s">
        <v>514</v>
      </c>
      <c r="L761" s="8">
        <v>3</v>
      </c>
      <c r="M761" s="8">
        <v>3</v>
      </c>
      <c r="O761" s="257"/>
    </row>
    <row r="762" spans="1:16" ht="18.75" hidden="1" customHeight="1">
      <c r="A762" s="17"/>
      <c r="B762" s="17"/>
      <c r="C762" s="17" t="s">
        <v>193</v>
      </c>
      <c r="D762" s="139"/>
      <c r="E762" s="17"/>
      <c r="F762" s="17"/>
      <c r="G762" s="17"/>
      <c r="H762" s="17" t="s">
        <v>17</v>
      </c>
      <c r="I762" s="17" t="s">
        <v>71</v>
      </c>
      <c r="J762" s="17">
        <v>40</v>
      </c>
      <c r="K762" s="17"/>
      <c r="L762" s="17"/>
      <c r="M762" s="17"/>
      <c r="N762" s="138"/>
      <c r="O762" s="257"/>
    </row>
    <row r="763" spans="1:16" ht="18.75" hidden="1" customHeight="1">
      <c r="E763" s="8" t="s">
        <v>192</v>
      </c>
      <c r="F763" s="8">
        <v>737</v>
      </c>
      <c r="G763" s="8" t="s">
        <v>191</v>
      </c>
      <c r="H763" s="8" t="s">
        <v>17</v>
      </c>
      <c r="I763" s="8" t="s">
        <v>71</v>
      </c>
      <c r="J763" s="8">
        <v>1</v>
      </c>
      <c r="K763" s="8" t="s">
        <v>514</v>
      </c>
      <c r="L763" s="8">
        <v>2</v>
      </c>
      <c r="M763" s="8">
        <v>2</v>
      </c>
      <c r="N763" s="72" t="s">
        <v>646</v>
      </c>
      <c r="O763" s="257"/>
    </row>
    <row r="764" spans="1:16" ht="18.75" hidden="1" customHeight="1">
      <c r="E764" s="8" t="s">
        <v>190</v>
      </c>
      <c r="F764" s="8">
        <v>738</v>
      </c>
      <c r="G764" s="8" t="s">
        <v>189</v>
      </c>
      <c r="H764" s="8" t="s">
        <v>17</v>
      </c>
      <c r="I764" s="8" t="s">
        <v>71</v>
      </c>
      <c r="J764" s="8">
        <v>1</v>
      </c>
      <c r="K764" s="8" t="s">
        <v>514</v>
      </c>
      <c r="L764" s="8">
        <v>1</v>
      </c>
      <c r="M764" s="8">
        <v>3</v>
      </c>
      <c r="N764" s="70" t="s">
        <v>624</v>
      </c>
      <c r="O764" s="257"/>
    </row>
    <row r="765" spans="1:16" ht="18.75" hidden="1" customHeight="1">
      <c r="E765" s="8" t="s">
        <v>188</v>
      </c>
      <c r="F765" s="8">
        <v>739</v>
      </c>
      <c r="G765" s="8" t="s">
        <v>187</v>
      </c>
      <c r="H765" s="8" t="s">
        <v>78</v>
      </c>
      <c r="I765" s="8" t="s">
        <v>71</v>
      </c>
      <c r="J765" s="8">
        <v>1</v>
      </c>
      <c r="K765" s="8" t="s">
        <v>438</v>
      </c>
      <c r="L765" s="8">
        <v>1</v>
      </c>
      <c r="M765" s="8">
        <v>20</v>
      </c>
      <c r="O765" s="257"/>
    </row>
    <row r="766" spans="1:16" ht="18.75" hidden="1" customHeight="1">
      <c r="D766" s="10" t="s">
        <v>186</v>
      </c>
      <c r="E766" s="8" t="s">
        <v>185</v>
      </c>
      <c r="H766" s="8" t="s">
        <v>78</v>
      </c>
      <c r="I766" s="8" t="s">
        <v>71</v>
      </c>
      <c r="J766" s="8">
        <v>1</v>
      </c>
      <c r="O766" s="257"/>
    </row>
    <row r="767" spans="1:16" ht="18.75" hidden="1" customHeight="1">
      <c r="E767" s="8" t="s">
        <v>711</v>
      </c>
      <c r="F767" s="8">
        <v>355</v>
      </c>
      <c r="G767" s="8" t="s">
        <v>103</v>
      </c>
      <c r="H767" s="8" t="s">
        <v>66</v>
      </c>
      <c r="I767" s="8" t="s">
        <v>65</v>
      </c>
      <c r="J767" s="8">
        <v>1</v>
      </c>
      <c r="K767" s="8" t="s">
        <v>514</v>
      </c>
      <c r="L767" s="8">
        <v>2</v>
      </c>
      <c r="M767" s="8">
        <v>2</v>
      </c>
      <c r="O767" s="257"/>
    </row>
    <row r="768" spans="1:16" ht="31">
      <c r="A768" s="17" t="s">
        <v>298</v>
      </c>
      <c r="B768" s="17" t="s">
        <v>426</v>
      </c>
      <c r="C768" s="17"/>
      <c r="D768" s="139"/>
      <c r="E768" s="17"/>
      <c r="F768" s="17"/>
      <c r="G768" s="17"/>
      <c r="H768" s="17" t="s">
        <v>17</v>
      </c>
      <c r="I768" s="17" t="s">
        <v>71</v>
      </c>
      <c r="J768" s="17">
        <v>1000</v>
      </c>
      <c r="K768" s="17"/>
      <c r="L768" s="17"/>
      <c r="M768" s="17"/>
      <c r="N768" s="138"/>
      <c r="O768" s="257" t="s">
        <v>940</v>
      </c>
      <c r="P768" s="257" t="s">
        <v>1085</v>
      </c>
    </row>
    <row r="769" spans="1:16" ht="18.75" hidden="1" customHeight="1">
      <c r="A769" s="17"/>
      <c r="B769" s="17"/>
      <c r="C769" s="17" t="s">
        <v>298</v>
      </c>
      <c r="D769" s="139" t="s">
        <v>426</v>
      </c>
      <c r="E769" s="17"/>
      <c r="F769" s="17"/>
      <c r="G769" s="17"/>
      <c r="H769" s="17" t="s">
        <v>66</v>
      </c>
      <c r="I769" s="17" t="s">
        <v>65</v>
      </c>
      <c r="J769" s="17">
        <v>1</v>
      </c>
      <c r="K769" s="17"/>
      <c r="L769" s="17"/>
      <c r="M769" s="17"/>
      <c r="N769" s="138"/>
      <c r="O769" s="257"/>
    </row>
    <row r="770" spans="1:16" ht="18.75" hidden="1" customHeight="1">
      <c r="E770" s="8" t="s">
        <v>297</v>
      </c>
      <c r="F770" s="8">
        <v>349</v>
      </c>
      <c r="G770" s="8" t="s">
        <v>201</v>
      </c>
      <c r="H770" s="8" t="s">
        <v>66</v>
      </c>
      <c r="I770" s="8" t="s">
        <v>65</v>
      </c>
      <c r="J770" s="8">
        <v>1</v>
      </c>
      <c r="K770" s="8" t="s">
        <v>514</v>
      </c>
      <c r="L770" s="8">
        <v>1</v>
      </c>
      <c r="M770" s="8">
        <v>1</v>
      </c>
      <c r="N770" s="72" t="s">
        <v>666</v>
      </c>
      <c r="O770" s="257"/>
    </row>
    <row r="771" spans="1:16" ht="18.75" hidden="1" customHeight="1">
      <c r="E771" s="8" t="s">
        <v>296</v>
      </c>
      <c r="F771" s="8">
        <v>750</v>
      </c>
      <c r="G771" s="8" t="s">
        <v>295</v>
      </c>
      <c r="H771" s="8" t="s">
        <v>17</v>
      </c>
      <c r="I771" s="8" t="s">
        <v>71</v>
      </c>
      <c r="J771" s="8">
        <v>1</v>
      </c>
      <c r="K771" s="8" t="s">
        <v>514</v>
      </c>
      <c r="L771" s="8">
        <v>2</v>
      </c>
      <c r="M771" s="8">
        <v>3</v>
      </c>
      <c r="N771" s="72" t="s">
        <v>712</v>
      </c>
      <c r="O771" s="257"/>
    </row>
    <row r="772" spans="1:16" ht="18.75" hidden="1" customHeight="1">
      <c r="E772" s="19" t="s">
        <v>294</v>
      </c>
      <c r="F772" s="19">
        <v>559</v>
      </c>
      <c r="G772" s="19" t="s">
        <v>197</v>
      </c>
      <c r="H772" s="19" t="s">
        <v>78</v>
      </c>
      <c r="I772" s="19" t="s">
        <v>96</v>
      </c>
      <c r="J772" s="19">
        <v>1</v>
      </c>
      <c r="K772" s="19" t="s">
        <v>514</v>
      </c>
      <c r="L772" s="19">
        <v>2</v>
      </c>
      <c r="M772" s="19">
        <v>2</v>
      </c>
      <c r="N772" s="25"/>
      <c r="O772" s="257"/>
    </row>
    <row r="773" spans="1:16" ht="18.75" hidden="1" customHeight="1">
      <c r="E773" s="19" t="s">
        <v>293</v>
      </c>
      <c r="F773" s="19">
        <v>751</v>
      </c>
      <c r="G773" s="19" t="s">
        <v>292</v>
      </c>
      <c r="H773" s="19" t="s">
        <v>78</v>
      </c>
      <c r="I773" s="19" t="s">
        <v>96</v>
      </c>
      <c r="J773" s="19">
        <v>1</v>
      </c>
      <c r="K773" s="19" t="s">
        <v>509</v>
      </c>
      <c r="L773" s="19">
        <v>1</v>
      </c>
      <c r="M773" s="19">
        <v>12</v>
      </c>
      <c r="N773" s="25"/>
      <c r="O773" s="257"/>
    </row>
    <row r="774" spans="1:16" ht="18.75" hidden="1" customHeight="1">
      <c r="E774" s="8" t="s">
        <v>291</v>
      </c>
      <c r="F774" s="8">
        <v>352</v>
      </c>
      <c r="G774" s="8" t="s">
        <v>3</v>
      </c>
      <c r="H774" s="8" t="s">
        <v>78</v>
      </c>
      <c r="I774" s="8" t="s">
        <v>71</v>
      </c>
      <c r="J774" s="8">
        <v>1</v>
      </c>
      <c r="K774" s="8" t="s">
        <v>509</v>
      </c>
      <c r="L774" s="8">
        <v>1</v>
      </c>
      <c r="M774" s="8">
        <v>80</v>
      </c>
      <c r="O774" s="257"/>
    </row>
    <row r="775" spans="1:16" ht="18.75" hidden="1" customHeight="1">
      <c r="E775" s="19" t="s">
        <v>305</v>
      </c>
      <c r="F775" s="19">
        <v>752</v>
      </c>
      <c r="G775" s="19" t="s">
        <v>304</v>
      </c>
      <c r="H775" s="19" t="s">
        <v>17</v>
      </c>
      <c r="I775" s="19" t="s">
        <v>96</v>
      </c>
      <c r="J775" s="19">
        <v>1</v>
      </c>
      <c r="K775" s="19" t="s">
        <v>514</v>
      </c>
      <c r="L775" s="19">
        <v>2</v>
      </c>
      <c r="M775" s="19">
        <v>2</v>
      </c>
      <c r="N775" s="25"/>
      <c r="O775" s="257" t="s">
        <v>1877</v>
      </c>
    </row>
    <row r="776" spans="1:16" ht="18.75" hidden="1" customHeight="1">
      <c r="E776" s="19" t="s">
        <v>303</v>
      </c>
      <c r="F776" s="19">
        <v>822</v>
      </c>
      <c r="G776" s="19" t="s">
        <v>302</v>
      </c>
      <c r="H776" s="19" t="s">
        <v>17</v>
      </c>
      <c r="I776" s="19" t="s">
        <v>96</v>
      </c>
      <c r="J776" s="19">
        <v>1</v>
      </c>
      <c r="K776" s="19" t="s">
        <v>509</v>
      </c>
      <c r="L776" s="19">
        <v>1</v>
      </c>
      <c r="M776" s="19">
        <v>15</v>
      </c>
      <c r="N776" s="25"/>
      <c r="O776" s="257" t="s">
        <v>1861</v>
      </c>
    </row>
    <row r="777" spans="1:16" ht="18.75" hidden="1" customHeight="1">
      <c r="E777" s="19" t="s">
        <v>301</v>
      </c>
      <c r="F777" s="19">
        <v>1073</v>
      </c>
      <c r="G777" s="19" t="s">
        <v>300</v>
      </c>
      <c r="H777" s="19" t="s">
        <v>17</v>
      </c>
      <c r="I777" s="19" t="s">
        <v>96</v>
      </c>
      <c r="J777" s="19">
        <v>1</v>
      </c>
      <c r="K777" s="19" t="s">
        <v>514</v>
      </c>
      <c r="L777" s="19">
        <v>1</v>
      </c>
      <c r="M777" s="19">
        <v>1</v>
      </c>
      <c r="N777" s="25"/>
      <c r="O777" s="257" t="s">
        <v>1860</v>
      </c>
    </row>
    <row r="778" spans="1:16" ht="18.75" hidden="1" customHeight="1">
      <c r="E778" s="8" t="s">
        <v>299</v>
      </c>
      <c r="F778" s="8">
        <v>819</v>
      </c>
      <c r="G778" s="8" t="s">
        <v>253</v>
      </c>
      <c r="H778" s="8" t="s">
        <v>17</v>
      </c>
      <c r="I778" s="8" t="s">
        <v>71</v>
      </c>
      <c r="J778" s="8">
        <v>1</v>
      </c>
      <c r="K778" s="8" t="s">
        <v>514</v>
      </c>
      <c r="L778" s="8">
        <v>2</v>
      </c>
      <c r="M778" s="8">
        <v>3</v>
      </c>
      <c r="N778" s="70" t="s">
        <v>624</v>
      </c>
      <c r="O778" s="257" t="s">
        <v>1861</v>
      </c>
    </row>
    <row r="779" spans="1:16">
      <c r="A779" s="17" t="s">
        <v>298</v>
      </c>
      <c r="B779" s="17" t="s">
        <v>426</v>
      </c>
      <c r="C779" s="17"/>
      <c r="D779" s="139"/>
      <c r="E779" s="17"/>
      <c r="F779" s="17"/>
      <c r="G779" s="17"/>
      <c r="H779" s="17" t="s">
        <v>17</v>
      </c>
      <c r="I779" s="17" t="s">
        <v>71</v>
      </c>
      <c r="J779" s="17">
        <v>1000</v>
      </c>
      <c r="K779" s="17"/>
      <c r="L779" s="17"/>
      <c r="M779" s="17"/>
      <c r="N779" s="138"/>
      <c r="O779" s="257" t="s">
        <v>1860</v>
      </c>
      <c r="P779" s="257" t="s">
        <v>1084</v>
      </c>
    </row>
    <row r="780" spans="1:16" ht="18.75" hidden="1" customHeight="1" outlineLevel="1">
      <c r="A780" s="17"/>
      <c r="B780" s="17"/>
      <c r="C780" s="17" t="s">
        <v>298</v>
      </c>
      <c r="D780" s="139"/>
      <c r="E780" s="17"/>
      <c r="F780" s="17"/>
      <c r="G780" s="17"/>
      <c r="H780" s="17" t="s">
        <v>66</v>
      </c>
      <c r="I780" s="17" t="s">
        <v>65</v>
      </c>
      <c r="J780" s="17">
        <v>1</v>
      </c>
      <c r="K780" s="17"/>
      <c r="L780" s="17"/>
      <c r="M780" s="17"/>
      <c r="N780" s="138"/>
      <c r="O780" s="257" t="s">
        <v>1861</v>
      </c>
    </row>
    <row r="781" spans="1:16" ht="18.75" hidden="1" customHeight="1" outlineLevel="1">
      <c r="E781" s="8" t="s">
        <v>297</v>
      </c>
      <c r="F781" s="8">
        <v>349</v>
      </c>
      <c r="G781" s="8" t="s">
        <v>201</v>
      </c>
      <c r="H781" s="8" t="s">
        <v>66</v>
      </c>
      <c r="I781" s="8" t="s">
        <v>65</v>
      </c>
      <c r="J781" s="8">
        <v>1</v>
      </c>
      <c r="K781" s="8" t="s">
        <v>514</v>
      </c>
      <c r="L781" s="8">
        <v>1</v>
      </c>
      <c r="M781" s="8">
        <v>1</v>
      </c>
      <c r="N781" s="72" t="s">
        <v>666</v>
      </c>
      <c r="O781" s="257" t="s">
        <v>1860</v>
      </c>
    </row>
    <row r="782" spans="1:16" ht="18.75" hidden="1" customHeight="1" outlineLevel="1">
      <c r="E782" s="11" t="s">
        <v>296</v>
      </c>
      <c r="F782" s="11">
        <v>750</v>
      </c>
      <c r="G782" s="11" t="s">
        <v>295</v>
      </c>
      <c r="H782" s="11" t="s">
        <v>17</v>
      </c>
      <c r="I782" s="11" t="s">
        <v>96</v>
      </c>
      <c r="J782" s="11">
        <v>1</v>
      </c>
      <c r="K782" s="11" t="s">
        <v>514</v>
      </c>
      <c r="L782" s="11">
        <v>2</v>
      </c>
      <c r="M782" s="11">
        <v>3</v>
      </c>
      <c r="N782" s="72" t="s">
        <v>715</v>
      </c>
      <c r="O782" s="257" t="s">
        <v>1861</v>
      </c>
    </row>
    <row r="783" spans="1:16" ht="18.75" hidden="1" customHeight="1" outlineLevel="1">
      <c r="E783" s="19" t="s">
        <v>294</v>
      </c>
      <c r="F783" s="19">
        <v>559</v>
      </c>
      <c r="G783" s="19" t="s">
        <v>197</v>
      </c>
      <c r="H783" s="19" t="s">
        <v>78</v>
      </c>
      <c r="I783" s="19" t="s">
        <v>96</v>
      </c>
      <c r="J783" s="19">
        <v>1</v>
      </c>
      <c r="K783" s="19" t="s">
        <v>514</v>
      </c>
      <c r="L783" s="19">
        <v>2</v>
      </c>
      <c r="M783" s="19">
        <v>2</v>
      </c>
      <c r="N783" s="25"/>
      <c r="O783" s="257" t="s">
        <v>1860</v>
      </c>
    </row>
    <row r="784" spans="1:16" ht="18.75" hidden="1" customHeight="1" outlineLevel="1">
      <c r="E784" s="19" t="s">
        <v>293</v>
      </c>
      <c r="F784" s="19">
        <v>751</v>
      </c>
      <c r="G784" s="19" t="s">
        <v>292</v>
      </c>
      <c r="H784" s="19" t="s">
        <v>78</v>
      </c>
      <c r="I784" s="19" t="s">
        <v>96</v>
      </c>
      <c r="J784" s="19">
        <v>1</v>
      </c>
      <c r="K784" s="19" t="s">
        <v>509</v>
      </c>
      <c r="L784" s="19">
        <v>1</v>
      </c>
      <c r="M784" s="19">
        <v>12</v>
      </c>
      <c r="N784" s="25"/>
      <c r="O784" s="257" t="s">
        <v>1861</v>
      </c>
    </row>
    <row r="785" spans="1:16" ht="18.75" hidden="1" customHeight="1" outlineLevel="1">
      <c r="E785" s="8" t="s">
        <v>291</v>
      </c>
      <c r="F785" s="8">
        <v>352</v>
      </c>
      <c r="G785" s="8" t="s">
        <v>3</v>
      </c>
      <c r="H785" s="8" t="s">
        <v>78</v>
      </c>
      <c r="I785" s="8" t="s">
        <v>71</v>
      </c>
      <c r="J785" s="8">
        <v>1</v>
      </c>
      <c r="K785" s="8" t="s">
        <v>509</v>
      </c>
      <c r="L785" s="8">
        <v>1</v>
      </c>
      <c r="M785" s="8">
        <v>80</v>
      </c>
      <c r="N785" s="72" t="s">
        <v>716</v>
      </c>
      <c r="O785" s="257" t="s">
        <v>1860</v>
      </c>
    </row>
    <row r="786" spans="1:16" collapsed="1">
      <c r="A786" s="17" t="s">
        <v>298</v>
      </c>
      <c r="B786" s="17" t="s">
        <v>426</v>
      </c>
      <c r="C786" s="17"/>
      <c r="D786" s="139"/>
      <c r="E786" s="17"/>
      <c r="F786" s="17"/>
      <c r="G786" s="17"/>
      <c r="H786" s="17" t="s">
        <v>17</v>
      </c>
      <c r="I786" s="17" t="s">
        <v>71</v>
      </c>
      <c r="J786" s="17">
        <v>1000</v>
      </c>
      <c r="K786" s="17"/>
      <c r="L786" s="17"/>
      <c r="M786" s="17"/>
      <c r="N786" s="138"/>
      <c r="O786" s="257" t="s">
        <v>1878</v>
      </c>
      <c r="P786" s="205" t="s">
        <v>1881</v>
      </c>
    </row>
    <row r="787" spans="1:16" ht="18.75" hidden="1" customHeight="1" outlineLevel="1">
      <c r="A787" s="17"/>
      <c r="B787" s="17"/>
      <c r="C787" s="17" t="s">
        <v>298</v>
      </c>
      <c r="D787" s="139"/>
      <c r="E787" s="17"/>
      <c r="F787" s="17"/>
      <c r="G787" s="17"/>
      <c r="H787" s="17" t="s">
        <v>66</v>
      </c>
      <c r="I787" s="17" t="s">
        <v>65</v>
      </c>
      <c r="J787" s="17">
        <v>1</v>
      </c>
      <c r="K787" s="17"/>
      <c r="L787" s="17"/>
      <c r="M787" s="17"/>
      <c r="N787" s="138"/>
      <c r="O787" s="257" t="s">
        <v>1879</v>
      </c>
    </row>
    <row r="788" spans="1:16" ht="18.75" hidden="1" customHeight="1" outlineLevel="1">
      <c r="E788" s="8" t="s">
        <v>297</v>
      </c>
      <c r="F788" s="8">
        <v>349</v>
      </c>
      <c r="G788" s="8" t="s">
        <v>201</v>
      </c>
      <c r="H788" s="8" t="s">
        <v>66</v>
      </c>
      <c r="I788" s="8" t="s">
        <v>65</v>
      </c>
      <c r="J788" s="8">
        <v>1</v>
      </c>
      <c r="K788" s="8" t="s">
        <v>514</v>
      </c>
      <c r="L788" s="8">
        <v>1</v>
      </c>
      <c r="M788" s="8">
        <v>1</v>
      </c>
      <c r="N788" s="72" t="s">
        <v>666</v>
      </c>
      <c r="O788" s="257" t="s">
        <v>1880</v>
      </c>
    </row>
    <row r="789" spans="1:16" ht="18.75" hidden="1" customHeight="1" outlineLevel="1">
      <c r="E789" s="19" t="s">
        <v>296</v>
      </c>
      <c r="F789" s="19">
        <v>750</v>
      </c>
      <c r="G789" s="19" t="s">
        <v>295</v>
      </c>
      <c r="H789" s="19" t="s">
        <v>17</v>
      </c>
      <c r="I789" s="19" t="s">
        <v>96</v>
      </c>
      <c r="J789" s="19">
        <v>1</v>
      </c>
      <c r="K789" s="19" t="s">
        <v>514</v>
      </c>
      <c r="L789" s="19">
        <v>2</v>
      </c>
      <c r="M789" s="19">
        <v>3</v>
      </c>
      <c r="N789" s="25"/>
      <c r="O789" s="257"/>
    </row>
    <row r="790" spans="1:16" ht="18.75" hidden="1" customHeight="1" outlineLevel="1">
      <c r="E790" s="19" t="s">
        <v>294</v>
      </c>
      <c r="F790" s="19">
        <v>559</v>
      </c>
      <c r="G790" s="19" t="s">
        <v>197</v>
      </c>
      <c r="H790" s="19" t="s">
        <v>78</v>
      </c>
      <c r="I790" s="19" t="s">
        <v>96</v>
      </c>
      <c r="J790" s="19">
        <v>1</v>
      </c>
      <c r="K790" s="19" t="s">
        <v>514</v>
      </c>
      <c r="L790" s="19">
        <v>2</v>
      </c>
      <c r="M790" s="19">
        <v>2</v>
      </c>
      <c r="N790" s="25"/>
      <c r="O790" s="257"/>
    </row>
    <row r="791" spans="1:16" ht="18.75" hidden="1" customHeight="1" outlineLevel="1">
      <c r="E791" s="19" t="s">
        <v>293</v>
      </c>
      <c r="F791" s="19">
        <v>751</v>
      </c>
      <c r="G791" s="19" t="s">
        <v>292</v>
      </c>
      <c r="H791" s="19" t="s">
        <v>78</v>
      </c>
      <c r="I791" s="19" t="s">
        <v>96</v>
      </c>
      <c r="J791" s="19">
        <v>1</v>
      </c>
      <c r="K791" s="19" t="s">
        <v>509</v>
      </c>
      <c r="L791" s="19">
        <v>1</v>
      </c>
      <c r="M791" s="19">
        <v>12</v>
      </c>
      <c r="N791" s="25"/>
      <c r="O791" s="257"/>
    </row>
    <row r="792" spans="1:16" ht="18.75" hidden="1" customHeight="1" outlineLevel="1">
      <c r="E792" s="8" t="s">
        <v>291</v>
      </c>
      <c r="F792" s="8">
        <v>352</v>
      </c>
      <c r="G792" s="8" t="s">
        <v>3</v>
      </c>
      <c r="H792" s="8" t="s">
        <v>78</v>
      </c>
      <c r="I792" s="8" t="s">
        <v>71</v>
      </c>
      <c r="J792" s="8">
        <v>1</v>
      </c>
      <c r="K792" s="8" t="s">
        <v>509</v>
      </c>
      <c r="L792" s="8">
        <v>1</v>
      </c>
      <c r="M792" s="8">
        <v>80</v>
      </c>
      <c r="O792" s="257"/>
    </row>
    <row r="793" spans="1:16" ht="18.75" hidden="1" customHeight="1" outlineLevel="1">
      <c r="E793" s="19" t="s">
        <v>305</v>
      </c>
      <c r="F793" s="19">
        <v>752</v>
      </c>
      <c r="G793" s="19" t="s">
        <v>304</v>
      </c>
      <c r="H793" s="19" t="s">
        <v>17</v>
      </c>
      <c r="I793" s="19" t="s">
        <v>96</v>
      </c>
      <c r="J793" s="19">
        <v>1</v>
      </c>
      <c r="K793" s="19" t="s">
        <v>514</v>
      </c>
      <c r="L793" s="19">
        <v>2</v>
      </c>
      <c r="M793" s="19">
        <v>2</v>
      </c>
      <c r="N793" s="25"/>
      <c r="O793" s="257"/>
    </row>
    <row r="794" spans="1:16" ht="18.75" hidden="1" customHeight="1" outlineLevel="1">
      <c r="E794" s="19" t="s">
        <v>303</v>
      </c>
      <c r="F794" s="19">
        <v>822</v>
      </c>
      <c r="G794" s="19" t="s">
        <v>302</v>
      </c>
      <c r="H794" s="19" t="s">
        <v>17</v>
      </c>
      <c r="I794" s="19" t="s">
        <v>96</v>
      </c>
      <c r="J794" s="19">
        <v>1</v>
      </c>
      <c r="K794" s="19" t="s">
        <v>509</v>
      </c>
      <c r="L794" s="19">
        <v>1</v>
      </c>
      <c r="M794" s="19">
        <v>15</v>
      </c>
      <c r="N794" s="25"/>
      <c r="O794" s="257"/>
    </row>
    <row r="795" spans="1:16" ht="18.75" hidden="1" customHeight="1" outlineLevel="1">
      <c r="E795" s="19" t="s">
        <v>301</v>
      </c>
      <c r="F795" s="19">
        <v>1073</v>
      </c>
      <c r="G795" s="19" t="s">
        <v>300</v>
      </c>
      <c r="H795" s="19" t="s">
        <v>17</v>
      </c>
      <c r="I795" s="19" t="s">
        <v>96</v>
      </c>
      <c r="J795" s="19">
        <v>1</v>
      </c>
      <c r="K795" s="19" t="s">
        <v>514</v>
      </c>
      <c r="L795" s="19">
        <v>1</v>
      </c>
      <c r="M795" s="19">
        <v>1</v>
      </c>
      <c r="N795" s="25"/>
      <c r="O795" s="257"/>
    </row>
    <row r="796" spans="1:16" ht="18.75" hidden="1" customHeight="1" outlineLevel="1">
      <c r="E796" s="8" t="s">
        <v>299</v>
      </c>
      <c r="F796" s="8">
        <v>819</v>
      </c>
      <c r="G796" s="8" t="s">
        <v>253</v>
      </c>
      <c r="H796" s="8" t="s">
        <v>17</v>
      </c>
      <c r="I796" s="8" t="s">
        <v>71</v>
      </c>
      <c r="J796" s="8">
        <v>1</v>
      </c>
      <c r="K796" s="8" t="s">
        <v>514</v>
      </c>
      <c r="L796" s="8">
        <v>2</v>
      </c>
      <c r="M796" s="8">
        <v>3</v>
      </c>
      <c r="N796" s="70" t="s">
        <v>624</v>
      </c>
      <c r="O796" s="257"/>
    </row>
    <row r="797" spans="1:16" collapsed="1">
      <c r="A797" s="17" t="s">
        <v>298</v>
      </c>
      <c r="B797" s="17" t="s">
        <v>426</v>
      </c>
      <c r="C797" s="17"/>
      <c r="D797" s="139"/>
      <c r="E797" s="17"/>
      <c r="F797" s="17"/>
      <c r="G797" s="17"/>
      <c r="H797" s="17" t="s">
        <v>17</v>
      </c>
      <c r="I797" s="17" t="s">
        <v>71</v>
      </c>
      <c r="J797" s="17">
        <v>1000</v>
      </c>
      <c r="K797" s="17"/>
      <c r="L797" s="17"/>
      <c r="M797" s="17"/>
      <c r="N797" s="138"/>
      <c r="O797" s="107" t="s">
        <v>1879</v>
      </c>
    </row>
    <row r="798" spans="1:16">
      <c r="A798" s="17"/>
      <c r="B798" s="17"/>
      <c r="C798" s="17" t="s">
        <v>298</v>
      </c>
      <c r="D798" s="139"/>
      <c r="E798" s="17"/>
      <c r="F798" s="17"/>
      <c r="G798" s="17"/>
      <c r="H798" s="17" t="s">
        <v>66</v>
      </c>
      <c r="I798" s="17" t="s">
        <v>65</v>
      </c>
      <c r="J798" s="17">
        <v>1</v>
      </c>
      <c r="K798" s="17"/>
      <c r="L798" s="17"/>
      <c r="M798" s="17"/>
      <c r="N798" s="138"/>
      <c r="O798" s="107" t="s">
        <v>1880</v>
      </c>
      <c r="P798" s="205" t="s">
        <v>1862</v>
      </c>
    </row>
    <row r="799" spans="1:16">
      <c r="E799" s="8" t="s">
        <v>297</v>
      </c>
      <c r="F799" s="8">
        <v>349</v>
      </c>
      <c r="G799" s="8" t="s">
        <v>201</v>
      </c>
      <c r="H799" s="8" t="s">
        <v>66</v>
      </c>
      <c r="I799" s="8" t="s">
        <v>65</v>
      </c>
      <c r="J799" s="8">
        <v>1</v>
      </c>
      <c r="K799" s="8" t="s">
        <v>514</v>
      </c>
      <c r="L799" s="8">
        <v>1</v>
      </c>
      <c r="M799" s="8">
        <v>1</v>
      </c>
      <c r="N799" s="72" t="s">
        <v>713</v>
      </c>
      <c r="O799" s="257"/>
    </row>
    <row r="800" spans="1:16" ht="18" customHeight="1">
      <c r="E800" s="8" t="s">
        <v>296</v>
      </c>
      <c r="F800" s="8">
        <v>750</v>
      </c>
      <c r="G800" s="8" t="s">
        <v>295</v>
      </c>
      <c r="H800" s="8" t="s">
        <v>17</v>
      </c>
      <c r="I800" s="8" t="s">
        <v>71</v>
      </c>
      <c r="J800" s="8">
        <v>1</v>
      </c>
      <c r="K800" s="8" t="s">
        <v>514</v>
      </c>
      <c r="L800" s="8">
        <v>2</v>
      </c>
      <c r="M800" s="8">
        <v>3</v>
      </c>
      <c r="N800" s="72" t="s">
        <v>714</v>
      </c>
      <c r="O800" s="257"/>
    </row>
    <row r="801" spans="1:15" ht="18" customHeight="1">
      <c r="E801" s="8" t="s">
        <v>294</v>
      </c>
      <c r="F801" s="8">
        <v>559</v>
      </c>
      <c r="G801" s="8" t="s">
        <v>197</v>
      </c>
      <c r="H801" s="8" t="s">
        <v>78</v>
      </c>
      <c r="I801" s="8" t="s">
        <v>71</v>
      </c>
      <c r="J801" s="8">
        <v>1</v>
      </c>
      <c r="K801" s="8" t="s">
        <v>514</v>
      </c>
      <c r="L801" s="8">
        <v>2</v>
      </c>
      <c r="M801" s="8">
        <v>2</v>
      </c>
      <c r="N801" s="70" t="s">
        <v>624</v>
      </c>
      <c r="O801" s="257"/>
    </row>
    <row r="802" spans="1:15">
      <c r="E802" s="8" t="s">
        <v>293</v>
      </c>
      <c r="F802" s="8">
        <v>751</v>
      </c>
      <c r="G802" s="8" t="s">
        <v>292</v>
      </c>
      <c r="H802" s="8" t="s">
        <v>78</v>
      </c>
      <c r="I802" s="8" t="s">
        <v>71</v>
      </c>
      <c r="J802" s="8">
        <v>1</v>
      </c>
      <c r="K802" s="8" t="s">
        <v>509</v>
      </c>
      <c r="L802" s="8">
        <v>1</v>
      </c>
      <c r="M802" s="8">
        <v>12</v>
      </c>
      <c r="O802" s="257"/>
    </row>
    <row r="803" spans="1:15">
      <c r="E803" s="19" t="s">
        <v>291</v>
      </c>
      <c r="F803" s="19">
        <v>352</v>
      </c>
      <c r="G803" s="19" t="s">
        <v>3</v>
      </c>
      <c r="H803" s="19" t="s">
        <v>78</v>
      </c>
      <c r="I803" s="19" t="s">
        <v>96</v>
      </c>
      <c r="J803" s="19">
        <v>1</v>
      </c>
      <c r="K803" s="19" t="s">
        <v>509</v>
      </c>
      <c r="L803" s="19">
        <v>1</v>
      </c>
      <c r="M803" s="19">
        <v>80</v>
      </c>
      <c r="N803" s="25"/>
      <c r="O803" s="257"/>
    </row>
    <row r="804" spans="1:15">
      <c r="E804" s="19" t="s">
        <v>305</v>
      </c>
      <c r="F804" s="19">
        <v>752</v>
      </c>
      <c r="G804" s="19" t="s">
        <v>304</v>
      </c>
      <c r="H804" s="19" t="s">
        <v>17</v>
      </c>
      <c r="I804" s="19" t="s">
        <v>96</v>
      </c>
      <c r="J804" s="19">
        <v>1</v>
      </c>
      <c r="K804" s="19" t="s">
        <v>514</v>
      </c>
      <c r="L804" s="19">
        <v>2</v>
      </c>
      <c r="M804" s="19">
        <v>2</v>
      </c>
      <c r="N804" s="25"/>
      <c r="O804" s="257"/>
    </row>
    <row r="805" spans="1:15">
      <c r="E805" s="8" t="s">
        <v>303</v>
      </c>
      <c r="F805" s="8">
        <v>822</v>
      </c>
      <c r="G805" s="8" t="s">
        <v>302</v>
      </c>
      <c r="H805" s="8" t="s">
        <v>17</v>
      </c>
      <c r="I805" s="8" t="s">
        <v>71</v>
      </c>
      <c r="J805" s="8">
        <v>1</v>
      </c>
      <c r="K805" s="8" t="s">
        <v>509</v>
      </c>
      <c r="L805" s="8">
        <v>1</v>
      </c>
      <c r="M805" s="8">
        <v>15</v>
      </c>
      <c r="N805" s="70" t="s">
        <v>624</v>
      </c>
      <c r="O805" s="257"/>
    </row>
    <row r="806" spans="1:15" ht="18.75" hidden="1" customHeight="1">
      <c r="A806" s="17" t="s">
        <v>298</v>
      </c>
      <c r="B806" s="17" t="s">
        <v>426</v>
      </c>
      <c r="C806" s="17"/>
      <c r="D806" s="139"/>
      <c r="E806" s="17"/>
      <c r="F806" s="17"/>
      <c r="G806" s="17"/>
      <c r="H806" s="17" t="s">
        <v>17</v>
      </c>
      <c r="I806" s="17" t="s">
        <v>71</v>
      </c>
      <c r="J806" s="17">
        <v>1000</v>
      </c>
      <c r="K806" s="17"/>
      <c r="L806" s="17"/>
      <c r="M806" s="17"/>
      <c r="N806" s="138"/>
      <c r="O806" s="257"/>
    </row>
    <row r="807" spans="1:15" ht="18.75" hidden="1" customHeight="1">
      <c r="A807" s="17"/>
      <c r="B807" s="17"/>
      <c r="C807" s="17" t="s">
        <v>298</v>
      </c>
      <c r="D807" s="139"/>
      <c r="E807" s="17"/>
      <c r="F807" s="17"/>
      <c r="G807" s="17"/>
      <c r="H807" s="17" t="s">
        <v>66</v>
      </c>
      <c r="I807" s="17" t="s">
        <v>65</v>
      </c>
      <c r="J807" s="17">
        <v>1</v>
      </c>
      <c r="K807" s="17"/>
      <c r="L807" s="17"/>
      <c r="M807" s="17"/>
      <c r="N807" s="138"/>
      <c r="O807" s="257"/>
    </row>
    <row r="808" spans="1:15" ht="18.75" hidden="1" customHeight="1">
      <c r="E808" s="10" t="s">
        <v>297</v>
      </c>
      <c r="F808" s="8">
        <v>349</v>
      </c>
      <c r="G808" s="10" t="s">
        <v>201</v>
      </c>
      <c r="H808" s="10" t="s">
        <v>66</v>
      </c>
      <c r="I808" s="10" t="s">
        <v>65</v>
      </c>
      <c r="J808" s="8">
        <v>1</v>
      </c>
      <c r="K808" s="8" t="s">
        <v>514</v>
      </c>
      <c r="L808" s="8">
        <v>1</v>
      </c>
      <c r="M808" s="8">
        <v>1</v>
      </c>
      <c r="N808" s="93" t="s">
        <v>666</v>
      </c>
      <c r="O808" s="257"/>
    </row>
    <row r="809" spans="1:15" ht="18.75" hidden="1" customHeight="1">
      <c r="E809" s="10" t="s">
        <v>296</v>
      </c>
      <c r="F809" s="8">
        <v>750</v>
      </c>
      <c r="G809" s="10" t="s">
        <v>295</v>
      </c>
      <c r="H809" s="10" t="s">
        <v>17</v>
      </c>
      <c r="I809" s="10" t="s">
        <v>71</v>
      </c>
      <c r="J809" s="8">
        <v>1</v>
      </c>
      <c r="K809" s="8" t="s">
        <v>514</v>
      </c>
      <c r="L809" s="8">
        <v>2</v>
      </c>
      <c r="M809" s="8">
        <v>3</v>
      </c>
      <c r="N809" s="93" t="s">
        <v>667</v>
      </c>
      <c r="O809" s="257"/>
    </row>
    <row r="810" spans="1:15" ht="18.75" hidden="1" customHeight="1">
      <c r="E810" s="140" t="s">
        <v>294</v>
      </c>
      <c r="F810" s="19">
        <v>559</v>
      </c>
      <c r="G810" s="140" t="s">
        <v>197</v>
      </c>
      <c r="H810" s="140" t="s">
        <v>78</v>
      </c>
      <c r="I810" s="140" t="s">
        <v>96</v>
      </c>
      <c r="J810" s="19">
        <v>1</v>
      </c>
      <c r="K810" s="19" t="s">
        <v>514</v>
      </c>
      <c r="L810" s="19">
        <v>2</v>
      </c>
      <c r="M810" s="19">
        <v>2</v>
      </c>
      <c r="N810" s="146"/>
      <c r="O810" s="257"/>
    </row>
    <row r="811" spans="1:15" ht="18.75" hidden="1" customHeight="1">
      <c r="E811" s="140" t="s">
        <v>293</v>
      </c>
      <c r="F811" s="19">
        <v>751</v>
      </c>
      <c r="G811" s="140" t="s">
        <v>292</v>
      </c>
      <c r="H811" s="140" t="s">
        <v>78</v>
      </c>
      <c r="I811" s="140" t="s">
        <v>96</v>
      </c>
      <c r="J811" s="19">
        <v>1</v>
      </c>
      <c r="K811" s="19" t="s">
        <v>509</v>
      </c>
      <c r="L811" s="19">
        <v>1</v>
      </c>
      <c r="M811" s="19">
        <v>12</v>
      </c>
      <c r="N811" s="146"/>
      <c r="O811" s="257"/>
    </row>
    <row r="812" spans="1:15" ht="18.75" hidden="1" customHeight="1">
      <c r="E812" s="10" t="s">
        <v>291</v>
      </c>
      <c r="F812" s="8">
        <v>352</v>
      </c>
      <c r="G812" s="10" t="s">
        <v>3</v>
      </c>
      <c r="H812" s="10" t="s">
        <v>78</v>
      </c>
      <c r="I812" s="10" t="s">
        <v>71</v>
      </c>
      <c r="J812" s="8">
        <v>1</v>
      </c>
      <c r="K812" s="8" t="s">
        <v>509</v>
      </c>
      <c r="L812" s="8">
        <v>1</v>
      </c>
      <c r="M812" s="8">
        <v>80</v>
      </c>
      <c r="N812" s="93"/>
      <c r="O812" s="257"/>
    </row>
    <row r="813" spans="1:15" ht="18.75" hidden="1" customHeight="1">
      <c r="E813" s="140" t="s">
        <v>305</v>
      </c>
      <c r="F813" s="19">
        <v>752</v>
      </c>
      <c r="G813" s="140" t="s">
        <v>304</v>
      </c>
      <c r="H813" s="140" t="s">
        <v>17</v>
      </c>
      <c r="I813" s="140" t="s">
        <v>96</v>
      </c>
      <c r="J813" s="19">
        <v>1</v>
      </c>
      <c r="K813" s="19" t="s">
        <v>514</v>
      </c>
      <c r="L813" s="19">
        <v>2</v>
      </c>
      <c r="M813" s="19">
        <v>2</v>
      </c>
      <c r="N813" s="146"/>
      <c r="O813" s="257"/>
    </row>
    <row r="814" spans="1:15" ht="18.75" hidden="1" customHeight="1">
      <c r="E814" s="140" t="s">
        <v>303</v>
      </c>
      <c r="F814" s="19">
        <v>822</v>
      </c>
      <c r="G814" s="140" t="s">
        <v>302</v>
      </c>
      <c r="H814" s="140" t="s">
        <v>17</v>
      </c>
      <c r="I814" s="140" t="s">
        <v>96</v>
      </c>
      <c r="J814" s="19">
        <v>1</v>
      </c>
      <c r="K814" s="19" t="s">
        <v>509</v>
      </c>
      <c r="L814" s="19">
        <v>1</v>
      </c>
      <c r="M814" s="19">
        <v>15</v>
      </c>
      <c r="N814" s="146"/>
      <c r="O814" s="257"/>
    </row>
    <row r="815" spans="1:15" ht="18.75" hidden="1" customHeight="1">
      <c r="E815" s="140" t="s">
        <v>301</v>
      </c>
      <c r="F815" s="19">
        <v>1073</v>
      </c>
      <c r="G815" s="140" t="s">
        <v>300</v>
      </c>
      <c r="H815" s="140" t="s">
        <v>17</v>
      </c>
      <c r="I815" s="140" t="s">
        <v>96</v>
      </c>
      <c r="J815" s="19">
        <v>1</v>
      </c>
      <c r="K815" s="19" t="s">
        <v>514</v>
      </c>
      <c r="L815" s="19">
        <v>1</v>
      </c>
      <c r="M815" s="19">
        <v>1</v>
      </c>
      <c r="N815" s="146"/>
      <c r="O815" s="257"/>
    </row>
    <row r="816" spans="1:15" ht="18.75" hidden="1" customHeight="1">
      <c r="E816" s="10" t="s">
        <v>299</v>
      </c>
      <c r="F816" s="8">
        <v>819</v>
      </c>
      <c r="G816" s="10" t="s">
        <v>253</v>
      </c>
      <c r="H816" s="10" t="s">
        <v>17</v>
      </c>
      <c r="I816" s="10" t="s">
        <v>71</v>
      </c>
      <c r="J816" s="8">
        <v>1</v>
      </c>
      <c r="K816" s="8" t="s">
        <v>514</v>
      </c>
      <c r="L816" s="8">
        <v>2</v>
      </c>
      <c r="M816" s="8">
        <v>3</v>
      </c>
      <c r="N816" s="70" t="s">
        <v>624</v>
      </c>
      <c r="O816" s="257"/>
    </row>
    <row r="817" spans="1:15" ht="18.75" hidden="1" customHeight="1">
      <c r="A817" s="17" t="s">
        <v>298</v>
      </c>
      <c r="B817" s="17" t="s">
        <v>426</v>
      </c>
      <c r="C817" s="17"/>
      <c r="D817" s="139"/>
      <c r="E817" s="17"/>
      <c r="F817" s="17"/>
      <c r="G817" s="17"/>
      <c r="H817" s="17" t="s">
        <v>17</v>
      </c>
      <c r="I817" s="17" t="s">
        <v>71</v>
      </c>
      <c r="J817" s="17">
        <v>1000</v>
      </c>
      <c r="K817" s="17"/>
      <c r="L817" s="17"/>
      <c r="M817" s="17"/>
      <c r="N817" s="138"/>
      <c r="O817" s="257"/>
    </row>
    <row r="818" spans="1:15" ht="18.75" hidden="1" customHeight="1">
      <c r="A818" s="17"/>
      <c r="B818" s="17"/>
      <c r="C818" s="17" t="s">
        <v>298</v>
      </c>
      <c r="D818" s="139"/>
      <c r="E818" s="17"/>
      <c r="F818" s="17"/>
      <c r="G818" s="17"/>
      <c r="H818" s="17" t="s">
        <v>66</v>
      </c>
      <c r="I818" s="17" t="s">
        <v>65</v>
      </c>
      <c r="J818" s="17">
        <v>1</v>
      </c>
      <c r="K818" s="17"/>
      <c r="L818" s="17"/>
      <c r="M818" s="17"/>
      <c r="N818" s="138"/>
      <c r="O818" s="257"/>
    </row>
    <row r="819" spans="1:15" ht="18.75" hidden="1" customHeight="1">
      <c r="E819" s="8" t="s">
        <v>297</v>
      </c>
      <c r="F819" s="8">
        <v>349</v>
      </c>
      <c r="G819" s="8" t="s">
        <v>201</v>
      </c>
      <c r="H819" s="8" t="s">
        <v>66</v>
      </c>
      <c r="I819" s="8" t="s">
        <v>65</v>
      </c>
      <c r="J819" s="8">
        <v>1</v>
      </c>
      <c r="K819" s="8" t="s">
        <v>514</v>
      </c>
      <c r="L819" s="8">
        <v>1</v>
      </c>
      <c r="M819" s="8">
        <v>1</v>
      </c>
      <c r="N819" s="72" t="s">
        <v>666</v>
      </c>
      <c r="O819" s="257"/>
    </row>
    <row r="820" spans="1:15" ht="18.75" hidden="1" customHeight="1">
      <c r="E820" s="11" t="s">
        <v>296</v>
      </c>
      <c r="F820" s="11">
        <v>750</v>
      </c>
      <c r="G820" s="11" t="s">
        <v>295</v>
      </c>
      <c r="H820" s="11" t="s">
        <v>17</v>
      </c>
      <c r="I820" s="11" t="s">
        <v>96</v>
      </c>
      <c r="J820" s="11">
        <v>1</v>
      </c>
      <c r="K820" s="11" t="s">
        <v>514</v>
      </c>
      <c r="L820" s="11">
        <v>2</v>
      </c>
      <c r="M820" s="11">
        <v>3</v>
      </c>
      <c r="N820" s="72" t="s">
        <v>715</v>
      </c>
      <c r="O820" s="257"/>
    </row>
    <row r="821" spans="1:15" ht="18.75" hidden="1" customHeight="1">
      <c r="E821" s="19" t="s">
        <v>294</v>
      </c>
      <c r="F821" s="19">
        <v>559</v>
      </c>
      <c r="G821" s="19" t="s">
        <v>197</v>
      </c>
      <c r="H821" s="19" t="s">
        <v>78</v>
      </c>
      <c r="I821" s="19" t="s">
        <v>96</v>
      </c>
      <c r="J821" s="19">
        <v>1</v>
      </c>
      <c r="K821" s="19" t="s">
        <v>514</v>
      </c>
      <c r="L821" s="19">
        <v>2</v>
      </c>
      <c r="M821" s="19">
        <v>2</v>
      </c>
      <c r="N821" s="25"/>
      <c r="O821" s="257"/>
    </row>
    <row r="822" spans="1:15" ht="18.75" hidden="1" customHeight="1">
      <c r="E822" s="19" t="s">
        <v>293</v>
      </c>
      <c r="F822" s="19">
        <v>751</v>
      </c>
      <c r="G822" s="19" t="s">
        <v>292</v>
      </c>
      <c r="H822" s="19" t="s">
        <v>78</v>
      </c>
      <c r="I822" s="19" t="s">
        <v>96</v>
      </c>
      <c r="J822" s="19">
        <v>1</v>
      </c>
      <c r="K822" s="19" t="s">
        <v>509</v>
      </c>
      <c r="L822" s="19">
        <v>1</v>
      </c>
      <c r="M822" s="19">
        <v>12</v>
      </c>
      <c r="N822" s="25"/>
      <c r="O822" s="257"/>
    </row>
    <row r="823" spans="1:15" ht="18.75" hidden="1" customHeight="1">
      <c r="E823" s="8" t="s">
        <v>291</v>
      </c>
      <c r="F823" s="8">
        <v>352</v>
      </c>
      <c r="G823" s="8" t="s">
        <v>3</v>
      </c>
      <c r="H823" s="8" t="s">
        <v>78</v>
      </c>
      <c r="I823" s="8" t="s">
        <v>71</v>
      </c>
      <c r="J823" s="8">
        <v>1</v>
      </c>
      <c r="K823" s="8" t="s">
        <v>509</v>
      </c>
      <c r="L823" s="8">
        <v>1</v>
      </c>
      <c r="M823" s="8">
        <v>80</v>
      </c>
      <c r="N823" s="72" t="s">
        <v>716</v>
      </c>
      <c r="O823" s="257"/>
    </row>
    <row r="824" spans="1:15" ht="18.75" hidden="1" customHeight="1">
      <c r="A824" s="17" t="s">
        <v>298</v>
      </c>
      <c r="B824" s="17" t="s">
        <v>426</v>
      </c>
      <c r="C824" s="17"/>
      <c r="D824" s="139"/>
      <c r="E824" s="17"/>
      <c r="F824" s="17"/>
      <c r="G824" s="17"/>
      <c r="H824" s="17" t="s">
        <v>17</v>
      </c>
      <c r="I824" s="17" t="s">
        <v>71</v>
      </c>
      <c r="J824" s="17">
        <v>1000</v>
      </c>
      <c r="K824" s="17"/>
      <c r="L824" s="17"/>
      <c r="M824" s="17"/>
      <c r="N824" s="138"/>
      <c r="O824" s="257"/>
    </row>
    <row r="825" spans="1:15" ht="18.75" hidden="1" customHeight="1">
      <c r="A825" s="17"/>
      <c r="B825" s="17"/>
      <c r="C825" s="17" t="s">
        <v>298</v>
      </c>
      <c r="D825" s="139"/>
      <c r="E825" s="17"/>
      <c r="F825" s="17"/>
      <c r="G825" s="17"/>
      <c r="H825" s="17" t="s">
        <v>66</v>
      </c>
      <c r="I825" s="17" t="s">
        <v>65</v>
      </c>
      <c r="J825" s="17">
        <v>1</v>
      </c>
      <c r="K825" s="17"/>
      <c r="L825" s="17"/>
      <c r="M825" s="17"/>
      <c r="N825" s="138"/>
      <c r="O825" s="257"/>
    </row>
    <row r="826" spans="1:15" ht="18.75" hidden="1" customHeight="1">
      <c r="E826" s="8" t="s">
        <v>297</v>
      </c>
      <c r="F826" s="8">
        <v>349</v>
      </c>
      <c r="G826" s="8" t="s">
        <v>201</v>
      </c>
      <c r="H826" s="8" t="s">
        <v>66</v>
      </c>
      <c r="I826" s="8" t="s">
        <v>65</v>
      </c>
      <c r="J826" s="8">
        <v>1</v>
      </c>
      <c r="K826" s="8" t="s">
        <v>514</v>
      </c>
      <c r="L826" s="8">
        <v>1</v>
      </c>
      <c r="M826" s="8">
        <v>1</v>
      </c>
      <c r="N826" s="72" t="s">
        <v>666</v>
      </c>
      <c r="O826" s="257"/>
    </row>
    <row r="827" spans="1:15" ht="18.75" hidden="1" customHeight="1">
      <c r="E827" s="11" t="s">
        <v>296</v>
      </c>
      <c r="F827" s="11">
        <v>750</v>
      </c>
      <c r="G827" s="11" t="s">
        <v>295</v>
      </c>
      <c r="H827" s="11" t="s">
        <v>17</v>
      </c>
      <c r="I827" s="11" t="s">
        <v>96</v>
      </c>
      <c r="J827" s="11">
        <v>1</v>
      </c>
      <c r="K827" s="11" t="s">
        <v>514</v>
      </c>
      <c r="L827" s="11">
        <v>2</v>
      </c>
      <c r="M827" s="11">
        <v>3</v>
      </c>
      <c r="N827" s="72" t="s">
        <v>899</v>
      </c>
      <c r="O827" s="257"/>
    </row>
    <row r="828" spans="1:15" ht="18.75" hidden="1" customHeight="1">
      <c r="E828" s="19" t="s">
        <v>294</v>
      </c>
      <c r="F828" s="19">
        <v>559</v>
      </c>
      <c r="G828" s="19" t="s">
        <v>197</v>
      </c>
      <c r="H828" s="19" t="s">
        <v>78</v>
      </c>
      <c r="I828" s="19" t="s">
        <v>96</v>
      </c>
      <c r="J828" s="19">
        <v>1</v>
      </c>
      <c r="K828" s="19" t="s">
        <v>514</v>
      </c>
      <c r="L828" s="19">
        <v>2</v>
      </c>
      <c r="M828" s="19">
        <v>2</v>
      </c>
      <c r="N828" s="25"/>
      <c r="O828" s="257"/>
    </row>
    <row r="829" spans="1:15" ht="18.75" hidden="1" customHeight="1">
      <c r="E829" s="19" t="s">
        <v>293</v>
      </c>
      <c r="F829" s="19">
        <v>751</v>
      </c>
      <c r="G829" s="19" t="s">
        <v>292</v>
      </c>
      <c r="H829" s="19" t="s">
        <v>78</v>
      </c>
      <c r="I829" s="19" t="s">
        <v>96</v>
      </c>
      <c r="J829" s="19">
        <v>1</v>
      </c>
      <c r="K829" s="19" t="s">
        <v>509</v>
      </c>
      <c r="L829" s="19">
        <v>1</v>
      </c>
      <c r="M829" s="19">
        <v>12</v>
      </c>
      <c r="N829" s="25"/>
      <c r="O829" s="257"/>
    </row>
    <row r="830" spans="1:15" ht="18.75" hidden="1" customHeight="1">
      <c r="E830" s="8" t="s">
        <v>291</v>
      </c>
      <c r="F830" s="8">
        <v>352</v>
      </c>
      <c r="G830" s="8" t="s">
        <v>3</v>
      </c>
      <c r="H830" s="8" t="s">
        <v>78</v>
      </c>
      <c r="I830" s="8" t="s">
        <v>71</v>
      </c>
      <c r="J830" s="8">
        <v>1</v>
      </c>
      <c r="K830" s="8" t="s">
        <v>509</v>
      </c>
      <c r="L830" s="8">
        <v>1</v>
      </c>
      <c r="M830" s="8">
        <v>80</v>
      </c>
      <c r="N830" s="72" t="s">
        <v>900</v>
      </c>
      <c r="O830" s="257"/>
    </row>
    <row r="831" spans="1:15" ht="18.75" hidden="1" customHeight="1">
      <c r="A831" s="17"/>
      <c r="B831" s="17"/>
      <c r="C831" s="17" t="s">
        <v>130</v>
      </c>
      <c r="D831" s="139" t="s">
        <v>126</v>
      </c>
      <c r="E831" s="17"/>
      <c r="F831" s="17"/>
      <c r="G831" s="17"/>
      <c r="H831" s="17" t="s">
        <v>17</v>
      </c>
      <c r="I831" s="17" t="s">
        <v>71</v>
      </c>
      <c r="J831" s="17" t="s">
        <v>525</v>
      </c>
      <c r="K831" s="17"/>
      <c r="L831" s="17"/>
      <c r="M831" s="17"/>
      <c r="N831" s="138"/>
      <c r="O831" s="257"/>
    </row>
    <row r="832" spans="1:15" ht="18.75" hidden="1" customHeight="1">
      <c r="E832" s="8" t="s">
        <v>129</v>
      </c>
      <c r="F832" s="8">
        <v>128</v>
      </c>
      <c r="G832" s="8" t="s">
        <v>128</v>
      </c>
      <c r="H832" s="8" t="s">
        <v>66</v>
      </c>
      <c r="I832" s="8" t="s">
        <v>65</v>
      </c>
      <c r="J832" s="8">
        <v>1</v>
      </c>
      <c r="K832" s="8" t="s">
        <v>514</v>
      </c>
      <c r="L832" s="8">
        <v>2</v>
      </c>
      <c r="M832" s="8">
        <v>3</v>
      </c>
      <c r="N832" s="72" t="s">
        <v>632</v>
      </c>
      <c r="O832" s="257"/>
    </row>
    <row r="833" spans="1:16" ht="18.75" hidden="1" customHeight="1">
      <c r="E833" s="8" t="s">
        <v>127</v>
      </c>
      <c r="F833" s="8">
        <v>127</v>
      </c>
      <c r="G833" s="8" t="s">
        <v>126</v>
      </c>
      <c r="H833" s="8" t="s">
        <v>78</v>
      </c>
      <c r="I833" s="8" t="s">
        <v>71</v>
      </c>
      <c r="J833" s="8">
        <v>1</v>
      </c>
      <c r="K833" s="8" t="s">
        <v>509</v>
      </c>
      <c r="L833" s="8">
        <v>1</v>
      </c>
      <c r="M833" s="8">
        <v>30</v>
      </c>
      <c r="O833" s="257"/>
    </row>
    <row r="834" spans="1:16" ht="18.75" hidden="1" customHeight="1">
      <c r="A834" s="17"/>
      <c r="B834" s="17"/>
      <c r="C834" s="17" t="s">
        <v>130</v>
      </c>
      <c r="D834" s="139" t="s">
        <v>126</v>
      </c>
      <c r="E834" s="17"/>
      <c r="F834" s="17"/>
      <c r="G834" s="17"/>
      <c r="H834" s="17" t="s">
        <v>17</v>
      </c>
      <c r="I834" s="17" t="s">
        <v>71</v>
      </c>
      <c r="J834" s="17" t="s">
        <v>525</v>
      </c>
      <c r="K834" s="17"/>
      <c r="L834" s="17"/>
      <c r="M834" s="17"/>
      <c r="N834" s="138"/>
      <c r="O834" s="257"/>
    </row>
    <row r="835" spans="1:16" ht="18.75" hidden="1" customHeight="1">
      <c r="E835" s="8" t="s">
        <v>129</v>
      </c>
      <c r="F835" s="8">
        <v>128</v>
      </c>
      <c r="G835" s="8" t="s">
        <v>128</v>
      </c>
      <c r="H835" s="8" t="s">
        <v>66</v>
      </c>
      <c r="I835" s="8" t="s">
        <v>65</v>
      </c>
      <c r="J835" s="8">
        <v>1</v>
      </c>
      <c r="K835" s="8" t="s">
        <v>514</v>
      </c>
      <c r="L835" s="8">
        <v>2</v>
      </c>
      <c r="M835" s="8">
        <v>3</v>
      </c>
      <c r="N835" s="72" t="s">
        <v>717</v>
      </c>
      <c r="O835" s="257"/>
    </row>
    <row r="836" spans="1:16" ht="18.75" hidden="1" customHeight="1">
      <c r="E836" s="8" t="s">
        <v>127</v>
      </c>
      <c r="F836" s="8">
        <v>127</v>
      </c>
      <c r="G836" s="8" t="s">
        <v>126</v>
      </c>
      <c r="H836" s="8" t="s">
        <v>78</v>
      </c>
      <c r="I836" s="8" t="s">
        <v>71</v>
      </c>
      <c r="J836" s="8">
        <v>1</v>
      </c>
      <c r="K836" s="8" t="s">
        <v>509</v>
      </c>
      <c r="L836" s="8">
        <v>1</v>
      </c>
      <c r="M836" s="8">
        <v>30</v>
      </c>
      <c r="O836" s="257"/>
    </row>
    <row r="837" spans="1:16" ht="18.75" hidden="1" customHeight="1">
      <c r="E837" s="8" t="s">
        <v>125</v>
      </c>
      <c r="F837" s="8">
        <v>352</v>
      </c>
      <c r="G837" s="8" t="s">
        <v>3</v>
      </c>
      <c r="H837" s="8" t="s">
        <v>78</v>
      </c>
      <c r="I837" s="8" t="s">
        <v>71</v>
      </c>
      <c r="J837" s="8">
        <v>1</v>
      </c>
      <c r="K837" s="8" t="s">
        <v>509</v>
      </c>
      <c r="L837" s="8">
        <v>1</v>
      </c>
      <c r="M837" s="8">
        <v>80</v>
      </c>
      <c r="O837" s="257"/>
    </row>
    <row r="838" spans="1:16">
      <c r="A838" s="17"/>
      <c r="B838" s="17"/>
      <c r="C838" s="17" t="s">
        <v>130</v>
      </c>
      <c r="D838" s="139" t="s">
        <v>126</v>
      </c>
      <c r="E838" s="17"/>
      <c r="F838" s="17"/>
      <c r="G838" s="17"/>
      <c r="H838" s="17" t="s">
        <v>17</v>
      </c>
      <c r="I838" s="17" t="s">
        <v>71</v>
      </c>
      <c r="J838" s="17" t="s">
        <v>525</v>
      </c>
      <c r="K838" s="17"/>
      <c r="L838" s="17"/>
      <c r="M838" s="17"/>
      <c r="N838" s="138"/>
      <c r="O838" s="257" t="s">
        <v>942</v>
      </c>
      <c r="P838" s="257" t="s">
        <v>1086</v>
      </c>
    </row>
    <row r="839" spans="1:16" ht="18.75" hidden="1" customHeight="1" outlineLevel="1">
      <c r="E839" s="8" t="s">
        <v>129</v>
      </c>
      <c r="F839" s="8">
        <v>128</v>
      </c>
      <c r="G839" s="8" t="s">
        <v>128</v>
      </c>
      <c r="H839" s="8" t="s">
        <v>66</v>
      </c>
      <c r="I839" s="8" t="s">
        <v>65</v>
      </c>
      <c r="J839" s="8">
        <v>1</v>
      </c>
      <c r="K839" s="8" t="s">
        <v>514</v>
      </c>
      <c r="L839" s="8">
        <v>2</v>
      </c>
      <c r="M839" s="8">
        <v>3</v>
      </c>
      <c r="N839" s="72" t="s">
        <v>718</v>
      </c>
      <c r="O839" s="257"/>
    </row>
    <row r="840" spans="1:16" ht="18.75" hidden="1" customHeight="1" outlineLevel="1">
      <c r="E840" s="8" t="s">
        <v>127</v>
      </c>
      <c r="F840" s="8">
        <v>127</v>
      </c>
      <c r="G840" s="8" t="s">
        <v>126</v>
      </c>
      <c r="H840" s="8" t="s">
        <v>78</v>
      </c>
      <c r="I840" s="8" t="s">
        <v>71</v>
      </c>
      <c r="J840" s="8">
        <v>1</v>
      </c>
      <c r="K840" s="8" t="s">
        <v>509</v>
      </c>
      <c r="L840" s="8">
        <v>1</v>
      </c>
      <c r="M840" s="8">
        <v>30</v>
      </c>
      <c r="O840" s="257"/>
    </row>
    <row r="841" spans="1:16" ht="18.75" hidden="1" customHeight="1" outlineLevel="1">
      <c r="E841" s="8" t="s">
        <v>125</v>
      </c>
      <c r="F841" s="8">
        <v>352</v>
      </c>
      <c r="G841" s="8" t="s">
        <v>3</v>
      </c>
      <c r="H841" s="8" t="s">
        <v>78</v>
      </c>
      <c r="I841" s="8" t="s">
        <v>71</v>
      </c>
      <c r="J841" s="8">
        <v>1</v>
      </c>
      <c r="K841" s="8" t="s">
        <v>509</v>
      </c>
      <c r="L841" s="8">
        <v>1</v>
      </c>
      <c r="M841" s="8">
        <v>80</v>
      </c>
      <c r="N841" s="72" t="s">
        <v>901</v>
      </c>
      <c r="O841" s="257"/>
    </row>
    <row r="842" spans="1:16" ht="18.75" hidden="1" customHeight="1" collapsed="1">
      <c r="A842" s="17"/>
      <c r="B842" s="17"/>
      <c r="C842" s="17" t="s">
        <v>130</v>
      </c>
      <c r="D842" s="139" t="s">
        <v>126</v>
      </c>
      <c r="E842" s="17"/>
      <c r="F842" s="17"/>
      <c r="G842" s="17"/>
      <c r="H842" s="17" t="s">
        <v>17</v>
      </c>
      <c r="I842" s="17" t="s">
        <v>71</v>
      </c>
      <c r="J842" s="17" t="s">
        <v>525</v>
      </c>
      <c r="K842" s="17"/>
      <c r="L842" s="17"/>
      <c r="M842" s="17"/>
      <c r="N842" s="138"/>
      <c r="O842" s="257"/>
    </row>
    <row r="843" spans="1:16" ht="18.75" hidden="1" customHeight="1">
      <c r="E843" s="8" t="s">
        <v>129</v>
      </c>
      <c r="F843" s="8">
        <v>128</v>
      </c>
      <c r="G843" s="8" t="s">
        <v>128</v>
      </c>
      <c r="H843" s="8" t="s">
        <v>66</v>
      </c>
      <c r="I843" s="8" t="s">
        <v>65</v>
      </c>
      <c r="J843" s="8">
        <v>1</v>
      </c>
      <c r="K843" s="8" t="s">
        <v>514</v>
      </c>
      <c r="L843" s="8">
        <v>2</v>
      </c>
      <c r="M843" s="8">
        <v>3</v>
      </c>
      <c r="N843" s="72" t="s">
        <v>627</v>
      </c>
      <c r="O843" s="257"/>
    </row>
    <row r="844" spans="1:16" ht="18.75" hidden="1" customHeight="1">
      <c r="E844" s="8" t="s">
        <v>127</v>
      </c>
      <c r="F844" s="8">
        <v>127</v>
      </c>
      <c r="G844" s="8" t="s">
        <v>126</v>
      </c>
      <c r="H844" s="8" t="s">
        <v>78</v>
      </c>
      <c r="I844" s="8" t="s">
        <v>71</v>
      </c>
      <c r="J844" s="8">
        <v>1</v>
      </c>
      <c r="K844" s="8" t="s">
        <v>509</v>
      </c>
      <c r="L844" s="8">
        <v>1</v>
      </c>
      <c r="M844" s="8">
        <v>30</v>
      </c>
      <c r="N844" s="72" t="s">
        <v>628</v>
      </c>
      <c r="O844" s="257"/>
    </row>
    <row r="845" spans="1:16" ht="18.75" hidden="1" customHeight="1">
      <c r="E845" s="8" t="s">
        <v>125</v>
      </c>
      <c r="F845" s="8">
        <v>352</v>
      </c>
      <c r="G845" s="8" t="s">
        <v>3</v>
      </c>
      <c r="H845" s="8" t="s">
        <v>78</v>
      </c>
      <c r="I845" s="8" t="s">
        <v>71</v>
      </c>
      <c r="J845" s="8">
        <v>1</v>
      </c>
      <c r="K845" s="8" t="s">
        <v>509</v>
      </c>
      <c r="L845" s="8">
        <v>1</v>
      </c>
      <c r="M845" s="8">
        <v>80</v>
      </c>
      <c r="O845" s="257"/>
    </row>
    <row r="846" spans="1:16" ht="18.75" hidden="1" customHeight="1">
      <c r="A846" s="17"/>
      <c r="B846" s="17"/>
      <c r="C846" s="17" t="s">
        <v>130</v>
      </c>
      <c r="D846" s="139" t="s">
        <v>126</v>
      </c>
      <c r="E846" s="17"/>
      <c r="F846" s="17"/>
      <c r="G846" s="17"/>
      <c r="H846" s="17" t="s">
        <v>17</v>
      </c>
      <c r="I846" s="17" t="s">
        <v>71</v>
      </c>
      <c r="J846" s="17" t="s">
        <v>525</v>
      </c>
      <c r="K846" s="17"/>
      <c r="L846" s="17"/>
      <c r="M846" s="17"/>
      <c r="N846" s="138"/>
      <c r="O846" s="257"/>
    </row>
    <row r="847" spans="1:16" ht="18.75" hidden="1" customHeight="1">
      <c r="E847" s="8" t="s">
        <v>129</v>
      </c>
      <c r="F847" s="8">
        <v>128</v>
      </c>
      <c r="G847" s="8" t="s">
        <v>128</v>
      </c>
      <c r="H847" s="8" t="s">
        <v>66</v>
      </c>
      <c r="I847" s="8" t="s">
        <v>65</v>
      </c>
      <c r="J847" s="8">
        <v>1</v>
      </c>
      <c r="K847" s="8" t="s">
        <v>514</v>
      </c>
      <c r="L847" s="8">
        <v>2</v>
      </c>
      <c r="M847" s="8">
        <v>3</v>
      </c>
      <c r="N847" s="72" t="s">
        <v>636</v>
      </c>
      <c r="O847" s="257"/>
    </row>
    <row r="848" spans="1:16" ht="18.75" hidden="1" customHeight="1">
      <c r="E848" s="8" t="s">
        <v>127</v>
      </c>
      <c r="F848" s="8">
        <v>127</v>
      </c>
      <c r="G848" s="8" t="s">
        <v>126</v>
      </c>
      <c r="H848" s="8" t="s">
        <v>78</v>
      </c>
      <c r="I848" s="8" t="s">
        <v>71</v>
      </c>
      <c r="J848" s="8">
        <v>1</v>
      </c>
      <c r="K848" s="8" t="s">
        <v>509</v>
      </c>
      <c r="L848" s="8">
        <v>1</v>
      </c>
      <c r="M848" s="8">
        <v>30</v>
      </c>
      <c r="O848" s="257"/>
    </row>
    <row r="849" spans="1:15" ht="18.75" hidden="1" customHeight="1">
      <c r="E849" s="8" t="s">
        <v>125</v>
      </c>
      <c r="F849" s="8">
        <v>352</v>
      </c>
      <c r="G849" s="8" t="s">
        <v>3</v>
      </c>
      <c r="H849" s="8" t="s">
        <v>78</v>
      </c>
      <c r="I849" s="8" t="s">
        <v>71</v>
      </c>
      <c r="J849" s="8">
        <v>1</v>
      </c>
      <c r="K849" s="8" t="s">
        <v>509</v>
      </c>
      <c r="L849" s="8">
        <v>1</v>
      </c>
      <c r="M849" s="8">
        <v>80</v>
      </c>
      <c r="O849" s="257"/>
    </row>
    <row r="850" spans="1:15" ht="18.75" hidden="1" customHeight="1">
      <c r="A850" s="17"/>
      <c r="B850" s="17"/>
      <c r="C850" s="17" t="s">
        <v>130</v>
      </c>
      <c r="D850" s="139" t="s">
        <v>126</v>
      </c>
      <c r="E850" s="17"/>
      <c r="F850" s="17"/>
      <c r="G850" s="17"/>
      <c r="H850" s="17" t="s">
        <v>17</v>
      </c>
      <c r="I850" s="17" t="s">
        <v>71</v>
      </c>
      <c r="J850" s="17" t="s">
        <v>525</v>
      </c>
      <c r="K850" s="17"/>
      <c r="L850" s="17"/>
      <c r="M850" s="17"/>
      <c r="N850" s="138"/>
      <c r="O850" s="257"/>
    </row>
    <row r="851" spans="1:15" ht="18.75" hidden="1" customHeight="1">
      <c r="E851" s="8" t="s">
        <v>129</v>
      </c>
      <c r="F851" s="8">
        <v>128</v>
      </c>
      <c r="G851" s="8" t="s">
        <v>128</v>
      </c>
      <c r="H851" s="8" t="s">
        <v>66</v>
      </c>
      <c r="I851" s="8" t="s">
        <v>65</v>
      </c>
      <c r="J851" s="8">
        <v>1</v>
      </c>
      <c r="K851" s="8" t="s">
        <v>514</v>
      </c>
      <c r="L851" s="8">
        <v>2</v>
      </c>
      <c r="M851" s="8">
        <v>3</v>
      </c>
      <c r="N851" s="72" t="s">
        <v>689</v>
      </c>
      <c r="O851" s="257"/>
    </row>
    <row r="852" spans="1:15" ht="18.75" hidden="1" customHeight="1">
      <c r="E852" s="8" t="s">
        <v>127</v>
      </c>
      <c r="F852" s="8">
        <v>127</v>
      </c>
      <c r="G852" s="8" t="s">
        <v>126</v>
      </c>
      <c r="H852" s="8" t="s">
        <v>78</v>
      </c>
      <c r="I852" s="8" t="s">
        <v>71</v>
      </c>
      <c r="J852" s="8">
        <v>1</v>
      </c>
      <c r="K852" s="8" t="s">
        <v>509</v>
      </c>
      <c r="L852" s="8">
        <v>1</v>
      </c>
      <c r="M852" s="8">
        <v>30</v>
      </c>
      <c r="O852" s="257"/>
    </row>
    <row r="853" spans="1:15" ht="18.75" hidden="1" customHeight="1">
      <c r="A853" s="17"/>
      <c r="B853" s="17"/>
      <c r="C853" s="17" t="s">
        <v>130</v>
      </c>
      <c r="D853" s="139" t="s">
        <v>126</v>
      </c>
      <c r="E853" s="17"/>
      <c r="F853" s="17"/>
      <c r="G853" s="17"/>
      <c r="H853" s="17" t="s">
        <v>17</v>
      </c>
      <c r="I853" s="17" t="s">
        <v>71</v>
      </c>
      <c r="J853" s="17" t="s">
        <v>525</v>
      </c>
      <c r="K853" s="17"/>
      <c r="L853" s="17"/>
      <c r="M853" s="17"/>
      <c r="N853" s="138"/>
      <c r="O853" s="257"/>
    </row>
    <row r="854" spans="1:15" ht="18.75" hidden="1" customHeight="1">
      <c r="E854" s="8" t="s">
        <v>129</v>
      </c>
      <c r="F854" s="8">
        <v>128</v>
      </c>
      <c r="G854" s="8" t="s">
        <v>128</v>
      </c>
      <c r="H854" s="8" t="s">
        <v>66</v>
      </c>
      <c r="I854" s="8" t="s">
        <v>65</v>
      </c>
      <c r="J854" s="8">
        <v>1</v>
      </c>
      <c r="K854" s="8" t="s">
        <v>514</v>
      </c>
      <c r="L854" s="8">
        <v>2</v>
      </c>
      <c r="M854" s="8">
        <v>3</v>
      </c>
      <c r="N854" s="72" t="s">
        <v>719</v>
      </c>
      <c r="O854" s="257"/>
    </row>
    <row r="855" spans="1:15" ht="18.75" hidden="1" customHeight="1">
      <c r="E855" s="8" t="s">
        <v>127</v>
      </c>
      <c r="F855" s="8">
        <v>127</v>
      </c>
      <c r="G855" s="8" t="s">
        <v>126</v>
      </c>
      <c r="H855" s="8" t="s">
        <v>78</v>
      </c>
      <c r="I855" s="8" t="s">
        <v>71</v>
      </c>
      <c r="J855" s="8">
        <v>1</v>
      </c>
      <c r="K855" s="8" t="s">
        <v>509</v>
      </c>
      <c r="L855" s="8">
        <v>1</v>
      </c>
      <c r="M855" s="8">
        <v>30</v>
      </c>
      <c r="O855" s="257"/>
    </row>
    <row r="856" spans="1:15" ht="18.75" hidden="1" customHeight="1">
      <c r="A856" s="17"/>
      <c r="B856" s="17"/>
      <c r="C856" s="17" t="s">
        <v>130</v>
      </c>
      <c r="D856" s="139" t="s">
        <v>126</v>
      </c>
      <c r="E856" s="17"/>
      <c r="F856" s="17"/>
      <c r="G856" s="17"/>
      <c r="H856" s="17" t="s">
        <v>17</v>
      </c>
      <c r="I856" s="17" t="s">
        <v>71</v>
      </c>
      <c r="J856" s="17" t="s">
        <v>525</v>
      </c>
      <c r="K856" s="17"/>
      <c r="L856" s="17"/>
      <c r="M856" s="17"/>
      <c r="N856" s="138"/>
      <c r="O856" s="257"/>
    </row>
    <row r="857" spans="1:15" ht="18.75" hidden="1" customHeight="1">
      <c r="E857" s="8" t="s">
        <v>129</v>
      </c>
      <c r="F857" s="8">
        <v>128</v>
      </c>
      <c r="G857" s="8" t="s">
        <v>128</v>
      </c>
      <c r="H857" s="8" t="s">
        <v>66</v>
      </c>
      <c r="I857" s="8" t="s">
        <v>65</v>
      </c>
      <c r="J857" s="8">
        <v>1</v>
      </c>
      <c r="K857" s="8" t="s">
        <v>514</v>
      </c>
      <c r="L857" s="8">
        <v>2</v>
      </c>
      <c r="M857" s="8">
        <v>3</v>
      </c>
      <c r="N857" s="72" t="s">
        <v>634</v>
      </c>
      <c r="O857" s="257"/>
    </row>
    <row r="858" spans="1:15" ht="18.75" hidden="1" customHeight="1">
      <c r="E858" s="19" t="s">
        <v>127</v>
      </c>
      <c r="F858" s="19">
        <v>127</v>
      </c>
      <c r="G858" s="19" t="s">
        <v>126</v>
      </c>
      <c r="H858" s="19" t="s">
        <v>78</v>
      </c>
      <c r="I858" s="19" t="s">
        <v>174</v>
      </c>
      <c r="J858" s="19">
        <v>1</v>
      </c>
      <c r="K858" s="19" t="s">
        <v>509</v>
      </c>
      <c r="L858" s="19">
        <v>1</v>
      </c>
      <c r="M858" s="19">
        <v>30</v>
      </c>
      <c r="N858" s="25"/>
      <c r="O858" s="257"/>
    </row>
    <row r="859" spans="1:15" ht="18.75" hidden="1" customHeight="1">
      <c r="E859" s="8" t="s">
        <v>125</v>
      </c>
      <c r="F859" s="8">
        <v>352</v>
      </c>
      <c r="G859" s="8" t="s">
        <v>3</v>
      </c>
      <c r="H859" s="8" t="s">
        <v>78</v>
      </c>
      <c r="I859" s="8" t="s">
        <v>71</v>
      </c>
      <c r="J859" s="8">
        <v>1</v>
      </c>
      <c r="K859" s="8" t="s">
        <v>509</v>
      </c>
      <c r="L859" s="8">
        <v>1</v>
      </c>
      <c r="M859" s="8">
        <v>80</v>
      </c>
      <c r="O859" s="257"/>
    </row>
    <row r="860" spans="1:15" ht="18.75" hidden="1" customHeight="1">
      <c r="A860" s="17"/>
      <c r="B860" s="17"/>
      <c r="C860" s="17" t="s">
        <v>130</v>
      </c>
      <c r="D860" s="139" t="s">
        <v>126</v>
      </c>
      <c r="E860" s="17"/>
      <c r="F860" s="17"/>
      <c r="G860" s="17"/>
      <c r="H860" s="17" t="s">
        <v>17</v>
      </c>
      <c r="I860" s="17" t="s">
        <v>71</v>
      </c>
      <c r="J860" s="17" t="s">
        <v>525</v>
      </c>
      <c r="K860" s="17"/>
      <c r="L860" s="17"/>
      <c r="M860" s="17"/>
      <c r="N860" s="138"/>
      <c r="O860" s="257"/>
    </row>
    <row r="861" spans="1:15" ht="18.75" hidden="1" customHeight="1">
      <c r="E861" s="8" t="s">
        <v>129</v>
      </c>
      <c r="F861" s="8">
        <v>128</v>
      </c>
      <c r="G861" s="8" t="s">
        <v>128</v>
      </c>
      <c r="H861" s="8" t="s">
        <v>66</v>
      </c>
      <c r="I861" s="8" t="s">
        <v>65</v>
      </c>
      <c r="J861" s="8">
        <v>1</v>
      </c>
      <c r="K861" s="8" t="s">
        <v>514</v>
      </c>
      <c r="L861" s="8">
        <v>2</v>
      </c>
      <c r="M861" s="8">
        <v>3</v>
      </c>
      <c r="N861" s="72" t="s">
        <v>720</v>
      </c>
      <c r="O861" s="257"/>
    </row>
    <row r="862" spans="1:15" ht="18.75" hidden="1" customHeight="1">
      <c r="E862" s="8" t="s">
        <v>127</v>
      </c>
      <c r="F862" s="8">
        <v>127</v>
      </c>
      <c r="G862" s="8" t="s">
        <v>126</v>
      </c>
      <c r="H862" s="8" t="s">
        <v>78</v>
      </c>
      <c r="I862" s="8" t="s">
        <v>71</v>
      </c>
      <c r="J862" s="8">
        <v>1</v>
      </c>
      <c r="K862" s="8" t="s">
        <v>509</v>
      </c>
      <c r="L862" s="8">
        <v>1</v>
      </c>
      <c r="M862" s="8">
        <v>30</v>
      </c>
      <c r="O862" s="257"/>
    </row>
    <row r="863" spans="1:15" ht="18.75" hidden="1" customHeight="1">
      <c r="A863" s="17"/>
      <c r="B863" s="17"/>
      <c r="C863" s="17" t="s">
        <v>130</v>
      </c>
      <c r="D863" s="139" t="s">
        <v>126</v>
      </c>
      <c r="E863" s="17"/>
      <c r="F863" s="17"/>
      <c r="G863" s="17"/>
      <c r="H863" s="17" t="s">
        <v>17</v>
      </c>
      <c r="I863" s="17" t="s">
        <v>71</v>
      </c>
      <c r="J863" s="17" t="s">
        <v>525</v>
      </c>
      <c r="K863" s="17"/>
      <c r="L863" s="17"/>
      <c r="M863" s="17"/>
      <c r="N863" s="138"/>
      <c r="O863" s="257"/>
    </row>
    <row r="864" spans="1:15" ht="18.75" hidden="1" customHeight="1">
      <c r="E864" s="8" t="s">
        <v>129</v>
      </c>
      <c r="F864" s="8">
        <v>128</v>
      </c>
      <c r="G864" s="8" t="s">
        <v>128</v>
      </c>
      <c r="H864" s="8" t="s">
        <v>66</v>
      </c>
      <c r="I864" s="8" t="s">
        <v>65</v>
      </c>
      <c r="J864" s="8">
        <v>1</v>
      </c>
      <c r="K864" s="8" t="s">
        <v>514</v>
      </c>
      <c r="L864" s="8">
        <v>2</v>
      </c>
      <c r="M864" s="8">
        <v>3</v>
      </c>
      <c r="N864" s="72" t="s">
        <v>721</v>
      </c>
      <c r="O864" s="257"/>
    </row>
    <row r="865" spans="1:16" ht="18.75" hidden="1" customHeight="1">
      <c r="E865" s="8" t="s">
        <v>127</v>
      </c>
      <c r="F865" s="8">
        <v>127</v>
      </c>
      <c r="G865" s="8" t="s">
        <v>126</v>
      </c>
      <c r="H865" s="8" t="s">
        <v>78</v>
      </c>
      <c r="I865" s="8" t="s">
        <v>71</v>
      </c>
      <c r="J865" s="8">
        <v>1</v>
      </c>
      <c r="K865" s="8" t="s">
        <v>509</v>
      </c>
      <c r="L865" s="8">
        <v>1</v>
      </c>
      <c r="M865" s="8">
        <v>30</v>
      </c>
      <c r="O865" s="257"/>
    </row>
    <row r="866" spans="1:16" ht="18.75" hidden="1" customHeight="1">
      <c r="A866" s="17"/>
      <c r="B866" s="17"/>
      <c r="C866" s="17" t="s">
        <v>130</v>
      </c>
      <c r="D866" s="139" t="s">
        <v>126</v>
      </c>
      <c r="E866" s="17"/>
      <c r="F866" s="17"/>
      <c r="G866" s="17"/>
      <c r="H866" s="17" t="s">
        <v>17</v>
      </c>
      <c r="I866" s="17" t="s">
        <v>71</v>
      </c>
      <c r="J866" s="17" t="s">
        <v>525</v>
      </c>
      <c r="K866" s="17"/>
      <c r="L866" s="17"/>
      <c r="M866" s="17"/>
      <c r="N866" s="138"/>
      <c r="O866" s="257"/>
    </row>
    <row r="867" spans="1:16" ht="18.75" hidden="1" customHeight="1">
      <c r="E867" s="8" t="s">
        <v>129</v>
      </c>
      <c r="F867" s="8">
        <v>128</v>
      </c>
      <c r="G867" s="8" t="s">
        <v>128</v>
      </c>
      <c r="H867" s="8" t="s">
        <v>66</v>
      </c>
      <c r="I867" s="8" t="s">
        <v>65</v>
      </c>
      <c r="J867" s="8">
        <v>1</v>
      </c>
      <c r="K867" s="8" t="s">
        <v>514</v>
      </c>
      <c r="L867" s="8">
        <v>2</v>
      </c>
      <c r="M867" s="8">
        <v>3</v>
      </c>
      <c r="N867" s="72" t="s">
        <v>902</v>
      </c>
      <c r="O867" s="257"/>
    </row>
    <row r="868" spans="1:16" ht="18.75" hidden="1" customHeight="1">
      <c r="E868" s="8" t="s">
        <v>127</v>
      </c>
      <c r="F868" s="8">
        <v>127</v>
      </c>
      <c r="G868" s="8" t="s">
        <v>126</v>
      </c>
      <c r="H868" s="8" t="s">
        <v>78</v>
      </c>
      <c r="I868" s="8" t="s">
        <v>71</v>
      </c>
      <c r="J868" s="8">
        <v>1</v>
      </c>
      <c r="K868" s="8" t="s">
        <v>509</v>
      </c>
      <c r="L868" s="8">
        <v>1</v>
      </c>
      <c r="M868" s="8">
        <v>30</v>
      </c>
      <c r="O868" s="257"/>
    </row>
    <row r="869" spans="1:16" ht="18.75" hidden="1" customHeight="1">
      <c r="A869" s="17"/>
      <c r="B869" s="17"/>
      <c r="C869" s="17" t="s">
        <v>130</v>
      </c>
      <c r="D869" s="139" t="s">
        <v>126</v>
      </c>
      <c r="E869" s="17"/>
      <c r="F869" s="17"/>
      <c r="G869" s="17"/>
      <c r="H869" s="17" t="s">
        <v>17</v>
      </c>
      <c r="I869" s="17" t="s">
        <v>71</v>
      </c>
      <c r="J869" s="17" t="s">
        <v>525</v>
      </c>
      <c r="K869" s="17"/>
      <c r="L869" s="17"/>
      <c r="M869" s="17"/>
      <c r="N869" s="138"/>
      <c r="O869" s="257"/>
    </row>
    <row r="870" spans="1:16" ht="18.75" hidden="1" customHeight="1">
      <c r="E870" s="8" t="s">
        <v>129</v>
      </c>
      <c r="F870" s="8">
        <v>128</v>
      </c>
      <c r="G870" s="8" t="s">
        <v>128</v>
      </c>
      <c r="H870" s="8" t="s">
        <v>66</v>
      </c>
      <c r="I870" s="8" t="s">
        <v>65</v>
      </c>
      <c r="J870" s="8">
        <v>1</v>
      </c>
      <c r="K870" s="8" t="s">
        <v>514</v>
      </c>
      <c r="L870" s="8">
        <v>2</v>
      </c>
      <c r="M870" s="8">
        <v>3</v>
      </c>
      <c r="N870" s="72" t="s">
        <v>722</v>
      </c>
      <c r="O870" s="257"/>
    </row>
    <row r="871" spans="1:16" ht="18.75" hidden="1" customHeight="1">
      <c r="E871" s="8" t="s">
        <v>127</v>
      </c>
      <c r="F871" s="8">
        <v>127</v>
      </c>
      <c r="G871" s="8" t="s">
        <v>126</v>
      </c>
      <c r="H871" s="8" t="s">
        <v>78</v>
      </c>
      <c r="I871" s="8" t="s">
        <v>71</v>
      </c>
      <c r="J871" s="8">
        <v>1</v>
      </c>
      <c r="K871" s="8" t="s">
        <v>509</v>
      </c>
      <c r="L871" s="8">
        <v>1</v>
      </c>
      <c r="M871" s="8">
        <v>30</v>
      </c>
      <c r="O871" s="257"/>
    </row>
    <row r="872" spans="1:16" ht="18.75" hidden="1" customHeight="1">
      <c r="A872" s="17"/>
      <c r="B872" s="17"/>
      <c r="C872" s="17" t="s">
        <v>130</v>
      </c>
      <c r="D872" s="139" t="s">
        <v>126</v>
      </c>
      <c r="E872" s="17"/>
      <c r="F872" s="17"/>
      <c r="G872" s="17"/>
      <c r="H872" s="17" t="s">
        <v>17</v>
      </c>
      <c r="I872" s="17" t="s">
        <v>71</v>
      </c>
      <c r="J872" s="17" t="s">
        <v>525</v>
      </c>
      <c r="K872" s="17"/>
      <c r="L872" s="17"/>
      <c r="M872" s="17"/>
      <c r="N872" s="141"/>
      <c r="O872" s="257"/>
    </row>
    <row r="873" spans="1:16" ht="18.75" hidden="1" customHeight="1">
      <c r="E873" s="8" t="s">
        <v>129</v>
      </c>
      <c r="F873" s="8">
        <v>128</v>
      </c>
      <c r="G873" s="8" t="s">
        <v>128</v>
      </c>
      <c r="H873" s="8" t="s">
        <v>66</v>
      </c>
      <c r="I873" s="8" t="s">
        <v>65</v>
      </c>
      <c r="J873" s="8">
        <v>1</v>
      </c>
      <c r="K873" s="8" t="s">
        <v>514</v>
      </c>
      <c r="L873" s="8">
        <v>2</v>
      </c>
      <c r="M873" s="8">
        <v>3</v>
      </c>
      <c r="N873" s="72" t="s">
        <v>643</v>
      </c>
      <c r="O873" s="257"/>
    </row>
    <row r="874" spans="1:16" ht="18.75" hidden="1" customHeight="1">
      <c r="E874" s="8" t="s">
        <v>127</v>
      </c>
      <c r="F874" s="8">
        <v>127</v>
      </c>
      <c r="G874" s="8" t="s">
        <v>126</v>
      </c>
      <c r="H874" s="8" t="s">
        <v>78</v>
      </c>
      <c r="I874" s="8" t="s">
        <v>71</v>
      </c>
      <c r="J874" s="8">
        <v>1</v>
      </c>
      <c r="K874" s="8" t="s">
        <v>509</v>
      </c>
      <c r="L874" s="8">
        <v>1</v>
      </c>
      <c r="M874" s="8">
        <v>30</v>
      </c>
      <c r="O874" s="257"/>
    </row>
    <row r="875" spans="1:16" ht="18.75" hidden="1" customHeight="1">
      <c r="E875" s="8" t="s">
        <v>125</v>
      </c>
      <c r="F875" s="8">
        <v>352</v>
      </c>
      <c r="G875" s="8" t="s">
        <v>3</v>
      </c>
      <c r="H875" s="8" t="s">
        <v>78</v>
      </c>
      <c r="I875" s="8" t="s">
        <v>71</v>
      </c>
      <c r="J875" s="8">
        <v>1</v>
      </c>
      <c r="K875" s="8" t="s">
        <v>509</v>
      </c>
      <c r="L875" s="8">
        <v>1</v>
      </c>
      <c r="M875" s="8">
        <v>80</v>
      </c>
      <c r="O875" s="257"/>
    </row>
    <row r="876" spans="1:16">
      <c r="A876" s="17"/>
      <c r="B876" s="17"/>
      <c r="C876" s="17" t="s">
        <v>130</v>
      </c>
      <c r="D876" s="139" t="s">
        <v>126</v>
      </c>
      <c r="E876" s="17"/>
      <c r="F876" s="17"/>
      <c r="G876" s="17"/>
      <c r="H876" s="17" t="s">
        <v>17</v>
      </c>
      <c r="I876" s="17" t="s">
        <v>71</v>
      </c>
      <c r="J876" s="17" t="s">
        <v>525</v>
      </c>
      <c r="K876" s="17"/>
      <c r="L876" s="17"/>
      <c r="M876" s="17"/>
      <c r="N876" s="141"/>
      <c r="O876" s="257" t="s">
        <v>943</v>
      </c>
      <c r="P876" s="257" t="s">
        <v>1298</v>
      </c>
    </row>
    <row r="877" spans="1:16" ht="18.75" hidden="1" customHeight="1" outlineLevel="1">
      <c r="E877" s="8" t="s">
        <v>129</v>
      </c>
      <c r="F877" s="8">
        <v>128</v>
      </c>
      <c r="G877" s="8" t="s">
        <v>128</v>
      </c>
      <c r="H877" s="8" t="s">
        <v>66</v>
      </c>
      <c r="I877" s="8" t="s">
        <v>65</v>
      </c>
      <c r="J877" s="8">
        <v>1</v>
      </c>
      <c r="K877" s="8" t="s">
        <v>514</v>
      </c>
      <c r="L877" s="8">
        <v>2</v>
      </c>
      <c r="M877" s="8">
        <v>3</v>
      </c>
      <c r="N877" s="72" t="s">
        <v>723</v>
      </c>
      <c r="O877" s="257"/>
    </row>
    <row r="878" spans="1:16" ht="18.75" hidden="1" customHeight="1" outlineLevel="1">
      <c r="E878" s="8" t="s">
        <v>127</v>
      </c>
      <c r="F878" s="8">
        <v>127</v>
      </c>
      <c r="G878" s="8" t="s">
        <v>126</v>
      </c>
      <c r="H878" s="8" t="s">
        <v>78</v>
      </c>
      <c r="I878" s="8" t="s">
        <v>96</v>
      </c>
      <c r="J878" s="8">
        <v>1</v>
      </c>
      <c r="K878" s="8" t="s">
        <v>509</v>
      </c>
      <c r="L878" s="8">
        <v>1</v>
      </c>
      <c r="M878" s="8">
        <v>30</v>
      </c>
      <c r="N878" s="72" t="s">
        <v>724</v>
      </c>
      <c r="O878" s="257"/>
    </row>
    <row r="879" spans="1:16" ht="18.75" hidden="1" customHeight="1" outlineLevel="1">
      <c r="E879" s="8" t="s">
        <v>125</v>
      </c>
      <c r="F879" s="8">
        <v>352</v>
      </c>
      <c r="G879" s="8" t="s">
        <v>3</v>
      </c>
      <c r="H879" s="8" t="s">
        <v>78</v>
      </c>
      <c r="I879" s="8" t="s">
        <v>71</v>
      </c>
      <c r="J879" s="8">
        <v>1</v>
      </c>
      <c r="K879" s="8" t="s">
        <v>509</v>
      </c>
      <c r="L879" s="8">
        <v>1</v>
      </c>
      <c r="M879" s="8">
        <v>80</v>
      </c>
      <c r="O879" s="257"/>
    </row>
    <row r="880" spans="1:16" ht="18.75" hidden="1" customHeight="1" collapsed="1">
      <c r="A880" s="17"/>
      <c r="B880" s="17"/>
      <c r="C880" s="17" t="s">
        <v>130</v>
      </c>
      <c r="D880" s="139" t="s">
        <v>126</v>
      </c>
      <c r="E880" s="17"/>
      <c r="F880" s="17"/>
      <c r="G880" s="17"/>
      <c r="H880" s="17" t="s">
        <v>17</v>
      </c>
      <c r="I880" s="17" t="s">
        <v>71</v>
      </c>
      <c r="J880" s="17" t="s">
        <v>525</v>
      </c>
      <c r="K880" s="17"/>
      <c r="L880" s="17"/>
      <c r="M880" s="17"/>
      <c r="N880" s="141"/>
      <c r="O880" s="257"/>
    </row>
    <row r="881" spans="1:16" ht="18.75" hidden="1" customHeight="1">
      <c r="E881" s="8" t="s">
        <v>129</v>
      </c>
      <c r="F881" s="8">
        <v>128</v>
      </c>
      <c r="G881" s="8" t="s">
        <v>128</v>
      </c>
      <c r="H881" s="8" t="s">
        <v>66</v>
      </c>
      <c r="I881" s="8" t="s">
        <v>65</v>
      </c>
      <c r="J881" s="8">
        <v>1</v>
      </c>
      <c r="K881" s="8" t="s">
        <v>514</v>
      </c>
      <c r="L881" s="8">
        <v>2</v>
      </c>
      <c r="M881" s="8">
        <v>3</v>
      </c>
      <c r="N881" s="18" t="s">
        <v>725</v>
      </c>
      <c r="O881" s="257"/>
    </row>
    <row r="882" spans="1:16" ht="18.75" hidden="1" customHeight="1">
      <c r="E882" s="8" t="s">
        <v>127</v>
      </c>
      <c r="F882" s="8">
        <v>127</v>
      </c>
      <c r="G882" s="8" t="s">
        <v>126</v>
      </c>
      <c r="H882" s="8" t="s">
        <v>78</v>
      </c>
      <c r="I882" s="8" t="s">
        <v>96</v>
      </c>
      <c r="J882" s="8">
        <v>1</v>
      </c>
      <c r="K882" s="8" t="s">
        <v>509</v>
      </c>
      <c r="L882" s="8">
        <v>1</v>
      </c>
      <c r="M882" s="8">
        <v>30</v>
      </c>
      <c r="N882" s="72" t="s">
        <v>726</v>
      </c>
      <c r="O882" s="257"/>
    </row>
    <row r="883" spans="1:16" ht="18.75" hidden="1" customHeight="1">
      <c r="E883" s="8" t="s">
        <v>125</v>
      </c>
      <c r="F883" s="8">
        <v>352</v>
      </c>
      <c r="G883" s="8" t="s">
        <v>3</v>
      </c>
      <c r="H883" s="8" t="s">
        <v>78</v>
      </c>
      <c r="I883" s="8" t="s">
        <v>71</v>
      </c>
      <c r="J883" s="8">
        <v>1</v>
      </c>
      <c r="K883" s="8" t="s">
        <v>509</v>
      </c>
      <c r="L883" s="8">
        <v>1</v>
      </c>
      <c r="M883" s="8">
        <v>80</v>
      </c>
      <c r="O883" s="257"/>
    </row>
    <row r="884" spans="1:16" ht="18.75" hidden="1" customHeight="1">
      <c r="A884" s="17"/>
      <c r="B884" s="17"/>
      <c r="C884" s="17" t="s">
        <v>130</v>
      </c>
      <c r="D884" s="139" t="s">
        <v>126</v>
      </c>
      <c r="E884" s="17"/>
      <c r="F884" s="17"/>
      <c r="G884" s="17"/>
      <c r="H884" s="17" t="s">
        <v>17</v>
      </c>
      <c r="I884" s="17" t="s">
        <v>71</v>
      </c>
      <c r="J884" s="17" t="s">
        <v>525</v>
      </c>
      <c r="K884" s="17"/>
      <c r="L884" s="17"/>
      <c r="M884" s="17"/>
      <c r="N884" s="141"/>
      <c r="O884" s="257"/>
    </row>
    <row r="885" spans="1:16" ht="18.75" hidden="1" customHeight="1">
      <c r="E885" s="8" t="s">
        <v>129</v>
      </c>
      <c r="F885" s="8">
        <v>128</v>
      </c>
      <c r="G885" s="8" t="s">
        <v>128</v>
      </c>
      <c r="H885" s="8" t="s">
        <v>66</v>
      </c>
      <c r="I885" s="8" t="s">
        <v>65</v>
      </c>
      <c r="J885" s="8">
        <v>1</v>
      </c>
      <c r="K885" s="8" t="s">
        <v>514</v>
      </c>
      <c r="L885" s="8">
        <v>2</v>
      </c>
      <c r="M885" s="8">
        <v>3</v>
      </c>
      <c r="N885" s="72" t="s">
        <v>625</v>
      </c>
      <c r="O885" s="257"/>
    </row>
    <row r="886" spans="1:16" ht="18.75" hidden="1" customHeight="1">
      <c r="E886" s="8" t="s">
        <v>127</v>
      </c>
      <c r="F886" s="8">
        <v>127</v>
      </c>
      <c r="G886" s="8" t="s">
        <v>126</v>
      </c>
      <c r="H886" s="8" t="s">
        <v>78</v>
      </c>
      <c r="I886" s="8" t="s">
        <v>96</v>
      </c>
      <c r="J886" s="8">
        <v>1</v>
      </c>
      <c r="K886" s="8" t="s">
        <v>509</v>
      </c>
      <c r="L886" s="8">
        <v>1</v>
      </c>
      <c r="M886" s="8">
        <v>30</v>
      </c>
      <c r="O886" s="257"/>
    </row>
    <row r="887" spans="1:16" ht="46.5">
      <c r="A887" s="17"/>
      <c r="B887" s="17"/>
      <c r="C887" s="17" t="s">
        <v>130</v>
      </c>
      <c r="D887" s="139" t="s">
        <v>126</v>
      </c>
      <c r="E887" s="17"/>
      <c r="F887" s="17"/>
      <c r="G887" s="17"/>
      <c r="H887" s="17" t="s">
        <v>17</v>
      </c>
      <c r="I887" s="17" t="s">
        <v>71</v>
      </c>
      <c r="J887" s="17" t="s">
        <v>525</v>
      </c>
      <c r="K887" s="17"/>
      <c r="L887" s="17"/>
      <c r="M887" s="17"/>
      <c r="N887" s="138"/>
      <c r="O887" s="257"/>
      <c r="P887" s="257" t="s">
        <v>1296</v>
      </c>
    </row>
    <row r="888" spans="1:16">
      <c r="E888" s="8" t="s">
        <v>129</v>
      </c>
      <c r="F888" s="8">
        <v>128</v>
      </c>
      <c r="G888" s="8" t="s">
        <v>128</v>
      </c>
      <c r="H888" s="8" t="s">
        <v>66</v>
      </c>
      <c r="I888" s="8" t="s">
        <v>65</v>
      </c>
      <c r="J888" s="8">
        <v>1</v>
      </c>
      <c r="K888" s="8" t="s">
        <v>514</v>
      </c>
      <c r="L888" s="8">
        <v>2</v>
      </c>
      <c r="M888" s="8">
        <v>3</v>
      </c>
      <c r="N888" s="72" t="s">
        <v>643</v>
      </c>
      <c r="O888" s="257" t="s">
        <v>1942</v>
      </c>
    </row>
    <row r="889" spans="1:16">
      <c r="E889" s="8" t="s">
        <v>127</v>
      </c>
      <c r="F889" s="8">
        <v>127</v>
      </c>
      <c r="G889" s="8" t="s">
        <v>126</v>
      </c>
      <c r="H889" s="8" t="s">
        <v>78</v>
      </c>
      <c r="I889" s="8" t="s">
        <v>71</v>
      </c>
      <c r="J889" s="8">
        <v>1</v>
      </c>
      <c r="K889" s="8" t="s">
        <v>509</v>
      </c>
      <c r="L889" s="8">
        <v>1</v>
      </c>
      <c r="M889" s="8">
        <v>30</v>
      </c>
      <c r="O889" s="257" t="s">
        <v>1006</v>
      </c>
    </row>
    <row r="890" spans="1:16">
      <c r="O890" s="257" t="s">
        <v>1640</v>
      </c>
      <c r="P890" s="257" t="s">
        <v>1679</v>
      </c>
    </row>
    <row r="891" spans="1:16">
      <c r="O891" s="257" t="s">
        <v>1007</v>
      </c>
      <c r="P891" s="257" t="s">
        <v>1675</v>
      </c>
    </row>
    <row r="892" spans="1:16" ht="31">
      <c r="O892" s="257" t="s">
        <v>1943</v>
      </c>
      <c r="P892" s="257" t="s">
        <v>1863</v>
      </c>
    </row>
    <row r="893" spans="1:16">
      <c r="O893" s="107" t="s">
        <v>1641</v>
      </c>
      <c r="P893" s="205" t="s">
        <v>1676</v>
      </c>
    </row>
    <row r="894" spans="1:16">
      <c r="O894" s="257" t="s">
        <v>949</v>
      </c>
      <c r="P894" s="257" t="s">
        <v>1306</v>
      </c>
    </row>
    <row r="895" spans="1:16">
      <c r="O895" s="257" t="s">
        <v>1008</v>
      </c>
      <c r="P895" s="257" t="s">
        <v>1680</v>
      </c>
    </row>
    <row r="896" spans="1:16">
      <c r="O896" s="107" t="s">
        <v>1009</v>
      </c>
      <c r="P896" s="205" t="s">
        <v>1677</v>
      </c>
    </row>
    <row r="897" spans="1:16">
      <c r="O897" s="257" t="s">
        <v>1916</v>
      </c>
    </row>
    <row r="898" spans="1:16">
      <c r="O898" s="257" t="s">
        <v>1882</v>
      </c>
    </row>
    <row r="899" spans="1:16" ht="62">
      <c r="O899" s="107" t="s">
        <v>1645</v>
      </c>
      <c r="P899" s="248" t="s">
        <v>1678</v>
      </c>
    </row>
    <row r="900" spans="1:16" ht="77.5">
      <c r="O900" s="257" t="s">
        <v>1944</v>
      </c>
      <c r="P900" s="257" t="s">
        <v>2035</v>
      </c>
    </row>
    <row r="901" spans="1:16">
      <c r="O901" s="257" t="s">
        <v>1945</v>
      </c>
    </row>
    <row r="902" spans="1:16">
      <c r="O902" s="257" t="s">
        <v>1946</v>
      </c>
    </row>
    <row r="903" spans="1:16" ht="18.75" hidden="1" customHeight="1">
      <c r="A903" s="17"/>
      <c r="B903" s="17"/>
      <c r="C903" s="17" t="s">
        <v>130</v>
      </c>
      <c r="D903" s="139" t="s">
        <v>126</v>
      </c>
      <c r="E903" s="17"/>
      <c r="F903" s="17"/>
      <c r="G903" s="17"/>
      <c r="H903" s="17" t="s">
        <v>17</v>
      </c>
      <c r="I903" s="17" t="s">
        <v>71</v>
      </c>
      <c r="J903" s="17" t="s">
        <v>525</v>
      </c>
      <c r="K903" s="17"/>
      <c r="L903" s="17"/>
      <c r="M903" s="17"/>
      <c r="N903" s="141"/>
      <c r="O903" s="257"/>
    </row>
    <row r="904" spans="1:16" ht="18.75" hidden="1" customHeight="1">
      <c r="E904" s="8" t="s">
        <v>129</v>
      </c>
      <c r="F904" s="8">
        <v>128</v>
      </c>
      <c r="G904" s="8" t="s">
        <v>128</v>
      </c>
      <c r="H904" s="8" t="s">
        <v>66</v>
      </c>
      <c r="I904" s="8" t="s">
        <v>65</v>
      </c>
      <c r="J904" s="8">
        <v>1</v>
      </c>
      <c r="K904" s="8" t="s">
        <v>514</v>
      </c>
      <c r="L904" s="8">
        <v>2</v>
      </c>
      <c r="M904" s="8">
        <v>3</v>
      </c>
      <c r="N904" s="72" t="s">
        <v>1302</v>
      </c>
      <c r="O904" s="257"/>
    </row>
    <row r="905" spans="1:16" ht="18.75" hidden="1" customHeight="1">
      <c r="E905" s="8" t="s">
        <v>127</v>
      </c>
      <c r="F905" s="8">
        <v>127</v>
      </c>
      <c r="G905" s="8" t="s">
        <v>126</v>
      </c>
      <c r="H905" s="8" t="s">
        <v>78</v>
      </c>
      <c r="I905" s="8" t="s">
        <v>96</v>
      </c>
      <c r="J905" s="8">
        <v>1</v>
      </c>
      <c r="K905" s="8" t="s">
        <v>509</v>
      </c>
      <c r="L905" s="8">
        <v>1</v>
      </c>
      <c r="M905" s="8">
        <v>30</v>
      </c>
      <c r="N905" s="72" t="s">
        <v>1642</v>
      </c>
      <c r="O905" s="257"/>
    </row>
    <row r="906" spans="1:16" ht="18.75" hidden="1" customHeight="1">
      <c r="E906" s="8" t="s">
        <v>125</v>
      </c>
      <c r="F906" s="8">
        <v>352</v>
      </c>
      <c r="G906" s="8" t="s">
        <v>3</v>
      </c>
      <c r="H906" s="8" t="s">
        <v>78</v>
      </c>
      <c r="I906" s="8" t="s">
        <v>71</v>
      </c>
      <c r="J906" s="8">
        <v>1</v>
      </c>
      <c r="K906" s="8" t="s">
        <v>509</v>
      </c>
      <c r="L906" s="8">
        <v>1</v>
      </c>
      <c r="M906" s="8">
        <v>80</v>
      </c>
      <c r="O906" s="257"/>
    </row>
    <row r="907" spans="1:16" ht="18.75" hidden="1" customHeight="1">
      <c r="A907" s="17" t="s">
        <v>278</v>
      </c>
      <c r="B907" s="139" t="s">
        <v>524</v>
      </c>
      <c r="C907" s="17"/>
      <c r="D907" s="139"/>
      <c r="E907" s="17"/>
      <c r="F907" s="17"/>
      <c r="G907" s="17"/>
      <c r="H907" s="17" t="s">
        <v>17</v>
      </c>
      <c r="I907" s="17" t="s">
        <v>71</v>
      </c>
      <c r="J907" s="17">
        <v>25</v>
      </c>
      <c r="K907" s="17"/>
      <c r="L907" s="17"/>
      <c r="M907" s="17"/>
      <c r="N907" s="138"/>
      <c r="O907" s="257"/>
    </row>
    <row r="908" spans="1:16" ht="18.75" hidden="1" customHeight="1">
      <c r="A908" s="17"/>
      <c r="B908" s="17"/>
      <c r="C908" s="17" t="s">
        <v>278</v>
      </c>
      <c r="D908" s="139" t="s">
        <v>524</v>
      </c>
      <c r="E908" s="17"/>
      <c r="F908" s="17"/>
      <c r="G908" s="17"/>
      <c r="H908" s="17" t="s">
        <v>66</v>
      </c>
      <c r="I908" s="17" t="s">
        <v>65</v>
      </c>
      <c r="J908" s="17">
        <v>1</v>
      </c>
      <c r="K908" s="17"/>
      <c r="L908" s="17"/>
      <c r="M908" s="17"/>
      <c r="N908" s="138"/>
      <c r="O908" s="257"/>
    </row>
    <row r="909" spans="1:16" ht="18.75" hidden="1" customHeight="1">
      <c r="E909" s="8" t="s">
        <v>277</v>
      </c>
      <c r="F909" s="8">
        <v>248</v>
      </c>
      <c r="G909" s="8" t="s">
        <v>276</v>
      </c>
      <c r="H909" s="8" t="s">
        <v>66</v>
      </c>
      <c r="I909" s="8" t="s">
        <v>65</v>
      </c>
      <c r="J909" s="8">
        <v>1</v>
      </c>
      <c r="K909" s="8" t="s">
        <v>514</v>
      </c>
      <c r="L909" s="8">
        <v>1</v>
      </c>
      <c r="M909" s="8">
        <v>1</v>
      </c>
      <c r="N909" s="72" t="s">
        <v>649</v>
      </c>
      <c r="O909" s="257"/>
    </row>
    <row r="910" spans="1:16" ht="18.75" hidden="1" customHeight="1">
      <c r="E910" s="8" t="s">
        <v>275</v>
      </c>
      <c r="F910" s="8">
        <v>1300</v>
      </c>
      <c r="G910" s="8" t="s">
        <v>274</v>
      </c>
      <c r="H910" s="8" t="s">
        <v>78</v>
      </c>
      <c r="I910" s="8" t="s">
        <v>71</v>
      </c>
      <c r="J910" s="8">
        <v>1</v>
      </c>
      <c r="K910" s="8" t="s">
        <v>514</v>
      </c>
      <c r="L910" s="8">
        <v>4</v>
      </c>
      <c r="M910" s="8">
        <v>4</v>
      </c>
      <c r="N910" s="72" t="s">
        <v>650</v>
      </c>
      <c r="O910" s="257"/>
    </row>
    <row r="911" spans="1:16" ht="18.75" hidden="1" customHeight="1">
      <c r="E911" s="19" t="s">
        <v>273</v>
      </c>
      <c r="F911" s="19">
        <v>559</v>
      </c>
      <c r="G911" s="19" t="s">
        <v>197</v>
      </c>
      <c r="H911" s="19" t="s">
        <v>78</v>
      </c>
      <c r="I911" s="19" t="s">
        <v>174</v>
      </c>
      <c r="J911" s="19">
        <v>1</v>
      </c>
      <c r="K911" s="19" t="s">
        <v>514</v>
      </c>
      <c r="L911" s="19">
        <v>2</v>
      </c>
      <c r="M911" s="19">
        <v>2</v>
      </c>
      <c r="N911" s="25"/>
      <c r="O911" s="257"/>
    </row>
    <row r="912" spans="1:16" ht="18.75" hidden="1" customHeight="1">
      <c r="E912" s="19" t="s">
        <v>272</v>
      </c>
      <c r="F912" s="19">
        <v>1301</v>
      </c>
      <c r="G912" s="19" t="s">
        <v>271</v>
      </c>
      <c r="H912" s="19" t="s">
        <v>78</v>
      </c>
      <c r="I912" s="19" t="s">
        <v>174</v>
      </c>
      <c r="J912" s="19">
        <v>1</v>
      </c>
      <c r="K912" s="19" t="s">
        <v>509</v>
      </c>
      <c r="L912" s="19">
        <v>1</v>
      </c>
      <c r="M912" s="19">
        <v>10</v>
      </c>
      <c r="N912" s="25"/>
      <c r="O912" s="257"/>
    </row>
    <row r="913" spans="1:15" ht="18.75" hidden="1" customHeight="1">
      <c r="E913" s="8" t="s">
        <v>270</v>
      </c>
      <c r="F913" s="8">
        <v>610</v>
      </c>
      <c r="G913" s="8" t="s">
        <v>269</v>
      </c>
      <c r="H913" s="8" t="s">
        <v>17</v>
      </c>
      <c r="I913" s="8" t="s">
        <v>71</v>
      </c>
      <c r="J913" s="8">
        <v>1</v>
      </c>
      <c r="K913" s="8" t="s">
        <v>150</v>
      </c>
      <c r="L913" s="8">
        <v>1</v>
      </c>
      <c r="M913" s="8">
        <v>15</v>
      </c>
      <c r="O913" s="257"/>
    </row>
    <row r="914" spans="1:15" ht="18.75" hidden="1" customHeight="1">
      <c r="E914" s="19" t="s">
        <v>268</v>
      </c>
      <c r="F914" s="19">
        <v>378</v>
      </c>
      <c r="G914" s="19" t="s">
        <v>267</v>
      </c>
      <c r="H914" s="19" t="s">
        <v>78</v>
      </c>
      <c r="I914" s="19" t="s">
        <v>174</v>
      </c>
      <c r="J914" s="19">
        <v>1</v>
      </c>
      <c r="K914" s="19" t="s">
        <v>514</v>
      </c>
      <c r="L914" s="19">
        <v>1</v>
      </c>
      <c r="M914" s="19">
        <v>1</v>
      </c>
      <c r="N914" s="25"/>
      <c r="O914" s="257"/>
    </row>
    <row r="915" spans="1:15" ht="18.75" hidden="1" customHeight="1">
      <c r="E915" s="19" t="s">
        <v>266</v>
      </c>
      <c r="F915" s="19">
        <v>332</v>
      </c>
      <c r="G915" s="19" t="s">
        <v>232</v>
      </c>
      <c r="H915" s="19" t="s">
        <v>78</v>
      </c>
      <c r="I915" s="19" t="s">
        <v>174</v>
      </c>
      <c r="J915" s="19">
        <v>1</v>
      </c>
      <c r="K915" s="19" t="s">
        <v>438</v>
      </c>
      <c r="L915" s="19">
        <v>1</v>
      </c>
      <c r="M915" s="19">
        <v>6</v>
      </c>
      <c r="N915" s="25"/>
      <c r="O915" s="257"/>
    </row>
    <row r="916" spans="1:15" ht="18.75" hidden="1" customHeight="1">
      <c r="E916" s="19" t="s">
        <v>265</v>
      </c>
      <c r="F916" s="19">
        <v>118</v>
      </c>
      <c r="G916" s="19" t="s">
        <v>264</v>
      </c>
      <c r="H916" s="19" t="s">
        <v>17</v>
      </c>
      <c r="I916" s="19" t="s">
        <v>174</v>
      </c>
      <c r="J916" s="19">
        <v>1</v>
      </c>
      <c r="K916" s="19" t="s">
        <v>438</v>
      </c>
      <c r="L916" s="19">
        <v>1</v>
      </c>
      <c r="M916" s="19">
        <v>9</v>
      </c>
      <c r="N916" s="25"/>
      <c r="O916" s="257"/>
    </row>
    <row r="917" spans="1:15" ht="18.75" hidden="1" customHeight="1">
      <c r="E917" s="19" t="s">
        <v>263</v>
      </c>
      <c r="F917" s="19">
        <v>355</v>
      </c>
      <c r="G917" s="19" t="s">
        <v>103</v>
      </c>
      <c r="H917" s="19" t="s">
        <v>78</v>
      </c>
      <c r="I917" s="19" t="s">
        <v>174</v>
      </c>
      <c r="J917" s="19">
        <v>1</v>
      </c>
      <c r="K917" s="19" t="s">
        <v>514</v>
      </c>
      <c r="L917" s="19">
        <v>2</v>
      </c>
      <c r="M917" s="19">
        <v>2</v>
      </c>
      <c r="N917" s="25"/>
      <c r="O917" s="257"/>
    </row>
    <row r="918" spans="1:15" ht="18.75" hidden="1" customHeight="1">
      <c r="E918" s="19" t="s">
        <v>262</v>
      </c>
      <c r="F918" s="19">
        <v>380</v>
      </c>
      <c r="G918" s="19" t="s">
        <v>105</v>
      </c>
      <c r="H918" s="19" t="s">
        <v>78</v>
      </c>
      <c r="I918" s="19" t="s">
        <v>174</v>
      </c>
      <c r="J918" s="19">
        <v>1</v>
      </c>
      <c r="K918" s="19" t="s">
        <v>438</v>
      </c>
      <c r="L918" s="19">
        <v>1</v>
      </c>
      <c r="M918" s="19">
        <v>15</v>
      </c>
      <c r="N918" s="25"/>
      <c r="O918" s="257"/>
    </row>
    <row r="919" spans="1:15" ht="18.75" hidden="1" customHeight="1">
      <c r="E919" s="19" t="s">
        <v>261</v>
      </c>
      <c r="F919" s="19">
        <v>380</v>
      </c>
      <c r="G919" s="19" t="s">
        <v>105</v>
      </c>
      <c r="H919" s="19" t="s">
        <v>17</v>
      </c>
      <c r="I919" s="19" t="s">
        <v>174</v>
      </c>
      <c r="J919" s="19">
        <v>1</v>
      </c>
      <c r="K919" s="19" t="s">
        <v>438</v>
      </c>
      <c r="L919" s="19">
        <v>1</v>
      </c>
      <c r="M919" s="19">
        <v>15</v>
      </c>
      <c r="N919" s="25"/>
      <c r="O919" s="257"/>
    </row>
    <row r="920" spans="1:15" ht="18.75" hidden="1" customHeight="1">
      <c r="E920" s="19" t="s">
        <v>260</v>
      </c>
      <c r="F920" s="19">
        <v>331</v>
      </c>
      <c r="G920" s="19" t="s">
        <v>259</v>
      </c>
      <c r="H920" s="19" t="s">
        <v>17</v>
      </c>
      <c r="I920" s="19" t="s">
        <v>174</v>
      </c>
      <c r="J920" s="19">
        <v>1</v>
      </c>
      <c r="K920" s="19" t="s">
        <v>514</v>
      </c>
      <c r="L920" s="19">
        <v>2</v>
      </c>
      <c r="M920" s="19">
        <v>2</v>
      </c>
      <c r="N920" s="25"/>
      <c r="O920" s="257"/>
    </row>
    <row r="921" spans="1:15" ht="18.75" hidden="1" customHeight="1">
      <c r="E921" s="8" t="s">
        <v>258</v>
      </c>
      <c r="F921" s="8">
        <v>127</v>
      </c>
      <c r="G921" s="8" t="s">
        <v>126</v>
      </c>
      <c r="H921" s="8" t="s">
        <v>78</v>
      </c>
      <c r="I921" s="8" t="s">
        <v>71</v>
      </c>
      <c r="J921" s="8">
        <v>1</v>
      </c>
      <c r="K921" s="8" t="s">
        <v>509</v>
      </c>
      <c r="L921" s="8">
        <v>1</v>
      </c>
      <c r="M921" s="8">
        <v>30</v>
      </c>
      <c r="O921" s="257"/>
    </row>
    <row r="922" spans="1:15" ht="18.75" hidden="1" customHeight="1">
      <c r="E922" s="19" t="s">
        <v>257</v>
      </c>
      <c r="F922" s="19">
        <v>770</v>
      </c>
      <c r="G922" s="19" t="s">
        <v>256</v>
      </c>
      <c r="H922" s="19" t="s">
        <v>17</v>
      </c>
      <c r="I922" s="19" t="s">
        <v>174</v>
      </c>
      <c r="J922" s="19">
        <v>1</v>
      </c>
      <c r="K922" s="19" t="s">
        <v>509</v>
      </c>
      <c r="L922" s="19">
        <v>1</v>
      </c>
      <c r="M922" s="19">
        <v>20</v>
      </c>
      <c r="N922" s="25"/>
      <c r="O922" s="257"/>
    </row>
    <row r="923" spans="1:15" ht="18.75" hidden="1" customHeight="1">
      <c r="E923" s="8" t="s">
        <v>255</v>
      </c>
      <c r="F923" s="8">
        <v>352</v>
      </c>
      <c r="G923" s="8" t="s">
        <v>3</v>
      </c>
      <c r="H923" s="8" t="s">
        <v>78</v>
      </c>
      <c r="I923" s="8" t="s">
        <v>71</v>
      </c>
      <c r="J923" s="8">
        <v>1</v>
      </c>
      <c r="K923" s="8" t="s">
        <v>509</v>
      </c>
      <c r="L923" s="8">
        <v>1</v>
      </c>
      <c r="M923" s="8">
        <v>80</v>
      </c>
      <c r="O923" s="257"/>
    </row>
    <row r="924" spans="1:15" ht="18.75" hidden="1" customHeight="1">
      <c r="E924" s="8" t="s">
        <v>254</v>
      </c>
      <c r="F924" s="8">
        <v>819</v>
      </c>
      <c r="G924" s="8" t="s">
        <v>253</v>
      </c>
      <c r="H924" s="8" t="s">
        <v>17</v>
      </c>
      <c r="I924" s="8" t="s">
        <v>71</v>
      </c>
      <c r="J924" s="8">
        <v>1</v>
      </c>
      <c r="K924" s="8" t="s">
        <v>514</v>
      </c>
      <c r="L924" s="8">
        <v>2</v>
      </c>
      <c r="M924" s="8">
        <v>3</v>
      </c>
      <c r="N924" s="70" t="s">
        <v>624</v>
      </c>
      <c r="O924" s="257"/>
    </row>
    <row r="925" spans="1:15" ht="18.75" hidden="1" customHeight="1">
      <c r="A925" s="17"/>
      <c r="B925" s="17"/>
      <c r="C925" s="17" t="s">
        <v>252</v>
      </c>
      <c r="D925" s="139" t="s">
        <v>476</v>
      </c>
      <c r="E925" s="17"/>
      <c r="F925" s="17"/>
      <c r="G925" s="17"/>
      <c r="H925" s="17" t="s">
        <v>17</v>
      </c>
      <c r="I925" s="17" t="s">
        <v>71</v>
      </c>
      <c r="J925" s="17">
        <v>1</v>
      </c>
      <c r="K925" s="17"/>
      <c r="L925" s="17"/>
      <c r="M925" s="17"/>
      <c r="N925" s="138"/>
      <c r="O925" s="257"/>
    </row>
    <row r="926" spans="1:15" ht="18.75" hidden="1" customHeight="1">
      <c r="E926" s="8" t="s">
        <v>251</v>
      </c>
      <c r="F926" s="8">
        <v>98</v>
      </c>
      <c r="G926" s="8" t="s">
        <v>156</v>
      </c>
      <c r="H926" s="8" t="s">
        <v>66</v>
      </c>
      <c r="I926" s="8" t="s">
        <v>65</v>
      </c>
      <c r="J926" s="8">
        <v>1</v>
      </c>
      <c r="K926" s="8" t="s">
        <v>514</v>
      </c>
      <c r="L926" s="8">
        <v>2</v>
      </c>
      <c r="M926" s="8">
        <v>3</v>
      </c>
      <c r="N926" s="72" t="s">
        <v>623</v>
      </c>
      <c r="O926" s="257"/>
    </row>
    <row r="927" spans="1:15" ht="18.75" hidden="1" customHeight="1">
      <c r="E927" s="8" t="s">
        <v>250</v>
      </c>
      <c r="F927" s="8">
        <v>100</v>
      </c>
      <c r="G927" s="8" t="s">
        <v>249</v>
      </c>
      <c r="H927" s="8" t="s">
        <v>66</v>
      </c>
      <c r="I927" s="8" t="s">
        <v>65</v>
      </c>
      <c r="J927" s="8">
        <v>1</v>
      </c>
      <c r="K927" s="8" t="s">
        <v>514</v>
      </c>
      <c r="L927" s="8">
        <v>3</v>
      </c>
      <c r="M927" s="8">
        <v>3</v>
      </c>
      <c r="O927" s="257"/>
    </row>
    <row r="928" spans="1:15" ht="18.75" hidden="1" customHeight="1">
      <c r="E928" s="8" t="s">
        <v>290</v>
      </c>
      <c r="F928" s="8">
        <v>280</v>
      </c>
      <c r="G928" s="8" t="s">
        <v>289</v>
      </c>
      <c r="H928" s="8" t="s">
        <v>17</v>
      </c>
      <c r="I928" s="8" t="s">
        <v>71</v>
      </c>
      <c r="J928" s="8">
        <v>1</v>
      </c>
      <c r="K928" s="8" t="s">
        <v>438</v>
      </c>
      <c r="L928" s="8">
        <v>4</v>
      </c>
      <c r="M928" s="8">
        <v>10</v>
      </c>
      <c r="O928" s="257"/>
    </row>
    <row r="929" spans="1:15" ht="18.75" hidden="1" customHeight="1">
      <c r="E929" s="8" t="s">
        <v>288</v>
      </c>
      <c r="F929" s="8">
        <v>98</v>
      </c>
      <c r="G929" s="8" t="s">
        <v>156</v>
      </c>
      <c r="H929" s="8" t="s">
        <v>17</v>
      </c>
      <c r="I929" s="8" t="s">
        <v>71</v>
      </c>
      <c r="J929" s="8">
        <v>1</v>
      </c>
      <c r="K929" s="8" t="s">
        <v>514</v>
      </c>
      <c r="L929" s="8">
        <v>2</v>
      </c>
      <c r="M929" s="8">
        <v>3</v>
      </c>
      <c r="N929" s="72" t="s">
        <v>625</v>
      </c>
      <c r="O929" s="257"/>
    </row>
    <row r="930" spans="1:15" ht="18.75" hidden="1" customHeight="1">
      <c r="E930" s="8" t="s">
        <v>287</v>
      </c>
      <c r="F930" s="8">
        <v>100</v>
      </c>
      <c r="G930" s="8" t="s">
        <v>249</v>
      </c>
      <c r="H930" s="8" t="s">
        <v>17</v>
      </c>
      <c r="I930" s="8" t="s">
        <v>71</v>
      </c>
      <c r="J930" s="8">
        <v>1</v>
      </c>
      <c r="K930" s="8" t="s">
        <v>514</v>
      </c>
      <c r="L930" s="8">
        <v>3</v>
      </c>
      <c r="M930" s="8">
        <v>3</v>
      </c>
      <c r="O930" s="257"/>
    </row>
    <row r="931" spans="1:15" ht="18.75" hidden="1" customHeight="1">
      <c r="A931" s="17" t="s">
        <v>278</v>
      </c>
      <c r="B931" s="139" t="s">
        <v>524</v>
      </c>
      <c r="C931" s="17"/>
      <c r="D931" s="139"/>
      <c r="E931" s="17"/>
      <c r="F931" s="17"/>
      <c r="G931" s="17"/>
      <c r="H931" s="17" t="s">
        <v>17</v>
      </c>
      <c r="I931" s="17" t="s">
        <v>71</v>
      </c>
      <c r="J931" s="17">
        <v>25</v>
      </c>
      <c r="K931" s="17"/>
      <c r="L931" s="17"/>
      <c r="M931" s="17"/>
      <c r="N931" s="138"/>
      <c r="O931" s="257"/>
    </row>
    <row r="932" spans="1:15" ht="18.75" hidden="1" customHeight="1">
      <c r="A932" s="17"/>
      <c r="B932" s="17"/>
      <c r="C932" s="17" t="s">
        <v>278</v>
      </c>
      <c r="D932" s="139" t="s">
        <v>524</v>
      </c>
      <c r="E932" s="17"/>
      <c r="F932" s="17"/>
      <c r="G932" s="17"/>
      <c r="H932" s="17" t="s">
        <v>66</v>
      </c>
      <c r="I932" s="17" t="s">
        <v>65</v>
      </c>
      <c r="J932" s="17">
        <v>1</v>
      </c>
      <c r="K932" s="17"/>
      <c r="L932" s="17"/>
      <c r="M932" s="17"/>
      <c r="N932" s="138"/>
      <c r="O932" s="257"/>
    </row>
    <row r="933" spans="1:15" ht="18.75" hidden="1" customHeight="1">
      <c r="E933" s="8" t="s">
        <v>277</v>
      </c>
      <c r="F933" s="8">
        <v>248</v>
      </c>
      <c r="G933" s="8" t="s">
        <v>276</v>
      </c>
      <c r="H933" s="8" t="s">
        <v>66</v>
      </c>
      <c r="I933" s="8" t="s">
        <v>65</v>
      </c>
      <c r="J933" s="8">
        <v>1</v>
      </c>
      <c r="K933" s="8" t="s">
        <v>514</v>
      </c>
      <c r="L933" s="8">
        <v>1</v>
      </c>
      <c r="M933" s="8">
        <v>1</v>
      </c>
      <c r="N933" s="72" t="s">
        <v>727</v>
      </c>
      <c r="O933" s="257"/>
    </row>
    <row r="934" spans="1:15" ht="18.75" hidden="1" customHeight="1">
      <c r="E934" s="8" t="s">
        <v>275</v>
      </c>
      <c r="F934" s="8">
        <v>1300</v>
      </c>
      <c r="G934" s="8" t="s">
        <v>274</v>
      </c>
      <c r="H934" s="8" t="s">
        <v>78</v>
      </c>
      <c r="I934" s="8" t="s">
        <v>96</v>
      </c>
      <c r="J934" s="8">
        <v>1</v>
      </c>
      <c r="K934" s="8" t="s">
        <v>514</v>
      </c>
      <c r="L934" s="8">
        <v>4</v>
      </c>
      <c r="M934" s="8">
        <v>4</v>
      </c>
      <c r="N934" s="72" t="s">
        <v>652</v>
      </c>
      <c r="O934" s="257"/>
    </row>
    <row r="935" spans="1:15" ht="18.75" hidden="1" customHeight="1">
      <c r="E935" s="8" t="s">
        <v>273</v>
      </c>
      <c r="F935" s="8">
        <v>559</v>
      </c>
      <c r="G935" s="8" t="s">
        <v>197</v>
      </c>
      <c r="H935" s="8" t="s">
        <v>78</v>
      </c>
      <c r="I935" s="8" t="s">
        <v>71</v>
      </c>
      <c r="J935" s="8">
        <v>1</v>
      </c>
      <c r="K935" s="8" t="s">
        <v>514</v>
      </c>
      <c r="L935" s="8">
        <v>2</v>
      </c>
      <c r="M935" s="8">
        <v>2</v>
      </c>
      <c r="N935" s="72" t="s">
        <v>643</v>
      </c>
      <c r="O935" s="257"/>
    </row>
    <row r="936" spans="1:15" ht="18.75" hidden="1" customHeight="1">
      <c r="E936" s="19" t="s">
        <v>272</v>
      </c>
      <c r="F936" s="19">
        <v>1301</v>
      </c>
      <c r="G936" s="19" t="s">
        <v>271</v>
      </c>
      <c r="H936" s="19" t="s">
        <v>78</v>
      </c>
      <c r="I936" s="25" t="s">
        <v>96</v>
      </c>
      <c r="J936" s="19">
        <v>1</v>
      </c>
      <c r="K936" s="19" t="s">
        <v>509</v>
      </c>
      <c r="L936" s="19">
        <v>1</v>
      </c>
      <c r="M936" s="19">
        <v>10</v>
      </c>
      <c r="N936" s="25"/>
      <c r="O936" s="257"/>
    </row>
    <row r="937" spans="1:15" ht="18.75" hidden="1" customHeight="1">
      <c r="E937" s="8" t="s">
        <v>270</v>
      </c>
      <c r="F937" s="8">
        <v>610</v>
      </c>
      <c r="G937" s="8" t="s">
        <v>269</v>
      </c>
      <c r="H937" s="8" t="s">
        <v>17</v>
      </c>
      <c r="I937" s="8" t="s">
        <v>71</v>
      </c>
      <c r="J937" s="8">
        <v>1</v>
      </c>
      <c r="K937" s="8" t="s">
        <v>150</v>
      </c>
      <c r="L937" s="8">
        <v>1</v>
      </c>
      <c r="M937" s="8">
        <v>15</v>
      </c>
      <c r="O937" s="257"/>
    </row>
    <row r="938" spans="1:15" ht="18.75" hidden="1" customHeight="1">
      <c r="E938" s="19" t="s">
        <v>268</v>
      </c>
      <c r="F938" s="19">
        <v>378</v>
      </c>
      <c r="G938" s="19" t="s">
        <v>267</v>
      </c>
      <c r="H938" s="19" t="s">
        <v>78</v>
      </c>
      <c r="I938" s="19" t="s">
        <v>174</v>
      </c>
      <c r="J938" s="19">
        <v>1</v>
      </c>
      <c r="K938" s="19" t="s">
        <v>514</v>
      </c>
      <c r="L938" s="19">
        <v>1</v>
      </c>
      <c r="M938" s="19">
        <v>1</v>
      </c>
      <c r="N938" s="25"/>
      <c r="O938" s="257"/>
    </row>
    <row r="939" spans="1:15" ht="18.75" hidden="1" customHeight="1">
      <c r="E939" s="19" t="s">
        <v>266</v>
      </c>
      <c r="F939" s="19">
        <v>332</v>
      </c>
      <c r="G939" s="19" t="s">
        <v>232</v>
      </c>
      <c r="H939" s="19" t="s">
        <v>78</v>
      </c>
      <c r="I939" s="19" t="s">
        <v>174</v>
      </c>
      <c r="J939" s="19">
        <v>1</v>
      </c>
      <c r="K939" s="19" t="s">
        <v>438</v>
      </c>
      <c r="L939" s="19">
        <v>1</v>
      </c>
      <c r="M939" s="19">
        <v>6</v>
      </c>
      <c r="N939" s="25"/>
      <c r="O939" s="257"/>
    </row>
    <row r="940" spans="1:15" ht="18.75" hidden="1" customHeight="1">
      <c r="E940" s="19" t="s">
        <v>265</v>
      </c>
      <c r="F940" s="19">
        <v>118</v>
      </c>
      <c r="G940" s="19" t="s">
        <v>264</v>
      </c>
      <c r="H940" s="19" t="s">
        <v>17</v>
      </c>
      <c r="I940" s="19" t="s">
        <v>174</v>
      </c>
      <c r="J940" s="19">
        <v>1</v>
      </c>
      <c r="K940" s="19" t="s">
        <v>438</v>
      </c>
      <c r="L940" s="19">
        <v>1</v>
      </c>
      <c r="M940" s="19">
        <v>9</v>
      </c>
      <c r="N940" s="25"/>
      <c r="O940" s="257"/>
    </row>
    <row r="941" spans="1:15" ht="18.75" hidden="1" customHeight="1">
      <c r="E941" s="19" t="s">
        <v>263</v>
      </c>
      <c r="F941" s="19">
        <v>355</v>
      </c>
      <c r="G941" s="19" t="s">
        <v>103</v>
      </c>
      <c r="H941" s="19" t="s">
        <v>78</v>
      </c>
      <c r="I941" s="19" t="s">
        <v>174</v>
      </c>
      <c r="J941" s="19">
        <v>1</v>
      </c>
      <c r="K941" s="19" t="s">
        <v>514</v>
      </c>
      <c r="L941" s="19">
        <v>2</v>
      </c>
      <c r="M941" s="19">
        <v>2</v>
      </c>
      <c r="N941" s="25"/>
      <c r="O941" s="257"/>
    </row>
    <row r="942" spans="1:15" ht="18.75" hidden="1" customHeight="1">
      <c r="E942" s="19" t="s">
        <v>262</v>
      </c>
      <c r="F942" s="19">
        <v>380</v>
      </c>
      <c r="G942" s="19" t="s">
        <v>105</v>
      </c>
      <c r="H942" s="19" t="s">
        <v>78</v>
      </c>
      <c r="I942" s="19" t="s">
        <v>174</v>
      </c>
      <c r="J942" s="19">
        <v>1</v>
      </c>
      <c r="K942" s="19" t="s">
        <v>438</v>
      </c>
      <c r="L942" s="19">
        <v>1</v>
      </c>
      <c r="M942" s="19">
        <v>15</v>
      </c>
      <c r="N942" s="25"/>
      <c r="O942" s="257"/>
    </row>
    <row r="943" spans="1:15" ht="18.75" hidden="1" customHeight="1">
      <c r="E943" s="19" t="s">
        <v>261</v>
      </c>
      <c r="F943" s="19">
        <v>380</v>
      </c>
      <c r="G943" s="19" t="s">
        <v>105</v>
      </c>
      <c r="H943" s="19" t="s">
        <v>17</v>
      </c>
      <c r="I943" s="19" t="s">
        <v>174</v>
      </c>
      <c r="J943" s="19">
        <v>1</v>
      </c>
      <c r="K943" s="19" t="s">
        <v>438</v>
      </c>
      <c r="L943" s="19">
        <v>1</v>
      </c>
      <c r="M943" s="19">
        <v>15</v>
      </c>
      <c r="N943" s="25"/>
      <c r="O943" s="257"/>
    </row>
    <row r="944" spans="1:15" ht="18.75" hidden="1" customHeight="1">
      <c r="E944" s="19" t="s">
        <v>260</v>
      </c>
      <c r="F944" s="19">
        <v>331</v>
      </c>
      <c r="G944" s="19" t="s">
        <v>259</v>
      </c>
      <c r="H944" s="19" t="s">
        <v>17</v>
      </c>
      <c r="I944" s="19" t="s">
        <v>174</v>
      </c>
      <c r="J944" s="19">
        <v>1</v>
      </c>
      <c r="K944" s="19" t="s">
        <v>514</v>
      </c>
      <c r="L944" s="19">
        <v>2</v>
      </c>
      <c r="M944" s="19">
        <v>2</v>
      </c>
      <c r="N944" s="25"/>
      <c r="O944" s="257"/>
    </row>
    <row r="945" spans="1:15" ht="18.75" hidden="1" customHeight="1">
      <c r="E945" s="8" t="s">
        <v>258</v>
      </c>
      <c r="F945" s="8">
        <v>127</v>
      </c>
      <c r="G945" s="8" t="s">
        <v>126</v>
      </c>
      <c r="H945" s="8" t="s">
        <v>78</v>
      </c>
      <c r="I945" s="8" t="s">
        <v>174</v>
      </c>
      <c r="J945" s="8">
        <v>1</v>
      </c>
      <c r="K945" s="8" t="s">
        <v>509</v>
      </c>
      <c r="L945" s="8">
        <v>1</v>
      </c>
      <c r="M945" s="8">
        <v>30</v>
      </c>
      <c r="O945" s="257"/>
    </row>
    <row r="946" spans="1:15" ht="18.75" hidden="1" customHeight="1">
      <c r="E946" s="19" t="s">
        <v>257</v>
      </c>
      <c r="F946" s="19">
        <v>770</v>
      </c>
      <c r="G946" s="19" t="s">
        <v>256</v>
      </c>
      <c r="H946" s="19" t="s">
        <v>17</v>
      </c>
      <c r="I946" s="19" t="s">
        <v>174</v>
      </c>
      <c r="J946" s="19">
        <v>1</v>
      </c>
      <c r="K946" s="19" t="s">
        <v>509</v>
      </c>
      <c r="L946" s="19">
        <v>1</v>
      </c>
      <c r="M946" s="19">
        <v>20</v>
      </c>
      <c r="N946" s="25"/>
      <c r="O946" s="257"/>
    </row>
    <row r="947" spans="1:15" ht="18.75" hidden="1" customHeight="1">
      <c r="E947" s="8" t="s">
        <v>255</v>
      </c>
      <c r="F947" s="8">
        <v>352</v>
      </c>
      <c r="G947" s="8" t="s">
        <v>3</v>
      </c>
      <c r="H947" s="8" t="s">
        <v>78</v>
      </c>
      <c r="I947" s="8" t="s">
        <v>71</v>
      </c>
      <c r="J947" s="8">
        <v>1</v>
      </c>
      <c r="K947" s="8" t="s">
        <v>509</v>
      </c>
      <c r="L947" s="8">
        <v>1</v>
      </c>
      <c r="M947" s="8">
        <v>80</v>
      </c>
      <c r="N947" s="72" t="s">
        <v>653</v>
      </c>
      <c r="O947" s="257"/>
    </row>
    <row r="948" spans="1:15" ht="18.75" hidden="1" customHeight="1">
      <c r="E948" s="8" t="s">
        <v>254</v>
      </c>
      <c r="F948" s="8">
        <v>819</v>
      </c>
      <c r="G948" s="8" t="s">
        <v>253</v>
      </c>
      <c r="H948" s="8" t="s">
        <v>17</v>
      </c>
      <c r="I948" s="8" t="s">
        <v>71</v>
      </c>
      <c r="J948" s="8">
        <v>1</v>
      </c>
      <c r="K948" s="8" t="s">
        <v>514</v>
      </c>
      <c r="L948" s="8">
        <v>2</v>
      </c>
      <c r="M948" s="8">
        <v>3</v>
      </c>
      <c r="N948" s="70" t="s">
        <v>624</v>
      </c>
      <c r="O948" s="257"/>
    </row>
    <row r="949" spans="1:15" ht="18.75" hidden="1" customHeight="1">
      <c r="A949" s="17"/>
      <c r="B949" s="17"/>
      <c r="C949" s="17" t="s">
        <v>252</v>
      </c>
      <c r="D949" s="139" t="s">
        <v>476</v>
      </c>
      <c r="E949" s="17"/>
      <c r="F949" s="17"/>
      <c r="G949" s="17"/>
      <c r="H949" s="17" t="s">
        <v>17</v>
      </c>
      <c r="I949" s="17" t="s">
        <v>71</v>
      </c>
      <c r="J949" s="17">
        <v>1</v>
      </c>
      <c r="K949" s="17"/>
      <c r="L949" s="17"/>
      <c r="M949" s="17"/>
      <c r="N949" s="138"/>
      <c r="O949" s="257"/>
    </row>
    <row r="950" spans="1:15" ht="18.75" hidden="1" customHeight="1">
      <c r="E950" s="8" t="s">
        <v>251</v>
      </c>
      <c r="F950" s="8">
        <v>98</v>
      </c>
      <c r="G950" s="8" t="s">
        <v>156</v>
      </c>
      <c r="H950" s="8" t="s">
        <v>66</v>
      </c>
      <c r="I950" s="8" t="s">
        <v>65</v>
      </c>
      <c r="J950" s="8">
        <v>1</v>
      </c>
      <c r="K950" s="8" t="s">
        <v>514</v>
      </c>
      <c r="L950" s="8">
        <v>2</v>
      </c>
      <c r="M950" s="8">
        <v>3</v>
      </c>
      <c r="N950" s="72" t="s">
        <v>623</v>
      </c>
      <c r="O950" s="257"/>
    </row>
    <row r="951" spans="1:15" ht="18.75" hidden="1" customHeight="1">
      <c r="E951" s="8" t="s">
        <v>250</v>
      </c>
      <c r="F951" s="8">
        <v>100</v>
      </c>
      <c r="G951" s="8" t="s">
        <v>249</v>
      </c>
      <c r="H951" s="8" t="s">
        <v>66</v>
      </c>
      <c r="I951" s="8" t="s">
        <v>65</v>
      </c>
      <c r="J951" s="8">
        <v>1</v>
      </c>
      <c r="K951" s="8" t="s">
        <v>514</v>
      </c>
      <c r="L951" s="8">
        <v>3</v>
      </c>
      <c r="M951" s="8">
        <v>3</v>
      </c>
      <c r="O951" s="257"/>
    </row>
    <row r="952" spans="1:15" ht="18.75" hidden="1" customHeight="1">
      <c r="A952" s="17" t="s">
        <v>278</v>
      </c>
      <c r="B952" s="139" t="s">
        <v>524</v>
      </c>
      <c r="C952" s="17"/>
      <c r="D952" s="139"/>
      <c r="E952" s="17"/>
      <c r="F952" s="17"/>
      <c r="G952" s="17"/>
      <c r="H952" s="17" t="s">
        <v>17</v>
      </c>
      <c r="I952" s="17" t="s">
        <v>71</v>
      </c>
      <c r="J952" s="17">
        <v>25</v>
      </c>
      <c r="K952" s="17"/>
      <c r="L952" s="17"/>
      <c r="M952" s="17"/>
      <c r="N952" s="138"/>
      <c r="O952" s="257"/>
    </row>
    <row r="953" spans="1:15" ht="18.75" hidden="1" customHeight="1">
      <c r="A953" s="17"/>
      <c r="B953" s="17"/>
      <c r="C953" s="17" t="s">
        <v>278</v>
      </c>
      <c r="D953" s="139" t="s">
        <v>524</v>
      </c>
      <c r="E953" s="17"/>
      <c r="F953" s="17"/>
      <c r="G953" s="17"/>
      <c r="H953" s="17" t="s">
        <v>66</v>
      </c>
      <c r="I953" s="17" t="s">
        <v>65</v>
      </c>
      <c r="J953" s="17">
        <v>1</v>
      </c>
      <c r="K953" s="17"/>
      <c r="L953" s="17"/>
      <c r="M953" s="17"/>
      <c r="N953" s="138"/>
      <c r="O953" s="257"/>
    </row>
    <row r="954" spans="1:15" ht="28.5" hidden="1" customHeight="1">
      <c r="E954" s="8" t="s">
        <v>277</v>
      </c>
      <c r="F954" s="8">
        <v>248</v>
      </c>
      <c r="G954" s="8" t="s">
        <v>276</v>
      </c>
      <c r="H954" s="8" t="s">
        <v>66</v>
      </c>
      <c r="I954" s="8" t="s">
        <v>65</v>
      </c>
      <c r="J954" s="8">
        <v>1</v>
      </c>
      <c r="K954" s="8" t="s">
        <v>514</v>
      </c>
      <c r="L954" s="8">
        <v>1</v>
      </c>
      <c r="M954" s="8">
        <v>1</v>
      </c>
      <c r="N954" s="72" t="s">
        <v>728</v>
      </c>
      <c r="O954" s="257"/>
    </row>
    <row r="955" spans="1:15" ht="18.75" hidden="1" customHeight="1">
      <c r="E955" s="8" t="s">
        <v>275</v>
      </c>
      <c r="F955" s="8">
        <v>1300</v>
      </c>
      <c r="G955" s="8" t="s">
        <v>274</v>
      </c>
      <c r="H955" s="8" t="s">
        <v>78</v>
      </c>
      <c r="I955" s="8" t="s">
        <v>96</v>
      </c>
      <c r="J955" s="8">
        <v>1</v>
      </c>
      <c r="K955" s="8" t="s">
        <v>514</v>
      </c>
      <c r="L955" s="8">
        <v>4</v>
      </c>
      <c r="M955" s="8">
        <v>4</v>
      </c>
      <c r="N955" s="70" t="s">
        <v>624</v>
      </c>
      <c r="O955" s="257"/>
    </row>
    <row r="956" spans="1:15" ht="18.75" hidden="1" customHeight="1">
      <c r="E956" s="8" t="s">
        <v>273</v>
      </c>
      <c r="F956" s="8">
        <v>559</v>
      </c>
      <c r="G956" s="8" t="s">
        <v>197</v>
      </c>
      <c r="H956" s="8" t="s">
        <v>78</v>
      </c>
      <c r="I956" s="8" t="s">
        <v>71</v>
      </c>
      <c r="J956" s="8">
        <v>1</v>
      </c>
      <c r="K956" s="8" t="s">
        <v>514</v>
      </c>
      <c r="L956" s="8">
        <v>2</v>
      </c>
      <c r="M956" s="8">
        <v>2</v>
      </c>
      <c r="N956" s="72" t="s">
        <v>643</v>
      </c>
      <c r="O956" s="257"/>
    </row>
    <row r="957" spans="1:15" ht="18.75" hidden="1" customHeight="1">
      <c r="E957" s="19" t="s">
        <v>272</v>
      </c>
      <c r="F957" s="19">
        <v>1301</v>
      </c>
      <c r="G957" s="19" t="s">
        <v>271</v>
      </c>
      <c r="H957" s="19" t="s">
        <v>78</v>
      </c>
      <c r="I957" s="25" t="s">
        <v>96</v>
      </c>
      <c r="J957" s="19">
        <v>1</v>
      </c>
      <c r="K957" s="19" t="s">
        <v>509</v>
      </c>
      <c r="L957" s="19">
        <v>1</v>
      </c>
      <c r="M957" s="19">
        <v>10</v>
      </c>
      <c r="N957" s="25"/>
      <c r="O957" s="257"/>
    </row>
    <row r="958" spans="1:15" ht="18.75" hidden="1" customHeight="1">
      <c r="E958" s="8" t="s">
        <v>270</v>
      </c>
      <c r="F958" s="8">
        <v>610</v>
      </c>
      <c r="G958" s="8" t="s">
        <v>269</v>
      </c>
      <c r="H958" s="8" t="s">
        <v>17</v>
      </c>
      <c r="I958" s="8" t="s">
        <v>71</v>
      </c>
      <c r="J958" s="8">
        <v>1</v>
      </c>
      <c r="K958" s="8" t="s">
        <v>150</v>
      </c>
      <c r="L958" s="8">
        <v>1</v>
      </c>
      <c r="M958" s="8">
        <v>15</v>
      </c>
      <c r="O958" s="257"/>
    </row>
    <row r="959" spans="1:15" ht="18.75" hidden="1" customHeight="1">
      <c r="E959" s="8" t="s">
        <v>268</v>
      </c>
      <c r="F959" s="8">
        <v>378</v>
      </c>
      <c r="G959" s="8" t="s">
        <v>267</v>
      </c>
      <c r="H959" s="8" t="s">
        <v>78</v>
      </c>
      <c r="I959" s="8" t="s">
        <v>71</v>
      </c>
      <c r="J959" s="8">
        <v>1</v>
      </c>
      <c r="K959" s="8" t="s">
        <v>514</v>
      </c>
      <c r="L959" s="8">
        <v>1</v>
      </c>
      <c r="M959" s="8">
        <v>1</v>
      </c>
      <c r="N959" s="72" t="s">
        <v>626</v>
      </c>
      <c r="O959" s="257"/>
    </row>
    <row r="960" spans="1:15" ht="18.75" hidden="1" customHeight="1">
      <c r="E960" s="8" t="s">
        <v>266</v>
      </c>
      <c r="F960" s="8">
        <v>332</v>
      </c>
      <c r="G960" s="8" t="s">
        <v>232</v>
      </c>
      <c r="H960" s="8" t="s">
        <v>78</v>
      </c>
      <c r="I960" s="8" t="s">
        <v>71</v>
      </c>
      <c r="J960" s="8">
        <v>1</v>
      </c>
      <c r="K960" s="8" t="s">
        <v>438</v>
      </c>
      <c r="L960" s="8">
        <v>1</v>
      </c>
      <c r="M960" s="8">
        <v>6</v>
      </c>
      <c r="O960" s="257"/>
    </row>
    <row r="961" spans="1:15" ht="18.75" hidden="1" customHeight="1">
      <c r="E961" s="19" t="s">
        <v>265</v>
      </c>
      <c r="F961" s="19">
        <v>118</v>
      </c>
      <c r="G961" s="19" t="s">
        <v>264</v>
      </c>
      <c r="H961" s="19" t="s">
        <v>17</v>
      </c>
      <c r="I961" s="19" t="s">
        <v>174</v>
      </c>
      <c r="J961" s="19">
        <v>1</v>
      </c>
      <c r="K961" s="19" t="s">
        <v>438</v>
      </c>
      <c r="L961" s="19">
        <v>1</v>
      </c>
      <c r="M961" s="19">
        <v>9</v>
      </c>
      <c r="N961" s="25"/>
      <c r="O961" s="257"/>
    </row>
    <row r="962" spans="1:15" ht="18.75" hidden="1" customHeight="1">
      <c r="E962" s="19" t="s">
        <v>263</v>
      </c>
      <c r="F962" s="19">
        <v>355</v>
      </c>
      <c r="G962" s="19" t="s">
        <v>103</v>
      </c>
      <c r="H962" s="19" t="s">
        <v>78</v>
      </c>
      <c r="I962" s="19" t="s">
        <v>174</v>
      </c>
      <c r="J962" s="19">
        <v>1</v>
      </c>
      <c r="K962" s="19" t="s">
        <v>514</v>
      </c>
      <c r="L962" s="19">
        <v>2</v>
      </c>
      <c r="M962" s="19">
        <v>2</v>
      </c>
      <c r="N962" s="25"/>
      <c r="O962" s="257"/>
    </row>
    <row r="963" spans="1:15" ht="18.75" hidden="1" customHeight="1">
      <c r="E963" s="19" t="s">
        <v>262</v>
      </c>
      <c r="F963" s="19">
        <v>380</v>
      </c>
      <c r="G963" s="19" t="s">
        <v>105</v>
      </c>
      <c r="H963" s="19" t="s">
        <v>78</v>
      </c>
      <c r="I963" s="19" t="s">
        <v>174</v>
      </c>
      <c r="J963" s="19">
        <v>1</v>
      </c>
      <c r="K963" s="19" t="s">
        <v>438</v>
      </c>
      <c r="L963" s="19">
        <v>1</v>
      </c>
      <c r="M963" s="19">
        <v>15</v>
      </c>
      <c r="N963" s="25"/>
      <c r="O963" s="257"/>
    </row>
    <row r="964" spans="1:15" ht="18.75" hidden="1" customHeight="1">
      <c r="E964" s="19" t="s">
        <v>261</v>
      </c>
      <c r="F964" s="19">
        <v>380</v>
      </c>
      <c r="G964" s="19" t="s">
        <v>105</v>
      </c>
      <c r="H964" s="19" t="s">
        <v>17</v>
      </c>
      <c r="I964" s="19" t="s">
        <v>174</v>
      </c>
      <c r="J964" s="19">
        <v>1</v>
      </c>
      <c r="K964" s="19" t="s">
        <v>438</v>
      </c>
      <c r="L964" s="19">
        <v>1</v>
      </c>
      <c r="M964" s="19">
        <v>15</v>
      </c>
      <c r="N964" s="25"/>
      <c r="O964" s="257"/>
    </row>
    <row r="965" spans="1:15" ht="18.75" hidden="1" customHeight="1">
      <c r="E965" s="19" t="s">
        <v>260</v>
      </c>
      <c r="F965" s="19">
        <v>331</v>
      </c>
      <c r="G965" s="19" t="s">
        <v>259</v>
      </c>
      <c r="H965" s="19" t="s">
        <v>17</v>
      </c>
      <c r="I965" s="19" t="s">
        <v>174</v>
      </c>
      <c r="J965" s="19">
        <v>1</v>
      </c>
      <c r="K965" s="19" t="s">
        <v>514</v>
      </c>
      <c r="L965" s="19">
        <v>2</v>
      </c>
      <c r="M965" s="19">
        <v>2</v>
      </c>
      <c r="N965" s="25"/>
      <c r="O965" s="257"/>
    </row>
    <row r="966" spans="1:15" ht="18.75" hidden="1" customHeight="1">
      <c r="E966" s="8" t="s">
        <v>258</v>
      </c>
      <c r="F966" s="8">
        <v>127</v>
      </c>
      <c r="G966" s="8" t="s">
        <v>126</v>
      </c>
      <c r="H966" s="8" t="s">
        <v>78</v>
      </c>
      <c r="I966" s="8" t="s">
        <v>71</v>
      </c>
      <c r="J966" s="8">
        <v>1</v>
      </c>
      <c r="K966" s="8" t="s">
        <v>509</v>
      </c>
      <c r="L966" s="8">
        <v>1</v>
      </c>
      <c r="M966" s="8">
        <v>30</v>
      </c>
      <c r="N966" s="72" t="s">
        <v>655</v>
      </c>
      <c r="O966" s="257"/>
    </row>
    <row r="967" spans="1:15" ht="18.75" hidden="1" customHeight="1">
      <c r="E967" s="8" t="s">
        <v>257</v>
      </c>
      <c r="F967" s="8">
        <v>770</v>
      </c>
      <c r="G967" s="8" t="s">
        <v>256</v>
      </c>
      <c r="H967" s="8" t="s">
        <v>17</v>
      </c>
      <c r="I967" s="8" t="s">
        <v>71</v>
      </c>
      <c r="J967" s="8">
        <v>1</v>
      </c>
      <c r="K967" s="8" t="s">
        <v>509</v>
      </c>
      <c r="L967" s="8">
        <v>1</v>
      </c>
      <c r="M967" s="8">
        <v>20</v>
      </c>
      <c r="N967" s="70" t="s">
        <v>624</v>
      </c>
      <c r="O967" s="257"/>
    </row>
    <row r="968" spans="1:15" ht="18.75" hidden="1" customHeight="1">
      <c r="E968" s="8" t="s">
        <v>255</v>
      </c>
      <c r="F968" s="8">
        <v>352</v>
      </c>
      <c r="G968" s="8" t="s">
        <v>3</v>
      </c>
      <c r="H968" s="8" t="s">
        <v>78</v>
      </c>
      <c r="I968" s="8" t="s">
        <v>71</v>
      </c>
      <c r="J968" s="8">
        <v>1</v>
      </c>
      <c r="K968" s="8" t="s">
        <v>509</v>
      </c>
      <c r="L968" s="8">
        <v>1</v>
      </c>
      <c r="M968" s="8">
        <v>80</v>
      </c>
      <c r="O968" s="257"/>
    </row>
    <row r="969" spans="1:15" ht="18.75" hidden="1" customHeight="1">
      <c r="E969" s="8" t="s">
        <v>254</v>
      </c>
      <c r="F969" s="8">
        <v>819</v>
      </c>
      <c r="G969" s="8" t="s">
        <v>253</v>
      </c>
      <c r="H969" s="8" t="s">
        <v>17</v>
      </c>
      <c r="I969" s="8" t="s">
        <v>71</v>
      </c>
      <c r="J969" s="8">
        <v>1</v>
      </c>
      <c r="K969" s="8" t="s">
        <v>514</v>
      </c>
      <c r="L969" s="8">
        <v>2</v>
      </c>
      <c r="M969" s="8">
        <v>3</v>
      </c>
      <c r="N969" s="70" t="s">
        <v>624</v>
      </c>
      <c r="O969" s="257"/>
    </row>
    <row r="970" spans="1:15" ht="18.75" hidden="1" customHeight="1">
      <c r="A970" s="17"/>
      <c r="B970" s="17"/>
      <c r="C970" s="17" t="s">
        <v>252</v>
      </c>
      <c r="D970" s="139" t="s">
        <v>476</v>
      </c>
      <c r="E970" s="17"/>
      <c r="F970" s="17"/>
      <c r="G970" s="17"/>
      <c r="H970" s="17" t="s">
        <v>17</v>
      </c>
      <c r="I970" s="17" t="s">
        <v>71</v>
      </c>
      <c r="J970" s="17">
        <v>1</v>
      </c>
      <c r="K970" s="17"/>
      <c r="L970" s="17"/>
      <c r="M970" s="17"/>
      <c r="N970" s="138"/>
      <c r="O970" s="257"/>
    </row>
    <row r="971" spans="1:15" ht="18.75" hidden="1" customHeight="1">
      <c r="E971" s="8" t="s">
        <v>251</v>
      </c>
      <c r="F971" s="8">
        <v>98</v>
      </c>
      <c r="G971" s="8" t="s">
        <v>156</v>
      </c>
      <c r="H971" s="8" t="s">
        <v>66</v>
      </c>
      <c r="I971" s="8" t="s">
        <v>65</v>
      </c>
      <c r="J971" s="8">
        <v>1</v>
      </c>
      <c r="K971" s="8" t="s">
        <v>514</v>
      </c>
      <c r="L971" s="8">
        <v>2</v>
      </c>
      <c r="M971" s="8">
        <v>3</v>
      </c>
      <c r="N971" s="72" t="s">
        <v>623</v>
      </c>
      <c r="O971" s="257"/>
    </row>
    <row r="972" spans="1:15" ht="18.75" hidden="1" customHeight="1">
      <c r="E972" s="8" t="s">
        <v>250</v>
      </c>
      <c r="F972" s="8">
        <v>100</v>
      </c>
      <c r="G972" s="8" t="s">
        <v>249</v>
      </c>
      <c r="H972" s="8" t="s">
        <v>66</v>
      </c>
      <c r="I972" s="8" t="s">
        <v>65</v>
      </c>
      <c r="J972" s="8">
        <v>1</v>
      </c>
      <c r="K972" s="8" t="s">
        <v>514</v>
      </c>
      <c r="L972" s="8">
        <v>3</v>
      </c>
      <c r="M972" s="8">
        <v>3</v>
      </c>
      <c r="O972" s="257"/>
    </row>
    <row r="973" spans="1:15" ht="18.75" hidden="1" customHeight="1">
      <c r="E973" s="19" t="s">
        <v>290</v>
      </c>
      <c r="F973" s="19">
        <v>280</v>
      </c>
      <c r="G973" s="19" t="s">
        <v>289</v>
      </c>
      <c r="H973" s="19" t="s">
        <v>17</v>
      </c>
      <c r="I973" s="19" t="s">
        <v>96</v>
      </c>
      <c r="J973" s="19">
        <v>1</v>
      </c>
      <c r="K973" s="19" t="s">
        <v>438</v>
      </c>
      <c r="L973" s="19">
        <v>4</v>
      </c>
      <c r="M973" s="19">
        <v>10</v>
      </c>
      <c r="N973" s="25"/>
      <c r="O973" s="257"/>
    </row>
    <row r="974" spans="1:15" ht="18.75" hidden="1" customHeight="1">
      <c r="E974" s="19" t="s">
        <v>288</v>
      </c>
      <c r="F974" s="19">
        <v>98</v>
      </c>
      <c r="G974" s="19" t="s">
        <v>156</v>
      </c>
      <c r="H974" s="19" t="s">
        <v>17</v>
      </c>
      <c r="I974" s="19" t="s">
        <v>96</v>
      </c>
      <c r="J974" s="19">
        <v>1</v>
      </c>
      <c r="K974" s="19" t="s">
        <v>514</v>
      </c>
      <c r="L974" s="19">
        <v>2</v>
      </c>
      <c r="M974" s="19">
        <v>3</v>
      </c>
      <c r="N974" s="25"/>
      <c r="O974" s="257"/>
    </row>
    <row r="975" spans="1:15" ht="18.75" hidden="1" customHeight="1">
      <c r="E975" s="19" t="s">
        <v>287</v>
      </c>
      <c r="F975" s="19">
        <v>100</v>
      </c>
      <c r="G975" s="19" t="s">
        <v>249</v>
      </c>
      <c r="H975" s="19" t="s">
        <v>17</v>
      </c>
      <c r="I975" s="19" t="s">
        <v>96</v>
      </c>
      <c r="J975" s="19">
        <v>1</v>
      </c>
      <c r="K975" s="19" t="s">
        <v>514</v>
      </c>
      <c r="L975" s="19">
        <v>3</v>
      </c>
      <c r="M975" s="19">
        <v>3</v>
      </c>
      <c r="N975" s="25"/>
      <c r="O975" s="257"/>
    </row>
    <row r="976" spans="1:15" ht="18.75" hidden="1" customHeight="1">
      <c r="E976" s="19" t="s">
        <v>286</v>
      </c>
      <c r="F976" s="19">
        <v>669</v>
      </c>
      <c r="G976" s="19" t="s">
        <v>285</v>
      </c>
      <c r="H976" s="19" t="s">
        <v>17</v>
      </c>
      <c r="I976" s="19" t="s">
        <v>96</v>
      </c>
      <c r="J976" s="19">
        <v>1</v>
      </c>
      <c r="K976" s="19" t="s">
        <v>514</v>
      </c>
      <c r="L976" s="19">
        <v>3</v>
      </c>
      <c r="M976" s="19">
        <v>3</v>
      </c>
      <c r="N976" s="25"/>
      <c r="O976" s="257"/>
    </row>
    <row r="977" spans="1:15" ht="18.75" hidden="1" customHeight="1">
      <c r="E977" s="8" t="s">
        <v>284</v>
      </c>
      <c r="F977" s="8">
        <v>374</v>
      </c>
      <c r="G977" s="8" t="s">
        <v>82</v>
      </c>
      <c r="H977" s="8" t="s">
        <v>78</v>
      </c>
      <c r="I977" s="8" t="s">
        <v>71</v>
      </c>
      <c r="J977" s="8">
        <v>1</v>
      </c>
      <c r="K977" s="8" t="s">
        <v>514</v>
      </c>
      <c r="L977" s="8">
        <v>3</v>
      </c>
      <c r="M977" s="8">
        <v>3</v>
      </c>
      <c r="N977" s="72" t="s">
        <v>656</v>
      </c>
      <c r="O977" s="257"/>
    </row>
    <row r="978" spans="1:15" ht="18.75" hidden="1" customHeight="1">
      <c r="E978" s="8" t="s">
        <v>283</v>
      </c>
      <c r="F978" s="8">
        <v>373</v>
      </c>
      <c r="G978" s="8" t="s">
        <v>1</v>
      </c>
      <c r="H978" s="8" t="s">
        <v>17</v>
      </c>
      <c r="I978" s="8" t="s">
        <v>71</v>
      </c>
      <c r="J978" s="8">
        <v>1</v>
      </c>
      <c r="K978" s="8" t="s">
        <v>519</v>
      </c>
      <c r="L978" s="8">
        <v>8</v>
      </c>
      <c r="M978" s="8">
        <v>8</v>
      </c>
      <c r="O978" s="257"/>
    </row>
    <row r="979" spans="1:15" ht="18.75" hidden="1" customHeight="1">
      <c r="E979" s="8" t="s">
        <v>282</v>
      </c>
      <c r="F979" s="8">
        <v>337</v>
      </c>
      <c r="G979" s="8" t="s">
        <v>79</v>
      </c>
      <c r="H979" s="8" t="s">
        <v>17</v>
      </c>
      <c r="I979" s="8" t="s">
        <v>71</v>
      </c>
      <c r="J979" s="8">
        <v>1</v>
      </c>
      <c r="K979" s="8" t="s">
        <v>518</v>
      </c>
      <c r="L979" s="8">
        <v>4</v>
      </c>
      <c r="M979" s="8">
        <v>8</v>
      </c>
      <c r="O979" s="257"/>
    </row>
    <row r="980" spans="1:15" ht="18.75" hidden="1" customHeight="1">
      <c r="E980" s="8" t="s">
        <v>281</v>
      </c>
      <c r="F980" s="8">
        <v>374</v>
      </c>
      <c r="G980" s="8" t="s">
        <v>82</v>
      </c>
      <c r="H980" s="8" t="s">
        <v>78</v>
      </c>
      <c r="I980" s="8" t="s">
        <v>71</v>
      </c>
      <c r="J980" s="8">
        <v>1</v>
      </c>
      <c r="K980" s="8" t="s">
        <v>514</v>
      </c>
      <c r="L980" s="8">
        <v>3</v>
      </c>
      <c r="M980" s="8">
        <v>3</v>
      </c>
      <c r="N980" s="72" t="s">
        <v>657</v>
      </c>
      <c r="O980" s="257"/>
    </row>
    <row r="981" spans="1:15" ht="18.75" hidden="1" customHeight="1">
      <c r="E981" s="8" t="s">
        <v>280</v>
      </c>
      <c r="F981" s="8">
        <v>373</v>
      </c>
      <c r="G981" s="8" t="s">
        <v>1</v>
      </c>
      <c r="H981" s="8" t="s">
        <v>78</v>
      </c>
      <c r="I981" s="8" t="s">
        <v>71</v>
      </c>
      <c r="J981" s="8">
        <v>1</v>
      </c>
      <c r="K981" s="8" t="s">
        <v>519</v>
      </c>
      <c r="L981" s="8">
        <v>8</v>
      </c>
      <c r="M981" s="8">
        <v>8</v>
      </c>
      <c r="O981" s="257"/>
    </row>
    <row r="982" spans="1:15" ht="18.75" hidden="1" customHeight="1">
      <c r="E982" s="8" t="s">
        <v>279</v>
      </c>
      <c r="F982" s="8">
        <v>337</v>
      </c>
      <c r="G982" s="8" t="s">
        <v>79</v>
      </c>
      <c r="H982" s="8" t="s">
        <v>78</v>
      </c>
      <c r="I982" s="8" t="s">
        <v>71</v>
      </c>
      <c r="J982" s="8">
        <v>1</v>
      </c>
      <c r="K982" s="8" t="s">
        <v>518</v>
      </c>
      <c r="L982" s="8">
        <v>4</v>
      </c>
      <c r="M982" s="8">
        <v>8</v>
      </c>
      <c r="O982" s="257"/>
    </row>
    <row r="983" spans="1:15" ht="18.75" hidden="1" customHeight="1">
      <c r="A983" s="17" t="s">
        <v>278</v>
      </c>
      <c r="B983" s="139" t="s">
        <v>524</v>
      </c>
      <c r="C983" s="17"/>
      <c r="D983" s="139"/>
      <c r="E983" s="17"/>
      <c r="F983" s="17"/>
      <c r="G983" s="17"/>
      <c r="H983" s="17" t="s">
        <v>17</v>
      </c>
      <c r="I983" s="17" t="s">
        <v>71</v>
      </c>
      <c r="J983" s="17">
        <v>25</v>
      </c>
      <c r="K983" s="17"/>
      <c r="L983" s="17"/>
      <c r="M983" s="17"/>
      <c r="N983" s="138"/>
      <c r="O983" s="257"/>
    </row>
    <row r="984" spans="1:15" ht="18.75" hidden="1" customHeight="1">
      <c r="A984" s="17"/>
      <c r="B984" s="17"/>
      <c r="C984" s="17" t="s">
        <v>278</v>
      </c>
      <c r="D984" s="139" t="s">
        <v>524</v>
      </c>
      <c r="E984" s="17"/>
      <c r="F984" s="17"/>
      <c r="G984" s="17"/>
      <c r="H984" s="17" t="s">
        <v>66</v>
      </c>
      <c r="I984" s="17" t="s">
        <v>65</v>
      </c>
      <c r="J984" s="17">
        <v>1</v>
      </c>
      <c r="K984" s="17"/>
      <c r="L984" s="17"/>
      <c r="M984" s="17"/>
      <c r="N984" s="138"/>
      <c r="O984" s="257"/>
    </row>
    <row r="985" spans="1:15" ht="18.75" hidden="1" customHeight="1">
      <c r="E985" s="8" t="s">
        <v>277</v>
      </c>
      <c r="F985" s="8">
        <v>248</v>
      </c>
      <c r="G985" s="8" t="s">
        <v>276</v>
      </c>
      <c r="H985" s="8" t="s">
        <v>66</v>
      </c>
      <c r="I985" s="8" t="s">
        <v>65</v>
      </c>
      <c r="J985" s="8">
        <v>1</v>
      </c>
      <c r="K985" s="8" t="s">
        <v>514</v>
      </c>
      <c r="L985" s="8">
        <v>1</v>
      </c>
      <c r="M985" s="8">
        <v>1</v>
      </c>
      <c r="N985" s="72" t="s">
        <v>651</v>
      </c>
      <c r="O985" s="257"/>
    </row>
    <row r="986" spans="1:15" ht="18.75" hidden="1" customHeight="1">
      <c r="E986" s="8" t="s">
        <v>275</v>
      </c>
      <c r="F986" s="8">
        <v>1300</v>
      </c>
      <c r="G986" s="8" t="s">
        <v>274</v>
      </c>
      <c r="H986" s="8" t="s">
        <v>78</v>
      </c>
      <c r="I986" s="8" t="s">
        <v>71</v>
      </c>
      <c r="J986" s="8">
        <v>1</v>
      </c>
      <c r="K986" s="8" t="s">
        <v>514</v>
      </c>
      <c r="L986" s="8">
        <v>4</v>
      </c>
      <c r="M986" s="8">
        <v>4</v>
      </c>
      <c r="N986" s="72" t="s">
        <v>729</v>
      </c>
      <c r="O986" s="257"/>
    </row>
    <row r="987" spans="1:15" ht="18.75" hidden="1" customHeight="1">
      <c r="E987" s="19" t="s">
        <v>273</v>
      </c>
      <c r="F987" s="19">
        <v>559</v>
      </c>
      <c r="G987" s="19" t="s">
        <v>197</v>
      </c>
      <c r="H987" s="19" t="s">
        <v>78</v>
      </c>
      <c r="I987" s="19" t="s">
        <v>174</v>
      </c>
      <c r="J987" s="19">
        <v>1</v>
      </c>
      <c r="K987" s="19" t="s">
        <v>514</v>
      </c>
      <c r="L987" s="19">
        <v>2</v>
      </c>
      <c r="M987" s="19">
        <v>2</v>
      </c>
      <c r="N987" s="25"/>
      <c r="O987" s="257"/>
    </row>
    <row r="988" spans="1:15" ht="18.75" hidden="1" customHeight="1">
      <c r="E988" s="19" t="s">
        <v>272</v>
      </c>
      <c r="F988" s="19">
        <v>1301</v>
      </c>
      <c r="G988" s="19" t="s">
        <v>271</v>
      </c>
      <c r="H988" s="19" t="s">
        <v>78</v>
      </c>
      <c r="I988" s="19" t="s">
        <v>174</v>
      </c>
      <c r="J988" s="19">
        <v>1</v>
      </c>
      <c r="K988" s="19" t="s">
        <v>509</v>
      </c>
      <c r="L988" s="19">
        <v>1</v>
      </c>
      <c r="M988" s="19">
        <v>10</v>
      </c>
      <c r="N988" s="25"/>
      <c r="O988" s="257"/>
    </row>
    <row r="989" spans="1:15" ht="18.75" hidden="1" customHeight="1">
      <c r="E989" s="8" t="s">
        <v>270</v>
      </c>
      <c r="F989" s="8">
        <v>610</v>
      </c>
      <c r="G989" s="8" t="s">
        <v>269</v>
      </c>
      <c r="H989" s="8" t="s">
        <v>17</v>
      </c>
      <c r="I989" s="8" t="s">
        <v>71</v>
      </c>
      <c r="J989" s="8">
        <v>1</v>
      </c>
      <c r="K989" s="8" t="s">
        <v>150</v>
      </c>
      <c r="L989" s="8">
        <v>1</v>
      </c>
      <c r="M989" s="8">
        <v>15</v>
      </c>
      <c r="O989" s="257"/>
    </row>
    <row r="990" spans="1:15" ht="18.75" hidden="1" customHeight="1">
      <c r="E990" s="19" t="s">
        <v>268</v>
      </c>
      <c r="F990" s="19">
        <v>378</v>
      </c>
      <c r="G990" s="19" t="s">
        <v>267</v>
      </c>
      <c r="H990" s="19" t="s">
        <v>78</v>
      </c>
      <c r="I990" s="19" t="s">
        <v>174</v>
      </c>
      <c r="J990" s="19">
        <v>1</v>
      </c>
      <c r="K990" s="19" t="s">
        <v>514</v>
      </c>
      <c r="L990" s="19">
        <v>1</v>
      </c>
      <c r="M990" s="19">
        <v>1</v>
      </c>
      <c r="N990" s="25"/>
      <c r="O990" s="257"/>
    </row>
    <row r="991" spans="1:15" ht="18.75" hidden="1" customHeight="1">
      <c r="E991" s="19" t="s">
        <v>266</v>
      </c>
      <c r="F991" s="19">
        <v>332</v>
      </c>
      <c r="G991" s="19" t="s">
        <v>232</v>
      </c>
      <c r="H991" s="19" t="s">
        <v>78</v>
      </c>
      <c r="I991" s="19" t="s">
        <v>174</v>
      </c>
      <c r="J991" s="19">
        <v>1</v>
      </c>
      <c r="K991" s="19" t="s">
        <v>438</v>
      </c>
      <c r="L991" s="19">
        <v>1</v>
      </c>
      <c r="M991" s="19">
        <v>6</v>
      </c>
      <c r="N991" s="25"/>
      <c r="O991" s="257"/>
    </row>
    <row r="992" spans="1:15" ht="18.75" hidden="1" customHeight="1">
      <c r="E992" s="19" t="s">
        <v>265</v>
      </c>
      <c r="F992" s="19">
        <v>118</v>
      </c>
      <c r="G992" s="19" t="s">
        <v>264</v>
      </c>
      <c r="H992" s="19" t="s">
        <v>17</v>
      </c>
      <c r="I992" s="19" t="s">
        <v>174</v>
      </c>
      <c r="J992" s="19">
        <v>1</v>
      </c>
      <c r="K992" s="19" t="s">
        <v>438</v>
      </c>
      <c r="L992" s="19">
        <v>1</v>
      </c>
      <c r="M992" s="19">
        <v>9</v>
      </c>
      <c r="N992" s="25"/>
      <c r="O992" s="257"/>
    </row>
    <row r="993" spans="1:15" ht="18.75" hidden="1" customHeight="1">
      <c r="E993" s="19" t="s">
        <v>263</v>
      </c>
      <c r="F993" s="19">
        <v>355</v>
      </c>
      <c r="G993" s="19" t="s">
        <v>103</v>
      </c>
      <c r="H993" s="19" t="s">
        <v>78</v>
      </c>
      <c r="I993" s="19" t="s">
        <v>174</v>
      </c>
      <c r="J993" s="19">
        <v>1</v>
      </c>
      <c r="K993" s="19" t="s">
        <v>514</v>
      </c>
      <c r="L993" s="19">
        <v>2</v>
      </c>
      <c r="M993" s="19">
        <v>2</v>
      </c>
      <c r="N993" s="25"/>
      <c r="O993" s="257"/>
    </row>
    <row r="994" spans="1:15" ht="18.75" hidden="1" customHeight="1">
      <c r="E994" s="19" t="s">
        <v>262</v>
      </c>
      <c r="F994" s="19">
        <v>380</v>
      </c>
      <c r="G994" s="19" t="s">
        <v>105</v>
      </c>
      <c r="H994" s="19" t="s">
        <v>78</v>
      </c>
      <c r="I994" s="19" t="s">
        <v>174</v>
      </c>
      <c r="J994" s="19">
        <v>1</v>
      </c>
      <c r="K994" s="19" t="s">
        <v>438</v>
      </c>
      <c r="L994" s="19">
        <v>1</v>
      </c>
      <c r="M994" s="19">
        <v>15</v>
      </c>
      <c r="N994" s="25"/>
      <c r="O994" s="257"/>
    </row>
    <row r="995" spans="1:15" ht="18.75" hidden="1" customHeight="1">
      <c r="E995" s="19" t="s">
        <v>261</v>
      </c>
      <c r="F995" s="19">
        <v>380</v>
      </c>
      <c r="G995" s="19" t="s">
        <v>105</v>
      </c>
      <c r="H995" s="19" t="s">
        <v>17</v>
      </c>
      <c r="I995" s="19" t="s">
        <v>174</v>
      </c>
      <c r="J995" s="19">
        <v>1</v>
      </c>
      <c r="K995" s="19" t="s">
        <v>438</v>
      </c>
      <c r="L995" s="19">
        <v>1</v>
      </c>
      <c r="M995" s="19">
        <v>15</v>
      </c>
      <c r="N995" s="25"/>
      <c r="O995" s="257"/>
    </row>
    <row r="996" spans="1:15" ht="18.75" hidden="1" customHeight="1">
      <c r="E996" s="19" t="s">
        <v>260</v>
      </c>
      <c r="F996" s="19">
        <v>331</v>
      </c>
      <c r="G996" s="19" t="s">
        <v>259</v>
      </c>
      <c r="H996" s="19" t="s">
        <v>17</v>
      </c>
      <c r="I996" s="19" t="s">
        <v>174</v>
      </c>
      <c r="J996" s="19">
        <v>1</v>
      </c>
      <c r="K996" s="19" t="s">
        <v>514</v>
      </c>
      <c r="L996" s="19">
        <v>2</v>
      </c>
      <c r="M996" s="19">
        <v>2</v>
      </c>
      <c r="N996" s="25"/>
      <c r="O996" s="257"/>
    </row>
    <row r="997" spans="1:15" ht="18.75" hidden="1" customHeight="1">
      <c r="E997" s="8" t="s">
        <v>258</v>
      </c>
      <c r="F997" s="8">
        <v>127</v>
      </c>
      <c r="G997" s="8" t="s">
        <v>126</v>
      </c>
      <c r="H997" s="8" t="s">
        <v>78</v>
      </c>
      <c r="I997" s="8" t="s">
        <v>71</v>
      </c>
      <c r="J997" s="8">
        <v>1</v>
      </c>
      <c r="K997" s="8" t="s">
        <v>509</v>
      </c>
      <c r="L997" s="8">
        <v>1</v>
      </c>
      <c r="M997" s="8">
        <v>30</v>
      </c>
      <c r="O997" s="257"/>
    </row>
    <row r="998" spans="1:15" ht="18.75" hidden="1" customHeight="1">
      <c r="E998" s="8" t="s">
        <v>257</v>
      </c>
      <c r="F998" s="8">
        <v>770</v>
      </c>
      <c r="G998" s="8" t="s">
        <v>256</v>
      </c>
      <c r="H998" s="8" t="s">
        <v>17</v>
      </c>
      <c r="I998" s="8" t="s">
        <v>71</v>
      </c>
      <c r="J998" s="8">
        <v>1</v>
      </c>
      <c r="K998" s="8" t="s">
        <v>509</v>
      </c>
      <c r="L998" s="8">
        <v>1</v>
      </c>
      <c r="M998" s="8">
        <v>20</v>
      </c>
      <c r="O998" s="257"/>
    </row>
    <row r="999" spans="1:15" ht="18.75" hidden="1" customHeight="1">
      <c r="E999" s="8" t="s">
        <v>255</v>
      </c>
      <c r="F999" s="8">
        <v>352</v>
      </c>
      <c r="G999" s="8" t="s">
        <v>3</v>
      </c>
      <c r="H999" s="8" t="s">
        <v>78</v>
      </c>
      <c r="I999" s="8" t="s">
        <v>71</v>
      </c>
      <c r="J999" s="8">
        <v>1</v>
      </c>
      <c r="K999" s="8" t="s">
        <v>509</v>
      </c>
      <c r="L999" s="8">
        <v>1</v>
      </c>
      <c r="M999" s="8">
        <v>80</v>
      </c>
      <c r="O999" s="257"/>
    </row>
    <row r="1000" spans="1:15" ht="18.75" hidden="1" customHeight="1">
      <c r="E1000" s="8" t="s">
        <v>254</v>
      </c>
      <c r="F1000" s="8">
        <v>819</v>
      </c>
      <c r="G1000" s="8" t="s">
        <v>253</v>
      </c>
      <c r="H1000" s="8" t="s">
        <v>17</v>
      </c>
      <c r="I1000" s="8" t="s">
        <v>71</v>
      </c>
      <c r="J1000" s="8">
        <v>1</v>
      </c>
      <c r="K1000" s="8" t="s">
        <v>514</v>
      </c>
      <c r="L1000" s="8">
        <v>2</v>
      </c>
      <c r="M1000" s="8">
        <v>3</v>
      </c>
      <c r="N1000" s="70" t="s">
        <v>624</v>
      </c>
      <c r="O1000" s="257"/>
    </row>
    <row r="1001" spans="1:15" ht="18.75" hidden="1" customHeight="1">
      <c r="A1001" s="17"/>
      <c r="B1001" s="17"/>
      <c r="C1001" s="17" t="s">
        <v>252</v>
      </c>
      <c r="D1001" s="139" t="s">
        <v>476</v>
      </c>
      <c r="E1001" s="17"/>
      <c r="F1001" s="17"/>
      <c r="G1001" s="17"/>
      <c r="H1001" s="17" t="s">
        <v>17</v>
      </c>
      <c r="I1001" s="17" t="s">
        <v>71</v>
      </c>
      <c r="J1001" s="17">
        <v>1</v>
      </c>
      <c r="K1001" s="17"/>
      <c r="L1001" s="17"/>
      <c r="M1001" s="17"/>
      <c r="N1001" s="138"/>
      <c r="O1001" s="257"/>
    </row>
    <row r="1002" spans="1:15" ht="18.75" hidden="1" customHeight="1">
      <c r="E1002" s="8" t="s">
        <v>251</v>
      </c>
      <c r="F1002" s="8">
        <v>98</v>
      </c>
      <c r="G1002" s="8" t="s">
        <v>156</v>
      </c>
      <c r="H1002" s="8" t="s">
        <v>66</v>
      </c>
      <c r="I1002" s="8" t="s">
        <v>65</v>
      </c>
      <c r="J1002" s="8">
        <v>1</v>
      </c>
      <c r="K1002" s="8" t="s">
        <v>514</v>
      </c>
      <c r="L1002" s="8">
        <v>2</v>
      </c>
      <c r="M1002" s="8">
        <v>3</v>
      </c>
      <c r="N1002" s="72" t="s">
        <v>623</v>
      </c>
      <c r="O1002" s="257"/>
    </row>
    <row r="1003" spans="1:15" ht="18.75" hidden="1" customHeight="1">
      <c r="E1003" s="8" t="s">
        <v>250</v>
      </c>
      <c r="F1003" s="8">
        <v>100</v>
      </c>
      <c r="G1003" s="8" t="s">
        <v>249</v>
      </c>
      <c r="H1003" s="8" t="s">
        <v>66</v>
      </c>
      <c r="I1003" s="8" t="s">
        <v>65</v>
      </c>
      <c r="J1003" s="8">
        <v>1</v>
      </c>
      <c r="K1003" s="8" t="s">
        <v>514</v>
      </c>
      <c r="L1003" s="8">
        <v>3</v>
      </c>
      <c r="M1003" s="8">
        <v>3</v>
      </c>
      <c r="O1003" s="257" t="s">
        <v>944</v>
      </c>
    </row>
    <row r="1004" spans="1:15">
      <c r="A1004" s="17"/>
      <c r="B1004" s="17"/>
      <c r="C1004" s="17" t="s">
        <v>248</v>
      </c>
      <c r="D1004" s="139" t="s">
        <v>472</v>
      </c>
      <c r="E1004" s="17"/>
      <c r="F1004" s="17"/>
      <c r="G1004" s="17"/>
      <c r="H1004" s="17" t="s">
        <v>17</v>
      </c>
      <c r="I1004" s="17" t="s">
        <v>71</v>
      </c>
      <c r="J1004" s="17" t="s">
        <v>525</v>
      </c>
      <c r="K1004" s="17"/>
      <c r="L1004" s="17"/>
      <c r="M1004" s="17"/>
      <c r="N1004" s="138"/>
      <c r="O1004" s="257" t="s">
        <v>944</v>
      </c>
    </row>
    <row r="1005" spans="1:15" ht="18.75" hidden="1" customHeight="1" outlineLevel="1">
      <c r="E1005" s="8" t="s">
        <v>247</v>
      </c>
      <c r="F1005" s="8">
        <v>146</v>
      </c>
      <c r="G1005" s="8" t="s">
        <v>246</v>
      </c>
      <c r="H1005" s="8" t="s">
        <v>66</v>
      </c>
      <c r="I1005" s="8" t="s">
        <v>65</v>
      </c>
      <c r="J1005" s="8">
        <v>1</v>
      </c>
      <c r="K1005" s="8" t="s">
        <v>514</v>
      </c>
      <c r="L1005" s="8">
        <v>2</v>
      </c>
      <c r="M1005" s="8">
        <v>2</v>
      </c>
      <c r="N1005" s="70" t="s">
        <v>624</v>
      </c>
      <c r="O1005" s="257"/>
    </row>
    <row r="1006" spans="1:15" ht="18.75" hidden="1" customHeight="1" outlineLevel="1">
      <c r="E1006" s="8" t="s">
        <v>245</v>
      </c>
      <c r="F1006" s="8">
        <v>309</v>
      </c>
      <c r="G1006" s="8" t="s">
        <v>133</v>
      </c>
      <c r="H1006" s="8" t="s">
        <v>78</v>
      </c>
      <c r="I1006" s="8" t="s">
        <v>71</v>
      </c>
      <c r="J1006" s="8">
        <v>1</v>
      </c>
      <c r="K1006" s="8" t="s">
        <v>514</v>
      </c>
      <c r="L1006" s="8">
        <v>1</v>
      </c>
      <c r="M1006" s="8">
        <v>2</v>
      </c>
      <c r="N1006" s="70" t="s">
        <v>624</v>
      </c>
      <c r="O1006" s="257"/>
    </row>
    <row r="1007" spans="1:15" ht="18.75" hidden="1" customHeight="1" outlineLevel="1">
      <c r="E1007" s="8" t="s">
        <v>244</v>
      </c>
      <c r="F1007" s="8">
        <v>352</v>
      </c>
      <c r="G1007" s="8" t="s">
        <v>3</v>
      </c>
      <c r="H1007" s="8" t="s">
        <v>17</v>
      </c>
      <c r="I1007" s="8" t="s">
        <v>71</v>
      </c>
      <c r="J1007" s="8">
        <v>1</v>
      </c>
      <c r="K1007" s="8" t="s">
        <v>509</v>
      </c>
      <c r="L1007" s="8">
        <v>1</v>
      </c>
      <c r="M1007" s="8">
        <v>80</v>
      </c>
      <c r="O1007" s="257"/>
    </row>
    <row r="1008" spans="1:15" ht="18.75" hidden="1" customHeight="1" outlineLevel="1">
      <c r="E1008" s="8" t="s">
        <v>243</v>
      </c>
      <c r="F1008" s="8">
        <v>334</v>
      </c>
      <c r="G1008" s="8" t="s">
        <v>242</v>
      </c>
      <c r="H1008" s="8" t="s">
        <v>17</v>
      </c>
      <c r="I1008" s="8" t="s">
        <v>71</v>
      </c>
      <c r="J1008" s="8">
        <v>1</v>
      </c>
      <c r="K1008" s="8" t="s">
        <v>514</v>
      </c>
      <c r="L1008" s="8">
        <v>2</v>
      </c>
      <c r="M1008" s="8">
        <v>2</v>
      </c>
      <c r="N1008" s="18" t="s">
        <v>730</v>
      </c>
      <c r="O1008" s="257"/>
    </row>
    <row r="1009" spans="1:16341" ht="18.75" hidden="1" customHeight="1" outlineLevel="1">
      <c r="E1009" s="8" t="s">
        <v>241</v>
      </c>
      <c r="F1009" s="8">
        <v>335</v>
      </c>
      <c r="G1009" s="8" t="s">
        <v>240</v>
      </c>
      <c r="H1009" s="8" t="s">
        <v>78</v>
      </c>
      <c r="I1009" s="8" t="s">
        <v>71</v>
      </c>
      <c r="J1009" s="8">
        <v>1</v>
      </c>
      <c r="K1009" s="8" t="s">
        <v>514</v>
      </c>
      <c r="L1009" s="8">
        <v>3</v>
      </c>
      <c r="M1009" s="8">
        <v>3</v>
      </c>
      <c r="N1009" s="70" t="s">
        <v>624</v>
      </c>
      <c r="O1009" s="257"/>
    </row>
    <row r="1010" spans="1:16341" ht="18.75" hidden="1" customHeight="1" outlineLevel="1">
      <c r="E1010" s="8" t="s">
        <v>239</v>
      </c>
      <c r="F1010" s="8">
        <v>309</v>
      </c>
      <c r="G1010" s="8" t="s">
        <v>133</v>
      </c>
      <c r="H1010" s="8" t="s">
        <v>78</v>
      </c>
      <c r="I1010" s="8" t="s">
        <v>71</v>
      </c>
      <c r="J1010" s="8">
        <v>1</v>
      </c>
      <c r="K1010" s="8" t="s">
        <v>514</v>
      </c>
      <c r="L1010" s="8">
        <v>1</v>
      </c>
      <c r="M1010" s="8">
        <v>2</v>
      </c>
      <c r="N1010" s="72" t="s">
        <v>643</v>
      </c>
      <c r="O1010" s="257"/>
    </row>
    <row r="1011" spans="1:16341" ht="18.75" hidden="1" customHeight="1" outlineLevel="1">
      <c r="E1011" s="8" t="s">
        <v>238</v>
      </c>
      <c r="F1011" s="8">
        <v>352</v>
      </c>
      <c r="G1011" s="8" t="s">
        <v>3</v>
      </c>
      <c r="H1011" s="8" t="s">
        <v>17</v>
      </c>
      <c r="I1011" s="8" t="s">
        <v>71</v>
      </c>
      <c r="J1011" s="8">
        <v>1</v>
      </c>
      <c r="K1011" s="8" t="s">
        <v>509</v>
      </c>
      <c r="L1011" s="8">
        <v>1</v>
      </c>
      <c r="M1011" s="8">
        <v>80</v>
      </c>
      <c r="O1011" s="257"/>
    </row>
    <row r="1012" spans="1:16341" ht="90" hidden="1" customHeight="1" collapsed="1">
      <c r="A1012" s="17"/>
      <c r="B1012" s="17"/>
      <c r="C1012" s="17" t="s">
        <v>84</v>
      </c>
      <c r="D1012" s="139" t="s">
        <v>428</v>
      </c>
      <c r="E1012" s="17"/>
      <c r="F1012" s="17"/>
      <c r="G1012" s="17"/>
      <c r="H1012" s="17" t="s">
        <v>17</v>
      </c>
      <c r="I1012" s="17" t="s">
        <v>71</v>
      </c>
      <c r="J1012" s="17">
        <v>10</v>
      </c>
      <c r="K1012" s="17"/>
      <c r="L1012" s="17"/>
      <c r="M1012" s="17"/>
      <c r="N1012" s="138"/>
      <c r="O1012" s="257"/>
    </row>
    <row r="1013" spans="1:16341" ht="18.75" hidden="1" customHeight="1">
      <c r="E1013" s="8" t="s">
        <v>83</v>
      </c>
      <c r="F1013" s="8">
        <v>374</v>
      </c>
      <c r="G1013" s="8" t="s">
        <v>82</v>
      </c>
      <c r="H1013" s="8" t="s">
        <v>66</v>
      </c>
      <c r="I1013" s="8" t="s">
        <v>65</v>
      </c>
      <c r="J1013" s="8">
        <v>1</v>
      </c>
      <c r="K1013" s="8" t="s">
        <v>514</v>
      </c>
      <c r="L1013" s="8">
        <v>3</v>
      </c>
      <c r="M1013" s="8">
        <v>3</v>
      </c>
      <c r="N1013" s="72" t="s">
        <v>663</v>
      </c>
      <c r="O1013" s="257"/>
    </row>
    <row r="1014" spans="1:16341" ht="18.75" hidden="1" customHeight="1">
      <c r="E1014" s="8" t="s">
        <v>81</v>
      </c>
      <c r="F1014" s="8">
        <v>373</v>
      </c>
      <c r="G1014" s="8" t="s">
        <v>1</v>
      </c>
      <c r="H1014" s="8" t="s">
        <v>78</v>
      </c>
      <c r="I1014" s="8" t="s">
        <v>71</v>
      </c>
      <c r="J1014" s="8">
        <v>1</v>
      </c>
      <c r="K1014" s="8" t="s">
        <v>519</v>
      </c>
      <c r="L1014" s="8">
        <v>8</v>
      </c>
      <c r="M1014" s="8">
        <v>8</v>
      </c>
      <c r="O1014" s="257"/>
    </row>
    <row r="1015" spans="1:16341" ht="18.75" hidden="1" customHeight="1">
      <c r="E1015" s="8" t="s">
        <v>80</v>
      </c>
      <c r="F1015" s="8">
        <v>337</v>
      </c>
      <c r="G1015" s="8" t="s">
        <v>79</v>
      </c>
      <c r="H1015" s="8" t="s">
        <v>78</v>
      </c>
      <c r="I1015" s="8" t="s">
        <v>71</v>
      </c>
      <c r="J1015" s="8">
        <v>1</v>
      </c>
      <c r="K1015" s="8" t="s">
        <v>518</v>
      </c>
      <c r="L1015" s="8">
        <v>4</v>
      </c>
      <c r="M1015" s="8">
        <v>8</v>
      </c>
      <c r="O1015" s="257"/>
    </row>
    <row r="1016" spans="1:16341" s="71" customFormat="1" ht="18.75" hidden="1" customHeight="1">
      <c r="A1016" s="8"/>
      <c r="B1016" s="8"/>
      <c r="C1016" s="8"/>
      <c r="D1016" s="10"/>
      <c r="E1016" s="8" t="s">
        <v>77</v>
      </c>
      <c r="F1016" s="8">
        <v>623</v>
      </c>
      <c r="G1016" s="8" t="s">
        <v>76</v>
      </c>
      <c r="H1016" s="8" t="s">
        <v>17</v>
      </c>
      <c r="I1016" s="8" t="s">
        <v>71</v>
      </c>
      <c r="J1016" s="8">
        <v>1</v>
      </c>
      <c r="K1016" s="8" t="s">
        <v>514</v>
      </c>
      <c r="L1016" s="8">
        <v>2</v>
      </c>
      <c r="M1016" s="8">
        <v>2</v>
      </c>
      <c r="N1016" s="70" t="s">
        <v>624</v>
      </c>
      <c r="O1016" s="257" t="s">
        <v>956</v>
      </c>
      <c r="P1016" s="257"/>
      <c r="Q1016" s="10"/>
      <c r="R1016" s="10"/>
      <c r="S1016" s="10"/>
      <c r="T1016" s="10"/>
      <c r="U1016" s="10"/>
      <c r="V1016" s="10"/>
      <c r="W1016" s="10"/>
      <c r="X1016" s="10"/>
      <c r="Y1016" s="10"/>
      <c r="Z1016" s="10"/>
      <c r="AA1016" s="10"/>
      <c r="AB1016" s="10"/>
      <c r="AC1016" s="10"/>
      <c r="AD1016" s="10"/>
      <c r="AE1016" s="10"/>
      <c r="AF1016" s="10"/>
      <c r="AG1016" s="10"/>
      <c r="AH1016" s="10"/>
      <c r="AI1016" s="10"/>
      <c r="AJ1016" s="10"/>
      <c r="AK1016" s="10"/>
      <c r="AL1016" s="10"/>
      <c r="AM1016" s="10"/>
      <c r="AN1016" s="10"/>
      <c r="AO1016" s="10"/>
      <c r="AP1016" s="10"/>
      <c r="AQ1016" s="10"/>
      <c r="AR1016" s="10"/>
      <c r="AS1016" s="10"/>
      <c r="AT1016" s="10"/>
      <c r="AU1016" s="10"/>
      <c r="AV1016" s="10"/>
      <c r="AW1016" s="10"/>
      <c r="AX1016" s="10"/>
      <c r="AY1016" s="10"/>
      <c r="AZ1016" s="10"/>
      <c r="BA1016" s="10"/>
      <c r="BB1016" s="10"/>
      <c r="BC1016" s="10"/>
      <c r="BD1016" s="10"/>
      <c r="BE1016" s="10"/>
      <c r="BF1016" s="10"/>
      <c r="BG1016" s="10"/>
      <c r="BH1016" s="10"/>
      <c r="BI1016" s="10"/>
      <c r="BJ1016" s="10"/>
      <c r="BK1016" s="10"/>
      <c r="BL1016" s="10"/>
      <c r="BM1016" s="10"/>
      <c r="BN1016" s="10"/>
      <c r="BO1016" s="10"/>
      <c r="BP1016" s="10"/>
      <c r="BQ1016" s="10"/>
      <c r="BR1016" s="10"/>
      <c r="BS1016" s="10"/>
      <c r="BT1016" s="10"/>
      <c r="BU1016" s="10"/>
      <c r="BV1016" s="10"/>
      <c r="BW1016" s="10"/>
      <c r="BX1016" s="10"/>
      <c r="BY1016" s="10"/>
      <c r="BZ1016" s="10"/>
      <c r="CA1016" s="10"/>
      <c r="CB1016" s="10"/>
      <c r="CC1016" s="10"/>
      <c r="CD1016" s="10"/>
      <c r="CE1016" s="10"/>
      <c r="CF1016" s="10"/>
      <c r="CG1016" s="10"/>
      <c r="CH1016" s="10"/>
      <c r="CI1016" s="10"/>
      <c r="CJ1016" s="10"/>
      <c r="CK1016" s="10"/>
      <c r="CL1016" s="10"/>
      <c r="CM1016" s="10"/>
      <c r="CN1016" s="10"/>
      <c r="CO1016" s="10"/>
      <c r="CP1016" s="10"/>
      <c r="CQ1016" s="10"/>
      <c r="CR1016" s="10"/>
      <c r="CS1016" s="10"/>
      <c r="CT1016" s="10"/>
      <c r="CU1016" s="10"/>
      <c r="CV1016" s="10"/>
      <c r="CW1016" s="10"/>
      <c r="CX1016" s="10"/>
      <c r="CY1016" s="10"/>
      <c r="CZ1016" s="10"/>
      <c r="DA1016" s="10"/>
      <c r="DB1016" s="10"/>
      <c r="DC1016" s="10"/>
      <c r="DD1016" s="10"/>
      <c r="DE1016" s="10"/>
      <c r="DF1016" s="10"/>
      <c r="DG1016" s="10"/>
      <c r="DH1016" s="10"/>
      <c r="DI1016" s="10"/>
      <c r="DJ1016" s="10"/>
      <c r="DK1016" s="10"/>
      <c r="DL1016" s="10"/>
      <c r="DM1016" s="10"/>
      <c r="DN1016" s="10"/>
      <c r="DO1016" s="10"/>
      <c r="DP1016" s="10"/>
      <c r="DQ1016" s="10"/>
      <c r="DR1016" s="10"/>
      <c r="DS1016" s="10"/>
      <c r="DT1016" s="10"/>
      <c r="DU1016" s="10"/>
      <c r="DV1016" s="10"/>
      <c r="DW1016" s="10"/>
      <c r="DX1016" s="10"/>
      <c r="DY1016" s="10"/>
      <c r="DZ1016" s="10"/>
      <c r="EA1016" s="10"/>
      <c r="EB1016" s="10"/>
      <c r="EC1016" s="10"/>
      <c r="ED1016" s="10"/>
      <c r="EE1016" s="10"/>
      <c r="EF1016" s="10"/>
      <c r="EG1016" s="10"/>
      <c r="EH1016" s="10"/>
      <c r="EI1016" s="10"/>
      <c r="EJ1016" s="10"/>
      <c r="EK1016" s="10"/>
      <c r="EL1016" s="10"/>
      <c r="EM1016" s="10"/>
      <c r="EN1016" s="10"/>
      <c r="EO1016" s="10"/>
      <c r="EP1016" s="10"/>
      <c r="EQ1016" s="10"/>
      <c r="ER1016" s="10"/>
      <c r="ES1016" s="10"/>
      <c r="ET1016" s="10"/>
      <c r="EU1016" s="10"/>
      <c r="EV1016" s="10"/>
      <c r="EW1016" s="10"/>
      <c r="EX1016" s="10"/>
      <c r="EY1016" s="10"/>
      <c r="EZ1016" s="10"/>
      <c r="FA1016" s="10"/>
      <c r="FB1016" s="10"/>
      <c r="FC1016" s="10"/>
      <c r="FD1016" s="10"/>
      <c r="FE1016" s="10"/>
      <c r="FF1016" s="10"/>
      <c r="FG1016" s="10"/>
      <c r="FH1016" s="10"/>
      <c r="FI1016" s="10"/>
      <c r="FJ1016" s="10"/>
      <c r="FK1016" s="10"/>
      <c r="FL1016" s="10"/>
      <c r="FM1016" s="10"/>
      <c r="FN1016" s="10"/>
      <c r="FO1016" s="10"/>
      <c r="FP1016" s="10"/>
      <c r="FQ1016" s="10"/>
      <c r="FR1016" s="10"/>
      <c r="FS1016" s="10"/>
      <c r="FT1016" s="10"/>
      <c r="FU1016" s="10"/>
      <c r="FV1016" s="10"/>
      <c r="FW1016" s="10"/>
      <c r="FX1016" s="10"/>
      <c r="FY1016" s="10"/>
      <c r="FZ1016" s="10"/>
      <c r="GA1016" s="10"/>
      <c r="GB1016" s="10"/>
      <c r="GC1016" s="10"/>
      <c r="GD1016" s="10"/>
      <c r="GE1016" s="10"/>
      <c r="GF1016" s="10"/>
      <c r="GG1016" s="10"/>
      <c r="GH1016" s="10"/>
      <c r="GI1016" s="10"/>
      <c r="GJ1016" s="10"/>
      <c r="GK1016" s="10"/>
      <c r="GL1016" s="10"/>
      <c r="GM1016" s="10"/>
      <c r="GN1016" s="10"/>
      <c r="GO1016" s="10"/>
      <c r="GP1016" s="10"/>
      <c r="GQ1016" s="10"/>
      <c r="GR1016" s="10"/>
      <c r="GS1016" s="10"/>
      <c r="GT1016" s="10"/>
      <c r="GU1016" s="10"/>
      <c r="GV1016" s="10"/>
      <c r="GW1016" s="10"/>
      <c r="GX1016" s="10"/>
      <c r="GY1016" s="10"/>
      <c r="GZ1016" s="10"/>
      <c r="HA1016" s="10"/>
      <c r="HB1016" s="10"/>
      <c r="HC1016" s="10"/>
      <c r="HD1016" s="10"/>
      <c r="HE1016" s="10"/>
      <c r="HF1016" s="10"/>
      <c r="HG1016" s="10"/>
      <c r="HH1016" s="10"/>
      <c r="HI1016" s="10"/>
      <c r="HJ1016" s="10"/>
      <c r="HK1016" s="10"/>
      <c r="HL1016" s="10"/>
      <c r="HM1016" s="10"/>
      <c r="HN1016" s="10"/>
      <c r="HO1016" s="10"/>
      <c r="HP1016" s="10"/>
      <c r="HQ1016" s="10"/>
      <c r="HR1016" s="10"/>
      <c r="HS1016" s="10"/>
      <c r="HT1016" s="10"/>
      <c r="HU1016" s="10"/>
      <c r="HV1016" s="10"/>
      <c r="HW1016" s="10"/>
      <c r="HX1016" s="10"/>
      <c r="HY1016" s="10"/>
      <c r="HZ1016" s="10"/>
      <c r="IA1016" s="10"/>
      <c r="IB1016" s="10"/>
      <c r="IC1016" s="10"/>
      <c r="ID1016" s="10"/>
      <c r="IE1016" s="10"/>
      <c r="IF1016" s="10"/>
      <c r="IG1016" s="10"/>
      <c r="IH1016" s="10"/>
      <c r="II1016" s="10"/>
      <c r="IJ1016" s="10"/>
      <c r="IK1016" s="10"/>
      <c r="IL1016" s="10"/>
      <c r="IM1016" s="10"/>
      <c r="IN1016" s="10"/>
      <c r="IO1016" s="10"/>
      <c r="IP1016" s="10"/>
      <c r="IQ1016" s="10"/>
      <c r="IR1016" s="10"/>
      <c r="IS1016" s="10"/>
      <c r="IT1016" s="10"/>
      <c r="IU1016" s="10"/>
      <c r="IV1016" s="10"/>
      <c r="IW1016" s="10"/>
      <c r="IX1016" s="10"/>
      <c r="IY1016" s="10"/>
      <c r="IZ1016" s="10"/>
      <c r="JA1016" s="10"/>
      <c r="JB1016" s="10"/>
      <c r="JC1016" s="10"/>
      <c r="JD1016" s="10"/>
      <c r="JE1016" s="10"/>
      <c r="JF1016" s="10"/>
      <c r="JG1016" s="10"/>
      <c r="JH1016" s="10"/>
      <c r="JI1016" s="10"/>
      <c r="JJ1016" s="10"/>
      <c r="JK1016" s="10"/>
      <c r="JL1016" s="10"/>
      <c r="JM1016" s="10"/>
      <c r="JN1016" s="10"/>
      <c r="JO1016" s="10"/>
      <c r="JP1016" s="10"/>
      <c r="JQ1016" s="10"/>
      <c r="JR1016" s="10"/>
      <c r="JS1016" s="10"/>
      <c r="JT1016" s="10"/>
      <c r="JU1016" s="10"/>
      <c r="JV1016" s="10"/>
      <c r="JW1016" s="10"/>
      <c r="JX1016" s="10"/>
      <c r="JY1016" s="10"/>
      <c r="JZ1016" s="10"/>
      <c r="KA1016" s="10"/>
      <c r="KB1016" s="10"/>
      <c r="KC1016" s="10"/>
      <c r="KD1016" s="10"/>
      <c r="KE1016" s="10"/>
      <c r="KF1016" s="10"/>
      <c r="KG1016" s="10"/>
      <c r="KH1016" s="10"/>
      <c r="KI1016" s="10"/>
      <c r="KJ1016" s="10"/>
      <c r="KK1016" s="10"/>
      <c r="KL1016" s="10"/>
      <c r="KM1016" s="10"/>
      <c r="KN1016" s="10"/>
      <c r="KO1016" s="10"/>
      <c r="KP1016" s="10"/>
      <c r="KQ1016" s="10"/>
      <c r="KR1016" s="10"/>
      <c r="KS1016" s="10"/>
      <c r="KT1016" s="10"/>
      <c r="KU1016" s="10"/>
      <c r="KV1016" s="10"/>
      <c r="KW1016" s="10"/>
      <c r="KX1016" s="10"/>
      <c r="KY1016" s="10"/>
      <c r="KZ1016" s="10"/>
      <c r="LA1016" s="10"/>
      <c r="LB1016" s="10"/>
      <c r="LC1016" s="10"/>
      <c r="LD1016" s="10"/>
      <c r="LE1016" s="10"/>
      <c r="LF1016" s="10"/>
      <c r="LG1016" s="10"/>
      <c r="LH1016" s="10"/>
      <c r="LI1016" s="10"/>
      <c r="LJ1016" s="10"/>
      <c r="LK1016" s="10"/>
      <c r="LL1016" s="10"/>
      <c r="LM1016" s="10"/>
      <c r="LN1016" s="10"/>
      <c r="LO1016" s="10"/>
      <c r="LP1016" s="10"/>
      <c r="LQ1016" s="10"/>
      <c r="LR1016" s="10"/>
      <c r="LS1016" s="10"/>
      <c r="LT1016" s="10"/>
      <c r="LU1016" s="10"/>
      <c r="LV1016" s="10"/>
      <c r="LW1016" s="10"/>
      <c r="LX1016" s="10"/>
      <c r="LY1016" s="10"/>
      <c r="LZ1016" s="10"/>
      <c r="MA1016" s="10"/>
      <c r="MB1016" s="10"/>
      <c r="MC1016" s="10"/>
      <c r="MD1016" s="10"/>
      <c r="ME1016" s="10"/>
      <c r="MF1016" s="10"/>
      <c r="MG1016" s="10"/>
      <c r="MH1016" s="10"/>
      <c r="MI1016" s="10"/>
      <c r="MJ1016" s="10"/>
      <c r="MK1016" s="10"/>
      <c r="ML1016" s="10"/>
      <c r="MM1016" s="10"/>
      <c r="MN1016" s="10"/>
      <c r="MO1016" s="10"/>
      <c r="MP1016" s="10"/>
      <c r="MQ1016" s="10"/>
      <c r="MR1016" s="10"/>
      <c r="MS1016" s="10"/>
      <c r="MT1016" s="10"/>
      <c r="MU1016" s="10"/>
      <c r="MV1016" s="10"/>
      <c r="MW1016" s="10"/>
      <c r="MX1016" s="10"/>
      <c r="MY1016" s="10"/>
      <c r="MZ1016" s="10"/>
      <c r="NA1016" s="10"/>
      <c r="NB1016" s="10"/>
      <c r="NC1016" s="10"/>
      <c r="ND1016" s="10"/>
      <c r="NE1016" s="10"/>
      <c r="NF1016" s="10"/>
      <c r="NG1016" s="10"/>
      <c r="NH1016" s="10"/>
      <c r="NI1016" s="10"/>
      <c r="NJ1016" s="10"/>
      <c r="NK1016" s="10"/>
      <c r="NL1016" s="10"/>
      <c r="NM1016" s="10"/>
      <c r="NN1016" s="10"/>
      <c r="NO1016" s="10"/>
      <c r="NP1016" s="10"/>
      <c r="NQ1016" s="10"/>
      <c r="NR1016" s="10"/>
      <c r="NS1016" s="10"/>
      <c r="NT1016" s="10"/>
      <c r="NU1016" s="10"/>
      <c r="NV1016" s="10"/>
      <c r="NW1016" s="10"/>
      <c r="NX1016" s="10"/>
      <c r="NY1016" s="10"/>
      <c r="NZ1016" s="10"/>
      <c r="OA1016" s="10"/>
      <c r="OB1016" s="10"/>
      <c r="OC1016" s="10"/>
      <c r="OD1016" s="10"/>
      <c r="OE1016" s="10"/>
      <c r="OF1016" s="10"/>
      <c r="OG1016" s="10"/>
      <c r="OH1016" s="10"/>
      <c r="OI1016" s="10"/>
      <c r="OJ1016" s="10"/>
      <c r="OK1016" s="10"/>
      <c r="OL1016" s="10"/>
      <c r="OM1016" s="10"/>
      <c r="ON1016" s="10"/>
      <c r="OO1016" s="10"/>
      <c r="OP1016" s="10"/>
      <c r="OQ1016" s="10"/>
      <c r="OR1016" s="10"/>
      <c r="OS1016" s="10"/>
      <c r="OT1016" s="10"/>
      <c r="OU1016" s="10"/>
      <c r="OV1016" s="10"/>
      <c r="OW1016" s="10"/>
      <c r="OX1016" s="10"/>
      <c r="OY1016" s="10"/>
      <c r="OZ1016" s="10"/>
      <c r="PA1016" s="10"/>
      <c r="PB1016" s="10"/>
      <c r="PC1016" s="10"/>
      <c r="PD1016" s="10"/>
      <c r="PE1016" s="10"/>
      <c r="PF1016" s="10"/>
      <c r="PG1016" s="10"/>
      <c r="PH1016" s="10"/>
      <c r="PI1016" s="10"/>
      <c r="PJ1016" s="10"/>
      <c r="PK1016" s="10"/>
      <c r="PL1016" s="10"/>
      <c r="PM1016" s="10"/>
      <c r="PN1016" s="10"/>
      <c r="PO1016" s="10"/>
      <c r="PP1016" s="10"/>
      <c r="PQ1016" s="10"/>
      <c r="PR1016" s="10"/>
      <c r="PS1016" s="10"/>
      <c r="PT1016" s="10"/>
      <c r="PU1016" s="10"/>
      <c r="PV1016" s="10"/>
      <c r="PW1016" s="10"/>
      <c r="PX1016" s="10"/>
      <c r="PY1016" s="10"/>
      <c r="PZ1016" s="10"/>
      <c r="QA1016" s="10"/>
      <c r="QB1016" s="10"/>
      <c r="QC1016" s="10"/>
      <c r="QD1016" s="10"/>
      <c r="QE1016" s="10"/>
      <c r="QF1016" s="10"/>
      <c r="QG1016" s="10"/>
      <c r="QH1016" s="10"/>
      <c r="QI1016" s="10"/>
      <c r="QJ1016" s="10"/>
      <c r="QK1016" s="10"/>
      <c r="QL1016" s="10"/>
      <c r="QM1016" s="10"/>
      <c r="QN1016" s="10"/>
      <c r="QO1016" s="10"/>
      <c r="QP1016" s="10"/>
      <c r="QQ1016" s="10"/>
      <c r="QR1016" s="10"/>
      <c r="QS1016" s="10"/>
      <c r="QT1016" s="10"/>
      <c r="QU1016" s="10"/>
      <c r="QV1016" s="10"/>
      <c r="QW1016" s="10"/>
      <c r="QX1016" s="10"/>
      <c r="QY1016" s="10"/>
      <c r="QZ1016" s="10"/>
      <c r="RA1016" s="10"/>
      <c r="RB1016" s="10"/>
      <c r="RC1016" s="10"/>
      <c r="RD1016" s="10"/>
      <c r="RE1016" s="10"/>
      <c r="RF1016" s="10"/>
      <c r="RG1016" s="10"/>
      <c r="RH1016" s="10"/>
      <c r="RI1016" s="10"/>
      <c r="RJ1016" s="10"/>
      <c r="RK1016" s="10"/>
      <c r="RL1016" s="10"/>
      <c r="RM1016" s="10"/>
      <c r="RN1016" s="10"/>
      <c r="RO1016" s="10"/>
      <c r="RP1016" s="10"/>
      <c r="RQ1016" s="10"/>
      <c r="RR1016" s="10"/>
      <c r="RS1016" s="10"/>
      <c r="RT1016" s="10"/>
      <c r="RU1016" s="10"/>
      <c r="RV1016" s="10"/>
      <c r="RW1016" s="10"/>
      <c r="RX1016" s="10"/>
      <c r="RY1016" s="10"/>
      <c r="RZ1016" s="10"/>
      <c r="SA1016" s="10"/>
      <c r="SB1016" s="10"/>
      <c r="SC1016" s="10"/>
      <c r="SD1016" s="10"/>
      <c r="SE1016" s="10"/>
      <c r="SF1016" s="10"/>
      <c r="SG1016" s="10"/>
      <c r="SH1016" s="10"/>
      <c r="SI1016" s="10"/>
      <c r="SJ1016" s="10"/>
      <c r="SK1016" s="10"/>
      <c r="SL1016" s="10"/>
      <c r="SM1016" s="10"/>
      <c r="SN1016" s="10"/>
      <c r="SO1016" s="10"/>
      <c r="SP1016" s="10"/>
      <c r="SQ1016" s="10"/>
      <c r="SR1016" s="10"/>
      <c r="SS1016" s="10"/>
      <c r="ST1016" s="10"/>
      <c r="SU1016" s="10"/>
      <c r="SV1016" s="10"/>
      <c r="SW1016" s="10"/>
      <c r="SX1016" s="10"/>
      <c r="SY1016" s="10"/>
      <c r="SZ1016" s="10"/>
      <c r="TA1016" s="10"/>
      <c r="TB1016" s="10"/>
      <c r="TC1016" s="10"/>
      <c r="TD1016" s="10"/>
      <c r="TE1016" s="10"/>
      <c r="TF1016" s="10"/>
      <c r="TG1016" s="10"/>
      <c r="TH1016" s="10"/>
      <c r="TI1016" s="10"/>
      <c r="TJ1016" s="10"/>
      <c r="TK1016" s="10"/>
      <c r="TL1016" s="10"/>
      <c r="TM1016" s="10"/>
      <c r="TN1016" s="10"/>
      <c r="TO1016" s="10"/>
      <c r="TP1016" s="10"/>
      <c r="TQ1016" s="10"/>
      <c r="TR1016" s="10"/>
      <c r="TS1016" s="10"/>
      <c r="TT1016" s="10"/>
      <c r="TU1016" s="10"/>
      <c r="TV1016" s="10"/>
      <c r="TW1016" s="10"/>
      <c r="TX1016" s="10"/>
      <c r="TY1016" s="10"/>
      <c r="TZ1016" s="10"/>
      <c r="UA1016" s="10"/>
      <c r="UB1016" s="10"/>
      <c r="UC1016" s="10"/>
      <c r="UD1016" s="10"/>
      <c r="UE1016" s="10"/>
      <c r="UF1016" s="10"/>
      <c r="UG1016" s="10"/>
      <c r="UH1016" s="10"/>
      <c r="UI1016" s="10"/>
      <c r="UJ1016" s="10"/>
      <c r="UK1016" s="10"/>
      <c r="UL1016" s="10"/>
      <c r="UM1016" s="10"/>
      <c r="UN1016" s="10"/>
      <c r="UO1016" s="10"/>
      <c r="UP1016" s="10"/>
      <c r="UQ1016" s="10"/>
      <c r="UR1016" s="10"/>
      <c r="US1016" s="10"/>
      <c r="UT1016" s="10"/>
      <c r="UU1016" s="10"/>
      <c r="UV1016" s="10"/>
      <c r="UW1016" s="10"/>
      <c r="UX1016" s="10"/>
      <c r="UY1016" s="10"/>
      <c r="UZ1016" s="10"/>
      <c r="VA1016" s="10"/>
      <c r="VB1016" s="10"/>
      <c r="VC1016" s="10"/>
      <c r="VD1016" s="10"/>
      <c r="VE1016" s="10"/>
      <c r="VF1016" s="10"/>
      <c r="VG1016" s="10"/>
      <c r="VH1016" s="10"/>
      <c r="VI1016" s="10"/>
      <c r="VJ1016" s="10"/>
      <c r="VK1016" s="10"/>
      <c r="VL1016" s="10"/>
      <c r="VM1016" s="10"/>
      <c r="VN1016" s="10"/>
      <c r="VO1016" s="10"/>
      <c r="VP1016" s="10"/>
      <c r="VQ1016" s="10"/>
      <c r="VR1016" s="10"/>
      <c r="VS1016" s="10"/>
      <c r="VT1016" s="10"/>
      <c r="VU1016" s="10"/>
      <c r="VV1016" s="10"/>
      <c r="VW1016" s="10"/>
      <c r="VX1016" s="10"/>
      <c r="VY1016" s="10"/>
      <c r="VZ1016" s="10"/>
      <c r="WA1016" s="10"/>
      <c r="WB1016" s="10"/>
      <c r="WC1016" s="10"/>
      <c r="WD1016" s="10"/>
      <c r="WE1016" s="10"/>
      <c r="WF1016" s="10"/>
      <c r="WG1016" s="10"/>
      <c r="WH1016" s="10"/>
      <c r="WI1016" s="10"/>
      <c r="WJ1016" s="10"/>
      <c r="WK1016" s="10"/>
      <c r="WL1016" s="10"/>
      <c r="WM1016" s="10"/>
      <c r="WN1016" s="10"/>
      <c r="WO1016" s="10"/>
      <c r="WP1016" s="10"/>
      <c r="WQ1016" s="10"/>
      <c r="WR1016" s="10"/>
      <c r="WS1016" s="10"/>
      <c r="WT1016" s="10"/>
      <c r="WU1016" s="10"/>
      <c r="WV1016" s="10"/>
      <c r="WW1016" s="10"/>
      <c r="WX1016" s="10"/>
      <c r="WY1016" s="10"/>
      <c r="WZ1016" s="10"/>
      <c r="XA1016" s="10"/>
      <c r="XB1016" s="10"/>
      <c r="XC1016" s="10"/>
      <c r="XD1016" s="10"/>
      <c r="XE1016" s="10"/>
      <c r="XF1016" s="10"/>
      <c r="XG1016" s="10"/>
      <c r="XH1016" s="10"/>
      <c r="XI1016" s="10"/>
      <c r="XJ1016" s="10"/>
      <c r="XK1016" s="10"/>
      <c r="XL1016" s="10"/>
      <c r="XM1016" s="10"/>
      <c r="XN1016" s="10"/>
      <c r="XO1016" s="10"/>
      <c r="XP1016" s="10"/>
      <c r="XQ1016" s="10"/>
      <c r="XR1016" s="10"/>
      <c r="XS1016" s="10"/>
      <c r="XT1016" s="10"/>
      <c r="XU1016" s="10"/>
      <c r="XV1016" s="10"/>
      <c r="XW1016" s="10"/>
      <c r="XX1016" s="10"/>
      <c r="XY1016" s="10"/>
      <c r="XZ1016" s="10"/>
      <c r="YA1016" s="10"/>
      <c r="YB1016" s="10"/>
      <c r="YC1016" s="10"/>
      <c r="YD1016" s="10"/>
      <c r="YE1016" s="10"/>
      <c r="YF1016" s="10"/>
      <c r="YG1016" s="10"/>
      <c r="YH1016" s="10"/>
      <c r="YI1016" s="10"/>
      <c r="YJ1016" s="10"/>
      <c r="YK1016" s="10"/>
      <c r="YL1016" s="10"/>
      <c r="YM1016" s="10"/>
      <c r="YN1016" s="10"/>
      <c r="YO1016" s="10"/>
      <c r="YP1016" s="10"/>
      <c r="YQ1016" s="10"/>
      <c r="YR1016" s="10"/>
      <c r="YS1016" s="10"/>
      <c r="YT1016" s="10"/>
      <c r="YU1016" s="10"/>
      <c r="YV1016" s="10"/>
      <c r="YW1016" s="10"/>
      <c r="YX1016" s="10"/>
      <c r="YY1016" s="10"/>
      <c r="YZ1016" s="10"/>
      <c r="ZA1016" s="10"/>
      <c r="ZB1016" s="10"/>
      <c r="ZC1016" s="10"/>
      <c r="ZD1016" s="10"/>
      <c r="ZE1016" s="10"/>
      <c r="ZF1016" s="10"/>
      <c r="ZG1016" s="10"/>
      <c r="ZH1016" s="10"/>
      <c r="ZI1016" s="10"/>
      <c r="ZJ1016" s="10"/>
      <c r="ZK1016" s="10"/>
      <c r="ZL1016" s="10"/>
      <c r="ZM1016" s="10"/>
      <c r="ZN1016" s="10"/>
      <c r="ZO1016" s="10"/>
      <c r="ZP1016" s="10"/>
      <c r="ZQ1016" s="10"/>
      <c r="ZR1016" s="10"/>
      <c r="ZS1016" s="10"/>
      <c r="ZT1016" s="10"/>
      <c r="ZU1016" s="10"/>
      <c r="ZV1016" s="10"/>
      <c r="ZW1016" s="10"/>
      <c r="ZX1016" s="10"/>
      <c r="ZY1016" s="10"/>
      <c r="ZZ1016" s="10"/>
      <c r="AAA1016" s="10"/>
      <c r="AAB1016" s="10"/>
      <c r="AAC1016" s="10"/>
      <c r="AAD1016" s="10"/>
      <c r="AAE1016" s="10"/>
      <c r="AAF1016" s="10"/>
      <c r="AAG1016" s="10"/>
      <c r="AAH1016" s="10"/>
      <c r="AAI1016" s="10"/>
      <c r="AAJ1016" s="10"/>
      <c r="AAK1016" s="10"/>
      <c r="AAL1016" s="10"/>
      <c r="AAM1016" s="10"/>
      <c r="AAN1016" s="10"/>
      <c r="AAO1016" s="10"/>
      <c r="AAP1016" s="10"/>
      <c r="AAQ1016" s="10"/>
      <c r="AAR1016" s="10"/>
      <c r="AAS1016" s="10"/>
      <c r="AAT1016" s="10"/>
      <c r="AAU1016" s="10"/>
      <c r="AAV1016" s="10"/>
      <c r="AAW1016" s="10"/>
      <c r="AAX1016" s="10"/>
      <c r="AAY1016" s="10"/>
      <c r="AAZ1016" s="10"/>
      <c r="ABA1016" s="10"/>
      <c r="ABB1016" s="10"/>
      <c r="ABC1016" s="10"/>
      <c r="ABD1016" s="10"/>
      <c r="ABE1016" s="10"/>
      <c r="ABF1016" s="10"/>
      <c r="ABG1016" s="10"/>
      <c r="ABH1016" s="10"/>
      <c r="ABI1016" s="10"/>
      <c r="ABJ1016" s="10"/>
      <c r="ABK1016" s="10"/>
      <c r="ABL1016" s="10"/>
      <c r="ABM1016" s="10"/>
      <c r="ABN1016" s="10"/>
      <c r="ABO1016" s="10"/>
      <c r="ABP1016" s="10"/>
      <c r="ABQ1016" s="10"/>
      <c r="ABR1016" s="10"/>
      <c r="ABS1016" s="10"/>
      <c r="ABT1016" s="10"/>
      <c r="ABU1016" s="10"/>
      <c r="ABV1016" s="10"/>
      <c r="ABW1016" s="10"/>
      <c r="ABX1016" s="10"/>
      <c r="ABY1016" s="10"/>
      <c r="ABZ1016" s="10"/>
      <c r="ACA1016" s="10"/>
      <c r="ACB1016" s="10"/>
      <c r="ACC1016" s="10"/>
      <c r="ACD1016" s="10"/>
      <c r="ACE1016" s="10"/>
      <c r="ACF1016" s="10"/>
      <c r="ACG1016" s="10"/>
      <c r="ACH1016" s="10"/>
      <c r="ACI1016" s="10"/>
      <c r="ACJ1016" s="10"/>
      <c r="ACK1016" s="10"/>
      <c r="ACL1016" s="10"/>
      <c r="ACM1016" s="10"/>
      <c r="ACN1016" s="10"/>
      <c r="ACO1016" s="10"/>
      <c r="ACP1016" s="10"/>
      <c r="ACQ1016" s="10"/>
      <c r="ACR1016" s="10"/>
      <c r="ACS1016" s="10"/>
      <c r="ACT1016" s="10"/>
      <c r="ACU1016" s="10"/>
      <c r="ACV1016" s="10"/>
      <c r="ACW1016" s="10"/>
      <c r="ACX1016" s="10"/>
      <c r="ACY1016" s="10"/>
      <c r="ACZ1016" s="10"/>
      <c r="ADA1016" s="10"/>
      <c r="ADB1016" s="10"/>
      <c r="ADC1016" s="10"/>
      <c r="ADD1016" s="10"/>
      <c r="ADE1016" s="10"/>
      <c r="ADF1016" s="10"/>
      <c r="ADG1016" s="10"/>
      <c r="ADH1016" s="10"/>
      <c r="ADI1016" s="10"/>
      <c r="ADJ1016" s="10"/>
      <c r="ADK1016" s="10"/>
      <c r="ADL1016" s="10"/>
      <c r="ADM1016" s="10"/>
      <c r="ADN1016" s="10"/>
      <c r="ADO1016" s="10"/>
      <c r="ADP1016" s="10"/>
      <c r="ADQ1016" s="10"/>
      <c r="ADR1016" s="10"/>
      <c r="ADS1016" s="10"/>
      <c r="ADT1016" s="10"/>
      <c r="ADU1016" s="10"/>
      <c r="ADV1016" s="10"/>
      <c r="ADW1016" s="10"/>
      <c r="ADX1016" s="10"/>
      <c r="ADY1016" s="10"/>
      <c r="ADZ1016" s="10"/>
      <c r="AEA1016" s="10"/>
      <c r="AEB1016" s="10"/>
      <c r="AEC1016" s="10"/>
      <c r="AED1016" s="10"/>
      <c r="AEE1016" s="10"/>
      <c r="AEF1016" s="10"/>
      <c r="AEG1016" s="10"/>
      <c r="AEH1016" s="10"/>
      <c r="AEI1016" s="10"/>
      <c r="AEJ1016" s="10"/>
      <c r="AEK1016" s="10"/>
      <c r="AEL1016" s="10"/>
      <c r="AEM1016" s="10"/>
      <c r="AEN1016" s="10"/>
      <c r="AEO1016" s="10"/>
      <c r="AEP1016" s="10"/>
      <c r="AEQ1016" s="10"/>
      <c r="AER1016" s="10"/>
      <c r="AES1016" s="10"/>
      <c r="AET1016" s="10"/>
      <c r="AEU1016" s="10"/>
      <c r="AEV1016" s="10"/>
      <c r="AEW1016" s="10"/>
      <c r="AEX1016" s="10"/>
      <c r="AEY1016" s="10"/>
      <c r="AEZ1016" s="10"/>
      <c r="AFA1016" s="10"/>
      <c r="AFB1016" s="10"/>
      <c r="AFC1016" s="10"/>
      <c r="AFD1016" s="10"/>
      <c r="AFE1016" s="10"/>
      <c r="AFF1016" s="10"/>
      <c r="AFG1016" s="10"/>
      <c r="AFH1016" s="10"/>
      <c r="AFI1016" s="10"/>
      <c r="AFJ1016" s="10"/>
      <c r="AFK1016" s="10"/>
      <c r="AFL1016" s="10"/>
      <c r="AFM1016" s="10"/>
      <c r="AFN1016" s="10"/>
      <c r="AFO1016" s="10"/>
      <c r="AFP1016" s="10"/>
      <c r="AFQ1016" s="10"/>
      <c r="AFR1016" s="10"/>
      <c r="AFS1016" s="10"/>
      <c r="AFT1016" s="10"/>
      <c r="AFU1016" s="10"/>
      <c r="AFV1016" s="10"/>
      <c r="AFW1016" s="10"/>
      <c r="AFX1016" s="10"/>
      <c r="AFY1016" s="10"/>
      <c r="AFZ1016" s="10"/>
      <c r="AGA1016" s="10"/>
      <c r="AGB1016" s="10"/>
      <c r="AGC1016" s="10"/>
      <c r="AGD1016" s="10"/>
      <c r="AGE1016" s="10"/>
      <c r="AGF1016" s="10"/>
      <c r="AGG1016" s="10"/>
      <c r="AGH1016" s="10"/>
      <c r="AGI1016" s="10"/>
      <c r="AGJ1016" s="10"/>
      <c r="AGK1016" s="10"/>
      <c r="AGL1016" s="10"/>
      <c r="AGM1016" s="10"/>
      <c r="AGN1016" s="10"/>
      <c r="AGO1016" s="10"/>
      <c r="AGP1016" s="10"/>
      <c r="AGQ1016" s="10"/>
      <c r="AGR1016" s="10"/>
      <c r="AGS1016" s="10"/>
      <c r="AGT1016" s="10"/>
      <c r="AGU1016" s="10"/>
      <c r="AGV1016" s="10"/>
      <c r="AGW1016" s="10"/>
      <c r="AGX1016" s="10"/>
      <c r="AGY1016" s="10"/>
      <c r="AGZ1016" s="10"/>
      <c r="AHA1016" s="10"/>
      <c r="AHB1016" s="10"/>
      <c r="AHC1016" s="10"/>
      <c r="AHD1016" s="10"/>
      <c r="AHE1016" s="10"/>
      <c r="AHF1016" s="10"/>
      <c r="AHG1016" s="10"/>
      <c r="AHH1016" s="10"/>
      <c r="AHI1016" s="10"/>
      <c r="AHJ1016" s="10"/>
      <c r="AHK1016" s="10"/>
      <c r="AHL1016" s="10"/>
      <c r="AHM1016" s="10"/>
      <c r="AHN1016" s="10"/>
      <c r="AHO1016" s="10"/>
      <c r="AHP1016" s="10"/>
      <c r="AHQ1016" s="10"/>
      <c r="AHR1016" s="10"/>
      <c r="AHS1016" s="10"/>
      <c r="AHT1016" s="10"/>
      <c r="AHU1016" s="10"/>
      <c r="AHV1016" s="10"/>
      <c r="AHW1016" s="10"/>
      <c r="AHX1016" s="10"/>
      <c r="AHY1016" s="10"/>
      <c r="AHZ1016" s="10"/>
      <c r="AIA1016" s="10"/>
      <c r="AIB1016" s="10"/>
      <c r="AIC1016" s="10"/>
      <c r="AID1016" s="10"/>
      <c r="AIE1016" s="10"/>
      <c r="AIF1016" s="10"/>
      <c r="AIG1016" s="10"/>
      <c r="AIH1016" s="10"/>
      <c r="AII1016" s="10"/>
      <c r="AIJ1016" s="10"/>
      <c r="AIK1016" s="10"/>
      <c r="AIL1016" s="10"/>
      <c r="AIM1016" s="10"/>
      <c r="AIN1016" s="10"/>
      <c r="AIO1016" s="10"/>
      <c r="AIP1016" s="10"/>
      <c r="AIQ1016" s="10"/>
      <c r="AIR1016" s="10"/>
      <c r="AIS1016" s="10"/>
      <c r="AIT1016" s="10"/>
      <c r="AIU1016" s="10"/>
      <c r="AIV1016" s="10"/>
      <c r="AIW1016" s="10"/>
      <c r="AIX1016" s="10"/>
      <c r="AIY1016" s="10"/>
      <c r="AIZ1016" s="10"/>
      <c r="AJA1016" s="10"/>
      <c r="AJB1016" s="10"/>
      <c r="AJC1016" s="10"/>
      <c r="AJD1016" s="10"/>
      <c r="AJE1016" s="10"/>
      <c r="AJF1016" s="10"/>
      <c r="AJG1016" s="10"/>
      <c r="AJH1016" s="10"/>
      <c r="AJI1016" s="10"/>
      <c r="AJJ1016" s="10"/>
      <c r="AJK1016" s="10"/>
      <c r="AJL1016" s="10"/>
      <c r="AJM1016" s="10"/>
      <c r="AJN1016" s="10"/>
      <c r="AJO1016" s="10"/>
      <c r="AJP1016" s="10"/>
      <c r="AJQ1016" s="10"/>
      <c r="AJR1016" s="10"/>
      <c r="AJS1016" s="10"/>
      <c r="AJT1016" s="10"/>
      <c r="AJU1016" s="10"/>
      <c r="AJV1016" s="10"/>
      <c r="AJW1016" s="10"/>
      <c r="AJX1016" s="10"/>
      <c r="AJY1016" s="10"/>
      <c r="AJZ1016" s="10"/>
      <c r="AKA1016" s="10"/>
      <c r="AKB1016" s="10"/>
      <c r="AKC1016" s="10"/>
      <c r="AKD1016" s="10"/>
      <c r="AKE1016" s="10"/>
      <c r="AKF1016" s="10"/>
      <c r="AKG1016" s="10"/>
      <c r="AKH1016" s="10"/>
      <c r="AKI1016" s="10"/>
      <c r="AKJ1016" s="10"/>
      <c r="AKK1016" s="10"/>
      <c r="AKL1016" s="10"/>
      <c r="AKM1016" s="10"/>
      <c r="AKN1016" s="10"/>
      <c r="AKO1016" s="10"/>
      <c r="AKP1016" s="10"/>
      <c r="AKQ1016" s="10"/>
      <c r="AKR1016" s="10"/>
      <c r="AKS1016" s="10"/>
      <c r="AKT1016" s="10"/>
      <c r="AKU1016" s="10"/>
      <c r="AKV1016" s="10"/>
      <c r="AKW1016" s="10"/>
      <c r="AKX1016" s="10"/>
      <c r="AKY1016" s="10"/>
      <c r="AKZ1016" s="10"/>
      <c r="ALA1016" s="10"/>
      <c r="ALB1016" s="10"/>
      <c r="ALC1016" s="10"/>
      <c r="ALD1016" s="10"/>
      <c r="ALE1016" s="10"/>
      <c r="ALF1016" s="10"/>
      <c r="ALG1016" s="10"/>
      <c r="ALH1016" s="10"/>
      <c r="ALI1016" s="10"/>
      <c r="ALJ1016" s="10"/>
      <c r="ALK1016" s="10"/>
      <c r="ALL1016" s="10"/>
      <c r="ALM1016" s="10"/>
      <c r="ALN1016" s="10"/>
      <c r="ALO1016" s="10"/>
      <c r="ALP1016" s="10"/>
      <c r="ALQ1016" s="10"/>
      <c r="ALR1016" s="10"/>
      <c r="ALS1016" s="10"/>
      <c r="ALT1016" s="10"/>
      <c r="ALU1016" s="10"/>
      <c r="ALV1016" s="10"/>
      <c r="ALW1016" s="10"/>
      <c r="ALX1016" s="10"/>
      <c r="ALY1016" s="10"/>
      <c r="ALZ1016" s="10"/>
      <c r="AMA1016" s="10"/>
      <c r="AMB1016" s="10"/>
      <c r="AMC1016" s="10"/>
      <c r="AMD1016" s="10"/>
      <c r="AME1016" s="10"/>
      <c r="AMF1016" s="10"/>
      <c r="AMG1016" s="10"/>
      <c r="AMH1016" s="10"/>
      <c r="AMI1016" s="10"/>
      <c r="AMJ1016" s="10"/>
      <c r="AMK1016" s="10"/>
      <c r="AML1016" s="10"/>
      <c r="AMM1016" s="10"/>
      <c r="AMN1016" s="10"/>
      <c r="AMO1016" s="10"/>
      <c r="AMP1016" s="10"/>
      <c r="AMQ1016" s="10"/>
      <c r="AMR1016" s="10"/>
      <c r="AMS1016" s="10"/>
      <c r="AMT1016" s="10"/>
      <c r="AMU1016" s="10"/>
      <c r="AMV1016" s="10"/>
      <c r="AMW1016" s="10"/>
      <c r="AMX1016" s="10"/>
      <c r="AMY1016" s="10"/>
      <c r="AMZ1016" s="10"/>
      <c r="ANA1016" s="10"/>
      <c r="ANB1016" s="10"/>
      <c r="ANC1016" s="10"/>
      <c r="AND1016" s="10"/>
      <c r="ANE1016" s="10"/>
      <c r="ANF1016" s="10"/>
      <c r="ANG1016" s="10"/>
      <c r="ANH1016" s="10"/>
      <c r="ANI1016" s="10"/>
      <c r="ANJ1016" s="10"/>
      <c r="ANK1016" s="10"/>
      <c r="ANL1016" s="10"/>
      <c r="ANM1016" s="10"/>
      <c r="ANN1016" s="10"/>
      <c r="ANO1016" s="10"/>
      <c r="ANP1016" s="10"/>
      <c r="ANQ1016" s="10"/>
      <c r="ANR1016" s="10"/>
      <c r="ANS1016" s="10"/>
      <c r="ANT1016" s="10"/>
      <c r="ANU1016" s="10"/>
      <c r="ANV1016" s="10"/>
      <c r="ANW1016" s="10"/>
      <c r="ANX1016" s="10"/>
      <c r="ANY1016" s="10"/>
      <c r="ANZ1016" s="10"/>
      <c r="AOA1016" s="10"/>
      <c r="AOB1016" s="10"/>
      <c r="AOC1016" s="10"/>
      <c r="AOD1016" s="10"/>
      <c r="AOE1016" s="10"/>
      <c r="AOF1016" s="10"/>
      <c r="AOG1016" s="10"/>
      <c r="AOH1016" s="10"/>
      <c r="AOI1016" s="10"/>
      <c r="AOJ1016" s="10"/>
      <c r="AOK1016" s="10"/>
      <c r="AOL1016" s="10"/>
      <c r="AOM1016" s="10"/>
      <c r="AON1016" s="10"/>
      <c r="AOO1016" s="10"/>
      <c r="AOP1016" s="10"/>
      <c r="AOQ1016" s="10"/>
      <c r="AOR1016" s="10"/>
      <c r="AOS1016" s="10"/>
      <c r="AOT1016" s="10"/>
      <c r="AOU1016" s="10"/>
      <c r="AOV1016" s="10"/>
      <c r="AOW1016" s="10"/>
      <c r="AOX1016" s="10"/>
      <c r="AOY1016" s="10"/>
      <c r="AOZ1016" s="10"/>
      <c r="APA1016" s="10"/>
      <c r="APB1016" s="10"/>
      <c r="APC1016" s="10"/>
      <c r="APD1016" s="10"/>
      <c r="APE1016" s="10"/>
      <c r="APF1016" s="10"/>
      <c r="APG1016" s="10"/>
      <c r="APH1016" s="10"/>
      <c r="API1016" s="10"/>
      <c r="APJ1016" s="10"/>
      <c r="APK1016" s="10"/>
      <c r="APL1016" s="10"/>
      <c r="APM1016" s="10"/>
      <c r="APN1016" s="10"/>
      <c r="APO1016" s="10"/>
      <c r="APP1016" s="10"/>
      <c r="APQ1016" s="10"/>
      <c r="APR1016" s="10"/>
      <c r="APS1016" s="10"/>
      <c r="APT1016" s="10"/>
      <c r="APU1016" s="10"/>
      <c r="APV1016" s="10"/>
      <c r="APW1016" s="10"/>
      <c r="APX1016" s="10"/>
      <c r="APY1016" s="10"/>
      <c r="APZ1016" s="10"/>
      <c r="AQA1016" s="10"/>
      <c r="AQB1016" s="10"/>
      <c r="AQC1016" s="10"/>
      <c r="AQD1016" s="10"/>
      <c r="AQE1016" s="10"/>
      <c r="AQF1016" s="10"/>
      <c r="AQG1016" s="10"/>
      <c r="AQH1016" s="10"/>
      <c r="AQI1016" s="10"/>
      <c r="AQJ1016" s="10"/>
      <c r="AQK1016" s="10"/>
      <c r="AQL1016" s="10"/>
      <c r="AQM1016" s="10"/>
      <c r="AQN1016" s="10"/>
      <c r="AQO1016" s="10"/>
      <c r="AQP1016" s="10"/>
      <c r="AQQ1016" s="10"/>
      <c r="AQR1016" s="10"/>
      <c r="AQS1016" s="10"/>
      <c r="AQT1016" s="10"/>
      <c r="AQU1016" s="10"/>
      <c r="AQV1016" s="10"/>
      <c r="AQW1016" s="10"/>
      <c r="AQX1016" s="10"/>
      <c r="AQY1016" s="10"/>
      <c r="AQZ1016" s="10"/>
      <c r="ARA1016" s="10"/>
      <c r="ARB1016" s="10"/>
      <c r="ARC1016" s="10"/>
      <c r="ARD1016" s="10"/>
      <c r="ARE1016" s="10"/>
      <c r="ARF1016" s="10"/>
      <c r="ARG1016" s="10"/>
      <c r="ARH1016" s="10"/>
      <c r="ARI1016" s="10"/>
      <c r="ARJ1016" s="10"/>
      <c r="ARK1016" s="10"/>
      <c r="ARL1016" s="10"/>
      <c r="ARM1016" s="10"/>
      <c r="ARN1016" s="10"/>
      <c r="ARO1016" s="10"/>
      <c r="ARP1016" s="10"/>
      <c r="ARQ1016" s="10"/>
      <c r="ARR1016" s="10"/>
      <c r="ARS1016" s="10"/>
      <c r="ART1016" s="10"/>
      <c r="ARU1016" s="10"/>
      <c r="ARV1016" s="10"/>
      <c r="ARW1016" s="10"/>
      <c r="ARX1016" s="10"/>
      <c r="ARY1016" s="10"/>
      <c r="ARZ1016" s="10"/>
      <c r="ASA1016" s="10"/>
      <c r="ASB1016" s="10"/>
      <c r="ASC1016" s="10"/>
      <c r="ASD1016" s="10"/>
      <c r="ASE1016" s="10"/>
      <c r="ASF1016" s="10"/>
      <c r="ASG1016" s="10"/>
      <c r="ASH1016" s="10"/>
      <c r="ASI1016" s="10"/>
      <c r="ASJ1016" s="10"/>
      <c r="ASK1016" s="10"/>
      <c r="ASL1016" s="10"/>
      <c r="ASM1016" s="10"/>
      <c r="ASN1016" s="10"/>
      <c r="ASO1016" s="10"/>
      <c r="ASP1016" s="10"/>
      <c r="ASQ1016" s="10"/>
      <c r="ASR1016" s="10"/>
      <c r="ASS1016" s="10"/>
      <c r="AST1016" s="10"/>
      <c r="ASU1016" s="10"/>
      <c r="ASV1016" s="10"/>
      <c r="ASW1016" s="10"/>
      <c r="ASX1016" s="10"/>
      <c r="ASY1016" s="10"/>
      <c r="ASZ1016" s="10"/>
      <c r="ATA1016" s="10"/>
      <c r="ATB1016" s="10"/>
      <c r="ATC1016" s="10"/>
      <c r="ATD1016" s="10"/>
      <c r="ATE1016" s="10"/>
      <c r="ATF1016" s="10"/>
      <c r="ATG1016" s="10"/>
      <c r="ATH1016" s="10"/>
      <c r="ATI1016" s="10"/>
      <c r="ATJ1016" s="10"/>
      <c r="ATK1016" s="10"/>
      <c r="ATL1016" s="10"/>
      <c r="ATM1016" s="10"/>
      <c r="ATN1016" s="10"/>
      <c r="ATO1016" s="10"/>
      <c r="ATP1016" s="10"/>
      <c r="ATQ1016" s="10"/>
      <c r="ATR1016" s="10"/>
      <c r="ATS1016" s="10"/>
      <c r="ATT1016" s="10"/>
      <c r="ATU1016" s="10"/>
      <c r="ATV1016" s="10"/>
      <c r="ATW1016" s="10"/>
      <c r="ATX1016" s="10"/>
      <c r="ATY1016" s="10"/>
      <c r="ATZ1016" s="10"/>
      <c r="AUA1016" s="10"/>
      <c r="AUB1016" s="10"/>
      <c r="AUC1016" s="10"/>
      <c r="AUD1016" s="10"/>
      <c r="AUE1016" s="10"/>
      <c r="AUF1016" s="10"/>
      <c r="AUG1016" s="10"/>
      <c r="AUH1016" s="10"/>
      <c r="AUI1016" s="10"/>
      <c r="AUJ1016" s="10"/>
      <c r="AUK1016" s="10"/>
      <c r="AUL1016" s="10"/>
      <c r="AUM1016" s="10"/>
      <c r="AUN1016" s="10"/>
      <c r="AUO1016" s="10"/>
      <c r="AUP1016" s="10"/>
      <c r="AUQ1016" s="10"/>
      <c r="AUR1016" s="10"/>
      <c r="AUS1016" s="10"/>
      <c r="AUT1016" s="10"/>
      <c r="AUU1016" s="10"/>
      <c r="AUV1016" s="10"/>
      <c r="AUW1016" s="10"/>
      <c r="AUX1016" s="10"/>
      <c r="AUY1016" s="10"/>
      <c r="AUZ1016" s="10"/>
      <c r="AVA1016" s="10"/>
      <c r="AVB1016" s="10"/>
      <c r="AVC1016" s="10"/>
      <c r="AVD1016" s="10"/>
      <c r="AVE1016" s="10"/>
      <c r="AVF1016" s="10"/>
      <c r="AVG1016" s="10"/>
      <c r="AVH1016" s="10"/>
      <c r="AVI1016" s="10"/>
      <c r="AVJ1016" s="10"/>
      <c r="AVK1016" s="10"/>
      <c r="AVL1016" s="10"/>
      <c r="AVM1016" s="10"/>
      <c r="AVN1016" s="10"/>
      <c r="AVO1016" s="10"/>
      <c r="AVP1016" s="10"/>
      <c r="AVQ1016" s="10"/>
      <c r="AVR1016" s="10"/>
      <c r="AVS1016" s="10"/>
      <c r="AVT1016" s="10"/>
      <c r="AVU1016" s="10"/>
      <c r="AVV1016" s="10"/>
      <c r="AVW1016" s="10"/>
      <c r="AVX1016" s="10"/>
      <c r="AVY1016" s="10"/>
      <c r="AVZ1016" s="10"/>
      <c r="AWA1016" s="10"/>
      <c r="AWB1016" s="10"/>
      <c r="AWC1016" s="10"/>
      <c r="AWD1016" s="10"/>
      <c r="AWE1016" s="10"/>
      <c r="AWF1016" s="10"/>
      <c r="AWG1016" s="10"/>
      <c r="AWH1016" s="10"/>
      <c r="AWI1016" s="10"/>
      <c r="AWJ1016" s="10"/>
      <c r="AWK1016" s="10"/>
      <c r="AWL1016" s="10"/>
      <c r="AWM1016" s="10"/>
      <c r="AWN1016" s="10"/>
      <c r="AWO1016" s="10"/>
      <c r="AWP1016" s="10"/>
      <c r="AWQ1016" s="10"/>
      <c r="AWR1016" s="10"/>
      <c r="AWS1016" s="10"/>
      <c r="AWT1016" s="10"/>
      <c r="AWU1016" s="10"/>
      <c r="AWV1016" s="10"/>
      <c r="AWW1016" s="10"/>
      <c r="AWX1016" s="10"/>
      <c r="AWY1016" s="10"/>
      <c r="AWZ1016" s="10"/>
      <c r="AXA1016" s="10"/>
      <c r="AXB1016" s="10"/>
      <c r="AXC1016" s="10"/>
      <c r="AXD1016" s="10"/>
      <c r="AXE1016" s="10"/>
      <c r="AXF1016" s="10"/>
      <c r="AXG1016" s="10"/>
      <c r="AXH1016" s="10"/>
      <c r="AXI1016" s="10"/>
      <c r="AXJ1016" s="10"/>
      <c r="AXK1016" s="10"/>
      <c r="AXL1016" s="10"/>
      <c r="AXM1016" s="10"/>
      <c r="AXN1016" s="10"/>
      <c r="AXO1016" s="10"/>
      <c r="AXP1016" s="10"/>
      <c r="AXQ1016" s="10"/>
      <c r="AXR1016" s="10"/>
      <c r="AXS1016" s="10"/>
      <c r="AXT1016" s="10"/>
      <c r="AXU1016" s="10"/>
      <c r="AXV1016" s="10"/>
      <c r="AXW1016" s="10"/>
      <c r="AXX1016" s="10"/>
      <c r="AXY1016" s="10"/>
      <c r="AXZ1016" s="10"/>
      <c r="AYA1016" s="10"/>
      <c r="AYB1016" s="10"/>
      <c r="AYC1016" s="10"/>
      <c r="AYD1016" s="10"/>
      <c r="AYE1016" s="10"/>
      <c r="AYF1016" s="10"/>
      <c r="AYG1016" s="10"/>
      <c r="AYH1016" s="10"/>
      <c r="AYI1016" s="10"/>
      <c r="AYJ1016" s="10"/>
      <c r="AYK1016" s="10"/>
      <c r="AYL1016" s="10"/>
      <c r="AYM1016" s="10"/>
      <c r="AYN1016" s="10"/>
      <c r="AYO1016" s="10"/>
      <c r="AYP1016" s="10"/>
      <c r="AYQ1016" s="10"/>
      <c r="AYR1016" s="10"/>
      <c r="AYS1016" s="10"/>
      <c r="AYT1016" s="10"/>
      <c r="AYU1016" s="10"/>
      <c r="AYV1016" s="10"/>
      <c r="AYW1016" s="10"/>
      <c r="AYX1016" s="10"/>
      <c r="AYY1016" s="10"/>
      <c r="AYZ1016" s="10"/>
      <c r="AZA1016" s="10"/>
      <c r="AZB1016" s="10"/>
      <c r="AZC1016" s="10"/>
      <c r="AZD1016" s="10"/>
      <c r="AZE1016" s="10"/>
      <c r="AZF1016" s="10"/>
      <c r="AZG1016" s="10"/>
      <c r="AZH1016" s="10"/>
      <c r="AZI1016" s="10"/>
      <c r="AZJ1016" s="10"/>
      <c r="AZK1016" s="10"/>
      <c r="AZL1016" s="10"/>
      <c r="AZM1016" s="10"/>
      <c r="AZN1016" s="10"/>
      <c r="AZO1016" s="10"/>
      <c r="AZP1016" s="10"/>
      <c r="AZQ1016" s="10"/>
      <c r="AZR1016" s="10"/>
      <c r="AZS1016" s="10"/>
      <c r="AZT1016" s="10"/>
      <c r="AZU1016" s="10"/>
      <c r="AZV1016" s="10"/>
      <c r="AZW1016" s="10"/>
      <c r="AZX1016" s="10"/>
      <c r="AZY1016" s="10"/>
      <c r="AZZ1016" s="10"/>
      <c r="BAA1016" s="10"/>
      <c r="BAB1016" s="10"/>
      <c r="BAC1016" s="10"/>
      <c r="BAD1016" s="10"/>
      <c r="BAE1016" s="10"/>
      <c r="BAF1016" s="10"/>
      <c r="BAG1016" s="10"/>
      <c r="BAH1016" s="10"/>
      <c r="BAI1016" s="10"/>
      <c r="BAJ1016" s="10"/>
      <c r="BAK1016" s="10"/>
      <c r="BAL1016" s="10"/>
      <c r="BAM1016" s="10"/>
      <c r="BAN1016" s="10"/>
      <c r="BAO1016" s="10"/>
      <c r="BAP1016" s="10"/>
      <c r="BAQ1016" s="10"/>
      <c r="BAR1016" s="10"/>
      <c r="BAS1016" s="10"/>
      <c r="BAT1016" s="10"/>
      <c r="BAU1016" s="10"/>
      <c r="BAV1016" s="10"/>
      <c r="BAW1016" s="10"/>
      <c r="BAX1016" s="10"/>
      <c r="BAY1016" s="10"/>
      <c r="BAZ1016" s="10"/>
      <c r="BBA1016" s="10"/>
      <c r="BBB1016" s="10"/>
      <c r="BBC1016" s="10"/>
      <c r="BBD1016" s="10"/>
      <c r="BBE1016" s="10"/>
      <c r="BBF1016" s="10"/>
      <c r="BBG1016" s="10"/>
      <c r="BBH1016" s="10"/>
      <c r="BBI1016" s="10"/>
      <c r="BBJ1016" s="10"/>
      <c r="BBK1016" s="10"/>
      <c r="BBL1016" s="10"/>
      <c r="BBM1016" s="10"/>
      <c r="BBN1016" s="10"/>
      <c r="BBO1016" s="10"/>
      <c r="BBP1016" s="10"/>
      <c r="BBQ1016" s="10"/>
      <c r="BBR1016" s="10"/>
      <c r="BBS1016" s="10"/>
      <c r="BBT1016" s="10"/>
      <c r="BBU1016" s="10"/>
      <c r="BBV1016" s="10"/>
      <c r="BBW1016" s="10"/>
      <c r="BBX1016" s="10"/>
      <c r="BBY1016" s="10"/>
      <c r="BBZ1016" s="10"/>
      <c r="BCA1016" s="10"/>
      <c r="BCB1016" s="10"/>
      <c r="BCC1016" s="10"/>
      <c r="BCD1016" s="10"/>
      <c r="BCE1016" s="10"/>
      <c r="BCF1016" s="10"/>
      <c r="BCG1016" s="10"/>
      <c r="BCH1016" s="10"/>
      <c r="BCI1016" s="10"/>
      <c r="BCJ1016" s="10"/>
      <c r="BCK1016" s="10"/>
      <c r="BCL1016" s="10"/>
      <c r="BCM1016" s="10"/>
      <c r="BCN1016" s="10"/>
      <c r="BCO1016" s="10"/>
      <c r="BCP1016" s="10"/>
      <c r="BCQ1016" s="10"/>
      <c r="BCR1016" s="10"/>
      <c r="BCS1016" s="10"/>
      <c r="BCT1016" s="10"/>
      <c r="BCU1016" s="10"/>
      <c r="BCV1016" s="10"/>
      <c r="BCW1016" s="10"/>
      <c r="BCX1016" s="10"/>
      <c r="BCY1016" s="10"/>
      <c r="BCZ1016" s="10"/>
      <c r="BDA1016" s="10"/>
      <c r="BDB1016" s="10"/>
      <c r="BDC1016" s="10"/>
      <c r="BDD1016" s="10"/>
      <c r="BDE1016" s="10"/>
      <c r="BDF1016" s="10"/>
      <c r="BDG1016" s="10"/>
      <c r="BDH1016" s="10"/>
      <c r="BDI1016" s="10"/>
      <c r="BDJ1016" s="10"/>
      <c r="BDK1016" s="10"/>
      <c r="BDL1016" s="10"/>
      <c r="BDM1016" s="10"/>
      <c r="BDN1016" s="10"/>
      <c r="BDO1016" s="10"/>
      <c r="BDP1016" s="10"/>
      <c r="BDQ1016" s="10"/>
      <c r="BDR1016" s="10"/>
      <c r="BDS1016" s="10"/>
      <c r="BDT1016" s="10"/>
      <c r="BDU1016" s="10"/>
      <c r="BDV1016" s="10"/>
      <c r="BDW1016" s="10"/>
      <c r="BDX1016" s="10"/>
      <c r="BDY1016" s="10"/>
      <c r="BDZ1016" s="10"/>
      <c r="BEA1016" s="10"/>
      <c r="BEB1016" s="10"/>
      <c r="BEC1016" s="10"/>
      <c r="BED1016" s="10"/>
      <c r="BEE1016" s="10"/>
      <c r="BEF1016" s="10"/>
      <c r="BEG1016" s="10"/>
      <c r="BEH1016" s="10"/>
      <c r="BEI1016" s="10"/>
      <c r="BEJ1016" s="10"/>
      <c r="BEK1016" s="10"/>
      <c r="BEL1016" s="10"/>
      <c r="BEM1016" s="10"/>
      <c r="BEN1016" s="10"/>
      <c r="BEO1016" s="10"/>
      <c r="BEP1016" s="10"/>
      <c r="BEQ1016" s="10"/>
      <c r="BER1016" s="10"/>
      <c r="BES1016" s="10"/>
      <c r="BET1016" s="10"/>
      <c r="BEU1016" s="10"/>
      <c r="BEV1016" s="10"/>
      <c r="BEW1016" s="10"/>
      <c r="BEX1016" s="10"/>
      <c r="BEY1016" s="10"/>
      <c r="BEZ1016" s="10"/>
      <c r="BFA1016" s="10"/>
      <c r="BFB1016" s="10"/>
      <c r="BFC1016" s="10"/>
      <c r="BFD1016" s="10"/>
      <c r="BFE1016" s="10"/>
      <c r="BFF1016" s="10"/>
      <c r="BFG1016" s="10"/>
      <c r="BFH1016" s="10"/>
      <c r="BFI1016" s="10"/>
      <c r="BFJ1016" s="10"/>
      <c r="BFK1016" s="10"/>
      <c r="BFL1016" s="10"/>
      <c r="BFM1016" s="10"/>
      <c r="BFN1016" s="10"/>
      <c r="BFO1016" s="10"/>
      <c r="BFP1016" s="10"/>
      <c r="BFQ1016" s="10"/>
      <c r="BFR1016" s="10"/>
      <c r="BFS1016" s="10"/>
      <c r="BFT1016" s="10"/>
      <c r="BFU1016" s="10"/>
      <c r="BFV1016" s="10"/>
      <c r="BFW1016" s="10"/>
      <c r="BFX1016" s="10"/>
      <c r="BFY1016" s="10"/>
      <c r="BFZ1016" s="10"/>
      <c r="BGA1016" s="10"/>
      <c r="BGB1016" s="10"/>
      <c r="BGC1016" s="10"/>
      <c r="BGD1016" s="10"/>
      <c r="BGE1016" s="10"/>
      <c r="BGF1016" s="10"/>
      <c r="BGG1016" s="10"/>
      <c r="BGH1016" s="10"/>
      <c r="BGI1016" s="10"/>
      <c r="BGJ1016" s="10"/>
      <c r="BGK1016" s="10"/>
      <c r="BGL1016" s="10"/>
      <c r="BGM1016" s="10"/>
      <c r="BGN1016" s="10"/>
      <c r="BGO1016" s="10"/>
      <c r="BGP1016" s="10"/>
      <c r="BGQ1016" s="10"/>
      <c r="BGR1016" s="10"/>
      <c r="BGS1016" s="10"/>
      <c r="BGT1016" s="10"/>
      <c r="BGU1016" s="10"/>
      <c r="BGV1016" s="10"/>
      <c r="BGW1016" s="10"/>
      <c r="BGX1016" s="10"/>
      <c r="BGY1016" s="10"/>
      <c r="BGZ1016" s="10"/>
      <c r="BHA1016" s="10"/>
      <c r="BHB1016" s="10"/>
      <c r="BHC1016" s="10"/>
      <c r="BHD1016" s="10"/>
      <c r="BHE1016" s="10"/>
      <c r="BHF1016" s="10"/>
      <c r="BHG1016" s="10"/>
      <c r="BHH1016" s="10"/>
      <c r="BHI1016" s="10"/>
      <c r="BHJ1016" s="10"/>
      <c r="BHK1016" s="10"/>
      <c r="BHL1016" s="10"/>
      <c r="BHM1016" s="10"/>
      <c r="BHN1016" s="10"/>
      <c r="BHO1016" s="10"/>
      <c r="BHP1016" s="10"/>
      <c r="BHQ1016" s="10"/>
      <c r="BHR1016" s="10"/>
      <c r="BHS1016" s="10"/>
      <c r="BHT1016" s="10"/>
      <c r="BHU1016" s="10"/>
      <c r="BHV1016" s="10"/>
      <c r="BHW1016" s="10"/>
      <c r="BHX1016" s="10"/>
      <c r="BHY1016" s="10"/>
      <c r="BHZ1016" s="10"/>
      <c r="BIA1016" s="10"/>
      <c r="BIB1016" s="10"/>
      <c r="BIC1016" s="10"/>
      <c r="BID1016" s="10"/>
      <c r="BIE1016" s="10"/>
      <c r="BIF1016" s="10"/>
      <c r="BIG1016" s="10"/>
      <c r="BIH1016" s="10"/>
      <c r="BII1016" s="10"/>
      <c r="BIJ1016" s="10"/>
      <c r="BIK1016" s="10"/>
      <c r="BIL1016" s="10"/>
      <c r="BIM1016" s="10"/>
      <c r="BIN1016" s="10"/>
      <c r="BIO1016" s="10"/>
      <c r="BIP1016" s="10"/>
      <c r="BIQ1016" s="10"/>
      <c r="BIR1016" s="10"/>
      <c r="BIS1016" s="10"/>
      <c r="BIT1016" s="10"/>
      <c r="BIU1016" s="10"/>
      <c r="BIV1016" s="10"/>
      <c r="BIW1016" s="10"/>
      <c r="BIX1016" s="10"/>
      <c r="BIY1016" s="10"/>
      <c r="BIZ1016" s="10"/>
      <c r="BJA1016" s="10"/>
      <c r="BJB1016" s="10"/>
      <c r="BJC1016" s="10"/>
      <c r="BJD1016" s="10"/>
      <c r="BJE1016" s="10"/>
      <c r="BJF1016" s="10"/>
      <c r="BJG1016" s="10"/>
      <c r="BJH1016" s="10"/>
      <c r="BJI1016" s="10"/>
      <c r="BJJ1016" s="10"/>
      <c r="BJK1016" s="10"/>
      <c r="BJL1016" s="10"/>
      <c r="BJM1016" s="10"/>
      <c r="BJN1016" s="10"/>
      <c r="BJO1016" s="10"/>
      <c r="BJP1016" s="10"/>
      <c r="BJQ1016" s="10"/>
      <c r="BJR1016" s="10"/>
      <c r="BJS1016" s="10"/>
      <c r="BJT1016" s="10"/>
      <c r="BJU1016" s="10"/>
      <c r="BJV1016" s="10"/>
      <c r="BJW1016" s="10"/>
      <c r="BJX1016" s="10"/>
      <c r="BJY1016" s="10"/>
      <c r="BJZ1016" s="10"/>
      <c r="BKA1016" s="10"/>
      <c r="BKB1016" s="10"/>
      <c r="BKC1016" s="10"/>
      <c r="BKD1016" s="10"/>
      <c r="BKE1016" s="10"/>
      <c r="BKF1016" s="10"/>
      <c r="BKG1016" s="10"/>
      <c r="BKH1016" s="10"/>
      <c r="BKI1016" s="10"/>
      <c r="BKJ1016" s="10"/>
      <c r="BKK1016" s="10"/>
      <c r="BKL1016" s="10"/>
      <c r="BKM1016" s="10"/>
      <c r="BKN1016" s="10"/>
      <c r="BKO1016" s="10"/>
      <c r="BKP1016" s="10"/>
      <c r="BKQ1016" s="10"/>
      <c r="BKR1016" s="10"/>
      <c r="BKS1016" s="10"/>
      <c r="BKT1016" s="10"/>
      <c r="BKU1016" s="10"/>
      <c r="BKV1016" s="10"/>
      <c r="BKW1016" s="10"/>
      <c r="BKX1016" s="10"/>
      <c r="BKY1016" s="10"/>
      <c r="BKZ1016" s="10"/>
      <c r="BLA1016" s="10"/>
      <c r="BLB1016" s="10"/>
      <c r="BLC1016" s="10"/>
      <c r="BLD1016" s="10"/>
      <c r="BLE1016" s="10"/>
      <c r="BLF1016" s="10"/>
      <c r="BLG1016" s="10"/>
      <c r="BLH1016" s="10"/>
      <c r="BLI1016" s="10"/>
      <c r="BLJ1016" s="10"/>
      <c r="BLK1016" s="10"/>
      <c r="BLL1016" s="10"/>
      <c r="BLM1016" s="10"/>
      <c r="BLN1016" s="10"/>
      <c r="BLO1016" s="10"/>
      <c r="BLP1016" s="10"/>
      <c r="BLQ1016" s="10"/>
      <c r="BLR1016" s="10"/>
      <c r="BLS1016" s="10"/>
      <c r="BLT1016" s="10"/>
      <c r="BLU1016" s="10"/>
      <c r="BLV1016" s="10"/>
      <c r="BLW1016" s="10"/>
      <c r="BLX1016" s="10"/>
      <c r="BLY1016" s="10"/>
      <c r="BLZ1016" s="10"/>
      <c r="BMA1016" s="10"/>
      <c r="BMB1016" s="10"/>
      <c r="BMC1016" s="10"/>
      <c r="BMD1016" s="10"/>
      <c r="BME1016" s="10"/>
      <c r="BMF1016" s="10"/>
      <c r="BMG1016" s="10"/>
      <c r="BMH1016" s="10"/>
      <c r="BMI1016" s="10"/>
      <c r="BMJ1016" s="10"/>
      <c r="BMK1016" s="10"/>
      <c r="BML1016" s="10"/>
      <c r="BMM1016" s="10"/>
      <c r="BMN1016" s="10"/>
      <c r="BMO1016" s="10"/>
      <c r="BMP1016" s="10"/>
      <c r="BMQ1016" s="10"/>
      <c r="BMR1016" s="10"/>
      <c r="BMS1016" s="10"/>
      <c r="BMT1016" s="10"/>
      <c r="BMU1016" s="10"/>
      <c r="BMV1016" s="10"/>
      <c r="BMW1016" s="10"/>
      <c r="BMX1016" s="10"/>
      <c r="BMY1016" s="10"/>
      <c r="BMZ1016" s="10"/>
      <c r="BNA1016" s="10"/>
      <c r="BNB1016" s="10"/>
      <c r="BNC1016" s="10"/>
      <c r="BND1016" s="10"/>
      <c r="BNE1016" s="10"/>
      <c r="BNF1016" s="10"/>
      <c r="BNG1016" s="10"/>
      <c r="BNH1016" s="10"/>
      <c r="BNI1016" s="10"/>
      <c r="BNJ1016" s="10"/>
      <c r="BNK1016" s="10"/>
      <c r="BNL1016" s="10"/>
      <c r="BNM1016" s="10"/>
      <c r="BNN1016" s="10"/>
      <c r="BNO1016" s="10"/>
      <c r="BNP1016" s="10"/>
      <c r="BNQ1016" s="10"/>
      <c r="BNR1016" s="10"/>
      <c r="BNS1016" s="10"/>
      <c r="BNT1016" s="10"/>
      <c r="BNU1016" s="10"/>
      <c r="BNV1016" s="10"/>
      <c r="BNW1016" s="10"/>
      <c r="BNX1016" s="10"/>
      <c r="BNY1016" s="10"/>
      <c r="BNZ1016" s="10"/>
      <c r="BOA1016" s="10"/>
      <c r="BOB1016" s="10"/>
      <c r="BOC1016" s="10"/>
      <c r="BOD1016" s="10"/>
      <c r="BOE1016" s="10"/>
      <c r="BOF1016" s="10"/>
      <c r="BOG1016" s="10"/>
      <c r="BOH1016" s="10"/>
      <c r="BOI1016" s="10"/>
      <c r="BOJ1016" s="10"/>
      <c r="BOK1016" s="10"/>
      <c r="BOL1016" s="10"/>
      <c r="BOM1016" s="10"/>
      <c r="BON1016" s="10"/>
      <c r="BOO1016" s="10"/>
      <c r="BOP1016" s="10"/>
      <c r="BOQ1016" s="10"/>
      <c r="BOR1016" s="10"/>
      <c r="BOS1016" s="10"/>
      <c r="BOT1016" s="10"/>
      <c r="BOU1016" s="10"/>
      <c r="BOV1016" s="10"/>
      <c r="BOW1016" s="10"/>
      <c r="BOX1016" s="10"/>
      <c r="BOY1016" s="10"/>
      <c r="BOZ1016" s="10"/>
      <c r="BPA1016" s="10"/>
      <c r="BPB1016" s="10"/>
      <c r="BPC1016" s="10"/>
      <c r="BPD1016" s="10"/>
      <c r="BPE1016" s="10"/>
      <c r="BPF1016" s="10"/>
      <c r="BPG1016" s="10"/>
      <c r="BPH1016" s="10"/>
      <c r="BPI1016" s="10"/>
      <c r="BPJ1016" s="10"/>
      <c r="BPK1016" s="10"/>
      <c r="BPL1016" s="10"/>
      <c r="BPM1016" s="10"/>
      <c r="BPN1016" s="10"/>
      <c r="BPO1016" s="10"/>
      <c r="BPP1016" s="10"/>
      <c r="BPQ1016" s="10"/>
      <c r="BPR1016" s="10"/>
      <c r="BPS1016" s="10"/>
      <c r="BPT1016" s="10"/>
      <c r="BPU1016" s="10"/>
      <c r="BPV1016" s="10"/>
      <c r="BPW1016" s="10"/>
      <c r="BPX1016" s="10"/>
      <c r="BPY1016" s="10"/>
      <c r="BPZ1016" s="10"/>
      <c r="BQA1016" s="10"/>
      <c r="BQB1016" s="10"/>
      <c r="BQC1016" s="10"/>
      <c r="BQD1016" s="10"/>
      <c r="BQE1016" s="10"/>
      <c r="BQF1016" s="10"/>
      <c r="BQG1016" s="10"/>
      <c r="BQH1016" s="10"/>
      <c r="BQI1016" s="10"/>
      <c r="BQJ1016" s="10"/>
      <c r="BQK1016" s="10"/>
      <c r="BQL1016" s="10"/>
      <c r="BQM1016" s="10"/>
      <c r="BQN1016" s="10"/>
      <c r="BQO1016" s="10"/>
      <c r="BQP1016" s="10"/>
      <c r="BQQ1016" s="10"/>
      <c r="BQR1016" s="10"/>
      <c r="BQS1016" s="10"/>
      <c r="BQT1016" s="10"/>
      <c r="BQU1016" s="10"/>
      <c r="BQV1016" s="10"/>
      <c r="BQW1016" s="10"/>
      <c r="BQX1016" s="10"/>
      <c r="BQY1016" s="10"/>
      <c r="BQZ1016" s="10"/>
      <c r="BRA1016" s="10"/>
      <c r="BRB1016" s="10"/>
      <c r="BRC1016" s="10"/>
      <c r="BRD1016" s="10"/>
      <c r="BRE1016" s="10"/>
      <c r="BRF1016" s="10"/>
      <c r="BRG1016" s="10"/>
      <c r="BRH1016" s="10"/>
      <c r="BRI1016" s="10"/>
      <c r="BRJ1016" s="10"/>
      <c r="BRK1016" s="10"/>
      <c r="BRL1016" s="10"/>
      <c r="BRM1016" s="10"/>
      <c r="BRN1016" s="10"/>
      <c r="BRO1016" s="10"/>
      <c r="BRP1016" s="10"/>
      <c r="BRQ1016" s="10"/>
      <c r="BRR1016" s="10"/>
      <c r="BRS1016" s="10"/>
      <c r="BRT1016" s="10"/>
      <c r="BRU1016" s="10"/>
      <c r="BRV1016" s="10"/>
      <c r="BRW1016" s="10"/>
      <c r="BRX1016" s="10"/>
      <c r="BRY1016" s="10"/>
      <c r="BRZ1016" s="10"/>
      <c r="BSA1016" s="10"/>
      <c r="BSB1016" s="10"/>
      <c r="BSC1016" s="10"/>
      <c r="BSD1016" s="10"/>
      <c r="BSE1016" s="10"/>
      <c r="BSF1016" s="10"/>
      <c r="BSG1016" s="10"/>
      <c r="BSH1016" s="10"/>
      <c r="BSI1016" s="10"/>
      <c r="BSJ1016" s="10"/>
      <c r="BSK1016" s="10"/>
      <c r="BSL1016" s="10"/>
      <c r="BSM1016" s="10"/>
      <c r="BSN1016" s="10"/>
      <c r="BSO1016" s="10"/>
      <c r="BSP1016" s="10"/>
      <c r="BSQ1016" s="10"/>
      <c r="BSR1016" s="10"/>
      <c r="BSS1016" s="10"/>
      <c r="BST1016" s="10"/>
      <c r="BSU1016" s="10"/>
      <c r="BSV1016" s="10"/>
      <c r="BSW1016" s="10"/>
      <c r="BSX1016" s="10"/>
      <c r="BSY1016" s="10"/>
      <c r="BSZ1016" s="10"/>
      <c r="BTA1016" s="10"/>
      <c r="BTB1016" s="10"/>
      <c r="BTC1016" s="10"/>
      <c r="BTD1016" s="10"/>
      <c r="BTE1016" s="10"/>
      <c r="BTF1016" s="10"/>
      <c r="BTG1016" s="10"/>
      <c r="BTH1016" s="10"/>
      <c r="BTI1016" s="10"/>
      <c r="BTJ1016" s="10"/>
      <c r="BTK1016" s="10"/>
      <c r="BTL1016" s="10"/>
      <c r="BTM1016" s="10"/>
      <c r="BTN1016" s="10"/>
      <c r="BTO1016" s="10"/>
      <c r="BTP1016" s="10"/>
      <c r="BTQ1016" s="10"/>
      <c r="BTR1016" s="10"/>
      <c r="BTS1016" s="10"/>
      <c r="BTT1016" s="10"/>
      <c r="BTU1016" s="10"/>
      <c r="BTV1016" s="10"/>
      <c r="BTW1016" s="10"/>
      <c r="BTX1016" s="10"/>
      <c r="BTY1016" s="10"/>
      <c r="BTZ1016" s="10"/>
      <c r="BUA1016" s="10"/>
      <c r="BUB1016" s="10"/>
      <c r="BUC1016" s="10"/>
      <c r="BUD1016" s="10"/>
      <c r="BUE1016" s="10"/>
      <c r="BUF1016" s="10"/>
      <c r="BUG1016" s="10"/>
      <c r="BUH1016" s="10"/>
      <c r="BUI1016" s="10"/>
      <c r="BUJ1016" s="10"/>
      <c r="BUK1016" s="10"/>
      <c r="BUL1016" s="10"/>
      <c r="BUM1016" s="10"/>
      <c r="BUN1016" s="10"/>
      <c r="BUO1016" s="10"/>
      <c r="BUP1016" s="10"/>
      <c r="BUQ1016" s="10"/>
      <c r="BUR1016" s="10"/>
      <c r="BUS1016" s="10"/>
      <c r="BUT1016" s="10"/>
      <c r="BUU1016" s="10"/>
      <c r="BUV1016" s="10"/>
      <c r="BUW1016" s="10"/>
      <c r="BUX1016" s="10"/>
      <c r="BUY1016" s="10"/>
      <c r="BUZ1016" s="10"/>
      <c r="BVA1016" s="10"/>
      <c r="BVB1016" s="10"/>
      <c r="BVC1016" s="10"/>
      <c r="BVD1016" s="10"/>
      <c r="BVE1016" s="10"/>
      <c r="BVF1016" s="10"/>
      <c r="BVG1016" s="10"/>
      <c r="BVH1016" s="10"/>
      <c r="BVI1016" s="10"/>
      <c r="BVJ1016" s="10"/>
      <c r="BVK1016" s="10"/>
      <c r="BVL1016" s="10"/>
      <c r="BVM1016" s="10"/>
      <c r="BVN1016" s="10"/>
      <c r="BVO1016" s="10"/>
      <c r="BVP1016" s="10"/>
      <c r="BVQ1016" s="10"/>
      <c r="BVR1016" s="10"/>
      <c r="BVS1016" s="10"/>
      <c r="BVT1016" s="10"/>
      <c r="BVU1016" s="10"/>
      <c r="BVV1016" s="10"/>
      <c r="BVW1016" s="10"/>
      <c r="BVX1016" s="10"/>
      <c r="BVY1016" s="10"/>
      <c r="BVZ1016" s="10"/>
      <c r="BWA1016" s="10"/>
      <c r="BWB1016" s="10"/>
      <c r="BWC1016" s="10"/>
      <c r="BWD1016" s="10"/>
      <c r="BWE1016" s="10"/>
      <c r="BWF1016" s="10"/>
      <c r="BWG1016" s="10"/>
      <c r="BWH1016" s="10"/>
      <c r="BWI1016" s="10"/>
      <c r="BWJ1016" s="10"/>
      <c r="BWK1016" s="10"/>
      <c r="BWL1016" s="10"/>
      <c r="BWM1016" s="10"/>
      <c r="BWN1016" s="10"/>
      <c r="BWO1016" s="10"/>
      <c r="BWP1016" s="10"/>
      <c r="BWQ1016" s="10"/>
      <c r="BWR1016" s="10"/>
      <c r="BWS1016" s="10"/>
      <c r="BWT1016" s="10"/>
      <c r="BWU1016" s="10"/>
      <c r="BWV1016" s="10"/>
      <c r="BWW1016" s="10"/>
      <c r="BWX1016" s="10"/>
      <c r="BWY1016" s="10"/>
      <c r="BWZ1016" s="10"/>
      <c r="BXA1016" s="10"/>
      <c r="BXB1016" s="10"/>
      <c r="BXC1016" s="10"/>
      <c r="BXD1016" s="10"/>
      <c r="BXE1016" s="10"/>
      <c r="BXF1016" s="10"/>
      <c r="BXG1016" s="10"/>
      <c r="BXH1016" s="10"/>
      <c r="BXI1016" s="10"/>
      <c r="BXJ1016" s="10"/>
      <c r="BXK1016" s="10"/>
      <c r="BXL1016" s="10"/>
      <c r="BXM1016" s="10"/>
      <c r="BXN1016" s="10"/>
      <c r="BXO1016" s="10"/>
      <c r="BXP1016" s="10"/>
      <c r="BXQ1016" s="10"/>
      <c r="BXR1016" s="10"/>
      <c r="BXS1016" s="10"/>
      <c r="BXT1016" s="10"/>
      <c r="BXU1016" s="10"/>
      <c r="BXV1016" s="10"/>
      <c r="BXW1016" s="10"/>
      <c r="BXX1016" s="10"/>
      <c r="BXY1016" s="10"/>
      <c r="BXZ1016" s="10"/>
      <c r="BYA1016" s="10"/>
      <c r="BYB1016" s="10"/>
      <c r="BYC1016" s="10"/>
      <c r="BYD1016" s="10"/>
      <c r="BYE1016" s="10"/>
      <c r="BYF1016" s="10"/>
      <c r="BYG1016" s="10"/>
      <c r="BYH1016" s="10"/>
      <c r="BYI1016" s="10"/>
      <c r="BYJ1016" s="10"/>
      <c r="BYK1016" s="10"/>
      <c r="BYL1016" s="10"/>
      <c r="BYM1016" s="10"/>
      <c r="BYN1016" s="10"/>
      <c r="BYO1016" s="10"/>
      <c r="BYP1016" s="10"/>
      <c r="BYQ1016" s="10"/>
      <c r="BYR1016" s="10"/>
      <c r="BYS1016" s="10"/>
      <c r="BYT1016" s="10"/>
      <c r="BYU1016" s="10"/>
      <c r="BYV1016" s="10"/>
      <c r="BYW1016" s="10"/>
      <c r="BYX1016" s="10"/>
      <c r="BYY1016" s="10"/>
      <c r="BYZ1016" s="10"/>
      <c r="BZA1016" s="10"/>
      <c r="BZB1016" s="10"/>
      <c r="BZC1016" s="10"/>
      <c r="BZD1016" s="10"/>
      <c r="BZE1016" s="10"/>
      <c r="BZF1016" s="10"/>
      <c r="BZG1016" s="10"/>
      <c r="BZH1016" s="10"/>
      <c r="BZI1016" s="10"/>
      <c r="BZJ1016" s="10"/>
      <c r="BZK1016" s="10"/>
      <c r="BZL1016" s="10"/>
      <c r="BZM1016" s="10"/>
      <c r="BZN1016" s="10"/>
      <c r="BZO1016" s="10"/>
      <c r="BZP1016" s="10"/>
      <c r="BZQ1016" s="10"/>
      <c r="BZR1016" s="10"/>
      <c r="BZS1016" s="10"/>
      <c r="BZT1016" s="10"/>
      <c r="BZU1016" s="10"/>
      <c r="BZV1016" s="10"/>
      <c r="BZW1016" s="10"/>
      <c r="BZX1016" s="10"/>
      <c r="BZY1016" s="10"/>
      <c r="BZZ1016" s="10"/>
      <c r="CAA1016" s="10"/>
      <c r="CAB1016" s="10"/>
      <c r="CAC1016" s="10"/>
      <c r="CAD1016" s="10"/>
      <c r="CAE1016" s="10"/>
      <c r="CAF1016" s="10"/>
      <c r="CAG1016" s="10"/>
      <c r="CAH1016" s="10"/>
      <c r="CAI1016" s="10"/>
      <c r="CAJ1016" s="10"/>
      <c r="CAK1016" s="10"/>
      <c r="CAL1016" s="10"/>
      <c r="CAM1016" s="10"/>
      <c r="CAN1016" s="10"/>
      <c r="CAO1016" s="10"/>
      <c r="CAP1016" s="10"/>
      <c r="CAQ1016" s="10"/>
      <c r="CAR1016" s="10"/>
      <c r="CAS1016" s="10"/>
      <c r="CAT1016" s="10"/>
      <c r="CAU1016" s="10"/>
      <c r="CAV1016" s="10"/>
      <c r="CAW1016" s="10"/>
      <c r="CAX1016" s="10"/>
      <c r="CAY1016" s="10"/>
      <c r="CAZ1016" s="10"/>
      <c r="CBA1016" s="10"/>
      <c r="CBB1016" s="10"/>
      <c r="CBC1016" s="10"/>
      <c r="CBD1016" s="10"/>
      <c r="CBE1016" s="10"/>
      <c r="CBF1016" s="10"/>
      <c r="CBG1016" s="10"/>
      <c r="CBH1016" s="10"/>
      <c r="CBI1016" s="10"/>
      <c r="CBJ1016" s="10"/>
      <c r="CBK1016" s="10"/>
      <c r="CBL1016" s="10"/>
      <c r="CBM1016" s="10"/>
      <c r="CBN1016" s="10"/>
      <c r="CBO1016" s="10"/>
      <c r="CBP1016" s="10"/>
      <c r="CBQ1016" s="10"/>
      <c r="CBR1016" s="10"/>
      <c r="CBS1016" s="10"/>
      <c r="CBT1016" s="10"/>
      <c r="CBU1016" s="10"/>
      <c r="CBV1016" s="10"/>
      <c r="CBW1016" s="10"/>
      <c r="CBX1016" s="10"/>
      <c r="CBY1016" s="10"/>
      <c r="CBZ1016" s="10"/>
      <c r="CCA1016" s="10"/>
      <c r="CCB1016" s="10"/>
      <c r="CCC1016" s="10"/>
      <c r="CCD1016" s="10"/>
      <c r="CCE1016" s="10"/>
      <c r="CCF1016" s="10"/>
      <c r="CCG1016" s="10"/>
      <c r="CCH1016" s="10"/>
      <c r="CCI1016" s="10"/>
      <c r="CCJ1016" s="10"/>
      <c r="CCK1016" s="10"/>
      <c r="CCL1016" s="10"/>
      <c r="CCM1016" s="10"/>
      <c r="CCN1016" s="10"/>
      <c r="CCO1016" s="10"/>
      <c r="CCP1016" s="10"/>
      <c r="CCQ1016" s="10"/>
      <c r="CCR1016" s="10"/>
      <c r="CCS1016" s="10"/>
      <c r="CCT1016" s="10"/>
      <c r="CCU1016" s="10"/>
      <c r="CCV1016" s="10"/>
      <c r="CCW1016" s="10"/>
      <c r="CCX1016" s="10"/>
      <c r="CCY1016" s="10"/>
      <c r="CCZ1016" s="10"/>
      <c r="CDA1016" s="10"/>
      <c r="CDB1016" s="10"/>
      <c r="CDC1016" s="10"/>
      <c r="CDD1016" s="10"/>
      <c r="CDE1016" s="10"/>
      <c r="CDF1016" s="10"/>
      <c r="CDG1016" s="10"/>
      <c r="CDH1016" s="10"/>
      <c r="CDI1016" s="10"/>
      <c r="CDJ1016" s="10"/>
      <c r="CDK1016" s="10"/>
      <c r="CDL1016" s="10"/>
      <c r="CDM1016" s="10"/>
      <c r="CDN1016" s="10"/>
      <c r="CDO1016" s="10"/>
      <c r="CDP1016" s="10"/>
      <c r="CDQ1016" s="10"/>
      <c r="CDR1016" s="10"/>
      <c r="CDS1016" s="10"/>
      <c r="CDT1016" s="10"/>
      <c r="CDU1016" s="10"/>
      <c r="CDV1016" s="10"/>
      <c r="CDW1016" s="10"/>
      <c r="CDX1016" s="10"/>
      <c r="CDY1016" s="10"/>
      <c r="CDZ1016" s="10"/>
      <c r="CEA1016" s="10"/>
      <c r="CEB1016" s="10"/>
      <c r="CEC1016" s="10"/>
      <c r="CED1016" s="10"/>
      <c r="CEE1016" s="10"/>
      <c r="CEF1016" s="10"/>
      <c r="CEG1016" s="10"/>
      <c r="CEH1016" s="10"/>
      <c r="CEI1016" s="10"/>
      <c r="CEJ1016" s="10"/>
      <c r="CEK1016" s="10"/>
      <c r="CEL1016" s="10"/>
      <c r="CEM1016" s="10"/>
      <c r="CEN1016" s="10"/>
      <c r="CEO1016" s="10"/>
      <c r="CEP1016" s="10"/>
      <c r="CEQ1016" s="10"/>
      <c r="CER1016" s="10"/>
      <c r="CES1016" s="10"/>
      <c r="CET1016" s="10"/>
      <c r="CEU1016" s="10"/>
      <c r="CEV1016" s="10"/>
      <c r="CEW1016" s="10"/>
      <c r="CEX1016" s="10"/>
      <c r="CEY1016" s="10"/>
      <c r="CEZ1016" s="10"/>
      <c r="CFA1016" s="10"/>
      <c r="CFB1016" s="10"/>
      <c r="CFC1016" s="10"/>
      <c r="CFD1016" s="10"/>
      <c r="CFE1016" s="10"/>
      <c r="CFF1016" s="10"/>
      <c r="CFG1016" s="10"/>
      <c r="CFH1016" s="10"/>
      <c r="CFI1016" s="10"/>
      <c r="CFJ1016" s="10"/>
      <c r="CFK1016" s="10"/>
      <c r="CFL1016" s="10"/>
      <c r="CFM1016" s="10"/>
      <c r="CFN1016" s="10"/>
      <c r="CFO1016" s="10"/>
      <c r="CFP1016" s="10"/>
      <c r="CFQ1016" s="10"/>
      <c r="CFR1016" s="10"/>
      <c r="CFS1016" s="10"/>
      <c r="CFT1016" s="10"/>
      <c r="CFU1016" s="10"/>
      <c r="CFV1016" s="10"/>
      <c r="CFW1016" s="10"/>
      <c r="CFX1016" s="10"/>
      <c r="CFY1016" s="10"/>
      <c r="CFZ1016" s="10"/>
      <c r="CGA1016" s="10"/>
      <c r="CGB1016" s="10"/>
      <c r="CGC1016" s="10"/>
      <c r="CGD1016" s="10"/>
      <c r="CGE1016" s="10"/>
      <c r="CGF1016" s="10"/>
      <c r="CGG1016" s="10"/>
      <c r="CGH1016" s="10"/>
      <c r="CGI1016" s="10"/>
      <c r="CGJ1016" s="10"/>
      <c r="CGK1016" s="10"/>
      <c r="CGL1016" s="10"/>
      <c r="CGM1016" s="10"/>
      <c r="CGN1016" s="10"/>
      <c r="CGO1016" s="10"/>
      <c r="CGP1016" s="10"/>
      <c r="CGQ1016" s="10"/>
      <c r="CGR1016" s="10"/>
      <c r="CGS1016" s="10"/>
      <c r="CGT1016" s="10"/>
      <c r="CGU1016" s="10"/>
      <c r="CGV1016" s="10"/>
      <c r="CGW1016" s="10"/>
      <c r="CGX1016" s="10"/>
      <c r="CGY1016" s="10"/>
      <c r="CGZ1016" s="10"/>
      <c r="CHA1016" s="10"/>
      <c r="CHB1016" s="10"/>
      <c r="CHC1016" s="10"/>
      <c r="CHD1016" s="10"/>
      <c r="CHE1016" s="10"/>
      <c r="CHF1016" s="10"/>
      <c r="CHG1016" s="10"/>
      <c r="CHH1016" s="10"/>
      <c r="CHI1016" s="10"/>
      <c r="CHJ1016" s="10"/>
      <c r="CHK1016" s="10"/>
      <c r="CHL1016" s="10"/>
      <c r="CHM1016" s="10"/>
      <c r="CHN1016" s="10"/>
      <c r="CHO1016" s="10"/>
      <c r="CHP1016" s="10"/>
      <c r="CHQ1016" s="10"/>
      <c r="CHR1016" s="10"/>
      <c r="CHS1016" s="10"/>
      <c r="CHT1016" s="10"/>
      <c r="CHU1016" s="10"/>
      <c r="CHV1016" s="10"/>
      <c r="CHW1016" s="10"/>
      <c r="CHX1016" s="10"/>
      <c r="CHY1016" s="10"/>
      <c r="CHZ1016" s="10"/>
      <c r="CIA1016" s="10"/>
      <c r="CIB1016" s="10"/>
      <c r="CIC1016" s="10"/>
      <c r="CID1016" s="10"/>
      <c r="CIE1016" s="10"/>
      <c r="CIF1016" s="10"/>
      <c r="CIG1016" s="10"/>
      <c r="CIH1016" s="10"/>
      <c r="CII1016" s="10"/>
      <c r="CIJ1016" s="10"/>
      <c r="CIK1016" s="10"/>
      <c r="CIL1016" s="10"/>
      <c r="CIM1016" s="10"/>
      <c r="CIN1016" s="10"/>
      <c r="CIO1016" s="10"/>
      <c r="CIP1016" s="10"/>
      <c r="CIQ1016" s="10"/>
      <c r="CIR1016" s="10"/>
      <c r="CIS1016" s="10"/>
      <c r="CIT1016" s="10"/>
      <c r="CIU1016" s="10"/>
      <c r="CIV1016" s="10"/>
      <c r="CIW1016" s="10"/>
      <c r="CIX1016" s="10"/>
      <c r="CIY1016" s="10"/>
      <c r="CIZ1016" s="10"/>
      <c r="CJA1016" s="10"/>
      <c r="CJB1016" s="10"/>
      <c r="CJC1016" s="10"/>
      <c r="CJD1016" s="10"/>
      <c r="CJE1016" s="10"/>
      <c r="CJF1016" s="10"/>
      <c r="CJG1016" s="10"/>
      <c r="CJH1016" s="10"/>
      <c r="CJI1016" s="10"/>
      <c r="CJJ1016" s="10"/>
      <c r="CJK1016" s="10"/>
      <c r="CJL1016" s="10"/>
      <c r="CJM1016" s="10"/>
      <c r="CJN1016" s="10"/>
      <c r="CJO1016" s="10"/>
      <c r="CJP1016" s="10"/>
      <c r="CJQ1016" s="10"/>
      <c r="CJR1016" s="10"/>
      <c r="CJS1016" s="10"/>
      <c r="CJT1016" s="10"/>
      <c r="CJU1016" s="10"/>
      <c r="CJV1016" s="10"/>
      <c r="CJW1016" s="10"/>
      <c r="CJX1016" s="10"/>
      <c r="CJY1016" s="10"/>
      <c r="CJZ1016" s="10"/>
      <c r="CKA1016" s="10"/>
      <c r="CKB1016" s="10"/>
      <c r="CKC1016" s="10"/>
      <c r="CKD1016" s="10"/>
      <c r="CKE1016" s="10"/>
      <c r="CKF1016" s="10"/>
      <c r="CKG1016" s="10"/>
      <c r="CKH1016" s="10"/>
      <c r="CKI1016" s="10"/>
      <c r="CKJ1016" s="10"/>
      <c r="CKK1016" s="10"/>
      <c r="CKL1016" s="10"/>
      <c r="CKM1016" s="10"/>
      <c r="CKN1016" s="10"/>
      <c r="CKO1016" s="10"/>
      <c r="CKP1016" s="10"/>
      <c r="CKQ1016" s="10"/>
      <c r="CKR1016" s="10"/>
      <c r="CKS1016" s="10"/>
      <c r="CKT1016" s="10"/>
      <c r="CKU1016" s="10"/>
      <c r="CKV1016" s="10"/>
      <c r="CKW1016" s="10"/>
      <c r="CKX1016" s="10"/>
      <c r="CKY1016" s="10"/>
      <c r="CKZ1016" s="10"/>
      <c r="CLA1016" s="10"/>
      <c r="CLB1016" s="10"/>
      <c r="CLC1016" s="10"/>
      <c r="CLD1016" s="10"/>
      <c r="CLE1016" s="10"/>
      <c r="CLF1016" s="10"/>
      <c r="CLG1016" s="10"/>
      <c r="CLH1016" s="10"/>
      <c r="CLI1016" s="10"/>
      <c r="CLJ1016" s="10"/>
      <c r="CLK1016" s="10"/>
      <c r="CLL1016" s="10"/>
      <c r="CLM1016" s="10"/>
      <c r="CLN1016" s="10"/>
      <c r="CLO1016" s="10"/>
      <c r="CLP1016" s="10"/>
      <c r="CLQ1016" s="10"/>
      <c r="CLR1016" s="10"/>
      <c r="CLS1016" s="10"/>
      <c r="CLT1016" s="10"/>
      <c r="CLU1016" s="10"/>
      <c r="CLV1016" s="10"/>
      <c r="CLW1016" s="10"/>
      <c r="CLX1016" s="10"/>
      <c r="CLY1016" s="10"/>
      <c r="CLZ1016" s="10"/>
      <c r="CMA1016" s="10"/>
      <c r="CMB1016" s="10"/>
      <c r="CMC1016" s="10"/>
      <c r="CMD1016" s="10"/>
      <c r="CME1016" s="10"/>
      <c r="CMF1016" s="10"/>
      <c r="CMG1016" s="10"/>
      <c r="CMH1016" s="10"/>
      <c r="CMI1016" s="10"/>
      <c r="CMJ1016" s="10"/>
      <c r="CMK1016" s="10"/>
      <c r="CML1016" s="10"/>
      <c r="CMM1016" s="10"/>
      <c r="CMN1016" s="10"/>
      <c r="CMO1016" s="10"/>
      <c r="CMP1016" s="10"/>
      <c r="CMQ1016" s="10"/>
      <c r="CMR1016" s="10"/>
      <c r="CMS1016" s="10"/>
      <c r="CMT1016" s="10"/>
      <c r="CMU1016" s="10"/>
      <c r="CMV1016" s="10"/>
      <c r="CMW1016" s="10"/>
      <c r="CMX1016" s="10"/>
      <c r="CMY1016" s="10"/>
      <c r="CMZ1016" s="10"/>
      <c r="CNA1016" s="10"/>
      <c r="CNB1016" s="10"/>
      <c r="CNC1016" s="10"/>
      <c r="CND1016" s="10"/>
      <c r="CNE1016" s="10"/>
      <c r="CNF1016" s="10"/>
      <c r="CNG1016" s="10"/>
      <c r="CNH1016" s="10"/>
      <c r="CNI1016" s="10"/>
      <c r="CNJ1016" s="10"/>
      <c r="CNK1016" s="10"/>
      <c r="CNL1016" s="10"/>
      <c r="CNM1016" s="10"/>
      <c r="CNN1016" s="10"/>
      <c r="CNO1016" s="10"/>
      <c r="CNP1016" s="10"/>
      <c r="CNQ1016" s="10"/>
      <c r="CNR1016" s="10"/>
      <c r="CNS1016" s="10"/>
      <c r="CNT1016" s="10"/>
      <c r="CNU1016" s="10"/>
      <c r="CNV1016" s="10"/>
      <c r="CNW1016" s="10"/>
      <c r="CNX1016" s="10"/>
      <c r="CNY1016" s="10"/>
      <c r="CNZ1016" s="10"/>
      <c r="COA1016" s="10"/>
      <c r="COB1016" s="10"/>
      <c r="COC1016" s="10"/>
      <c r="COD1016" s="10"/>
      <c r="COE1016" s="10"/>
      <c r="COF1016" s="10"/>
      <c r="COG1016" s="10"/>
      <c r="COH1016" s="10"/>
      <c r="COI1016" s="10"/>
      <c r="COJ1016" s="10"/>
      <c r="COK1016" s="10"/>
      <c r="COL1016" s="10"/>
      <c r="COM1016" s="10"/>
      <c r="CON1016" s="10"/>
      <c r="COO1016" s="10"/>
      <c r="COP1016" s="10"/>
      <c r="COQ1016" s="10"/>
      <c r="COR1016" s="10"/>
      <c r="COS1016" s="10"/>
      <c r="COT1016" s="10"/>
      <c r="COU1016" s="10"/>
      <c r="COV1016" s="10"/>
      <c r="COW1016" s="10"/>
      <c r="COX1016" s="10"/>
      <c r="COY1016" s="10"/>
      <c r="COZ1016" s="10"/>
      <c r="CPA1016" s="10"/>
      <c r="CPB1016" s="10"/>
      <c r="CPC1016" s="10"/>
      <c r="CPD1016" s="10"/>
      <c r="CPE1016" s="10"/>
      <c r="CPF1016" s="10"/>
      <c r="CPG1016" s="10"/>
      <c r="CPH1016" s="10"/>
      <c r="CPI1016" s="10"/>
      <c r="CPJ1016" s="10"/>
      <c r="CPK1016" s="10"/>
      <c r="CPL1016" s="10"/>
      <c r="CPM1016" s="10"/>
      <c r="CPN1016" s="10"/>
      <c r="CPO1016" s="10"/>
      <c r="CPP1016" s="10"/>
      <c r="CPQ1016" s="10"/>
      <c r="CPR1016" s="10"/>
      <c r="CPS1016" s="10"/>
      <c r="CPT1016" s="10"/>
      <c r="CPU1016" s="10"/>
      <c r="CPV1016" s="10"/>
      <c r="CPW1016" s="10"/>
      <c r="CPX1016" s="10"/>
      <c r="CPY1016" s="10"/>
      <c r="CPZ1016" s="10"/>
      <c r="CQA1016" s="10"/>
      <c r="CQB1016" s="10"/>
      <c r="CQC1016" s="10"/>
      <c r="CQD1016" s="10"/>
      <c r="CQE1016" s="10"/>
      <c r="CQF1016" s="10"/>
      <c r="CQG1016" s="10"/>
      <c r="CQH1016" s="10"/>
      <c r="CQI1016" s="10"/>
      <c r="CQJ1016" s="10"/>
      <c r="CQK1016" s="10"/>
      <c r="CQL1016" s="10"/>
      <c r="CQM1016" s="10"/>
      <c r="CQN1016" s="10"/>
      <c r="CQO1016" s="10"/>
      <c r="CQP1016" s="10"/>
      <c r="CQQ1016" s="10"/>
      <c r="CQR1016" s="10"/>
      <c r="CQS1016" s="10"/>
      <c r="CQT1016" s="10"/>
      <c r="CQU1016" s="10"/>
      <c r="CQV1016" s="10"/>
      <c r="CQW1016" s="10"/>
      <c r="CQX1016" s="10"/>
      <c r="CQY1016" s="10"/>
      <c r="CQZ1016" s="10"/>
      <c r="CRA1016" s="10"/>
      <c r="CRB1016" s="10"/>
      <c r="CRC1016" s="10"/>
      <c r="CRD1016" s="10"/>
      <c r="CRE1016" s="10"/>
      <c r="CRF1016" s="10"/>
      <c r="CRG1016" s="10"/>
      <c r="CRH1016" s="10"/>
      <c r="CRI1016" s="10"/>
      <c r="CRJ1016" s="10"/>
      <c r="CRK1016" s="10"/>
      <c r="CRL1016" s="10"/>
      <c r="CRM1016" s="10"/>
      <c r="CRN1016" s="10"/>
      <c r="CRO1016" s="10"/>
      <c r="CRP1016" s="10"/>
      <c r="CRQ1016" s="10"/>
      <c r="CRR1016" s="10"/>
      <c r="CRS1016" s="10"/>
      <c r="CRT1016" s="10"/>
      <c r="CRU1016" s="10"/>
      <c r="CRV1016" s="10"/>
      <c r="CRW1016" s="10"/>
      <c r="CRX1016" s="10"/>
      <c r="CRY1016" s="10"/>
      <c r="CRZ1016" s="10"/>
      <c r="CSA1016" s="10"/>
      <c r="CSB1016" s="10"/>
      <c r="CSC1016" s="10"/>
      <c r="CSD1016" s="10"/>
      <c r="CSE1016" s="10"/>
      <c r="CSF1016" s="10"/>
      <c r="CSG1016" s="10"/>
      <c r="CSH1016" s="10"/>
      <c r="CSI1016" s="10"/>
      <c r="CSJ1016" s="10"/>
      <c r="CSK1016" s="10"/>
      <c r="CSL1016" s="10"/>
      <c r="CSM1016" s="10"/>
      <c r="CSN1016" s="10"/>
      <c r="CSO1016" s="10"/>
      <c r="CSP1016" s="10"/>
      <c r="CSQ1016" s="10"/>
      <c r="CSR1016" s="10"/>
      <c r="CSS1016" s="10"/>
      <c r="CST1016" s="10"/>
      <c r="CSU1016" s="10"/>
      <c r="CSV1016" s="10"/>
      <c r="CSW1016" s="10"/>
      <c r="CSX1016" s="10"/>
      <c r="CSY1016" s="10"/>
      <c r="CSZ1016" s="10"/>
      <c r="CTA1016" s="10"/>
      <c r="CTB1016" s="10"/>
      <c r="CTC1016" s="10"/>
      <c r="CTD1016" s="10"/>
      <c r="CTE1016" s="10"/>
      <c r="CTF1016" s="10"/>
      <c r="CTG1016" s="10"/>
      <c r="CTH1016" s="10"/>
      <c r="CTI1016" s="10"/>
      <c r="CTJ1016" s="10"/>
      <c r="CTK1016" s="10"/>
      <c r="CTL1016" s="10"/>
      <c r="CTM1016" s="10"/>
      <c r="CTN1016" s="10"/>
      <c r="CTO1016" s="10"/>
      <c r="CTP1016" s="10"/>
      <c r="CTQ1016" s="10"/>
      <c r="CTR1016" s="10"/>
      <c r="CTS1016" s="10"/>
      <c r="CTT1016" s="10"/>
      <c r="CTU1016" s="10"/>
      <c r="CTV1016" s="10"/>
      <c r="CTW1016" s="10"/>
      <c r="CTX1016" s="10"/>
      <c r="CTY1016" s="10"/>
      <c r="CTZ1016" s="10"/>
      <c r="CUA1016" s="10"/>
      <c r="CUB1016" s="10"/>
      <c r="CUC1016" s="10"/>
      <c r="CUD1016" s="10"/>
      <c r="CUE1016" s="10"/>
      <c r="CUF1016" s="10"/>
      <c r="CUG1016" s="10"/>
      <c r="CUH1016" s="10"/>
      <c r="CUI1016" s="10"/>
      <c r="CUJ1016" s="10"/>
      <c r="CUK1016" s="10"/>
      <c r="CUL1016" s="10"/>
      <c r="CUM1016" s="10"/>
      <c r="CUN1016" s="10"/>
      <c r="CUO1016" s="10"/>
      <c r="CUP1016" s="10"/>
      <c r="CUQ1016" s="10"/>
      <c r="CUR1016" s="10"/>
      <c r="CUS1016" s="10"/>
      <c r="CUT1016" s="10"/>
      <c r="CUU1016" s="10"/>
      <c r="CUV1016" s="10"/>
      <c r="CUW1016" s="10"/>
      <c r="CUX1016" s="10"/>
      <c r="CUY1016" s="10"/>
      <c r="CUZ1016" s="10"/>
      <c r="CVA1016" s="10"/>
      <c r="CVB1016" s="10"/>
      <c r="CVC1016" s="10"/>
      <c r="CVD1016" s="10"/>
      <c r="CVE1016" s="10"/>
      <c r="CVF1016" s="10"/>
      <c r="CVG1016" s="10"/>
      <c r="CVH1016" s="10"/>
      <c r="CVI1016" s="10"/>
      <c r="CVJ1016" s="10"/>
      <c r="CVK1016" s="10"/>
      <c r="CVL1016" s="10"/>
      <c r="CVM1016" s="10"/>
      <c r="CVN1016" s="10"/>
      <c r="CVO1016" s="10"/>
      <c r="CVP1016" s="10"/>
      <c r="CVQ1016" s="10"/>
      <c r="CVR1016" s="10"/>
      <c r="CVS1016" s="10"/>
      <c r="CVT1016" s="10"/>
      <c r="CVU1016" s="10"/>
      <c r="CVV1016" s="10"/>
      <c r="CVW1016" s="10"/>
      <c r="CVX1016" s="10"/>
      <c r="CVY1016" s="10"/>
      <c r="CVZ1016" s="10"/>
      <c r="CWA1016" s="10"/>
      <c r="CWB1016" s="10"/>
      <c r="CWC1016" s="10"/>
      <c r="CWD1016" s="10"/>
      <c r="CWE1016" s="10"/>
      <c r="CWF1016" s="10"/>
      <c r="CWG1016" s="10"/>
      <c r="CWH1016" s="10"/>
      <c r="CWI1016" s="10"/>
      <c r="CWJ1016" s="10"/>
      <c r="CWK1016" s="10"/>
      <c r="CWL1016" s="10"/>
      <c r="CWM1016" s="10"/>
      <c r="CWN1016" s="10"/>
      <c r="CWO1016" s="10"/>
      <c r="CWP1016" s="10"/>
      <c r="CWQ1016" s="10"/>
      <c r="CWR1016" s="10"/>
      <c r="CWS1016" s="10"/>
      <c r="CWT1016" s="10"/>
      <c r="CWU1016" s="10"/>
      <c r="CWV1016" s="10"/>
      <c r="CWW1016" s="10"/>
      <c r="CWX1016" s="10"/>
      <c r="CWY1016" s="10"/>
      <c r="CWZ1016" s="10"/>
      <c r="CXA1016" s="10"/>
      <c r="CXB1016" s="10"/>
      <c r="CXC1016" s="10"/>
      <c r="CXD1016" s="10"/>
      <c r="CXE1016" s="10"/>
      <c r="CXF1016" s="10"/>
      <c r="CXG1016" s="10"/>
      <c r="CXH1016" s="10"/>
      <c r="CXI1016" s="10"/>
      <c r="CXJ1016" s="10"/>
      <c r="CXK1016" s="10"/>
      <c r="CXL1016" s="10"/>
      <c r="CXM1016" s="10"/>
      <c r="CXN1016" s="10"/>
      <c r="CXO1016" s="10"/>
      <c r="CXP1016" s="10"/>
      <c r="CXQ1016" s="10"/>
      <c r="CXR1016" s="10"/>
      <c r="CXS1016" s="10"/>
      <c r="CXT1016" s="10"/>
      <c r="CXU1016" s="10"/>
      <c r="CXV1016" s="10"/>
      <c r="CXW1016" s="10"/>
      <c r="CXX1016" s="10"/>
      <c r="CXY1016" s="10"/>
      <c r="CXZ1016" s="10"/>
      <c r="CYA1016" s="10"/>
      <c r="CYB1016" s="10"/>
      <c r="CYC1016" s="10"/>
      <c r="CYD1016" s="10"/>
      <c r="CYE1016" s="10"/>
      <c r="CYF1016" s="10"/>
      <c r="CYG1016" s="10"/>
      <c r="CYH1016" s="10"/>
      <c r="CYI1016" s="10"/>
      <c r="CYJ1016" s="10"/>
      <c r="CYK1016" s="10"/>
      <c r="CYL1016" s="10"/>
      <c r="CYM1016" s="10"/>
      <c r="CYN1016" s="10"/>
      <c r="CYO1016" s="10"/>
      <c r="CYP1016" s="10"/>
      <c r="CYQ1016" s="10"/>
      <c r="CYR1016" s="10"/>
      <c r="CYS1016" s="10"/>
      <c r="CYT1016" s="10"/>
      <c r="CYU1016" s="10"/>
      <c r="CYV1016" s="10"/>
      <c r="CYW1016" s="10"/>
      <c r="CYX1016" s="10"/>
      <c r="CYY1016" s="10"/>
      <c r="CYZ1016" s="10"/>
      <c r="CZA1016" s="10"/>
      <c r="CZB1016" s="10"/>
      <c r="CZC1016" s="10"/>
      <c r="CZD1016" s="10"/>
      <c r="CZE1016" s="10"/>
      <c r="CZF1016" s="10"/>
      <c r="CZG1016" s="10"/>
      <c r="CZH1016" s="10"/>
      <c r="CZI1016" s="10"/>
      <c r="CZJ1016" s="10"/>
      <c r="CZK1016" s="10"/>
      <c r="CZL1016" s="10"/>
      <c r="CZM1016" s="10"/>
      <c r="CZN1016" s="10"/>
      <c r="CZO1016" s="10"/>
      <c r="CZP1016" s="10"/>
      <c r="CZQ1016" s="10"/>
      <c r="CZR1016" s="10"/>
      <c r="CZS1016" s="10"/>
      <c r="CZT1016" s="10"/>
      <c r="CZU1016" s="10"/>
      <c r="CZV1016" s="10"/>
      <c r="CZW1016" s="10"/>
      <c r="CZX1016" s="10"/>
      <c r="CZY1016" s="10"/>
      <c r="CZZ1016" s="10"/>
      <c r="DAA1016" s="10"/>
      <c r="DAB1016" s="10"/>
      <c r="DAC1016" s="10"/>
      <c r="DAD1016" s="10"/>
      <c r="DAE1016" s="10"/>
      <c r="DAF1016" s="10"/>
      <c r="DAG1016" s="10"/>
      <c r="DAH1016" s="10"/>
      <c r="DAI1016" s="10"/>
      <c r="DAJ1016" s="10"/>
      <c r="DAK1016" s="10"/>
      <c r="DAL1016" s="10"/>
      <c r="DAM1016" s="10"/>
      <c r="DAN1016" s="10"/>
      <c r="DAO1016" s="10"/>
      <c r="DAP1016" s="10"/>
      <c r="DAQ1016" s="10"/>
      <c r="DAR1016" s="10"/>
      <c r="DAS1016" s="10"/>
      <c r="DAT1016" s="10"/>
      <c r="DAU1016" s="10"/>
      <c r="DAV1016" s="10"/>
      <c r="DAW1016" s="10"/>
      <c r="DAX1016" s="10"/>
      <c r="DAY1016" s="10"/>
      <c r="DAZ1016" s="10"/>
      <c r="DBA1016" s="10"/>
      <c r="DBB1016" s="10"/>
      <c r="DBC1016" s="10"/>
      <c r="DBD1016" s="10"/>
      <c r="DBE1016" s="10"/>
      <c r="DBF1016" s="10"/>
      <c r="DBG1016" s="10"/>
      <c r="DBH1016" s="10"/>
      <c r="DBI1016" s="10"/>
      <c r="DBJ1016" s="10"/>
      <c r="DBK1016" s="10"/>
      <c r="DBL1016" s="10"/>
      <c r="DBM1016" s="10"/>
      <c r="DBN1016" s="10"/>
      <c r="DBO1016" s="10"/>
      <c r="DBP1016" s="10"/>
      <c r="DBQ1016" s="10"/>
      <c r="DBR1016" s="10"/>
      <c r="DBS1016" s="10"/>
      <c r="DBT1016" s="10"/>
      <c r="DBU1016" s="10"/>
      <c r="DBV1016" s="10"/>
      <c r="DBW1016" s="10"/>
      <c r="DBX1016" s="10"/>
      <c r="DBY1016" s="10"/>
      <c r="DBZ1016" s="10"/>
      <c r="DCA1016" s="10"/>
      <c r="DCB1016" s="10"/>
      <c r="DCC1016" s="10"/>
      <c r="DCD1016" s="10"/>
      <c r="DCE1016" s="10"/>
      <c r="DCF1016" s="10"/>
      <c r="DCG1016" s="10"/>
      <c r="DCH1016" s="10"/>
      <c r="DCI1016" s="10"/>
      <c r="DCJ1016" s="10"/>
      <c r="DCK1016" s="10"/>
      <c r="DCL1016" s="10"/>
      <c r="DCM1016" s="10"/>
      <c r="DCN1016" s="10"/>
      <c r="DCO1016" s="10"/>
      <c r="DCP1016" s="10"/>
      <c r="DCQ1016" s="10"/>
      <c r="DCR1016" s="10"/>
      <c r="DCS1016" s="10"/>
      <c r="DCT1016" s="10"/>
      <c r="DCU1016" s="10"/>
      <c r="DCV1016" s="10"/>
      <c r="DCW1016" s="10"/>
      <c r="DCX1016" s="10"/>
      <c r="DCY1016" s="10"/>
      <c r="DCZ1016" s="10"/>
      <c r="DDA1016" s="10"/>
      <c r="DDB1016" s="10"/>
      <c r="DDC1016" s="10"/>
      <c r="DDD1016" s="10"/>
      <c r="DDE1016" s="10"/>
      <c r="DDF1016" s="10"/>
      <c r="DDG1016" s="10"/>
      <c r="DDH1016" s="10"/>
      <c r="DDI1016" s="10"/>
      <c r="DDJ1016" s="10"/>
      <c r="DDK1016" s="10"/>
      <c r="DDL1016" s="10"/>
      <c r="DDM1016" s="10"/>
      <c r="DDN1016" s="10"/>
      <c r="DDO1016" s="10"/>
      <c r="DDP1016" s="10"/>
      <c r="DDQ1016" s="10"/>
      <c r="DDR1016" s="10"/>
      <c r="DDS1016" s="10"/>
      <c r="DDT1016" s="10"/>
      <c r="DDU1016" s="10"/>
      <c r="DDV1016" s="10"/>
      <c r="DDW1016" s="10"/>
      <c r="DDX1016" s="10"/>
      <c r="DDY1016" s="10"/>
      <c r="DDZ1016" s="10"/>
      <c r="DEA1016" s="10"/>
      <c r="DEB1016" s="10"/>
      <c r="DEC1016" s="10"/>
      <c r="DED1016" s="10"/>
      <c r="DEE1016" s="10"/>
      <c r="DEF1016" s="10"/>
      <c r="DEG1016" s="10"/>
      <c r="DEH1016" s="10"/>
      <c r="DEI1016" s="10"/>
      <c r="DEJ1016" s="10"/>
      <c r="DEK1016" s="10"/>
      <c r="DEL1016" s="10"/>
      <c r="DEM1016" s="10"/>
      <c r="DEN1016" s="10"/>
      <c r="DEO1016" s="10"/>
      <c r="DEP1016" s="10"/>
      <c r="DEQ1016" s="10"/>
      <c r="DER1016" s="10"/>
      <c r="DES1016" s="10"/>
      <c r="DET1016" s="10"/>
      <c r="DEU1016" s="10"/>
      <c r="DEV1016" s="10"/>
      <c r="DEW1016" s="10"/>
      <c r="DEX1016" s="10"/>
      <c r="DEY1016" s="10"/>
      <c r="DEZ1016" s="10"/>
      <c r="DFA1016" s="10"/>
      <c r="DFB1016" s="10"/>
      <c r="DFC1016" s="10"/>
      <c r="DFD1016" s="10"/>
      <c r="DFE1016" s="10"/>
      <c r="DFF1016" s="10"/>
      <c r="DFG1016" s="10"/>
      <c r="DFH1016" s="10"/>
      <c r="DFI1016" s="10"/>
      <c r="DFJ1016" s="10"/>
      <c r="DFK1016" s="10"/>
      <c r="DFL1016" s="10"/>
      <c r="DFM1016" s="10"/>
      <c r="DFN1016" s="10"/>
      <c r="DFO1016" s="10"/>
      <c r="DFP1016" s="10"/>
      <c r="DFQ1016" s="10"/>
      <c r="DFR1016" s="10"/>
      <c r="DFS1016" s="10"/>
      <c r="DFT1016" s="10"/>
      <c r="DFU1016" s="10"/>
      <c r="DFV1016" s="10"/>
      <c r="DFW1016" s="10"/>
      <c r="DFX1016" s="10"/>
      <c r="DFY1016" s="10"/>
      <c r="DFZ1016" s="10"/>
      <c r="DGA1016" s="10"/>
      <c r="DGB1016" s="10"/>
      <c r="DGC1016" s="10"/>
      <c r="DGD1016" s="10"/>
      <c r="DGE1016" s="10"/>
      <c r="DGF1016" s="10"/>
      <c r="DGG1016" s="10"/>
      <c r="DGH1016" s="10"/>
      <c r="DGI1016" s="10"/>
      <c r="DGJ1016" s="10"/>
      <c r="DGK1016" s="10"/>
      <c r="DGL1016" s="10"/>
      <c r="DGM1016" s="10"/>
      <c r="DGN1016" s="10"/>
      <c r="DGO1016" s="10"/>
      <c r="DGP1016" s="10"/>
      <c r="DGQ1016" s="10"/>
      <c r="DGR1016" s="10"/>
      <c r="DGS1016" s="10"/>
      <c r="DGT1016" s="10"/>
      <c r="DGU1016" s="10"/>
      <c r="DGV1016" s="10"/>
      <c r="DGW1016" s="10"/>
      <c r="DGX1016" s="10"/>
      <c r="DGY1016" s="10"/>
      <c r="DGZ1016" s="10"/>
      <c r="DHA1016" s="10"/>
      <c r="DHB1016" s="10"/>
      <c r="DHC1016" s="10"/>
      <c r="DHD1016" s="10"/>
      <c r="DHE1016" s="10"/>
      <c r="DHF1016" s="10"/>
      <c r="DHG1016" s="10"/>
      <c r="DHH1016" s="10"/>
      <c r="DHI1016" s="10"/>
      <c r="DHJ1016" s="10"/>
      <c r="DHK1016" s="10"/>
      <c r="DHL1016" s="10"/>
      <c r="DHM1016" s="10"/>
      <c r="DHN1016" s="10"/>
      <c r="DHO1016" s="10"/>
      <c r="DHP1016" s="10"/>
      <c r="DHQ1016" s="10"/>
      <c r="DHR1016" s="10"/>
      <c r="DHS1016" s="10"/>
      <c r="DHT1016" s="10"/>
      <c r="DHU1016" s="10"/>
      <c r="DHV1016" s="10"/>
      <c r="DHW1016" s="10"/>
      <c r="DHX1016" s="10"/>
      <c r="DHY1016" s="10"/>
      <c r="DHZ1016" s="10"/>
      <c r="DIA1016" s="10"/>
      <c r="DIB1016" s="10"/>
      <c r="DIC1016" s="10"/>
      <c r="DID1016" s="10"/>
      <c r="DIE1016" s="10"/>
      <c r="DIF1016" s="10"/>
      <c r="DIG1016" s="10"/>
      <c r="DIH1016" s="10"/>
      <c r="DII1016" s="10"/>
      <c r="DIJ1016" s="10"/>
      <c r="DIK1016" s="10"/>
      <c r="DIL1016" s="10"/>
      <c r="DIM1016" s="10"/>
      <c r="DIN1016" s="10"/>
      <c r="DIO1016" s="10"/>
      <c r="DIP1016" s="10"/>
      <c r="DIQ1016" s="10"/>
      <c r="DIR1016" s="10"/>
      <c r="DIS1016" s="10"/>
      <c r="DIT1016" s="10"/>
      <c r="DIU1016" s="10"/>
      <c r="DIV1016" s="10"/>
      <c r="DIW1016" s="10"/>
      <c r="DIX1016" s="10"/>
      <c r="DIY1016" s="10"/>
      <c r="DIZ1016" s="10"/>
      <c r="DJA1016" s="10"/>
      <c r="DJB1016" s="10"/>
      <c r="DJC1016" s="10"/>
      <c r="DJD1016" s="10"/>
      <c r="DJE1016" s="10"/>
      <c r="DJF1016" s="10"/>
      <c r="DJG1016" s="10"/>
      <c r="DJH1016" s="10"/>
      <c r="DJI1016" s="10"/>
      <c r="DJJ1016" s="10"/>
      <c r="DJK1016" s="10"/>
      <c r="DJL1016" s="10"/>
      <c r="DJM1016" s="10"/>
      <c r="DJN1016" s="10"/>
      <c r="DJO1016" s="10"/>
      <c r="DJP1016" s="10"/>
      <c r="DJQ1016" s="10"/>
      <c r="DJR1016" s="10"/>
      <c r="DJS1016" s="10"/>
      <c r="DJT1016" s="10"/>
      <c r="DJU1016" s="10"/>
      <c r="DJV1016" s="10"/>
      <c r="DJW1016" s="10"/>
      <c r="DJX1016" s="10"/>
      <c r="DJY1016" s="10"/>
      <c r="DJZ1016" s="10"/>
      <c r="DKA1016" s="10"/>
      <c r="DKB1016" s="10"/>
      <c r="DKC1016" s="10"/>
      <c r="DKD1016" s="10"/>
      <c r="DKE1016" s="10"/>
      <c r="DKF1016" s="10"/>
      <c r="DKG1016" s="10"/>
      <c r="DKH1016" s="10"/>
      <c r="DKI1016" s="10"/>
      <c r="DKJ1016" s="10"/>
      <c r="DKK1016" s="10"/>
      <c r="DKL1016" s="10"/>
      <c r="DKM1016" s="10"/>
      <c r="DKN1016" s="10"/>
      <c r="DKO1016" s="10"/>
      <c r="DKP1016" s="10"/>
      <c r="DKQ1016" s="10"/>
      <c r="DKR1016" s="10"/>
      <c r="DKS1016" s="10"/>
      <c r="DKT1016" s="10"/>
      <c r="DKU1016" s="10"/>
      <c r="DKV1016" s="10"/>
      <c r="DKW1016" s="10"/>
      <c r="DKX1016" s="10"/>
      <c r="DKY1016" s="10"/>
      <c r="DKZ1016" s="10"/>
      <c r="DLA1016" s="10"/>
      <c r="DLB1016" s="10"/>
      <c r="DLC1016" s="10"/>
      <c r="DLD1016" s="10"/>
      <c r="DLE1016" s="10"/>
      <c r="DLF1016" s="10"/>
      <c r="DLG1016" s="10"/>
      <c r="DLH1016" s="10"/>
      <c r="DLI1016" s="10"/>
      <c r="DLJ1016" s="10"/>
      <c r="DLK1016" s="10"/>
      <c r="DLL1016" s="10"/>
      <c r="DLM1016" s="10"/>
      <c r="DLN1016" s="10"/>
      <c r="DLO1016" s="10"/>
      <c r="DLP1016" s="10"/>
      <c r="DLQ1016" s="10"/>
      <c r="DLR1016" s="10"/>
      <c r="DLS1016" s="10"/>
      <c r="DLT1016" s="10"/>
      <c r="DLU1016" s="10"/>
      <c r="DLV1016" s="10"/>
      <c r="DLW1016" s="10"/>
      <c r="DLX1016" s="10"/>
      <c r="DLY1016" s="10"/>
      <c r="DLZ1016" s="10"/>
      <c r="DMA1016" s="10"/>
      <c r="DMB1016" s="10"/>
      <c r="DMC1016" s="10"/>
      <c r="DMD1016" s="10"/>
      <c r="DME1016" s="10"/>
      <c r="DMF1016" s="10"/>
      <c r="DMG1016" s="10"/>
      <c r="DMH1016" s="10"/>
      <c r="DMI1016" s="10"/>
      <c r="DMJ1016" s="10"/>
      <c r="DMK1016" s="10"/>
      <c r="DML1016" s="10"/>
      <c r="DMM1016" s="10"/>
      <c r="DMN1016" s="10"/>
      <c r="DMO1016" s="10"/>
      <c r="DMP1016" s="10"/>
      <c r="DMQ1016" s="10"/>
      <c r="DMR1016" s="10"/>
      <c r="DMS1016" s="10"/>
      <c r="DMT1016" s="10"/>
      <c r="DMU1016" s="10"/>
      <c r="DMV1016" s="10"/>
      <c r="DMW1016" s="10"/>
      <c r="DMX1016" s="10"/>
      <c r="DMY1016" s="10"/>
      <c r="DMZ1016" s="10"/>
      <c r="DNA1016" s="10"/>
      <c r="DNB1016" s="10"/>
      <c r="DNC1016" s="10"/>
      <c r="DND1016" s="10"/>
      <c r="DNE1016" s="10"/>
      <c r="DNF1016" s="10"/>
      <c r="DNG1016" s="10"/>
      <c r="DNH1016" s="10"/>
      <c r="DNI1016" s="10"/>
      <c r="DNJ1016" s="10"/>
      <c r="DNK1016" s="10"/>
      <c r="DNL1016" s="10"/>
      <c r="DNM1016" s="10"/>
      <c r="DNN1016" s="10"/>
      <c r="DNO1016" s="10"/>
      <c r="DNP1016" s="10"/>
      <c r="DNQ1016" s="10"/>
      <c r="DNR1016" s="10"/>
      <c r="DNS1016" s="10"/>
      <c r="DNT1016" s="10"/>
      <c r="DNU1016" s="10"/>
      <c r="DNV1016" s="10"/>
      <c r="DNW1016" s="10"/>
      <c r="DNX1016" s="10"/>
      <c r="DNY1016" s="10"/>
      <c r="DNZ1016" s="10"/>
      <c r="DOA1016" s="10"/>
      <c r="DOB1016" s="10"/>
      <c r="DOC1016" s="10"/>
      <c r="DOD1016" s="10"/>
      <c r="DOE1016" s="10"/>
      <c r="DOF1016" s="10"/>
      <c r="DOG1016" s="10"/>
      <c r="DOH1016" s="10"/>
      <c r="DOI1016" s="10"/>
      <c r="DOJ1016" s="10"/>
      <c r="DOK1016" s="10"/>
      <c r="DOL1016" s="10"/>
      <c r="DOM1016" s="10"/>
      <c r="DON1016" s="10"/>
      <c r="DOO1016" s="10"/>
      <c r="DOP1016" s="10"/>
      <c r="DOQ1016" s="10"/>
      <c r="DOR1016" s="10"/>
      <c r="DOS1016" s="10"/>
      <c r="DOT1016" s="10"/>
      <c r="DOU1016" s="10"/>
      <c r="DOV1016" s="10"/>
      <c r="DOW1016" s="10"/>
      <c r="DOX1016" s="10"/>
      <c r="DOY1016" s="10"/>
      <c r="DOZ1016" s="10"/>
      <c r="DPA1016" s="10"/>
      <c r="DPB1016" s="10"/>
      <c r="DPC1016" s="10"/>
      <c r="DPD1016" s="10"/>
      <c r="DPE1016" s="10"/>
      <c r="DPF1016" s="10"/>
      <c r="DPG1016" s="10"/>
      <c r="DPH1016" s="10"/>
      <c r="DPI1016" s="10"/>
      <c r="DPJ1016" s="10"/>
      <c r="DPK1016" s="10"/>
      <c r="DPL1016" s="10"/>
      <c r="DPM1016" s="10"/>
      <c r="DPN1016" s="10"/>
      <c r="DPO1016" s="10"/>
      <c r="DPP1016" s="10"/>
      <c r="DPQ1016" s="10"/>
      <c r="DPR1016" s="10"/>
      <c r="DPS1016" s="10"/>
      <c r="DPT1016" s="10"/>
      <c r="DPU1016" s="10"/>
      <c r="DPV1016" s="10"/>
      <c r="DPW1016" s="10"/>
      <c r="DPX1016" s="10"/>
      <c r="DPY1016" s="10"/>
      <c r="DPZ1016" s="10"/>
      <c r="DQA1016" s="10"/>
      <c r="DQB1016" s="10"/>
      <c r="DQC1016" s="10"/>
      <c r="DQD1016" s="10"/>
      <c r="DQE1016" s="10"/>
      <c r="DQF1016" s="10"/>
      <c r="DQG1016" s="10"/>
      <c r="DQH1016" s="10"/>
      <c r="DQI1016" s="10"/>
      <c r="DQJ1016" s="10"/>
      <c r="DQK1016" s="10"/>
      <c r="DQL1016" s="10"/>
      <c r="DQM1016" s="10"/>
      <c r="DQN1016" s="10"/>
      <c r="DQO1016" s="10"/>
      <c r="DQP1016" s="10"/>
      <c r="DQQ1016" s="10"/>
      <c r="DQR1016" s="10"/>
      <c r="DQS1016" s="10"/>
      <c r="DQT1016" s="10"/>
      <c r="DQU1016" s="10"/>
      <c r="DQV1016" s="10"/>
      <c r="DQW1016" s="10"/>
      <c r="DQX1016" s="10"/>
      <c r="DQY1016" s="10"/>
      <c r="DQZ1016" s="10"/>
      <c r="DRA1016" s="10"/>
      <c r="DRB1016" s="10"/>
      <c r="DRC1016" s="10"/>
      <c r="DRD1016" s="10"/>
      <c r="DRE1016" s="10"/>
      <c r="DRF1016" s="10"/>
      <c r="DRG1016" s="10"/>
      <c r="DRH1016" s="10"/>
      <c r="DRI1016" s="10"/>
      <c r="DRJ1016" s="10"/>
      <c r="DRK1016" s="10"/>
      <c r="DRL1016" s="10"/>
      <c r="DRM1016" s="10"/>
      <c r="DRN1016" s="10"/>
      <c r="DRO1016" s="10"/>
      <c r="DRP1016" s="10"/>
      <c r="DRQ1016" s="10"/>
      <c r="DRR1016" s="10"/>
      <c r="DRS1016" s="10"/>
      <c r="DRT1016" s="10"/>
      <c r="DRU1016" s="10"/>
      <c r="DRV1016" s="10"/>
      <c r="DRW1016" s="10"/>
      <c r="DRX1016" s="10"/>
      <c r="DRY1016" s="10"/>
      <c r="DRZ1016" s="10"/>
      <c r="DSA1016" s="10"/>
      <c r="DSB1016" s="10"/>
      <c r="DSC1016" s="10"/>
      <c r="DSD1016" s="10"/>
      <c r="DSE1016" s="10"/>
      <c r="DSF1016" s="10"/>
      <c r="DSG1016" s="10"/>
      <c r="DSH1016" s="10"/>
      <c r="DSI1016" s="10"/>
      <c r="DSJ1016" s="10"/>
      <c r="DSK1016" s="10"/>
      <c r="DSL1016" s="10"/>
      <c r="DSM1016" s="10"/>
      <c r="DSN1016" s="10"/>
      <c r="DSO1016" s="10"/>
      <c r="DSP1016" s="10"/>
      <c r="DSQ1016" s="10"/>
      <c r="DSR1016" s="10"/>
      <c r="DSS1016" s="10"/>
      <c r="DST1016" s="10"/>
      <c r="DSU1016" s="10"/>
      <c r="DSV1016" s="10"/>
      <c r="DSW1016" s="10"/>
      <c r="DSX1016" s="10"/>
      <c r="DSY1016" s="10"/>
      <c r="DSZ1016" s="10"/>
      <c r="DTA1016" s="10"/>
      <c r="DTB1016" s="10"/>
      <c r="DTC1016" s="10"/>
      <c r="DTD1016" s="10"/>
      <c r="DTE1016" s="10"/>
      <c r="DTF1016" s="10"/>
      <c r="DTG1016" s="10"/>
      <c r="DTH1016" s="10"/>
      <c r="DTI1016" s="10"/>
      <c r="DTJ1016" s="10"/>
      <c r="DTK1016" s="10"/>
      <c r="DTL1016" s="10"/>
      <c r="DTM1016" s="10"/>
      <c r="DTN1016" s="10"/>
      <c r="DTO1016" s="10"/>
      <c r="DTP1016" s="10"/>
      <c r="DTQ1016" s="10"/>
      <c r="DTR1016" s="10"/>
      <c r="DTS1016" s="10"/>
      <c r="DTT1016" s="10"/>
      <c r="DTU1016" s="10"/>
      <c r="DTV1016" s="10"/>
      <c r="DTW1016" s="10"/>
      <c r="DTX1016" s="10"/>
      <c r="DTY1016" s="10"/>
      <c r="DTZ1016" s="10"/>
      <c r="DUA1016" s="10"/>
      <c r="DUB1016" s="10"/>
      <c r="DUC1016" s="10"/>
      <c r="DUD1016" s="10"/>
      <c r="DUE1016" s="10"/>
      <c r="DUF1016" s="10"/>
      <c r="DUG1016" s="10"/>
      <c r="DUH1016" s="10"/>
      <c r="DUI1016" s="10"/>
      <c r="DUJ1016" s="10"/>
      <c r="DUK1016" s="10"/>
      <c r="DUL1016" s="10"/>
      <c r="DUM1016" s="10"/>
      <c r="DUN1016" s="10"/>
      <c r="DUO1016" s="10"/>
      <c r="DUP1016" s="10"/>
      <c r="DUQ1016" s="10"/>
      <c r="DUR1016" s="10"/>
      <c r="DUS1016" s="10"/>
      <c r="DUT1016" s="10"/>
      <c r="DUU1016" s="10"/>
      <c r="DUV1016" s="10"/>
      <c r="DUW1016" s="10"/>
      <c r="DUX1016" s="10"/>
      <c r="DUY1016" s="10"/>
      <c r="DUZ1016" s="10"/>
      <c r="DVA1016" s="10"/>
      <c r="DVB1016" s="10"/>
      <c r="DVC1016" s="10"/>
      <c r="DVD1016" s="10"/>
      <c r="DVE1016" s="10"/>
      <c r="DVF1016" s="10"/>
      <c r="DVG1016" s="10"/>
      <c r="DVH1016" s="10"/>
      <c r="DVI1016" s="10"/>
      <c r="DVJ1016" s="10"/>
      <c r="DVK1016" s="10"/>
      <c r="DVL1016" s="10"/>
      <c r="DVM1016" s="10"/>
      <c r="DVN1016" s="10"/>
      <c r="DVO1016" s="10"/>
      <c r="DVP1016" s="10"/>
      <c r="DVQ1016" s="10"/>
      <c r="DVR1016" s="10"/>
      <c r="DVS1016" s="10"/>
      <c r="DVT1016" s="10"/>
      <c r="DVU1016" s="10"/>
      <c r="DVV1016" s="10"/>
      <c r="DVW1016" s="10"/>
      <c r="DVX1016" s="10"/>
      <c r="DVY1016" s="10"/>
      <c r="DVZ1016" s="10"/>
      <c r="DWA1016" s="10"/>
      <c r="DWB1016" s="10"/>
      <c r="DWC1016" s="10"/>
      <c r="DWD1016" s="10"/>
      <c r="DWE1016" s="10"/>
      <c r="DWF1016" s="10"/>
      <c r="DWG1016" s="10"/>
      <c r="DWH1016" s="10"/>
      <c r="DWI1016" s="10"/>
      <c r="DWJ1016" s="10"/>
      <c r="DWK1016" s="10"/>
      <c r="DWL1016" s="10"/>
      <c r="DWM1016" s="10"/>
      <c r="DWN1016" s="10"/>
      <c r="DWO1016" s="10"/>
      <c r="DWP1016" s="10"/>
      <c r="DWQ1016" s="10"/>
      <c r="DWR1016" s="10"/>
      <c r="DWS1016" s="10"/>
      <c r="DWT1016" s="10"/>
      <c r="DWU1016" s="10"/>
      <c r="DWV1016" s="10"/>
      <c r="DWW1016" s="10"/>
      <c r="DWX1016" s="10"/>
      <c r="DWY1016" s="10"/>
      <c r="DWZ1016" s="10"/>
      <c r="DXA1016" s="10"/>
      <c r="DXB1016" s="10"/>
      <c r="DXC1016" s="10"/>
      <c r="DXD1016" s="10"/>
      <c r="DXE1016" s="10"/>
      <c r="DXF1016" s="10"/>
      <c r="DXG1016" s="10"/>
      <c r="DXH1016" s="10"/>
      <c r="DXI1016" s="10"/>
      <c r="DXJ1016" s="10"/>
      <c r="DXK1016" s="10"/>
      <c r="DXL1016" s="10"/>
      <c r="DXM1016" s="10"/>
      <c r="DXN1016" s="10"/>
      <c r="DXO1016" s="10"/>
      <c r="DXP1016" s="10"/>
      <c r="DXQ1016" s="10"/>
      <c r="DXR1016" s="10"/>
      <c r="DXS1016" s="10"/>
      <c r="DXT1016" s="10"/>
      <c r="DXU1016" s="10"/>
      <c r="DXV1016" s="10"/>
      <c r="DXW1016" s="10"/>
      <c r="DXX1016" s="10"/>
      <c r="DXY1016" s="10"/>
      <c r="DXZ1016" s="10"/>
      <c r="DYA1016" s="10"/>
      <c r="DYB1016" s="10"/>
      <c r="DYC1016" s="10"/>
      <c r="DYD1016" s="10"/>
      <c r="DYE1016" s="10"/>
      <c r="DYF1016" s="10"/>
      <c r="DYG1016" s="10"/>
      <c r="DYH1016" s="10"/>
      <c r="DYI1016" s="10"/>
      <c r="DYJ1016" s="10"/>
      <c r="DYK1016" s="10"/>
      <c r="DYL1016" s="10"/>
      <c r="DYM1016" s="10"/>
      <c r="DYN1016" s="10"/>
      <c r="DYO1016" s="10"/>
      <c r="DYP1016" s="10"/>
      <c r="DYQ1016" s="10"/>
      <c r="DYR1016" s="10"/>
      <c r="DYS1016" s="10"/>
      <c r="DYT1016" s="10"/>
      <c r="DYU1016" s="10"/>
      <c r="DYV1016" s="10"/>
      <c r="DYW1016" s="10"/>
      <c r="DYX1016" s="10"/>
      <c r="DYY1016" s="10"/>
      <c r="DYZ1016" s="10"/>
      <c r="DZA1016" s="10"/>
      <c r="DZB1016" s="10"/>
      <c r="DZC1016" s="10"/>
      <c r="DZD1016" s="10"/>
      <c r="DZE1016" s="10"/>
      <c r="DZF1016" s="10"/>
      <c r="DZG1016" s="10"/>
      <c r="DZH1016" s="10"/>
      <c r="DZI1016" s="10"/>
      <c r="DZJ1016" s="10"/>
      <c r="DZK1016" s="10"/>
      <c r="DZL1016" s="10"/>
      <c r="DZM1016" s="10"/>
      <c r="DZN1016" s="10"/>
      <c r="DZO1016" s="10"/>
      <c r="DZP1016" s="10"/>
      <c r="DZQ1016" s="10"/>
      <c r="DZR1016" s="10"/>
      <c r="DZS1016" s="10"/>
      <c r="DZT1016" s="10"/>
      <c r="DZU1016" s="10"/>
      <c r="DZV1016" s="10"/>
      <c r="DZW1016" s="10"/>
      <c r="DZX1016" s="10"/>
      <c r="DZY1016" s="10"/>
      <c r="DZZ1016" s="10"/>
      <c r="EAA1016" s="10"/>
      <c r="EAB1016" s="10"/>
      <c r="EAC1016" s="10"/>
      <c r="EAD1016" s="10"/>
      <c r="EAE1016" s="10"/>
      <c r="EAF1016" s="10"/>
      <c r="EAG1016" s="10"/>
      <c r="EAH1016" s="10"/>
      <c r="EAI1016" s="10"/>
      <c r="EAJ1016" s="10"/>
      <c r="EAK1016" s="10"/>
      <c r="EAL1016" s="10"/>
      <c r="EAM1016" s="10"/>
      <c r="EAN1016" s="10"/>
      <c r="EAO1016" s="10"/>
      <c r="EAP1016" s="10"/>
      <c r="EAQ1016" s="10"/>
      <c r="EAR1016" s="10"/>
      <c r="EAS1016" s="10"/>
      <c r="EAT1016" s="10"/>
      <c r="EAU1016" s="10"/>
      <c r="EAV1016" s="10"/>
      <c r="EAW1016" s="10"/>
      <c r="EAX1016" s="10"/>
      <c r="EAY1016" s="10"/>
      <c r="EAZ1016" s="10"/>
      <c r="EBA1016" s="10"/>
      <c r="EBB1016" s="10"/>
      <c r="EBC1016" s="10"/>
      <c r="EBD1016" s="10"/>
      <c r="EBE1016" s="10"/>
      <c r="EBF1016" s="10"/>
      <c r="EBG1016" s="10"/>
      <c r="EBH1016" s="10"/>
      <c r="EBI1016" s="10"/>
      <c r="EBJ1016" s="10"/>
      <c r="EBK1016" s="10"/>
      <c r="EBL1016" s="10"/>
      <c r="EBM1016" s="10"/>
      <c r="EBN1016" s="10"/>
      <c r="EBO1016" s="10"/>
      <c r="EBP1016" s="10"/>
      <c r="EBQ1016" s="10"/>
      <c r="EBR1016" s="10"/>
      <c r="EBS1016" s="10"/>
      <c r="EBT1016" s="10"/>
      <c r="EBU1016" s="10"/>
      <c r="EBV1016" s="10"/>
      <c r="EBW1016" s="10"/>
      <c r="EBX1016" s="10"/>
      <c r="EBY1016" s="10"/>
      <c r="EBZ1016" s="10"/>
      <c r="ECA1016" s="10"/>
      <c r="ECB1016" s="10"/>
      <c r="ECC1016" s="10"/>
      <c r="ECD1016" s="10"/>
      <c r="ECE1016" s="10"/>
      <c r="ECF1016" s="10"/>
      <c r="ECG1016" s="10"/>
      <c r="ECH1016" s="10"/>
      <c r="ECI1016" s="10"/>
      <c r="ECJ1016" s="10"/>
      <c r="ECK1016" s="10"/>
      <c r="ECL1016" s="10"/>
      <c r="ECM1016" s="10"/>
      <c r="ECN1016" s="10"/>
      <c r="ECO1016" s="10"/>
      <c r="ECP1016" s="10"/>
      <c r="ECQ1016" s="10"/>
      <c r="ECR1016" s="10"/>
      <c r="ECS1016" s="10"/>
      <c r="ECT1016" s="10"/>
      <c r="ECU1016" s="10"/>
      <c r="ECV1016" s="10"/>
      <c r="ECW1016" s="10"/>
      <c r="ECX1016" s="10"/>
      <c r="ECY1016" s="10"/>
      <c r="ECZ1016" s="10"/>
      <c r="EDA1016" s="10"/>
      <c r="EDB1016" s="10"/>
      <c r="EDC1016" s="10"/>
      <c r="EDD1016" s="10"/>
      <c r="EDE1016" s="10"/>
      <c r="EDF1016" s="10"/>
      <c r="EDG1016" s="10"/>
      <c r="EDH1016" s="10"/>
      <c r="EDI1016" s="10"/>
      <c r="EDJ1016" s="10"/>
      <c r="EDK1016" s="10"/>
      <c r="EDL1016" s="10"/>
      <c r="EDM1016" s="10"/>
      <c r="EDN1016" s="10"/>
      <c r="EDO1016" s="10"/>
      <c r="EDP1016" s="10"/>
      <c r="EDQ1016" s="10"/>
      <c r="EDR1016" s="10"/>
      <c r="EDS1016" s="10"/>
      <c r="EDT1016" s="10"/>
      <c r="EDU1016" s="10"/>
      <c r="EDV1016" s="10"/>
      <c r="EDW1016" s="10"/>
      <c r="EDX1016" s="10"/>
      <c r="EDY1016" s="10"/>
      <c r="EDZ1016" s="10"/>
      <c r="EEA1016" s="10"/>
      <c r="EEB1016" s="10"/>
      <c r="EEC1016" s="10"/>
      <c r="EED1016" s="10"/>
      <c r="EEE1016" s="10"/>
      <c r="EEF1016" s="10"/>
      <c r="EEG1016" s="10"/>
      <c r="EEH1016" s="10"/>
      <c r="EEI1016" s="10"/>
      <c r="EEJ1016" s="10"/>
      <c r="EEK1016" s="10"/>
      <c r="EEL1016" s="10"/>
      <c r="EEM1016" s="10"/>
      <c r="EEN1016" s="10"/>
      <c r="EEO1016" s="10"/>
      <c r="EEP1016" s="10"/>
      <c r="EEQ1016" s="10"/>
      <c r="EER1016" s="10"/>
      <c r="EES1016" s="10"/>
      <c r="EET1016" s="10"/>
      <c r="EEU1016" s="10"/>
      <c r="EEV1016" s="10"/>
      <c r="EEW1016" s="10"/>
      <c r="EEX1016" s="10"/>
      <c r="EEY1016" s="10"/>
      <c r="EEZ1016" s="10"/>
      <c r="EFA1016" s="10"/>
      <c r="EFB1016" s="10"/>
      <c r="EFC1016" s="10"/>
      <c r="EFD1016" s="10"/>
      <c r="EFE1016" s="10"/>
      <c r="EFF1016" s="10"/>
      <c r="EFG1016" s="10"/>
      <c r="EFH1016" s="10"/>
      <c r="EFI1016" s="10"/>
      <c r="EFJ1016" s="10"/>
      <c r="EFK1016" s="10"/>
      <c r="EFL1016" s="10"/>
      <c r="EFM1016" s="10"/>
      <c r="EFN1016" s="10"/>
      <c r="EFO1016" s="10"/>
      <c r="EFP1016" s="10"/>
      <c r="EFQ1016" s="10"/>
      <c r="EFR1016" s="10"/>
      <c r="EFS1016" s="10"/>
      <c r="EFT1016" s="10"/>
      <c r="EFU1016" s="10"/>
      <c r="EFV1016" s="10"/>
      <c r="EFW1016" s="10"/>
      <c r="EFX1016" s="10"/>
      <c r="EFY1016" s="10"/>
      <c r="EFZ1016" s="10"/>
      <c r="EGA1016" s="10"/>
      <c r="EGB1016" s="10"/>
      <c r="EGC1016" s="10"/>
      <c r="EGD1016" s="10"/>
      <c r="EGE1016" s="10"/>
      <c r="EGF1016" s="10"/>
      <c r="EGG1016" s="10"/>
      <c r="EGH1016" s="10"/>
      <c r="EGI1016" s="10"/>
      <c r="EGJ1016" s="10"/>
      <c r="EGK1016" s="10"/>
      <c r="EGL1016" s="10"/>
      <c r="EGM1016" s="10"/>
      <c r="EGN1016" s="10"/>
      <c r="EGO1016" s="10"/>
      <c r="EGP1016" s="10"/>
      <c r="EGQ1016" s="10"/>
      <c r="EGR1016" s="10"/>
      <c r="EGS1016" s="10"/>
      <c r="EGT1016" s="10"/>
      <c r="EGU1016" s="10"/>
      <c r="EGV1016" s="10"/>
      <c r="EGW1016" s="10"/>
      <c r="EGX1016" s="10"/>
      <c r="EGY1016" s="10"/>
      <c r="EGZ1016" s="10"/>
      <c r="EHA1016" s="10"/>
      <c r="EHB1016" s="10"/>
      <c r="EHC1016" s="10"/>
      <c r="EHD1016" s="10"/>
      <c r="EHE1016" s="10"/>
      <c r="EHF1016" s="10"/>
      <c r="EHG1016" s="10"/>
      <c r="EHH1016" s="10"/>
      <c r="EHI1016" s="10"/>
      <c r="EHJ1016" s="10"/>
      <c r="EHK1016" s="10"/>
      <c r="EHL1016" s="10"/>
      <c r="EHM1016" s="10"/>
      <c r="EHN1016" s="10"/>
      <c r="EHO1016" s="10"/>
      <c r="EHP1016" s="10"/>
      <c r="EHQ1016" s="10"/>
      <c r="EHR1016" s="10"/>
      <c r="EHS1016" s="10"/>
      <c r="EHT1016" s="10"/>
      <c r="EHU1016" s="10"/>
      <c r="EHV1016" s="10"/>
      <c r="EHW1016" s="10"/>
      <c r="EHX1016" s="10"/>
      <c r="EHY1016" s="10"/>
      <c r="EHZ1016" s="10"/>
      <c r="EIA1016" s="10"/>
      <c r="EIB1016" s="10"/>
      <c r="EIC1016" s="10"/>
      <c r="EID1016" s="10"/>
      <c r="EIE1016" s="10"/>
      <c r="EIF1016" s="10"/>
      <c r="EIG1016" s="10"/>
      <c r="EIH1016" s="10"/>
      <c r="EII1016" s="10"/>
      <c r="EIJ1016" s="10"/>
      <c r="EIK1016" s="10"/>
      <c r="EIL1016" s="10"/>
      <c r="EIM1016" s="10"/>
      <c r="EIN1016" s="10"/>
      <c r="EIO1016" s="10"/>
      <c r="EIP1016" s="10"/>
      <c r="EIQ1016" s="10"/>
      <c r="EIR1016" s="10"/>
      <c r="EIS1016" s="10"/>
      <c r="EIT1016" s="10"/>
      <c r="EIU1016" s="10"/>
      <c r="EIV1016" s="10"/>
      <c r="EIW1016" s="10"/>
      <c r="EIX1016" s="10"/>
      <c r="EIY1016" s="10"/>
      <c r="EIZ1016" s="10"/>
      <c r="EJA1016" s="10"/>
      <c r="EJB1016" s="10"/>
      <c r="EJC1016" s="10"/>
      <c r="EJD1016" s="10"/>
      <c r="EJE1016" s="10"/>
      <c r="EJF1016" s="10"/>
      <c r="EJG1016" s="10"/>
      <c r="EJH1016" s="10"/>
      <c r="EJI1016" s="10"/>
      <c r="EJJ1016" s="10"/>
      <c r="EJK1016" s="10"/>
      <c r="EJL1016" s="10"/>
      <c r="EJM1016" s="10"/>
      <c r="EJN1016" s="10"/>
      <c r="EJO1016" s="10"/>
      <c r="EJP1016" s="10"/>
      <c r="EJQ1016" s="10"/>
      <c r="EJR1016" s="10"/>
      <c r="EJS1016" s="10"/>
      <c r="EJT1016" s="10"/>
      <c r="EJU1016" s="10"/>
      <c r="EJV1016" s="10"/>
      <c r="EJW1016" s="10"/>
      <c r="EJX1016" s="10"/>
      <c r="EJY1016" s="10"/>
      <c r="EJZ1016" s="10"/>
      <c r="EKA1016" s="10"/>
      <c r="EKB1016" s="10"/>
      <c r="EKC1016" s="10"/>
      <c r="EKD1016" s="10"/>
      <c r="EKE1016" s="10"/>
      <c r="EKF1016" s="10"/>
      <c r="EKG1016" s="10"/>
      <c r="EKH1016" s="10"/>
      <c r="EKI1016" s="10"/>
      <c r="EKJ1016" s="10"/>
      <c r="EKK1016" s="10"/>
      <c r="EKL1016" s="10"/>
      <c r="EKM1016" s="10"/>
      <c r="EKN1016" s="10"/>
      <c r="EKO1016" s="10"/>
      <c r="EKP1016" s="10"/>
      <c r="EKQ1016" s="10"/>
      <c r="EKR1016" s="10"/>
      <c r="EKS1016" s="10"/>
      <c r="EKT1016" s="10"/>
      <c r="EKU1016" s="10"/>
      <c r="EKV1016" s="10"/>
      <c r="EKW1016" s="10"/>
      <c r="EKX1016" s="10"/>
      <c r="EKY1016" s="10"/>
      <c r="EKZ1016" s="10"/>
      <c r="ELA1016" s="10"/>
      <c r="ELB1016" s="10"/>
      <c r="ELC1016" s="10"/>
      <c r="ELD1016" s="10"/>
      <c r="ELE1016" s="10"/>
      <c r="ELF1016" s="10"/>
      <c r="ELG1016" s="10"/>
      <c r="ELH1016" s="10"/>
      <c r="ELI1016" s="10"/>
      <c r="ELJ1016" s="10"/>
      <c r="ELK1016" s="10"/>
      <c r="ELL1016" s="10"/>
      <c r="ELM1016" s="10"/>
      <c r="ELN1016" s="10"/>
      <c r="ELO1016" s="10"/>
      <c r="ELP1016" s="10"/>
      <c r="ELQ1016" s="10"/>
      <c r="ELR1016" s="10"/>
      <c r="ELS1016" s="10"/>
      <c r="ELT1016" s="10"/>
      <c r="ELU1016" s="10"/>
      <c r="ELV1016" s="10"/>
      <c r="ELW1016" s="10"/>
      <c r="ELX1016" s="10"/>
      <c r="ELY1016" s="10"/>
      <c r="ELZ1016" s="10"/>
      <c r="EMA1016" s="10"/>
      <c r="EMB1016" s="10"/>
      <c r="EMC1016" s="10"/>
      <c r="EMD1016" s="10"/>
      <c r="EME1016" s="10"/>
      <c r="EMF1016" s="10"/>
      <c r="EMG1016" s="10"/>
      <c r="EMH1016" s="10"/>
      <c r="EMI1016" s="10"/>
      <c r="EMJ1016" s="10"/>
      <c r="EMK1016" s="10"/>
      <c r="EML1016" s="10"/>
      <c r="EMM1016" s="10"/>
      <c r="EMN1016" s="10"/>
      <c r="EMO1016" s="10"/>
      <c r="EMP1016" s="10"/>
      <c r="EMQ1016" s="10"/>
      <c r="EMR1016" s="10"/>
      <c r="EMS1016" s="10"/>
      <c r="EMT1016" s="10"/>
      <c r="EMU1016" s="10"/>
      <c r="EMV1016" s="10"/>
      <c r="EMW1016" s="10"/>
      <c r="EMX1016" s="10"/>
      <c r="EMY1016" s="10"/>
      <c r="EMZ1016" s="10"/>
      <c r="ENA1016" s="10"/>
      <c r="ENB1016" s="10"/>
      <c r="ENC1016" s="10"/>
      <c r="END1016" s="10"/>
      <c r="ENE1016" s="10"/>
      <c r="ENF1016" s="10"/>
      <c r="ENG1016" s="10"/>
      <c r="ENH1016" s="10"/>
      <c r="ENI1016" s="10"/>
      <c r="ENJ1016" s="10"/>
      <c r="ENK1016" s="10"/>
      <c r="ENL1016" s="10"/>
      <c r="ENM1016" s="10"/>
      <c r="ENN1016" s="10"/>
      <c r="ENO1016" s="10"/>
      <c r="ENP1016" s="10"/>
      <c r="ENQ1016" s="10"/>
      <c r="ENR1016" s="10"/>
      <c r="ENS1016" s="10"/>
      <c r="ENT1016" s="10"/>
      <c r="ENU1016" s="10"/>
      <c r="ENV1016" s="10"/>
      <c r="ENW1016" s="10"/>
      <c r="ENX1016" s="10"/>
      <c r="ENY1016" s="10"/>
      <c r="ENZ1016" s="10"/>
      <c r="EOA1016" s="10"/>
      <c r="EOB1016" s="10"/>
      <c r="EOC1016" s="10"/>
      <c r="EOD1016" s="10"/>
      <c r="EOE1016" s="10"/>
      <c r="EOF1016" s="10"/>
      <c r="EOG1016" s="10"/>
      <c r="EOH1016" s="10"/>
      <c r="EOI1016" s="10"/>
      <c r="EOJ1016" s="10"/>
      <c r="EOK1016" s="10"/>
      <c r="EOL1016" s="10"/>
      <c r="EOM1016" s="10"/>
      <c r="EON1016" s="10"/>
      <c r="EOO1016" s="10"/>
      <c r="EOP1016" s="10"/>
      <c r="EOQ1016" s="10"/>
      <c r="EOR1016" s="10"/>
      <c r="EOS1016" s="10"/>
      <c r="EOT1016" s="10"/>
      <c r="EOU1016" s="10"/>
      <c r="EOV1016" s="10"/>
      <c r="EOW1016" s="10"/>
      <c r="EOX1016" s="10"/>
      <c r="EOY1016" s="10"/>
      <c r="EOZ1016" s="10"/>
      <c r="EPA1016" s="10"/>
      <c r="EPB1016" s="10"/>
      <c r="EPC1016" s="10"/>
      <c r="EPD1016" s="10"/>
      <c r="EPE1016" s="10"/>
      <c r="EPF1016" s="10"/>
      <c r="EPG1016" s="10"/>
      <c r="EPH1016" s="10"/>
      <c r="EPI1016" s="10"/>
      <c r="EPJ1016" s="10"/>
      <c r="EPK1016" s="10"/>
      <c r="EPL1016" s="10"/>
      <c r="EPM1016" s="10"/>
      <c r="EPN1016" s="10"/>
      <c r="EPO1016" s="10"/>
      <c r="EPP1016" s="10"/>
      <c r="EPQ1016" s="10"/>
      <c r="EPR1016" s="10"/>
      <c r="EPS1016" s="10"/>
      <c r="EPT1016" s="10"/>
      <c r="EPU1016" s="10"/>
      <c r="EPV1016" s="10"/>
      <c r="EPW1016" s="10"/>
      <c r="EPX1016" s="10"/>
      <c r="EPY1016" s="10"/>
      <c r="EPZ1016" s="10"/>
      <c r="EQA1016" s="10"/>
      <c r="EQB1016" s="10"/>
      <c r="EQC1016" s="10"/>
      <c r="EQD1016" s="10"/>
      <c r="EQE1016" s="10"/>
      <c r="EQF1016" s="10"/>
      <c r="EQG1016" s="10"/>
      <c r="EQH1016" s="10"/>
      <c r="EQI1016" s="10"/>
      <c r="EQJ1016" s="10"/>
      <c r="EQK1016" s="10"/>
      <c r="EQL1016" s="10"/>
      <c r="EQM1016" s="10"/>
      <c r="EQN1016" s="10"/>
      <c r="EQO1016" s="10"/>
      <c r="EQP1016" s="10"/>
      <c r="EQQ1016" s="10"/>
      <c r="EQR1016" s="10"/>
      <c r="EQS1016" s="10"/>
      <c r="EQT1016" s="10"/>
      <c r="EQU1016" s="10"/>
      <c r="EQV1016" s="10"/>
      <c r="EQW1016" s="10"/>
      <c r="EQX1016" s="10"/>
      <c r="EQY1016" s="10"/>
      <c r="EQZ1016" s="10"/>
      <c r="ERA1016" s="10"/>
      <c r="ERB1016" s="10"/>
      <c r="ERC1016" s="10"/>
      <c r="ERD1016" s="10"/>
      <c r="ERE1016" s="10"/>
      <c r="ERF1016" s="10"/>
      <c r="ERG1016" s="10"/>
      <c r="ERH1016" s="10"/>
      <c r="ERI1016" s="10"/>
      <c r="ERJ1016" s="10"/>
      <c r="ERK1016" s="10"/>
      <c r="ERL1016" s="10"/>
      <c r="ERM1016" s="10"/>
      <c r="ERN1016" s="10"/>
      <c r="ERO1016" s="10"/>
      <c r="ERP1016" s="10"/>
      <c r="ERQ1016" s="10"/>
      <c r="ERR1016" s="10"/>
      <c r="ERS1016" s="10"/>
      <c r="ERT1016" s="10"/>
      <c r="ERU1016" s="10"/>
      <c r="ERV1016" s="10"/>
      <c r="ERW1016" s="10"/>
      <c r="ERX1016" s="10"/>
      <c r="ERY1016" s="10"/>
      <c r="ERZ1016" s="10"/>
      <c r="ESA1016" s="10"/>
      <c r="ESB1016" s="10"/>
      <c r="ESC1016" s="10"/>
      <c r="ESD1016" s="10"/>
      <c r="ESE1016" s="10"/>
      <c r="ESF1016" s="10"/>
      <c r="ESG1016" s="10"/>
      <c r="ESH1016" s="10"/>
      <c r="ESI1016" s="10"/>
      <c r="ESJ1016" s="10"/>
      <c r="ESK1016" s="10"/>
      <c r="ESL1016" s="10"/>
      <c r="ESM1016" s="10"/>
      <c r="ESN1016" s="10"/>
      <c r="ESO1016" s="10"/>
      <c r="ESP1016" s="10"/>
      <c r="ESQ1016" s="10"/>
      <c r="ESR1016" s="10"/>
      <c r="ESS1016" s="10"/>
      <c r="EST1016" s="10"/>
      <c r="ESU1016" s="10"/>
      <c r="ESV1016" s="10"/>
      <c r="ESW1016" s="10"/>
      <c r="ESX1016" s="10"/>
      <c r="ESY1016" s="10"/>
      <c r="ESZ1016" s="10"/>
      <c r="ETA1016" s="10"/>
      <c r="ETB1016" s="10"/>
      <c r="ETC1016" s="10"/>
      <c r="ETD1016" s="10"/>
      <c r="ETE1016" s="10"/>
      <c r="ETF1016" s="10"/>
      <c r="ETG1016" s="10"/>
      <c r="ETH1016" s="10"/>
      <c r="ETI1016" s="10"/>
      <c r="ETJ1016" s="10"/>
      <c r="ETK1016" s="10"/>
      <c r="ETL1016" s="10"/>
      <c r="ETM1016" s="10"/>
      <c r="ETN1016" s="10"/>
      <c r="ETO1016" s="10"/>
      <c r="ETP1016" s="10"/>
      <c r="ETQ1016" s="10"/>
      <c r="ETR1016" s="10"/>
      <c r="ETS1016" s="10"/>
      <c r="ETT1016" s="10"/>
      <c r="ETU1016" s="10"/>
      <c r="ETV1016" s="10"/>
      <c r="ETW1016" s="10"/>
      <c r="ETX1016" s="10"/>
      <c r="ETY1016" s="10"/>
      <c r="ETZ1016" s="10"/>
      <c r="EUA1016" s="10"/>
      <c r="EUB1016" s="10"/>
      <c r="EUC1016" s="10"/>
      <c r="EUD1016" s="10"/>
      <c r="EUE1016" s="10"/>
      <c r="EUF1016" s="10"/>
      <c r="EUG1016" s="10"/>
      <c r="EUH1016" s="10"/>
      <c r="EUI1016" s="10"/>
      <c r="EUJ1016" s="10"/>
      <c r="EUK1016" s="10"/>
      <c r="EUL1016" s="10"/>
      <c r="EUM1016" s="10"/>
      <c r="EUN1016" s="10"/>
      <c r="EUO1016" s="10"/>
      <c r="EUP1016" s="10"/>
      <c r="EUQ1016" s="10"/>
      <c r="EUR1016" s="10"/>
      <c r="EUS1016" s="10"/>
      <c r="EUT1016" s="10"/>
      <c r="EUU1016" s="10"/>
      <c r="EUV1016" s="10"/>
      <c r="EUW1016" s="10"/>
      <c r="EUX1016" s="10"/>
      <c r="EUY1016" s="10"/>
      <c r="EUZ1016" s="10"/>
      <c r="EVA1016" s="10"/>
      <c r="EVB1016" s="10"/>
      <c r="EVC1016" s="10"/>
      <c r="EVD1016" s="10"/>
      <c r="EVE1016" s="10"/>
      <c r="EVF1016" s="10"/>
      <c r="EVG1016" s="10"/>
      <c r="EVH1016" s="10"/>
      <c r="EVI1016" s="10"/>
      <c r="EVJ1016" s="10"/>
      <c r="EVK1016" s="10"/>
      <c r="EVL1016" s="10"/>
      <c r="EVM1016" s="10"/>
      <c r="EVN1016" s="10"/>
      <c r="EVO1016" s="10"/>
      <c r="EVP1016" s="10"/>
      <c r="EVQ1016" s="10"/>
      <c r="EVR1016" s="10"/>
      <c r="EVS1016" s="10"/>
      <c r="EVT1016" s="10"/>
      <c r="EVU1016" s="10"/>
      <c r="EVV1016" s="10"/>
      <c r="EVW1016" s="10"/>
      <c r="EVX1016" s="10"/>
      <c r="EVY1016" s="10"/>
      <c r="EVZ1016" s="10"/>
      <c r="EWA1016" s="10"/>
      <c r="EWB1016" s="10"/>
      <c r="EWC1016" s="10"/>
      <c r="EWD1016" s="10"/>
      <c r="EWE1016" s="10"/>
      <c r="EWF1016" s="10"/>
      <c r="EWG1016" s="10"/>
      <c r="EWH1016" s="10"/>
      <c r="EWI1016" s="10"/>
      <c r="EWJ1016" s="10"/>
      <c r="EWK1016" s="10"/>
      <c r="EWL1016" s="10"/>
      <c r="EWM1016" s="10"/>
      <c r="EWN1016" s="10"/>
      <c r="EWO1016" s="10"/>
      <c r="EWP1016" s="10"/>
      <c r="EWQ1016" s="10"/>
      <c r="EWR1016" s="10"/>
      <c r="EWS1016" s="10"/>
      <c r="EWT1016" s="10"/>
      <c r="EWU1016" s="10"/>
      <c r="EWV1016" s="10"/>
      <c r="EWW1016" s="10"/>
      <c r="EWX1016" s="10"/>
      <c r="EWY1016" s="10"/>
      <c r="EWZ1016" s="10"/>
      <c r="EXA1016" s="10"/>
      <c r="EXB1016" s="10"/>
      <c r="EXC1016" s="10"/>
      <c r="EXD1016" s="10"/>
      <c r="EXE1016" s="10"/>
      <c r="EXF1016" s="10"/>
      <c r="EXG1016" s="10"/>
      <c r="EXH1016" s="10"/>
      <c r="EXI1016" s="10"/>
      <c r="EXJ1016" s="10"/>
      <c r="EXK1016" s="10"/>
      <c r="EXL1016" s="10"/>
      <c r="EXM1016" s="10"/>
      <c r="EXN1016" s="10"/>
      <c r="EXO1016" s="10"/>
      <c r="EXP1016" s="10"/>
      <c r="EXQ1016" s="10"/>
      <c r="EXR1016" s="10"/>
      <c r="EXS1016" s="10"/>
      <c r="EXT1016" s="10"/>
      <c r="EXU1016" s="10"/>
      <c r="EXV1016" s="10"/>
      <c r="EXW1016" s="10"/>
      <c r="EXX1016" s="10"/>
      <c r="EXY1016" s="10"/>
      <c r="EXZ1016" s="10"/>
      <c r="EYA1016" s="10"/>
      <c r="EYB1016" s="10"/>
      <c r="EYC1016" s="10"/>
      <c r="EYD1016" s="10"/>
      <c r="EYE1016" s="10"/>
      <c r="EYF1016" s="10"/>
      <c r="EYG1016" s="10"/>
      <c r="EYH1016" s="10"/>
      <c r="EYI1016" s="10"/>
      <c r="EYJ1016" s="10"/>
      <c r="EYK1016" s="10"/>
      <c r="EYL1016" s="10"/>
      <c r="EYM1016" s="10"/>
      <c r="EYN1016" s="10"/>
      <c r="EYO1016" s="10"/>
      <c r="EYP1016" s="10"/>
      <c r="EYQ1016" s="10"/>
      <c r="EYR1016" s="10"/>
      <c r="EYS1016" s="10"/>
      <c r="EYT1016" s="10"/>
      <c r="EYU1016" s="10"/>
      <c r="EYV1016" s="10"/>
      <c r="EYW1016" s="10"/>
      <c r="EYX1016" s="10"/>
      <c r="EYY1016" s="10"/>
      <c r="EYZ1016" s="10"/>
      <c r="EZA1016" s="10"/>
      <c r="EZB1016" s="10"/>
      <c r="EZC1016" s="10"/>
      <c r="EZD1016" s="10"/>
      <c r="EZE1016" s="10"/>
      <c r="EZF1016" s="10"/>
      <c r="EZG1016" s="10"/>
      <c r="EZH1016" s="10"/>
      <c r="EZI1016" s="10"/>
      <c r="EZJ1016" s="10"/>
      <c r="EZK1016" s="10"/>
      <c r="EZL1016" s="10"/>
      <c r="EZM1016" s="10"/>
      <c r="EZN1016" s="10"/>
      <c r="EZO1016" s="10"/>
      <c r="EZP1016" s="10"/>
      <c r="EZQ1016" s="10"/>
      <c r="EZR1016" s="10"/>
      <c r="EZS1016" s="10"/>
      <c r="EZT1016" s="10"/>
      <c r="EZU1016" s="10"/>
      <c r="EZV1016" s="10"/>
      <c r="EZW1016" s="10"/>
      <c r="EZX1016" s="10"/>
      <c r="EZY1016" s="10"/>
      <c r="EZZ1016" s="10"/>
      <c r="FAA1016" s="10"/>
      <c r="FAB1016" s="10"/>
      <c r="FAC1016" s="10"/>
      <c r="FAD1016" s="10"/>
      <c r="FAE1016" s="10"/>
      <c r="FAF1016" s="10"/>
      <c r="FAG1016" s="10"/>
      <c r="FAH1016" s="10"/>
      <c r="FAI1016" s="10"/>
      <c r="FAJ1016" s="10"/>
      <c r="FAK1016" s="10"/>
      <c r="FAL1016" s="10"/>
      <c r="FAM1016" s="10"/>
      <c r="FAN1016" s="10"/>
      <c r="FAO1016" s="10"/>
      <c r="FAP1016" s="10"/>
      <c r="FAQ1016" s="10"/>
      <c r="FAR1016" s="10"/>
      <c r="FAS1016" s="10"/>
      <c r="FAT1016" s="10"/>
      <c r="FAU1016" s="10"/>
      <c r="FAV1016" s="10"/>
      <c r="FAW1016" s="10"/>
      <c r="FAX1016" s="10"/>
      <c r="FAY1016" s="10"/>
      <c r="FAZ1016" s="10"/>
      <c r="FBA1016" s="10"/>
      <c r="FBB1016" s="10"/>
      <c r="FBC1016" s="10"/>
      <c r="FBD1016" s="10"/>
      <c r="FBE1016" s="10"/>
      <c r="FBF1016" s="10"/>
      <c r="FBG1016" s="10"/>
      <c r="FBH1016" s="10"/>
      <c r="FBI1016" s="10"/>
      <c r="FBJ1016" s="10"/>
      <c r="FBK1016" s="10"/>
      <c r="FBL1016" s="10"/>
      <c r="FBM1016" s="10"/>
      <c r="FBN1016" s="10"/>
      <c r="FBO1016" s="10"/>
      <c r="FBP1016" s="10"/>
      <c r="FBQ1016" s="10"/>
      <c r="FBR1016" s="10"/>
      <c r="FBS1016" s="10"/>
      <c r="FBT1016" s="10"/>
      <c r="FBU1016" s="10"/>
      <c r="FBV1016" s="10"/>
      <c r="FBW1016" s="10"/>
      <c r="FBX1016" s="10"/>
      <c r="FBY1016" s="10"/>
      <c r="FBZ1016" s="10"/>
      <c r="FCA1016" s="10"/>
      <c r="FCB1016" s="10"/>
      <c r="FCC1016" s="10"/>
      <c r="FCD1016" s="10"/>
      <c r="FCE1016" s="10"/>
      <c r="FCF1016" s="10"/>
      <c r="FCG1016" s="10"/>
      <c r="FCH1016" s="10"/>
      <c r="FCI1016" s="10"/>
      <c r="FCJ1016" s="10"/>
      <c r="FCK1016" s="10"/>
      <c r="FCL1016" s="10"/>
      <c r="FCM1016" s="10"/>
      <c r="FCN1016" s="10"/>
      <c r="FCO1016" s="10"/>
      <c r="FCP1016" s="10"/>
      <c r="FCQ1016" s="10"/>
      <c r="FCR1016" s="10"/>
      <c r="FCS1016" s="10"/>
      <c r="FCT1016" s="10"/>
      <c r="FCU1016" s="10"/>
      <c r="FCV1016" s="10"/>
      <c r="FCW1016" s="10"/>
      <c r="FCX1016" s="10"/>
      <c r="FCY1016" s="10"/>
      <c r="FCZ1016" s="10"/>
      <c r="FDA1016" s="10"/>
      <c r="FDB1016" s="10"/>
      <c r="FDC1016" s="10"/>
      <c r="FDD1016" s="10"/>
      <c r="FDE1016" s="10"/>
      <c r="FDF1016" s="10"/>
      <c r="FDG1016" s="10"/>
      <c r="FDH1016" s="10"/>
      <c r="FDI1016" s="10"/>
      <c r="FDJ1016" s="10"/>
      <c r="FDK1016" s="10"/>
      <c r="FDL1016" s="10"/>
      <c r="FDM1016" s="10"/>
      <c r="FDN1016" s="10"/>
      <c r="FDO1016" s="10"/>
      <c r="FDP1016" s="10"/>
      <c r="FDQ1016" s="10"/>
      <c r="FDR1016" s="10"/>
      <c r="FDS1016" s="10"/>
      <c r="FDT1016" s="10"/>
      <c r="FDU1016" s="10"/>
      <c r="FDV1016" s="10"/>
      <c r="FDW1016" s="10"/>
      <c r="FDX1016" s="10"/>
      <c r="FDY1016" s="10"/>
      <c r="FDZ1016" s="10"/>
      <c r="FEA1016" s="10"/>
      <c r="FEB1016" s="10"/>
      <c r="FEC1016" s="10"/>
      <c r="FED1016" s="10"/>
      <c r="FEE1016" s="10"/>
      <c r="FEF1016" s="10"/>
      <c r="FEG1016" s="10"/>
      <c r="FEH1016" s="10"/>
      <c r="FEI1016" s="10"/>
      <c r="FEJ1016" s="10"/>
      <c r="FEK1016" s="10"/>
      <c r="FEL1016" s="10"/>
      <c r="FEM1016" s="10"/>
      <c r="FEN1016" s="10"/>
      <c r="FEO1016" s="10"/>
      <c r="FEP1016" s="10"/>
      <c r="FEQ1016" s="10"/>
      <c r="FER1016" s="10"/>
      <c r="FES1016" s="10"/>
      <c r="FET1016" s="10"/>
      <c r="FEU1016" s="10"/>
      <c r="FEV1016" s="10"/>
      <c r="FEW1016" s="10"/>
      <c r="FEX1016" s="10"/>
      <c r="FEY1016" s="10"/>
      <c r="FEZ1016" s="10"/>
      <c r="FFA1016" s="10"/>
      <c r="FFB1016" s="10"/>
      <c r="FFC1016" s="10"/>
      <c r="FFD1016" s="10"/>
      <c r="FFE1016" s="10"/>
      <c r="FFF1016" s="10"/>
      <c r="FFG1016" s="10"/>
      <c r="FFH1016" s="10"/>
      <c r="FFI1016" s="10"/>
      <c r="FFJ1016" s="10"/>
      <c r="FFK1016" s="10"/>
      <c r="FFL1016" s="10"/>
      <c r="FFM1016" s="10"/>
      <c r="FFN1016" s="10"/>
      <c r="FFO1016" s="10"/>
      <c r="FFP1016" s="10"/>
      <c r="FFQ1016" s="10"/>
      <c r="FFR1016" s="10"/>
      <c r="FFS1016" s="10"/>
      <c r="FFT1016" s="10"/>
      <c r="FFU1016" s="10"/>
      <c r="FFV1016" s="10"/>
      <c r="FFW1016" s="10"/>
      <c r="FFX1016" s="10"/>
      <c r="FFY1016" s="10"/>
      <c r="FFZ1016" s="10"/>
      <c r="FGA1016" s="10"/>
      <c r="FGB1016" s="10"/>
      <c r="FGC1016" s="10"/>
      <c r="FGD1016" s="10"/>
      <c r="FGE1016" s="10"/>
      <c r="FGF1016" s="10"/>
      <c r="FGG1016" s="10"/>
      <c r="FGH1016" s="10"/>
      <c r="FGI1016" s="10"/>
      <c r="FGJ1016" s="10"/>
      <c r="FGK1016" s="10"/>
      <c r="FGL1016" s="10"/>
      <c r="FGM1016" s="10"/>
      <c r="FGN1016" s="10"/>
      <c r="FGO1016" s="10"/>
      <c r="FGP1016" s="10"/>
      <c r="FGQ1016" s="10"/>
      <c r="FGR1016" s="10"/>
      <c r="FGS1016" s="10"/>
      <c r="FGT1016" s="10"/>
      <c r="FGU1016" s="10"/>
      <c r="FGV1016" s="10"/>
      <c r="FGW1016" s="10"/>
      <c r="FGX1016" s="10"/>
      <c r="FGY1016" s="10"/>
      <c r="FGZ1016" s="10"/>
      <c r="FHA1016" s="10"/>
      <c r="FHB1016" s="10"/>
      <c r="FHC1016" s="10"/>
      <c r="FHD1016" s="10"/>
      <c r="FHE1016" s="10"/>
      <c r="FHF1016" s="10"/>
      <c r="FHG1016" s="10"/>
      <c r="FHH1016" s="10"/>
      <c r="FHI1016" s="10"/>
      <c r="FHJ1016" s="10"/>
      <c r="FHK1016" s="10"/>
      <c r="FHL1016" s="10"/>
      <c r="FHM1016" s="10"/>
      <c r="FHN1016" s="10"/>
      <c r="FHO1016" s="10"/>
      <c r="FHP1016" s="10"/>
      <c r="FHQ1016" s="10"/>
      <c r="FHR1016" s="10"/>
      <c r="FHS1016" s="10"/>
      <c r="FHT1016" s="10"/>
      <c r="FHU1016" s="10"/>
      <c r="FHV1016" s="10"/>
      <c r="FHW1016" s="10"/>
      <c r="FHX1016" s="10"/>
      <c r="FHY1016" s="10"/>
      <c r="FHZ1016" s="10"/>
      <c r="FIA1016" s="10"/>
      <c r="FIB1016" s="10"/>
      <c r="FIC1016" s="10"/>
      <c r="FID1016" s="10"/>
      <c r="FIE1016" s="10"/>
      <c r="FIF1016" s="10"/>
      <c r="FIG1016" s="10"/>
      <c r="FIH1016" s="10"/>
      <c r="FII1016" s="10"/>
      <c r="FIJ1016" s="10"/>
      <c r="FIK1016" s="10"/>
      <c r="FIL1016" s="10"/>
      <c r="FIM1016" s="10"/>
      <c r="FIN1016" s="10"/>
      <c r="FIO1016" s="10"/>
      <c r="FIP1016" s="10"/>
      <c r="FIQ1016" s="10"/>
      <c r="FIR1016" s="10"/>
      <c r="FIS1016" s="10"/>
      <c r="FIT1016" s="10"/>
      <c r="FIU1016" s="10"/>
      <c r="FIV1016" s="10"/>
      <c r="FIW1016" s="10"/>
      <c r="FIX1016" s="10"/>
      <c r="FIY1016" s="10"/>
      <c r="FIZ1016" s="10"/>
      <c r="FJA1016" s="10"/>
      <c r="FJB1016" s="10"/>
      <c r="FJC1016" s="10"/>
      <c r="FJD1016" s="10"/>
      <c r="FJE1016" s="10"/>
      <c r="FJF1016" s="10"/>
      <c r="FJG1016" s="10"/>
      <c r="FJH1016" s="10"/>
      <c r="FJI1016" s="10"/>
      <c r="FJJ1016" s="10"/>
      <c r="FJK1016" s="10"/>
      <c r="FJL1016" s="10"/>
      <c r="FJM1016" s="10"/>
      <c r="FJN1016" s="10"/>
      <c r="FJO1016" s="10"/>
      <c r="FJP1016" s="10"/>
      <c r="FJQ1016" s="10"/>
      <c r="FJR1016" s="10"/>
      <c r="FJS1016" s="10"/>
      <c r="FJT1016" s="10"/>
      <c r="FJU1016" s="10"/>
      <c r="FJV1016" s="10"/>
      <c r="FJW1016" s="10"/>
      <c r="FJX1016" s="10"/>
      <c r="FJY1016" s="10"/>
      <c r="FJZ1016" s="10"/>
      <c r="FKA1016" s="10"/>
      <c r="FKB1016" s="10"/>
      <c r="FKC1016" s="10"/>
      <c r="FKD1016" s="10"/>
      <c r="FKE1016" s="10"/>
      <c r="FKF1016" s="10"/>
      <c r="FKG1016" s="10"/>
      <c r="FKH1016" s="10"/>
      <c r="FKI1016" s="10"/>
      <c r="FKJ1016" s="10"/>
      <c r="FKK1016" s="10"/>
      <c r="FKL1016" s="10"/>
      <c r="FKM1016" s="10"/>
      <c r="FKN1016" s="10"/>
      <c r="FKO1016" s="10"/>
      <c r="FKP1016" s="10"/>
      <c r="FKQ1016" s="10"/>
      <c r="FKR1016" s="10"/>
      <c r="FKS1016" s="10"/>
      <c r="FKT1016" s="10"/>
      <c r="FKU1016" s="10"/>
      <c r="FKV1016" s="10"/>
      <c r="FKW1016" s="10"/>
      <c r="FKX1016" s="10"/>
      <c r="FKY1016" s="10"/>
      <c r="FKZ1016" s="10"/>
      <c r="FLA1016" s="10"/>
      <c r="FLB1016" s="10"/>
      <c r="FLC1016" s="10"/>
      <c r="FLD1016" s="10"/>
      <c r="FLE1016" s="10"/>
      <c r="FLF1016" s="10"/>
      <c r="FLG1016" s="10"/>
      <c r="FLH1016" s="10"/>
      <c r="FLI1016" s="10"/>
      <c r="FLJ1016" s="10"/>
      <c r="FLK1016" s="10"/>
      <c r="FLL1016" s="10"/>
      <c r="FLM1016" s="10"/>
      <c r="FLN1016" s="10"/>
      <c r="FLO1016" s="10"/>
      <c r="FLP1016" s="10"/>
      <c r="FLQ1016" s="10"/>
      <c r="FLR1016" s="10"/>
      <c r="FLS1016" s="10"/>
      <c r="FLT1016" s="10"/>
      <c r="FLU1016" s="10"/>
      <c r="FLV1016" s="10"/>
      <c r="FLW1016" s="10"/>
      <c r="FLX1016" s="10"/>
      <c r="FLY1016" s="10"/>
      <c r="FLZ1016" s="10"/>
      <c r="FMA1016" s="10"/>
      <c r="FMB1016" s="10"/>
      <c r="FMC1016" s="10"/>
      <c r="FMD1016" s="10"/>
      <c r="FME1016" s="10"/>
      <c r="FMF1016" s="10"/>
      <c r="FMG1016" s="10"/>
      <c r="FMH1016" s="10"/>
      <c r="FMI1016" s="10"/>
      <c r="FMJ1016" s="10"/>
      <c r="FMK1016" s="10"/>
      <c r="FML1016" s="10"/>
      <c r="FMM1016" s="10"/>
      <c r="FMN1016" s="10"/>
      <c r="FMO1016" s="10"/>
      <c r="FMP1016" s="10"/>
      <c r="FMQ1016" s="10"/>
      <c r="FMR1016" s="10"/>
      <c r="FMS1016" s="10"/>
      <c r="FMT1016" s="10"/>
      <c r="FMU1016" s="10"/>
      <c r="FMV1016" s="10"/>
      <c r="FMW1016" s="10"/>
      <c r="FMX1016" s="10"/>
      <c r="FMY1016" s="10"/>
      <c r="FMZ1016" s="10"/>
      <c r="FNA1016" s="10"/>
      <c r="FNB1016" s="10"/>
      <c r="FNC1016" s="10"/>
      <c r="FND1016" s="10"/>
      <c r="FNE1016" s="10"/>
      <c r="FNF1016" s="10"/>
      <c r="FNG1016" s="10"/>
      <c r="FNH1016" s="10"/>
      <c r="FNI1016" s="10"/>
      <c r="FNJ1016" s="10"/>
      <c r="FNK1016" s="10"/>
      <c r="FNL1016" s="10"/>
      <c r="FNM1016" s="10"/>
      <c r="FNN1016" s="10"/>
      <c r="FNO1016" s="10"/>
      <c r="FNP1016" s="10"/>
      <c r="FNQ1016" s="10"/>
      <c r="FNR1016" s="10"/>
      <c r="FNS1016" s="10"/>
      <c r="FNT1016" s="10"/>
      <c r="FNU1016" s="10"/>
      <c r="FNV1016" s="10"/>
      <c r="FNW1016" s="10"/>
      <c r="FNX1016" s="10"/>
      <c r="FNY1016" s="10"/>
      <c r="FNZ1016" s="10"/>
      <c r="FOA1016" s="10"/>
      <c r="FOB1016" s="10"/>
      <c r="FOC1016" s="10"/>
      <c r="FOD1016" s="10"/>
      <c r="FOE1016" s="10"/>
      <c r="FOF1016" s="10"/>
      <c r="FOG1016" s="10"/>
      <c r="FOH1016" s="10"/>
      <c r="FOI1016" s="10"/>
      <c r="FOJ1016" s="10"/>
      <c r="FOK1016" s="10"/>
      <c r="FOL1016" s="10"/>
      <c r="FOM1016" s="10"/>
      <c r="FON1016" s="10"/>
      <c r="FOO1016" s="10"/>
      <c r="FOP1016" s="10"/>
      <c r="FOQ1016" s="10"/>
      <c r="FOR1016" s="10"/>
      <c r="FOS1016" s="10"/>
      <c r="FOT1016" s="10"/>
      <c r="FOU1016" s="10"/>
      <c r="FOV1016" s="10"/>
      <c r="FOW1016" s="10"/>
      <c r="FOX1016" s="10"/>
      <c r="FOY1016" s="10"/>
      <c r="FOZ1016" s="10"/>
      <c r="FPA1016" s="10"/>
      <c r="FPB1016" s="10"/>
      <c r="FPC1016" s="10"/>
      <c r="FPD1016" s="10"/>
      <c r="FPE1016" s="10"/>
      <c r="FPF1016" s="10"/>
      <c r="FPG1016" s="10"/>
      <c r="FPH1016" s="10"/>
      <c r="FPI1016" s="10"/>
      <c r="FPJ1016" s="10"/>
      <c r="FPK1016" s="10"/>
      <c r="FPL1016" s="10"/>
      <c r="FPM1016" s="10"/>
      <c r="FPN1016" s="10"/>
      <c r="FPO1016" s="10"/>
      <c r="FPP1016" s="10"/>
      <c r="FPQ1016" s="10"/>
      <c r="FPR1016" s="10"/>
      <c r="FPS1016" s="10"/>
      <c r="FPT1016" s="10"/>
      <c r="FPU1016" s="10"/>
      <c r="FPV1016" s="10"/>
      <c r="FPW1016" s="10"/>
      <c r="FPX1016" s="10"/>
      <c r="FPY1016" s="10"/>
      <c r="FPZ1016" s="10"/>
      <c r="FQA1016" s="10"/>
      <c r="FQB1016" s="10"/>
      <c r="FQC1016" s="10"/>
      <c r="FQD1016" s="10"/>
      <c r="FQE1016" s="10"/>
      <c r="FQF1016" s="10"/>
      <c r="FQG1016" s="10"/>
      <c r="FQH1016" s="10"/>
      <c r="FQI1016" s="10"/>
      <c r="FQJ1016" s="10"/>
      <c r="FQK1016" s="10"/>
      <c r="FQL1016" s="10"/>
      <c r="FQM1016" s="10"/>
      <c r="FQN1016" s="10"/>
      <c r="FQO1016" s="10"/>
      <c r="FQP1016" s="10"/>
      <c r="FQQ1016" s="10"/>
      <c r="FQR1016" s="10"/>
      <c r="FQS1016" s="10"/>
      <c r="FQT1016" s="10"/>
      <c r="FQU1016" s="10"/>
      <c r="FQV1016" s="10"/>
      <c r="FQW1016" s="10"/>
      <c r="FQX1016" s="10"/>
      <c r="FQY1016" s="10"/>
      <c r="FQZ1016" s="10"/>
      <c r="FRA1016" s="10"/>
      <c r="FRB1016" s="10"/>
      <c r="FRC1016" s="10"/>
      <c r="FRD1016" s="10"/>
      <c r="FRE1016" s="10"/>
      <c r="FRF1016" s="10"/>
      <c r="FRG1016" s="10"/>
      <c r="FRH1016" s="10"/>
      <c r="FRI1016" s="10"/>
      <c r="FRJ1016" s="10"/>
      <c r="FRK1016" s="10"/>
      <c r="FRL1016" s="10"/>
      <c r="FRM1016" s="10"/>
      <c r="FRN1016" s="10"/>
      <c r="FRO1016" s="10"/>
      <c r="FRP1016" s="10"/>
      <c r="FRQ1016" s="10"/>
      <c r="FRR1016" s="10"/>
      <c r="FRS1016" s="10"/>
      <c r="FRT1016" s="10"/>
      <c r="FRU1016" s="10"/>
      <c r="FRV1016" s="10"/>
      <c r="FRW1016" s="10"/>
      <c r="FRX1016" s="10"/>
      <c r="FRY1016" s="10"/>
      <c r="FRZ1016" s="10"/>
      <c r="FSA1016" s="10"/>
      <c r="FSB1016" s="10"/>
      <c r="FSC1016" s="10"/>
      <c r="FSD1016" s="10"/>
      <c r="FSE1016" s="10"/>
      <c r="FSF1016" s="10"/>
      <c r="FSG1016" s="10"/>
      <c r="FSH1016" s="10"/>
      <c r="FSI1016" s="10"/>
      <c r="FSJ1016" s="10"/>
      <c r="FSK1016" s="10"/>
      <c r="FSL1016" s="10"/>
      <c r="FSM1016" s="10"/>
      <c r="FSN1016" s="10"/>
      <c r="FSO1016" s="10"/>
      <c r="FSP1016" s="10"/>
      <c r="FSQ1016" s="10"/>
      <c r="FSR1016" s="10"/>
      <c r="FSS1016" s="10"/>
      <c r="FST1016" s="10"/>
      <c r="FSU1016" s="10"/>
      <c r="FSV1016" s="10"/>
      <c r="FSW1016" s="10"/>
      <c r="FSX1016" s="10"/>
      <c r="FSY1016" s="10"/>
      <c r="FSZ1016" s="10"/>
      <c r="FTA1016" s="10"/>
      <c r="FTB1016" s="10"/>
      <c r="FTC1016" s="10"/>
      <c r="FTD1016" s="10"/>
      <c r="FTE1016" s="10"/>
      <c r="FTF1016" s="10"/>
      <c r="FTG1016" s="10"/>
      <c r="FTH1016" s="10"/>
      <c r="FTI1016" s="10"/>
      <c r="FTJ1016" s="10"/>
      <c r="FTK1016" s="10"/>
      <c r="FTL1016" s="10"/>
      <c r="FTM1016" s="10"/>
      <c r="FTN1016" s="10"/>
      <c r="FTO1016" s="10"/>
      <c r="FTP1016" s="10"/>
      <c r="FTQ1016" s="10"/>
      <c r="FTR1016" s="10"/>
      <c r="FTS1016" s="10"/>
      <c r="FTT1016" s="10"/>
      <c r="FTU1016" s="10"/>
      <c r="FTV1016" s="10"/>
      <c r="FTW1016" s="10"/>
      <c r="FTX1016" s="10"/>
      <c r="FTY1016" s="10"/>
      <c r="FTZ1016" s="10"/>
      <c r="FUA1016" s="10"/>
      <c r="FUB1016" s="10"/>
      <c r="FUC1016" s="10"/>
      <c r="FUD1016" s="10"/>
      <c r="FUE1016" s="10"/>
      <c r="FUF1016" s="10"/>
      <c r="FUG1016" s="10"/>
      <c r="FUH1016" s="10"/>
      <c r="FUI1016" s="10"/>
      <c r="FUJ1016" s="10"/>
      <c r="FUK1016" s="10"/>
      <c r="FUL1016" s="10"/>
      <c r="FUM1016" s="10"/>
      <c r="FUN1016" s="10"/>
      <c r="FUO1016" s="10"/>
      <c r="FUP1016" s="10"/>
      <c r="FUQ1016" s="10"/>
      <c r="FUR1016" s="10"/>
      <c r="FUS1016" s="10"/>
      <c r="FUT1016" s="10"/>
      <c r="FUU1016" s="10"/>
      <c r="FUV1016" s="10"/>
      <c r="FUW1016" s="10"/>
      <c r="FUX1016" s="10"/>
      <c r="FUY1016" s="10"/>
      <c r="FUZ1016" s="10"/>
      <c r="FVA1016" s="10"/>
      <c r="FVB1016" s="10"/>
      <c r="FVC1016" s="10"/>
      <c r="FVD1016" s="10"/>
      <c r="FVE1016" s="10"/>
      <c r="FVF1016" s="10"/>
      <c r="FVG1016" s="10"/>
      <c r="FVH1016" s="10"/>
      <c r="FVI1016" s="10"/>
      <c r="FVJ1016" s="10"/>
      <c r="FVK1016" s="10"/>
      <c r="FVL1016" s="10"/>
      <c r="FVM1016" s="10"/>
      <c r="FVN1016" s="10"/>
      <c r="FVO1016" s="10"/>
      <c r="FVP1016" s="10"/>
      <c r="FVQ1016" s="10"/>
      <c r="FVR1016" s="10"/>
      <c r="FVS1016" s="10"/>
      <c r="FVT1016" s="10"/>
      <c r="FVU1016" s="10"/>
      <c r="FVV1016" s="10"/>
      <c r="FVW1016" s="10"/>
      <c r="FVX1016" s="10"/>
      <c r="FVY1016" s="10"/>
      <c r="FVZ1016" s="10"/>
      <c r="FWA1016" s="10"/>
      <c r="FWB1016" s="10"/>
      <c r="FWC1016" s="10"/>
      <c r="FWD1016" s="10"/>
      <c r="FWE1016" s="10"/>
      <c r="FWF1016" s="10"/>
      <c r="FWG1016" s="10"/>
      <c r="FWH1016" s="10"/>
      <c r="FWI1016" s="10"/>
      <c r="FWJ1016" s="10"/>
      <c r="FWK1016" s="10"/>
      <c r="FWL1016" s="10"/>
      <c r="FWM1016" s="10"/>
      <c r="FWN1016" s="10"/>
      <c r="FWO1016" s="10"/>
      <c r="FWP1016" s="10"/>
      <c r="FWQ1016" s="10"/>
      <c r="FWR1016" s="10"/>
      <c r="FWS1016" s="10"/>
      <c r="FWT1016" s="10"/>
      <c r="FWU1016" s="10"/>
      <c r="FWV1016" s="10"/>
      <c r="FWW1016" s="10"/>
      <c r="FWX1016" s="10"/>
      <c r="FWY1016" s="10"/>
      <c r="FWZ1016" s="10"/>
      <c r="FXA1016" s="10"/>
      <c r="FXB1016" s="10"/>
      <c r="FXC1016" s="10"/>
      <c r="FXD1016" s="10"/>
      <c r="FXE1016" s="10"/>
      <c r="FXF1016" s="10"/>
      <c r="FXG1016" s="10"/>
      <c r="FXH1016" s="10"/>
      <c r="FXI1016" s="10"/>
      <c r="FXJ1016" s="10"/>
      <c r="FXK1016" s="10"/>
      <c r="FXL1016" s="10"/>
      <c r="FXM1016" s="10"/>
      <c r="FXN1016" s="10"/>
      <c r="FXO1016" s="10"/>
      <c r="FXP1016" s="10"/>
      <c r="FXQ1016" s="10"/>
      <c r="FXR1016" s="10"/>
      <c r="FXS1016" s="10"/>
      <c r="FXT1016" s="10"/>
      <c r="FXU1016" s="10"/>
      <c r="FXV1016" s="10"/>
      <c r="FXW1016" s="10"/>
      <c r="FXX1016" s="10"/>
      <c r="FXY1016" s="10"/>
      <c r="FXZ1016" s="10"/>
      <c r="FYA1016" s="10"/>
      <c r="FYB1016" s="10"/>
      <c r="FYC1016" s="10"/>
      <c r="FYD1016" s="10"/>
      <c r="FYE1016" s="10"/>
      <c r="FYF1016" s="10"/>
      <c r="FYG1016" s="10"/>
      <c r="FYH1016" s="10"/>
      <c r="FYI1016" s="10"/>
      <c r="FYJ1016" s="10"/>
      <c r="FYK1016" s="10"/>
      <c r="FYL1016" s="10"/>
      <c r="FYM1016" s="10"/>
      <c r="FYN1016" s="10"/>
      <c r="FYO1016" s="10"/>
      <c r="FYP1016" s="10"/>
      <c r="FYQ1016" s="10"/>
      <c r="FYR1016" s="10"/>
      <c r="FYS1016" s="10"/>
      <c r="FYT1016" s="10"/>
      <c r="FYU1016" s="10"/>
      <c r="FYV1016" s="10"/>
      <c r="FYW1016" s="10"/>
      <c r="FYX1016" s="10"/>
      <c r="FYY1016" s="10"/>
      <c r="FYZ1016" s="10"/>
      <c r="FZA1016" s="10"/>
      <c r="FZB1016" s="10"/>
      <c r="FZC1016" s="10"/>
      <c r="FZD1016" s="10"/>
      <c r="FZE1016" s="10"/>
      <c r="FZF1016" s="10"/>
      <c r="FZG1016" s="10"/>
      <c r="FZH1016" s="10"/>
      <c r="FZI1016" s="10"/>
      <c r="FZJ1016" s="10"/>
      <c r="FZK1016" s="10"/>
      <c r="FZL1016" s="10"/>
      <c r="FZM1016" s="10"/>
      <c r="FZN1016" s="10"/>
      <c r="FZO1016" s="10"/>
      <c r="FZP1016" s="10"/>
      <c r="FZQ1016" s="10"/>
      <c r="FZR1016" s="10"/>
      <c r="FZS1016" s="10"/>
      <c r="FZT1016" s="10"/>
      <c r="FZU1016" s="10"/>
      <c r="FZV1016" s="10"/>
      <c r="FZW1016" s="10"/>
      <c r="FZX1016" s="10"/>
      <c r="FZY1016" s="10"/>
      <c r="FZZ1016" s="10"/>
      <c r="GAA1016" s="10"/>
      <c r="GAB1016" s="10"/>
      <c r="GAC1016" s="10"/>
      <c r="GAD1016" s="10"/>
      <c r="GAE1016" s="10"/>
      <c r="GAF1016" s="10"/>
      <c r="GAG1016" s="10"/>
      <c r="GAH1016" s="10"/>
      <c r="GAI1016" s="10"/>
      <c r="GAJ1016" s="10"/>
      <c r="GAK1016" s="10"/>
      <c r="GAL1016" s="10"/>
      <c r="GAM1016" s="10"/>
      <c r="GAN1016" s="10"/>
      <c r="GAO1016" s="10"/>
      <c r="GAP1016" s="10"/>
      <c r="GAQ1016" s="10"/>
      <c r="GAR1016" s="10"/>
      <c r="GAS1016" s="10"/>
      <c r="GAT1016" s="10"/>
      <c r="GAU1016" s="10"/>
      <c r="GAV1016" s="10"/>
      <c r="GAW1016" s="10"/>
      <c r="GAX1016" s="10"/>
      <c r="GAY1016" s="10"/>
      <c r="GAZ1016" s="10"/>
      <c r="GBA1016" s="10"/>
      <c r="GBB1016" s="10"/>
      <c r="GBC1016" s="10"/>
      <c r="GBD1016" s="10"/>
      <c r="GBE1016" s="10"/>
      <c r="GBF1016" s="10"/>
      <c r="GBG1016" s="10"/>
      <c r="GBH1016" s="10"/>
      <c r="GBI1016" s="10"/>
      <c r="GBJ1016" s="10"/>
      <c r="GBK1016" s="10"/>
      <c r="GBL1016" s="10"/>
      <c r="GBM1016" s="10"/>
      <c r="GBN1016" s="10"/>
      <c r="GBO1016" s="10"/>
      <c r="GBP1016" s="10"/>
      <c r="GBQ1016" s="10"/>
      <c r="GBR1016" s="10"/>
      <c r="GBS1016" s="10"/>
      <c r="GBT1016" s="10"/>
      <c r="GBU1016" s="10"/>
      <c r="GBV1016" s="10"/>
      <c r="GBW1016" s="10"/>
      <c r="GBX1016" s="10"/>
      <c r="GBY1016" s="10"/>
      <c r="GBZ1016" s="10"/>
      <c r="GCA1016" s="10"/>
      <c r="GCB1016" s="10"/>
      <c r="GCC1016" s="10"/>
      <c r="GCD1016" s="10"/>
      <c r="GCE1016" s="10"/>
      <c r="GCF1016" s="10"/>
      <c r="GCG1016" s="10"/>
      <c r="GCH1016" s="10"/>
      <c r="GCI1016" s="10"/>
      <c r="GCJ1016" s="10"/>
      <c r="GCK1016" s="10"/>
      <c r="GCL1016" s="10"/>
      <c r="GCM1016" s="10"/>
      <c r="GCN1016" s="10"/>
      <c r="GCO1016" s="10"/>
      <c r="GCP1016" s="10"/>
      <c r="GCQ1016" s="10"/>
      <c r="GCR1016" s="10"/>
      <c r="GCS1016" s="10"/>
      <c r="GCT1016" s="10"/>
      <c r="GCU1016" s="10"/>
      <c r="GCV1016" s="10"/>
      <c r="GCW1016" s="10"/>
      <c r="GCX1016" s="10"/>
      <c r="GCY1016" s="10"/>
      <c r="GCZ1016" s="10"/>
      <c r="GDA1016" s="10"/>
      <c r="GDB1016" s="10"/>
      <c r="GDC1016" s="10"/>
      <c r="GDD1016" s="10"/>
      <c r="GDE1016" s="10"/>
      <c r="GDF1016" s="10"/>
      <c r="GDG1016" s="10"/>
      <c r="GDH1016" s="10"/>
      <c r="GDI1016" s="10"/>
      <c r="GDJ1016" s="10"/>
      <c r="GDK1016" s="10"/>
      <c r="GDL1016" s="10"/>
      <c r="GDM1016" s="10"/>
      <c r="GDN1016" s="10"/>
      <c r="GDO1016" s="10"/>
      <c r="GDP1016" s="10"/>
      <c r="GDQ1016" s="10"/>
      <c r="GDR1016" s="10"/>
      <c r="GDS1016" s="10"/>
      <c r="GDT1016" s="10"/>
      <c r="GDU1016" s="10"/>
      <c r="GDV1016" s="10"/>
      <c r="GDW1016" s="10"/>
      <c r="GDX1016" s="10"/>
      <c r="GDY1016" s="10"/>
      <c r="GDZ1016" s="10"/>
      <c r="GEA1016" s="10"/>
      <c r="GEB1016" s="10"/>
      <c r="GEC1016" s="10"/>
      <c r="GED1016" s="10"/>
      <c r="GEE1016" s="10"/>
      <c r="GEF1016" s="10"/>
      <c r="GEG1016" s="10"/>
      <c r="GEH1016" s="10"/>
      <c r="GEI1016" s="10"/>
      <c r="GEJ1016" s="10"/>
      <c r="GEK1016" s="10"/>
      <c r="GEL1016" s="10"/>
      <c r="GEM1016" s="10"/>
      <c r="GEN1016" s="10"/>
      <c r="GEO1016" s="10"/>
      <c r="GEP1016" s="10"/>
      <c r="GEQ1016" s="10"/>
      <c r="GER1016" s="10"/>
      <c r="GES1016" s="10"/>
      <c r="GET1016" s="10"/>
      <c r="GEU1016" s="10"/>
      <c r="GEV1016" s="10"/>
      <c r="GEW1016" s="10"/>
      <c r="GEX1016" s="10"/>
      <c r="GEY1016" s="10"/>
      <c r="GEZ1016" s="10"/>
      <c r="GFA1016" s="10"/>
      <c r="GFB1016" s="10"/>
      <c r="GFC1016" s="10"/>
      <c r="GFD1016" s="10"/>
      <c r="GFE1016" s="10"/>
      <c r="GFF1016" s="10"/>
      <c r="GFG1016" s="10"/>
      <c r="GFH1016" s="10"/>
      <c r="GFI1016" s="10"/>
      <c r="GFJ1016" s="10"/>
      <c r="GFK1016" s="10"/>
      <c r="GFL1016" s="10"/>
      <c r="GFM1016" s="10"/>
      <c r="GFN1016" s="10"/>
      <c r="GFO1016" s="10"/>
      <c r="GFP1016" s="10"/>
      <c r="GFQ1016" s="10"/>
      <c r="GFR1016" s="10"/>
      <c r="GFS1016" s="10"/>
      <c r="GFT1016" s="10"/>
      <c r="GFU1016" s="10"/>
      <c r="GFV1016" s="10"/>
      <c r="GFW1016" s="10"/>
      <c r="GFX1016" s="10"/>
      <c r="GFY1016" s="10"/>
      <c r="GFZ1016" s="10"/>
      <c r="GGA1016" s="10"/>
      <c r="GGB1016" s="10"/>
      <c r="GGC1016" s="10"/>
      <c r="GGD1016" s="10"/>
      <c r="GGE1016" s="10"/>
      <c r="GGF1016" s="10"/>
      <c r="GGG1016" s="10"/>
      <c r="GGH1016" s="10"/>
      <c r="GGI1016" s="10"/>
      <c r="GGJ1016" s="10"/>
      <c r="GGK1016" s="10"/>
      <c r="GGL1016" s="10"/>
      <c r="GGM1016" s="10"/>
      <c r="GGN1016" s="10"/>
      <c r="GGO1016" s="10"/>
      <c r="GGP1016" s="10"/>
      <c r="GGQ1016" s="10"/>
      <c r="GGR1016" s="10"/>
      <c r="GGS1016" s="10"/>
      <c r="GGT1016" s="10"/>
      <c r="GGU1016" s="10"/>
      <c r="GGV1016" s="10"/>
      <c r="GGW1016" s="10"/>
      <c r="GGX1016" s="10"/>
      <c r="GGY1016" s="10"/>
      <c r="GGZ1016" s="10"/>
      <c r="GHA1016" s="10"/>
      <c r="GHB1016" s="10"/>
      <c r="GHC1016" s="10"/>
      <c r="GHD1016" s="10"/>
      <c r="GHE1016" s="10"/>
      <c r="GHF1016" s="10"/>
      <c r="GHG1016" s="10"/>
      <c r="GHH1016" s="10"/>
      <c r="GHI1016" s="10"/>
      <c r="GHJ1016" s="10"/>
      <c r="GHK1016" s="10"/>
      <c r="GHL1016" s="10"/>
      <c r="GHM1016" s="10"/>
      <c r="GHN1016" s="10"/>
      <c r="GHO1016" s="10"/>
      <c r="GHP1016" s="10"/>
      <c r="GHQ1016" s="10"/>
      <c r="GHR1016" s="10"/>
      <c r="GHS1016" s="10"/>
      <c r="GHT1016" s="10"/>
      <c r="GHU1016" s="10"/>
      <c r="GHV1016" s="10"/>
      <c r="GHW1016" s="10"/>
      <c r="GHX1016" s="10"/>
      <c r="GHY1016" s="10"/>
      <c r="GHZ1016" s="10"/>
      <c r="GIA1016" s="10"/>
      <c r="GIB1016" s="10"/>
      <c r="GIC1016" s="10"/>
      <c r="GID1016" s="10"/>
      <c r="GIE1016" s="10"/>
      <c r="GIF1016" s="10"/>
      <c r="GIG1016" s="10"/>
      <c r="GIH1016" s="10"/>
      <c r="GII1016" s="10"/>
      <c r="GIJ1016" s="10"/>
      <c r="GIK1016" s="10"/>
      <c r="GIL1016" s="10"/>
      <c r="GIM1016" s="10"/>
      <c r="GIN1016" s="10"/>
      <c r="GIO1016" s="10"/>
      <c r="GIP1016" s="10"/>
      <c r="GIQ1016" s="10"/>
      <c r="GIR1016" s="10"/>
      <c r="GIS1016" s="10"/>
      <c r="GIT1016" s="10"/>
      <c r="GIU1016" s="10"/>
      <c r="GIV1016" s="10"/>
      <c r="GIW1016" s="10"/>
      <c r="GIX1016" s="10"/>
      <c r="GIY1016" s="10"/>
      <c r="GIZ1016" s="10"/>
      <c r="GJA1016" s="10"/>
      <c r="GJB1016" s="10"/>
      <c r="GJC1016" s="10"/>
      <c r="GJD1016" s="10"/>
      <c r="GJE1016" s="10"/>
      <c r="GJF1016" s="10"/>
      <c r="GJG1016" s="10"/>
      <c r="GJH1016" s="10"/>
      <c r="GJI1016" s="10"/>
      <c r="GJJ1016" s="10"/>
      <c r="GJK1016" s="10"/>
      <c r="GJL1016" s="10"/>
      <c r="GJM1016" s="10"/>
      <c r="GJN1016" s="10"/>
      <c r="GJO1016" s="10"/>
      <c r="GJP1016" s="10"/>
      <c r="GJQ1016" s="10"/>
      <c r="GJR1016" s="10"/>
      <c r="GJS1016" s="10"/>
      <c r="GJT1016" s="10"/>
      <c r="GJU1016" s="10"/>
      <c r="GJV1016" s="10"/>
      <c r="GJW1016" s="10"/>
      <c r="GJX1016" s="10"/>
      <c r="GJY1016" s="10"/>
      <c r="GJZ1016" s="10"/>
      <c r="GKA1016" s="10"/>
      <c r="GKB1016" s="10"/>
      <c r="GKC1016" s="10"/>
      <c r="GKD1016" s="10"/>
      <c r="GKE1016" s="10"/>
      <c r="GKF1016" s="10"/>
      <c r="GKG1016" s="10"/>
      <c r="GKH1016" s="10"/>
      <c r="GKI1016" s="10"/>
      <c r="GKJ1016" s="10"/>
      <c r="GKK1016" s="10"/>
      <c r="GKL1016" s="10"/>
      <c r="GKM1016" s="10"/>
      <c r="GKN1016" s="10"/>
      <c r="GKO1016" s="10"/>
      <c r="GKP1016" s="10"/>
      <c r="GKQ1016" s="10"/>
      <c r="GKR1016" s="10"/>
      <c r="GKS1016" s="10"/>
      <c r="GKT1016" s="10"/>
      <c r="GKU1016" s="10"/>
      <c r="GKV1016" s="10"/>
      <c r="GKW1016" s="10"/>
      <c r="GKX1016" s="10"/>
      <c r="GKY1016" s="10"/>
      <c r="GKZ1016" s="10"/>
      <c r="GLA1016" s="10"/>
      <c r="GLB1016" s="10"/>
      <c r="GLC1016" s="10"/>
      <c r="GLD1016" s="10"/>
      <c r="GLE1016" s="10"/>
      <c r="GLF1016" s="10"/>
      <c r="GLG1016" s="10"/>
      <c r="GLH1016" s="10"/>
      <c r="GLI1016" s="10"/>
      <c r="GLJ1016" s="10"/>
      <c r="GLK1016" s="10"/>
      <c r="GLL1016" s="10"/>
      <c r="GLM1016" s="10"/>
      <c r="GLN1016" s="10"/>
      <c r="GLO1016" s="10"/>
      <c r="GLP1016" s="10"/>
      <c r="GLQ1016" s="10"/>
      <c r="GLR1016" s="10"/>
      <c r="GLS1016" s="10"/>
      <c r="GLT1016" s="10"/>
      <c r="GLU1016" s="10"/>
      <c r="GLV1016" s="10"/>
      <c r="GLW1016" s="10"/>
      <c r="GLX1016" s="10"/>
      <c r="GLY1016" s="10"/>
      <c r="GLZ1016" s="10"/>
      <c r="GMA1016" s="10"/>
      <c r="GMB1016" s="10"/>
      <c r="GMC1016" s="10"/>
      <c r="GMD1016" s="10"/>
      <c r="GME1016" s="10"/>
      <c r="GMF1016" s="10"/>
      <c r="GMG1016" s="10"/>
      <c r="GMH1016" s="10"/>
      <c r="GMI1016" s="10"/>
      <c r="GMJ1016" s="10"/>
      <c r="GMK1016" s="10"/>
      <c r="GML1016" s="10"/>
      <c r="GMM1016" s="10"/>
      <c r="GMN1016" s="10"/>
      <c r="GMO1016" s="10"/>
      <c r="GMP1016" s="10"/>
      <c r="GMQ1016" s="10"/>
      <c r="GMR1016" s="10"/>
      <c r="GMS1016" s="10"/>
      <c r="GMT1016" s="10"/>
      <c r="GMU1016" s="10"/>
      <c r="GMV1016" s="10"/>
      <c r="GMW1016" s="10"/>
      <c r="GMX1016" s="10"/>
      <c r="GMY1016" s="10"/>
      <c r="GMZ1016" s="10"/>
      <c r="GNA1016" s="10"/>
      <c r="GNB1016" s="10"/>
      <c r="GNC1016" s="10"/>
      <c r="GND1016" s="10"/>
      <c r="GNE1016" s="10"/>
      <c r="GNF1016" s="10"/>
      <c r="GNG1016" s="10"/>
      <c r="GNH1016" s="10"/>
      <c r="GNI1016" s="10"/>
      <c r="GNJ1016" s="10"/>
      <c r="GNK1016" s="10"/>
      <c r="GNL1016" s="10"/>
      <c r="GNM1016" s="10"/>
      <c r="GNN1016" s="10"/>
      <c r="GNO1016" s="10"/>
      <c r="GNP1016" s="10"/>
      <c r="GNQ1016" s="10"/>
      <c r="GNR1016" s="10"/>
      <c r="GNS1016" s="10"/>
      <c r="GNT1016" s="10"/>
      <c r="GNU1016" s="10"/>
      <c r="GNV1016" s="10"/>
      <c r="GNW1016" s="10"/>
      <c r="GNX1016" s="10"/>
      <c r="GNY1016" s="10"/>
      <c r="GNZ1016" s="10"/>
      <c r="GOA1016" s="10"/>
      <c r="GOB1016" s="10"/>
      <c r="GOC1016" s="10"/>
      <c r="GOD1016" s="10"/>
      <c r="GOE1016" s="10"/>
      <c r="GOF1016" s="10"/>
      <c r="GOG1016" s="10"/>
      <c r="GOH1016" s="10"/>
      <c r="GOI1016" s="10"/>
      <c r="GOJ1016" s="10"/>
      <c r="GOK1016" s="10"/>
      <c r="GOL1016" s="10"/>
      <c r="GOM1016" s="10"/>
      <c r="GON1016" s="10"/>
      <c r="GOO1016" s="10"/>
      <c r="GOP1016" s="10"/>
      <c r="GOQ1016" s="10"/>
      <c r="GOR1016" s="10"/>
      <c r="GOS1016" s="10"/>
      <c r="GOT1016" s="10"/>
      <c r="GOU1016" s="10"/>
      <c r="GOV1016" s="10"/>
      <c r="GOW1016" s="10"/>
      <c r="GOX1016" s="10"/>
      <c r="GOY1016" s="10"/>
      <c r="GOZ1016" s="10"/>
      <c r="GPA1016" s="10"/>
      <c r="GPB1016" s="10"/>
      <c r="GPC1016" s="10"/>
      <c r="GPD1016" s="10"/>
      <c r="GPE1016" s="10"/>
      <c r="GPF1016" s="10"/>
      <c r="GPG1016" s="10"/>
      <c r="GPH1016" s="10"/>
      <c r="GPI1016" s="10"/>
      <c r="GPJ1016" s="10"/>
      <c r="GPK1016" s="10"/>
      <c r="GPL1016" s="10"/>
      <c r="GPM1016" s="10"/>
      <c r="GPN1016" s="10"/>
      <c r="GPO1016" s="10"/>
      <c r="GPP1016" s="10"/>
      <c r="GPQ1016" s="10"/>
      <c r="GPR1016" s="10"/>
      <c r="GPS1016" s="10"/>
      <c r="GPT1016" s="10"/>
      <c r="GPU1016" s="10"/>
      <c r="GPV1016" s="10"/>
      <c r="GPW1016" s="10"/>
      <c r="GPX1016" s="10"/>
      <c r="GPY1016" s="10"/>
      <c r="GPZ1016" s="10"/>
      <c r="GQA1016" s="10"/>
      <c r="GQB1016" s="10"/>
      <c r="GQC1016" s="10"/>
      <c r="GQD1016" s="10"/>
      <c r="GQE1016" s="10"/>
      <c r="GQF1016" s="10"/>
      <c r="GQG1016" s="10"/>
      <c r="GQH1016" s="10"/>
      <c r="GQI1016" s="10"/>
      <c r="GQJ1016" s="10"/>
      <c r="GQK1016" s="10"/>
      <c r="GQL1016" s="10"/>
      <c r="GQM1016" s="10"/>
      <c r="GQN1016" s="10"/>
      <c r="GQO1016" s="10"/>
      <c r="GQP1016" s="10"/>
      <c r="GQQ1016" s="10"/>
      <c r="GQR1016" s="10"/>
      <c r="GQS1016" s="10"/>
      <c r="GQT1016" s="10"/>
      <c r="GQU1016" s="10"/>
      <c r="GQV1016" s="10"/>
      <c r="GQW1016" s="10"/>
      <c r="GQX1016" s="10"/>
      <c r="GQY1016" s="10"/>
      <c r="GQZ1016" s="10"/>
      <c r="GRA1016" s="10"/>
      <c r="GRB1016" s="10"/>
      <c r="GRC1016" s="10"/>
      <c r="GRD1016" s="10"/>
      <c r="GRE1016" s="10"/>
      <c r="GRF1016" s="10"/>
      <c r="GRG1016" s="10"/>
      <c r="GRH1016" s="10"/>
      <c r="GRI1016" s="10"/>
      <c r="GRJ1016" s="10"/>
      <c r="GRK1016" s="10"/>
      <c r="GRL1016" s="10"/>
      <c r="GRM1016" s="10"/>
      <c r="GRN1016" s="10"/>
      <c r="GRO1016" s="10"/>
      <c r="GRP1016" s="10"/>
      <c r="GRQ1016" s="10"/>
      <c r="GRR1016" s="10"/>
      <c r="GRS1016" s="10"/>
      <c r="GRT1016" s="10"/>
      <c r="GRU1016" s="10"/>
      <c r="GRV1016" s="10"/>
      <c r="GRW1016" s="10"/>
      <c r="GRX1016" s="10"/>
      <c r="GRY1016" s="10"/>
      <c r="GRZ1016" s="10"/>
      <c r="GSA1016" s="10"/>
      <c r="GSB1016" s="10"/>
      <c r="GSC1016" s="10"/>
      <c r="GSD1016" s="10"/>
      <c r="GSE1016" s="10"/>
      <c r="GSF1016" s="10"/>
      <c r="GSG1016" s="10"/>
      <c r="GSH1016" s="10"/>
      <c r="GSI1016" s="10"/>
      <c r="GSJ1016" s="10"/>
      <c r="GSK1016" s="10"/>
      <c r="GSL1016" s="10"/>
      <c r="GSM1016" s="10"/>
      <c r="GSN1016" s="10"/>
      <c r="GSO1016" s="10"/>
      <c r="GSP1016" s="10"/>
      <c r="GSQ1016" s="10"/>
      <c r="GSR1016" s="10"/>
      <c r="GSS1016" s="10"/>
      <c r="GST1016" s="10"/>
      <c r="GSU1016" s="10"/>
      <c r="GSV1016" s="10"/>
      <c r="GSW1016" s="10"/>
      <c r="GSX1016" s="10"/>
      <c r="GSY1016" s="10"/>
      <c r="GSZ1016" s="10"/>
      <c r="GTA1016" s="10"/>
      <c r="GTB1016" s="10"/>
      <c r="GTC1016" s="10"/>
      <c r="GTD1016" s="10"/>
      <c r="GTE1016" s="10"/>
      <c r="GTF1016" s="10"/>
      <c r="GTG1016" s="10"/>
      <c r="GTH1016" s="10"/>
      <c r="GTI1016" s="10"/>
      <c r="GTJ1016" s="10"/>
      <c r="GTK1016" s="10"/>
      <c r="GTL1016" s="10"/>
      <c r="GTM1016" s="10"/>
      <c r="GTN1016" s="10"/>
      <c r="GTO1016" s="10"/>
      <c r="GTP1016" s="10"/>
      <c r="GTQ1016" s="10"/>
      <c r="GTR1016" s="10"/>
      <c r="GTS1016" s="10"/>
      <c r="GTT1016" s="10"/>
      <c r="GTU1016" s="10"/>
      <c r="GTV1016" s="10"/>
      <c r="GTW1016" s="10"/>
      <c r="GTX1016" s="10"/>
      <c r="GTY1016" s="10"/>
      <c r="GTZ1016" s="10"/>
      <c r="GUA1016" s="10"/>
      <c r="GUB1016" s="10"/>
      <c r="GUC1016" s="10"/>
      <c r="GUD1016" s="10"/>
      <c r="GUE1016" s="10"/>
      <c r="GUF1016" s="10"/>
      <c r="GUG1016" s="10"/>
      <c r="GUH1016" s="10"/>
      <c r="GUI1016" s="10"/>
      <c r="GUJ1016" s="10"/>
      <c r="GUK1016" s="10"/>
      <c r="GUL1016" s="10"/>
      <c r="GUM1016" s="10"/>
      <c r="GUN1016" s="10"/>
      <c r="GUO1016" s="10"/>
      <c r="GUP1016" s="10"/>
      <c r="GUQ1016" s="10"/>
      <c r="GUR1016" s="10"/>
      <c r="GUS1016" s="10"/>
      <c r="GUT1016" s="10"/>
      <c r="GUU1016" s="10"/>
      <c r="GUV1016" s="10"/>
      <c r="GUW1016" s="10"/>
      <c r="GUX1016" s="10"/>
      <c r="GUY1016" s="10"/>
      <c r="GUZ1016" s="10"/>
      <c r="GVA1016" s="10"/>
      <c r="GVB1016" s="10"/>
      <c r="GVC1016" s="10"/>
      <c r="GVD1016" s="10"/>
      <c r="GVE1016" s="10"/>
      <c r="GVF1016" s="10"/>
      <c r="GVG1016" s="10"/>
      <c r="GVH1016" s="10"/>
      <c r="GVI1016" s="10"/>
      <c r="GVJ1016" s="10"/>
      <c r="GVK1016" s="10"/>
      <c r="GVL1016" s="10"/>
      <c r="GVM1016" s="10"/>
      <c r="GVN1016" s="10"/>
      <c r="GVO1016" s="10"/>
      <c r="GVP1016" s="10"/>
      <c r="GVQ1016" s="10"/>
      <c r="GVR1016" s="10"/>
      <c r="GVS1016" s="10"/>
      <c r="GVT1016" s="10"/>
      <c r="GVU1016" s="10"/>
      <c r="GVV1016" s="10"/>
      <c r="GVW1016" s="10"/>
      <c r="GVX1016" s="10"/>
      <c r="GVY1016" s="10"/>
      <c r="GVZ1016" s="10"/>
      <c r="GWA1016" s="10"/>
      <c r="GWB1016" s="10"/>
      <c r="GWC1016" s="10"/>
      <c r="GWD1016" s="10"/>
      <c r="GWE1016" s="10"/>
      <c r="GWF1016" s="10"/>
      <c r="GWG1016" s="10"/>
      <c r="GWH1016" s="10"/>
      <c r="GWI1016" s="10"/>
      <c r="GWJ1016" s="10"/>
      <c r="GWK1016" s="10"/>
      <c r="GWL1016" s="10"/>
      <c r="GWM1016" s="10"/>
      <c r="GWN1016" s="10"/>
      <c r="GWO1016" s="10"/>
      <c r="GWP1016" s="10"/>
      <c r="GWQ1016" s="10"/>
      <c r="GWR1016" s="10"/>
      <c r="GWS1016" s="10"/>
      <c r="GWT1016" s="10"/>
      <c r="GWU1016" s="10"/>
      <c r="GWV1016" s="10"/>
      <c r="GWW1016" s="10"/>
      <c r="GWX1016" s="10"/>
      <c r="GWY1016" s="10"/>
      <c r="GWZ1016" s="10"/>
      <c r="GXA1016" s="10"/>
      <c r="GXB1016" s="10"/>
      <c r="GXC1016" s="10"/>
      <c r="GXD1016" s="10"/>
      <c r="GXE1016" s="10"/>
      <c r="GXF1016" s="10"/>
      <c r="GXG1016" s="10"/>
      <c r="GXH1016" s="10"/>
      <c r="GXI1016" s="10"/>
      <c r="GXJ1016" s="10"/>
      <c r="GXK1016" s="10"/>
      <c r="GXL1016" s="10"/>
      <c r="GXM1016" s="10"/>
      <c r="GXN1016" s="10"/>
      <c r="GXO1016" s="10"/>
      <c r="GXP1016" s="10"/>
      <c r="GXQ1016" s="10"/>
      <c r="GXR1016" s="10"/>
      <c r="GXS1016" s="10"/>
      <c r="GXT1016" s="10"/>
      <c r="GXU1016" s="10"/>
      <c r="GXV1016" s="10"/>
      <c r="GXW1016" s="10"/>
      <c r="GXX1016" s="10"/>
      <c r="GXY1016" s="10"/>
      <c r="GXZ1016" s="10"/>
      <c r="GYA1016" s="10"/>
      <c r="GYB1016" s="10"/>
      <c r="GYC1016" s="10"/>
      <c r="GYD1016" s="10"/>
      <c r="GYE1016" s="10"/>
      <c r="GYF1016" s="10"/>
      <c r="GYG1016" s="10"/>
      <c r="GYH1016" s="10"/>
      <c r="GYI1016" s="10"/>
      <c r="GYJ1016" s="10"/>
      <c r="GYK1016" s="10"/>
      <c r="GYL1016" s="10"/>
      <c r="GYM1016" s="10"/>
      <c r="GYN1016" s="10"/>
      <c r="GYO1016" s="10"/>
      <c r="GYP1016" s="10"/>
      <c r="GYQ1016" s="10"/>
      <c r="GYR1016" s="10"/>
      <c r="GYS1016" s="10"/>
      <c r="GYT1016" s="10"/>
      <c r="GYU1016" s="10"/>
      <c r="GYV1016" s="10"/>
      <c r="GYW1016" s="10"/>
      <c r="GYX1016" s="10"/>
      <c r="GYY1016" s="10"/>
      <c r="GYZ1016" s="10"/>
      <c r="GZA1016" s="10"/>
      <c r="GZB1016" s="10"/>
      <c r="GZC1016" s="10"/>
      <c r="GZD1016" s="10"/>
      <c r="GZE1016" s="10"/>
      <c r="GZF1016" s="10"/>
      <c r="GZG1016" s="10"/>
      <c r="GZH1016" s="10"/>
      <c r="GZI1016" s="10"/>
      <c r="GZJ1016" s="10"/>
      <c r="GZK1016" s="10"/>
      <c r="GZL1016" s="10"/>
      <c r="GZM1016" s="10"/>
      <c r="GZN1016" s="10"/>
      <c r="GZO1016" s="10"/>
      <c r="GZP1016" s="10"/>
      <c r="GZQ1016" s="10"/>
      <c r="GZR1016" s="10"/>
      <c r="GZS1016" s="10"/>
      <c r="GZT1016" s="10"/>
      <c r="GZU1016" s="10"/>
      <c r="GZV1016" s="10"/>
      <c r="GZW1016" s="10"/>
      <c r="GZX1016" s="10"/>
      <c r="GZY1016" s="10"/>
      <c r="GZZ1016" s="10"/>
      <c r="HAA1016" s="10"/>
      <c r="HAB1016" s="10"/>
      <c r="HAC1016" s="10"/>
      <c r="HAD1016" s="10"/>
      <c r="HAE1016" s="10"/>
      <c r="HAF1016" s="10"/>
      <c r="HAG1016" s="10"/>
      <c r="HAH1016" s="10"/>
      <c r="HAI1016" s="10"/>
      <c r="HAJ1016" s="10"/>
      <c r="HAK1016" s="10"/>
      <c r="HAL1016" s="10"/>
      <c r="HAM1016" s="10"/>
      <c r="HAN1016" s="10"/>
      <c r="HAO1016" s="10"/>
      <c r="HAP1016" s="10"/>
      <c r="HAQ1016" s="10"/>
      <c r="HAR1016" s="10"/>
      <c r="HAS1016" s="10"/>
      <c r="HAT1016" s="10"/>
      <c r="HAU1016" s="10"/>
      <c r="HAV1016" s="10"/>
      <c r="HAW1016" s="10"/>
      <c r="HAX1016" s="10"/>
      <c r="HAY1016" s="10"/>
      <c r="HAZ1016" s="10"/>
      <c r="HBA1016" s="10"/>
      <c r="HBB1016" s="10"/>
      <c r="HBC1016" s="10"/>
      <c r="HBD1016" s="10"/>
      <c r="HBE1016" s="10"/>
      <c r="HBF1016" s="10"/>
      <c r="HBG1016" s="10"/>
      <c r="HBH1016" s="10"/>
      <c r="HBI1016" s="10"/>
      <c r="HBJ1016" s="10"/>
      <c r="HBK1016" s="10"/>
      <c r="HBL1016" s="10"/>
      <c r="HBM1016" s="10"/>
      <c r="HBN1016" s="10"/>
      <c r="HBO1016" s="10"/>
      <c r="HBP1016" s="10"/>
      <c r="HBQ1016" s="10"/>
      <c r="HBR1016" s="10"/>
      <c r="HBS1016" s="10"/>
      <c r="HBT1016" s="10"/>
      <c r="HBU1016" s="10"/>
      <c r="HBV1016" s="10"/>
      <c r="HBW1016" s="10"/>
      <c r="HBX1016" s="10"/>
      <c r="HBY1016" s="10"/>
      <c r="HBZ1016" s="10"/>
      <c r="HCA1016" s="10"/>
      <c r="HCB1016" s="10"/>
      <c r="HCC1016" s="10"/>
      <c r="HCD1016" s="10"/>
      <c r="HCE1016" s="10"/>
      <c r="HCF1016" s="10"/>
      <c r="HCG1016" s="10"/>
      <c r="HCH1016" s="10"/>
      <c r="HCI1016" s="10"/>
      <c r="HCJ1016" s="10"/>
      <c r="HCK1016" s="10"/>
      <c r="HCL1016" s="10"/>
      <c r="HCM1016" s="10"/>
      <c r="HCN1016" s="10"/>
      <c r="HCO1016" s="10"/>
      <c r="HCP1016" s="10"/>
      <c r="HCQ1016" s="10"/>
      <c r="HCR1016" s="10"/>
      <c r="HCS1016" s="10"/>
      <c r="HCT1016" s="10"/>
      <c r="HCU1016" s="10"/>
      <c r="HCV1016" s="10"/>
      <c r="HCW1016" s="10"/>
      <c r="HCX1016" s="10"/>
      <c r="HCY1016" s="10"/>
      <c r="HCZ1016" s="10"/>
      <c r="HDA1016" s="10"/>
      <c r="HDB1016" s="10"/>
      <c r="HDC1016" s="10"/>
      <c r="HDD1016" s="10"/>
      <c r="HDE1016" s="10"/>
      <c r="HDF1016" s="10"/>
      <c r="HDG1016" s="10"/>
      <c r="HDH1016" s="10"/>
      <c r="HDI1016" s="10"/>
      <c r="HDJ1016" s="10"/>
      <c r="HDK1016" s="10"/>
      <c r="HDL1016" s="10"/>
      <c r="HDM1016" s="10"/>
      <c r="HDN1016" s="10"/>
      <c r="HDO1016" s="10"/>
      <c r="HDP1016" s="10"/>
      <c r="HDQ1016" s="10"/>
      <c r="HDR1016" s="10"/>
      <c r="HDS1016" s="10"/>
      <c r="HDT1016" s="10"/>
      <c r="HDU1016" s="10"/>
      <c r="HDV1016" s="10"/>
      <c r="HDW1016" s="10"/>
      <c r="HDX1016" s="10"/>
      <c r="HDY1016" s="10"/>
      <c r="HDZ1016" s="10"/>
      <c r="HEA1016" s="10"/>
      <c r="HEB1016" s="10"/>
      <c r="HEC1016" s="10"/>
      <c r="HED1016" s="10"/>
      <c r="HEE1016" s="10"/>
      <c r="HEF1016" s="10"/>
      <c r="HEG1016" s="10"/>
      <c r="HEH1016" s="10"/>
      <c r="HEI1016" s="10"/>
      <c r="HEJ1016" s="10"/>
      <c r="HEK1016" s="10"/>
      <c r="HEL1016" s="10"/>
      <c r="HEM1016" s="10"/>
      <c r="HEN1016" s="10"/>
      <c r="HEO1016" s="10"/>
      <c r="HEP1016" s="10"/>
      <c r="HEQ1016" s="10"/>
      <c r="HER1016" s="10"/>
      <c r="HES1016" s="10"/>
      <c r="HET1016" s="10"/>
      <c r="HEU1016" s="10"/>
      <c r="HEV1016" s="10"/>
      <c r="HEW1016" s="10"/>
      <c r="HEX1016" s="10"/>
      <c r="HEY1016" s="10"/>
      <c r="HEZ1016" s="10"/>
      <c r="HFA1016" s="10"/>
      <c r="HFB1016" s="10"/>
      <c r="HFC1016" s="10"/>
      <c r="HFD1016" s="10"/>
      <c r="HFE1016" s="10"/>
      <c r="HFF1016" s="10"/>
      <c r="HFG1016" s="10"/>
      <c r="HFH1016" s="10"/>
      <c r="HFI1016" s="10"/>
      <c r="HFJ1016" s="10"/>
      <c r="HFK1016" s="10"/>
      <c r="HFL1016" s="10"/>
      <c r="HFM1016" s="10"/>
      <c r="HFN1016" s="10"/>
      <c r="HFO1016" s="10"/>
      <c r="HFP1016" s="10"/>
      <c r="HFQ1016" s="10"/>
      <c r="HFR1016" s="10"/>
      <c r="HFS1016" s="10"/>
      <c r="HFT1016" s="10"/>
      <c r="HFU1016" s="10"/>
      <c r="HFV1016" s="10"/>
      <c r="HFW1016" s="10"/>
      <c r="HFX1016" s="10"/>
      <c r="HFY1016" s="10"/>
      <c r="HFZ1016" s="10"/>
      <c r="HGA1016" s="10"/>
      <c r="HGB1016" s="10"/>
      <c r="HGC1016" s="10"/>
      <c r="HGD1016" s="10"/>
      <c r="HGE1016" s="10"/>
      <c r="HGF1016" s="10"/>
      <c r="HGG1016" s="10"/>
      <c r="HGH1016" s="10"/>
      <c r="HGI1016" s="10"/>
      <c r="HGJ1016" s="10"/>
      <c r="HGK1016" s="10"/>
      <c r="HGL1016" s="10"/>
      <c r="HGM1016" s="10"/>
      <c r="HGN1016" s="10"/>
      <c r="HGO1016" s="10"/>
      <c r="HGP1016" s="10"/>
      <c r="HGQ1016" s="10"/>
      <c r="HGR1016" s="10"/>
      <c r="HGS1016" s="10"/>
      <c r="HGT1016" s="10"/>
      <c r="HGU1016" s="10"/>
      <c r="HGV1016" s="10"/>
      <c r="HGW1016" s="10"/>
      <c r="HGX1016" s="10"/>
      <c r="HGY1016" s="10"/>
      <c r="HGZ1016" s="10"/>
      <c r="HHA1016" s="10"/>
      <c r="HHB1016" s="10"/>
      <c r="HHC1016" s="10"/>
      <c r="HHD1016" s="10"/>
      <c r="HHE1016" s="10"/>
      <c r="HHF1016" s="10"/>
      <c r="HHG1016" s="10"/>
      <c r="HHH1016" s="10"/>
      <c r="HHI1016" s="10"/>
      <c r="HHJ1016" s="10"/>
      <c r="HHK1016" s="10"/>
      <c r="HHL1016" s="10"/>
      <c r="HHM1016" s="10"/>
      <c r="HHN1016" s="10"/>
      <c r="HHO1016" s="10"/>
      <c r="HHP1016" s="10"/>
      <c r="HHQ1016" s="10"/>
      <c r="HHR1016" s="10"/>
      <c r="HHS1016" s="10"/>
      <c r="HHT1016" s="10"/>
      <c r="HHU1016" s="10"/>
      <c r="HHV1016" s="10"/>
      <c r="HHW1016" s="10"/>
      <c r="HHX1016" s="10"/>
      <c r="HHY1016" s="10"/>
      <c r="HHZ1016" s="10"/>
      <c r="HIA1016" s="10"/>
      <c r="HIB1016" s="10"/>
      <c r="HIC1016" s="10"/>
      <c r="HID1016" s="10"/>
      <c r="HIE1016" s="10"/>
      <c r="HIF1016" s="10"/>
      <c r="HIG1016" s="10"/>
      <c r="HIH1016" s="10"/>
      <c r="HII1016" s="10"/>
      <c r="HIJ1016" s="10"/>
      <c r="HIK1016" s="10"/>
      <c r="HIL1016" s="10"/>
      <c r="HIM1016" s="10"/>
      <c r="HIN1016" s="10"/>
      <c r="HIO1016" s="10"/>
      <c r="HIP1016" s="10"/>
      <c r="HIQ1016" s="10"/>
      <c r="HIR1016" s="10"/>
      <c r="HIS1016" s="10"/>
      <c r="HIT1016" s="10"/>
      <c r="HIU1016" s="10"/>
      <c r="HIV1016" s="10"/>
      <c r="HIW1016" s="10"/>
      <c r="HIX1016" s="10"/>
      <c r="HIY1016" s="10"/>
      <c r="HIZ1016" s="10"/>
      <c r="HJA1016" s="10"/>
      <c r="HJB1016" s="10"/>
      <c r="HJC1016" s="10"/>
      <c r="HJD1016" s="10"/>
      <c r="HJE1016" s="10"/>
      <c r="HJF1016" s="10"/>
      <c r="HJG1016" s="10"/>
      <c r="HJH1016" s="10"/>
      <c r="HJI1016" s="10"/>
      <c r="HJJ1016" s="10"/>
      <c r="HJK1016" s="10"/>
      <c r="HJL1016" s="10"/>
      <c r="HJM1016" s="10"/>
      <c r="HJN1016" s="10"/>
      <c r="HJO1016" s="10"/>
      <c r="HJP1016" s="10"/>
      <c r="HJQ1016" s="10"/>
      <c r="HJR1016" s="10"/>
      <c r="HJS1016" s="10"/>
      <c r="HJT1016" s="10"/>
      <c r="HJU1016" s="10"/>
      <c r="HJV1016" s="10"/>
      <c r="HJW1016" s="10"/>
      <c r="HJX1016" s="10"/>
      <c r="HJY1016" s="10"/>
      <c r="HJZ1016" s="10"/>
      <c r="HKA1016" s="10"/>
      <c r="HKB1016" s="10"/>
      <c r="HKC1016" s="10"/>
      <c r="HKD1016" s="10"/>
      <c r="HKE1016" s="10"/>
      <c r="HKF1016" s="10"/>
      <c r="HKG1016" s="10"/>
      <c r="HKH1016" s="10"/>
      <c r="HKI1016" s="10"/>
      <c r="HKJ1016" s="10"/>
      <c r="HKK1016" s="10"/>
      <c r="HKL1016" s="10"/>
      <c r="HKM1016" s="10"/>
      <c r="HKN1016" s="10"/>
      <c r="HKO1016" s="10"/>
      <c r="HKP1016" s="10"/>
      <c r="HKQ1016" s="10"/>
      <c r="HKR1016" s="10"/>
      <c r="HKS1016" s="10"/>
      <c r="HKT1016" s="10"/>
      <c r="HKU1016" s="10"/>
      <c r="HKV1016" s="10"/>
      <c r="HKW1016" s="10"/>
      <c r="HKX1016" s="10"/>
      <c r="HKY1016" s="10"/>
      <c r="HKZ1016" s="10"/>
      <c r="HLA1016" s="10"/>
      <c r="HLB1016" s="10"/>
      <c r="HLC1016" s="10"/>
      <c r="HLD1016" s="10"/>
      <c r="HLE1016" s="10"/>
      <c r="HLF1016" s="10"/>
      <c r="HLG1016" s="10"/>
      <c r="HLH1016" s="10"/>
      <c r="HLI1016" s="10"/>
      <c r="HLJ1016" s="10"/>
      <c r="HLK1016" s="10"/>
      <c r="HLL1016" s="10"/>
      <c r="HLM1016" s="10"/>
      <c r="HLN1016" s="10"/>
      <c r="HLO1016" s="10"/>
      <c r="HLP1016" s="10"/>
      <c r="HLQ1016" s="10"/>
      <c r="HLR1016" s="10"/>
      <c r="HLS1016" s="10"/>
      <c r="HLT1016" s="10"/>
      <c r="HLU1016" s="10"/>
      <c r="HLV1016" s="10"/>
      <c r="HLW1016" s="10"/>
      <c r="HLX1016" s="10"/>
      <c r="HLY1016" s="10"/>
      <c r="HLZ1016" s="10"/>
      <c r="HMA1016" s="10"/>
      <c r="HMB1016" s="10"/>
      <c r="HMC1016" s="10"/>
      <c r="HMD1016" s="10"/>
      <c r="HME1016" s="10"/>
      <c r="HMF1016" s="10"/>
      <c r="HMG1016" s="10"/>
      <c r="HMH1016" s="10"/>
      <c r="HMI1016" s="10"/>
      <c r="HMJ1016" s="10"/>
      <c r="HMK1016" s="10"/>
      <c r="HML1016" s="10"/>
      <c r="HMM1016" s="10"/>
      <c r="HMN1016" s="10"/>
      <c r="HMO1016" s="10"/>
      <c r="HMP1016" s="10"/>
      <c r="HMQ1016" s="10"/>
      <c r="HMR1016" s="10"/>
      <c r="HMS1016" s="10"/>
      <c r="HMT1016" s="10"/>
      <c r="HMU1016" s="10"/>
      <c r="HMV1016" s="10"/>
      <c r="HMW1016" s="10"/>
      <c r="HMX1016" s="10"/>
      <c r="HMY1016" s="10"/>
      <c r="HMZ1016" s="10"/>
      <c r="HNA1016" s="10"/>
      <c r="HNB1016" s="10"/>
      <c r="HNC1016" s="10"/>
      <c r="HND1016" s="10"/>
      <c r="HNE1016" s="10"/>
      <c r="HNF1016" s="10"/>
      <c r="HNG1016" s="10"/>
      <c r="HNH1016" s="10"/>
      <c r="HNI1016" s="10"/>
      <c r="HNJ1016" s="10"/>
      <c r="HNK1016" s="10"/>
      <c r="HNL1016" s="10"/>
      <c r="HNM1016" s="10"/>
      <c r="HNN1016" s="10"/>
      <c r="HNO1016" s="10"/>
      <c r="HNP1016" s="10"/>
      <c r="HNQ1016" s="10"/>
      <c r="HNR1016" s="10"/>
      <c r="HNS1016" s="10"/>
      <c r="HNT1016" s="10"/>
      <c r="HNU1016" s="10"/>
      <c r="HNV1016" s="10"/>
      <c r="HNW1016" s="10"/>
      <c r="HNX1016" s="10"/>
      <c r="HNY1016" s="10"/>
      <c r="HNZ1016" s="10"/>
      <c r="HOA1016" s="10"/>
      <c r="HOB1016" s="10"/>
      <c r="HOC1016" s="10"/>
      <c r="HOD1016" s="10"/>
      <c r="HOE1016" s="10"/>
      <c r="HOF1016" s="10"/>
      <c r="HOG1016" s="10"/>
      <c r="HOH1016" s="10"/>
      <c r="HOI1016" s="10"/>
      <c r="HOJ1016" s="10"/>
      <c r="HOK1016" s="10"/>
      <c r="HOL1016" s="10"/>
      <c r="HOM1016" s="10"/>
      <c r="HON1016" s="10"/>
      <c r="HOO1016" s="10"/>
      <c r="HOP1016" s="10"/>
      <c r="HOQ1016" s="10"/>
      <c r="HOR1016" s="10"/>
      <c r="HOS1016" s="10"/>
      <c r="HOT1016" s="10"/>
      <c r="HOU1016" s="10"/>
      <c r="HOV1016" s="10"/>
      <c r="HOW1016" s="10"/>
      <c r="HOX1016" s="10"/>
      <c r="HOY1016" s="10"/>
      <c r="HOZ1016" s="10"/>
      <c r="HPA1016" s="10"/>
      <c r="HPB1016" s="10"/>
      <c r="HPC1016" s="10"/>
      <c r="HPD1016" s="10"/>
      <c r="HPE1016" s="10"/>
      <c r="HPF1016" s="10"/>
      <c r="HPG1016" s="10"/>
      <c r="HPH1016" s="10"/>
      <c r="HPI1016" s="10"/>
      <c r="HPJ1016" s="10"/>
      <c r="HPK1016" s="10"/>
      <c r="HPL1016" s="10"/>
      <c r="HPM1016" s="10"/>
      <c r="HPN1016" s="10"/>
      <c r="HPO1016" s="10"/>
      <c r="HPP1016" s="10"/>
      <c r="HPQ1016" s="10"/>
      <c r="HPR1016" s="10"/>
      <c r="HPS1016" s="10"/>
      <c r="HPT1016" s="10"/>
      <c r="HPU1016" s="10"/>
      <c r="HPV1016" s="10"/>
      <c r="HPW1016" s="10"/>
      <c r="HPX1016" s="10"/>
      <c r="HPY1016" s="10"/>
      <c r="HPZ1016" s="10"/>
      <c r="HQA1016" s="10"/>
      <c r="HQB1016" s="10"/>
      <c r="HQC1016" s="10"/>
      <c r="HQD1016" s="10"/>
      <c r="HQE1016" s="10"/>
      <c r="HQF1016" s="10"/>
      <c r="HQG1016" s="10"/>
      <c r="HQH1016" s="10"/>
      <c r="HQI1016" s="10"/>
      <c r="HQJ1016" s="10"/>
      <c r="HQK1016" s="10"/>
      <c r="HQL1016" s="10"/>
      <c r="HQM1016" s="10"/>
      <c r="HQN1016" s="10"/>
      <c r="HQO1016" s="10"/>
      <c r="HQP1016" s="10"/>
      <c r="HQQ1016" s="10"/>
      <c r="HQR1016" s="10"/>
      <c r="HQS1016" s="10"/>
      <c r="HQT1016" s="10"/>
      <c r="HQU1016" s="10"/>
      <c r="HQV1016" s="10"/>
      <c r="HQW1016" s="10"/>
      <c r="HQX1016" s="10"/>
      <c r="HQY1016" s="10"/>
      <c r="HQZ1016" s="10"/>
      <c r="HRA1016" s="10"/>
      <c r="HRB1016" s="10"/>
      <c r="HRC1016" s="10"/>
      <c r="HRD1016" s="10"/>
      <c r="HRE1016" s="10"/>
      <c r="HRF1016" s="10"/>
      <c r="HRG1016" s="10"/>
      <c r="HRH1016" s="10"/>
      <c r="HRI1016" s="10"/>
      <c r="HRJ1016" s="10"/>
      <c r="HRK1016" s="10"/>
      <c r="HRL1016" s="10"/>
      <c r="HRM1016" s="10"/>
      <c r="HRN1016" s="10"/>
      <c r="HRO1016" s="10"/>
      <c r="HRP1016" s="10"/>
      <c r="HRQ1016" s="10"/>
      <c r="HRR1016" s="10"/>
      <c r="HRS1016" s="10"/>
      <c r="HRT1016" s="10"/>
      <c r="HRU1016" s="10"/>
      <c r="HRV1016" s="10"/>
      <c r="HRW1016" s="10"/>
      <c r="HRX1016" s="10"/>
      <c r="HRY1016" s="10"/>
      <c r="HRZ1016" s="10"/>
      <c r="HSA1016" s="10"/>
      <c r="HSB1016" s="10"/>
      <c r="HSC1016" s="10"/>
      <c r="HSD1016" s="10"/>
      <c r="HSE1016" s="10"/>
      <c r="HSF1016" s="10"/>
      <c r="HSG1016" s="10"/>
      <c r="HSH1016" s="10"/>
      <c r="HSI1016" s="10"/>
      <c r="HSJ1016" s="10"/>
      <c r="HSK1016" s="10"/>
      <c r="HSL1016" s="10"/>
      <c r="HSM1016" s="10"/>
      <c r="HSN1016" s="10"/>
      <c r="HSO1016" s="10"/>
      <c r="HSP1016" s="10"/>
      <c r="HSQ1016" s="10"/>
      <c r="HSR1016" s="10"/>
      <c r="HSS1016" s="10"/>
      <c r="HST1016" s="10"/>
      <c r="HSU1016" s="10"/>
      <c r="HSV1016" s="10"/>
      <c r="HSW1016" s="10"/>
      <c r="HSX1016" s="10"/>
      <c r="HSY1016" s="10"/>
      <c r="HSZ1016" s="10"/>
      <c r="HTA1016" s="10"/>
      <c r="HTB1016" s="10"/>
      <c r="HTC1016" s="10"/>
      <c r="HTD1016" s="10"/>
      <c r="HTE1016" s="10"/>
      <c r="HTF1016" s="10"/>
      <c r="HTG1016" s="10"/>
      <c r="HTH1016" s="10"/>
      <c r="HTI1016" s="10"/>
      <c r="HTJ1016" s="10"/>
      <c r="HTK1016" s="10"/>
      <c r="HTL1016" s="10"/>
      <c r="HTM1016" s="10"/>
      <c r="HTN1016" s="10"/>
      <c r="HTO1016" s="10"/>
      <c r="HTP1016" s="10"/>
      <c r="HTQ1016" s="10"/>
      <c r="HTR1016" s="10"/>
      <c r="HTS1016" s="10"/>
      <c r="HTT1016" s="10"/>
      <c r="HTU1016" s="10"/>
      <c r="HTV1016" s="10"/>
      <c r="HTW1016" s="10"/>
      <c r="HTX1016" s="10"/>
      <c r="HTY1016" s="10"/>
      <c r="HTZ1016" s="10"/>
      <c r="HUA1016" s="10"/>
      <c r="HUB1016" s="10"/>
      <c r="HUC1016" s="10"/>
      <c r="HUD1016" s="10"/>
      <c r="HUE1016" s="10"/>
      <c r="HUF1016" s="10"/>
      <c r="HUG1016" s="10"/>
      <c r="HUH1016" s="10"/>
      <c r="HUI1016" s="10"/>
      <c r="HUJ1016" s="10"/>
      <c r="HUK1016" s="10"/>
      <c r="HUL1016" s="10"/>
      <c r="HUM1016" s="10"/>
      <c r="HUN1016" s="10"/>
      <c r="HUO1016" s="10"/>
      <c r="HUP1016" s="10"/>
      <c r="HUQ1016" s="10"/>
      <c r="HUR1016" s="10"/>
      <c r="HUS1016" s="10"/>
      <c r="HUT1016" s="10"/>
      <c r="HUU1016" s="10"/>
      <c r="HUV1016" s="10"/>
      <c r="HUW1016" s="10"/>
      <c r="HUX1016" s="10"/>
      <c r="HUY1016" s="10"/>
      <c r="HUZ1016" s="10"/>
      <c r="HVA1016" s="10"/>
      <c r="HVB1016" s="10"/>
      <c r="HVC1016" s="10"/>
      <c r="HVD1016" s="10"/>
      <c r="HVE1016" s="10"/>
      <c r="HVF1016" s="10"/>
      <c r="HVG1016" s="10"/>
      <c r="HVH1016" s="10"/>
      <c r="HVI1016" s="10"/>
      <c r="HVJ1016" s="10"/>
      <c r="HVK1016" s="10"/>
      <c r="HVL1016" s="10"/>
      <c r="HVM1016" s="10"/>
      <c r="HVN1016" s="10"/>
      <c r="HVO1016" s="10"/>
      <c r="HVP1016" s="10"/>
      <c r="HVQ1016" s="10"/>
      <c r="HVR1016" s="10"/>
      <c r="HVS1016" s="10"/>
      <c r="HVT1016" s="10"/>
      <c r="HVU1016" s="10"/>
      <c r="HVV1016" s="10"/>
      <c r="HVW1016" s="10"/>
      <c r="HVX1016" s="10"/>
      <c r="HVY1016" s="10"/>
      <c r="HVZ1016" s="10"/>
      <c r="HWA1016" s="10"/>
      <c r="HWB1016" s="10"/>
      <c r="HWC1016" s="10"/>
      <c r="HWD1016" s="10"/>
      <c r="HWE1016" s="10"/>
      <c r="HWF1016" s="10"/>
      <c r="HWG1016" s="10"/>
      <c r="HWH1016" s="10"/>
      <c r="HWI1016" s="10"/>
      <c r="HWJ1016" s="10"/>
      <c r="HWK1016" s="10"/>
      <c r="HWL1016" s="10"/>
      <c r="HWM1016" s="10"/>
      <c r="HWN1016" s="10"/>
      <c r="HWO1016" s="10"/>
      <c r="HWP1016" s="10"/>
      <c r="HWQ1016" s="10"/>
      <c r="HWR1016" s="10"/>
      <c r="HWS1016" s="10"/>
      <c r="HWT1016" s="10"/>
      <c r="HWU1016" s="10"/>
      <c r="HWV1016" s="10"/>
      <c r="HWW1016" s="10"/>
      <c r="HWX1016" s="10"/>
      <c r="HWY1016" s="10"/>
      <c r="HWZ1016" s="10"/>
      <c r="HXA1016" s="10"/>
      <c r="HXB1016" s="10"/>
      <c r="HXC1016" s="10"/>
      <c r="HXD1016" s="10"/>
      <c r="HXE1016" s="10"/>
      <c r="HXF1016" s="10"/>
      <c r="HXG1016" s="10"/>
      <c r="HXH1016" s="10"/>
      <c r="HXI1016" s="10"/>
      <c r="HXJ1016" s="10"/>
      <c r="HXK1016" s="10"/>
      <c r="HXL1016" s="10"/>
      <c r="HXM1016" s="10"/>
      <c r="HXN1016" s="10"/>
      <c r="HXO1016" s="10"/>
      <c r="HXP1016" s="10"/>
      <c r="HXQ1016" s="10"/>
      <c r="HXR1016" s="10"/>
      <c r="HXS1016" s="10"/>
      <c r="HXT1016" s="10"/>
      <c r="HXU1016" s="10"/>
      <c r="HXV1016" s="10"/>
      <c r="HXW1016" s="10"/>
      <c r="HXX1016" s="10"/>
      <c r="HXY1016" s="10"/>
      <c r="HXZ1016" s="10"/>
      <c r="HYA1016" s="10"/>
      <c r="HYB1016" s="10"/>
      <c r="HYC1016" s="10"/>
      <c r="HYD1016" s="10"/>
      <c r="HYE1016" s="10"/>
      <c r="HYF1016" s="10"/>
      <c r="HYG1016" s="10"/>
      <c r="HYH1016" s="10"/>
      <c r="HYI1016" s="10"/>
      <c r="HYJ1016" s="10"/>
      <c r="HYK1016" s="10"/>
      <c r="HYL1016" s="10"/>
      <c r="HYM1016" s="10"/>
      <c r="HYN1016" s="10"/>
      <c r="HYO1016" s="10"/>
      <c r="HYP1016" s="10"/>
      <c r="HYQ1016" s="10"/>
      <c r="HYR1016" s="10"/>
      <c r="HYS1016" s="10"/>
      <c r="HYT1016" s="10"/>
      <c r="HYU1016" s="10"/>
      <c r="HYV1016" s="10"/>
      <c r="HYW1016" s="10"/>
      <c r="HYX1016" s="10"/>
      <c r="HYY1016" s="10"/>
      <c r="HYZ1016" s="10"/>
      <c r="HZA1016" s="10"/>
      <c r="HZB1016" s="10"/>
      <c r="HZC1016" s="10"/>
      <c r="HZD1016" s="10"/>
      <c r="HZE1016" s="10"/>
      <c r="HZF1016" s="10"/>
      <c r="HZG1016" s="10"/>
      <c r="HZH1016" s="10"/>
      <c r="HZI1016" s="10"/>
      <c r="HZJ1016" s="10"/>
      <c r="HZK1016" s="10"/>
      <c r="HZL1016" s="10"/>
      <c r="HZM1016" s="10"/>
      <c r="HZN1016" s="10"/>
      <c r="HZO1016" s="10"/>
      <c r="HZP1016" s="10"/>
      <c r="HZQ1016" s="10"/>
      <c r="HZR1016" s="10"/>
      <c r="HZS1016" s="10"/>
      <c r="HZT1016" s="10"/>
      <c r="HZU1016" s="10"/>
      <c r="HZV1016" s="10"/>
      <c r="HZW1016" s="10"/>
      <c r="HZX1016" s="10"/>
      <c r="HZY1016" s="10"/>
      <c r="HZZ1016" s="10"/>
      <c r="IAA1016" s="10"/>
      <c r="IAB1016" s="10"/>
      <c r="IAC1016" s="10"/>
      <c r="IAD1016" s="10"/>
      <c r="IAE1016" s="10"/>
      <c r="IAF1016" s="10"/>
      <c r="IAG1016" s="10"/>
      <c r="IAH1016" s="10"/>
      <c r="IAI1016" s="10"/>
      <c r="IAJ1016" s="10"/>
      <c r="IAK1016" s="10"/>
      <c r="IAL1016" s="10"/>
      <c r="IAM1016" s="10"/>
      <c r="IAN1016" s="10"/>
      <c r="IAO1016" s="10"/>
      <c r="IAP1016" s="10"/>
      <c r="IAQ1016" s="10"/>
      <c r="IAR1016" s="10"/>
      <c r="IAS1016" s="10"/>
      <c r="IAT1016" s="10"/>
      <c r="IAU1016" s="10"/>
      <c r="IAV1016" s="10"/>
      <c r="IAW1016" s="10"/>
      <c r="IAX1016" s="10"/>
      <c r="IAY1016" s="10"/>
      <c r="IAZ1016" s="10"/>
      <c r="IBA1016" s="10"/>
      <c r="IBB1016" s="10"/>
      <c r="IBC1016" s="10"/>
      <c r="IBD1016" s="10"/>
      <c r="IBE1016" s="10"/>
      <c r="IBF1016" s="10"/>
      <c r="IBG1016" s="10"/>
      <c r="IBH1016" s="10"/>
      <c r="IBI1016" s="10"/>
      <c r="IBJ1016" s="10"/>
      <c r="IBK1016" s="10"/>
      <c r="IBL1016" s="10"/>
      <c r="IBM1016" s="10"/>
      <c r="IBN1016" s="10"/>
      <c r="IBO1016" s="10"/>
      <c r="IBP1016" s="10"/>
      <c r="IBQ1016" s="10"/>
      <c r="IBR1016" s="10"/>
      <c r="IBS1016" s="10"/>
      <c r="IBT1016" s="10"/>
      <c r="IBU1016" s="10"/>
      <c r="IBV1016" s="10"/>
      <c r="IBW1016" s="10"/>
      <c r="IBX1016" s="10"/>
      <c r="IBY1016" s="10"/>
      <c r="IBZ1016" s="10"/>
      <c r="ICA1016" s="10"/>
      <c r="ICB1016" s="10"/>
      <c r="ICC1016" s="10"/>
      <c r="ICD1016" s="10"/>
      <c r="ICE1016" s="10"/>
      <c r="ICF1016" s="10"/>
      <c r="ICG1016" s="10"/>
      <c r="ICH1016" s="10"/>
      <c r="ICI1016" s="10"/>
      <c r="ICJ1016" s="10"/>
      <c r="ICK1016" s="10"/>
      <c r="ICL1016" s="10"/>
      <c r="ICM1016" s="10"/>
      <c r="ICN1016" s="10"/>
      <c r="ICO1016" s="10"/>
      <c r="ICP1016" s="10"/>
      <c r="ICQ1016" s="10"/>
      <c r="ICR1016" s="10"/>
      <c r="ICS1016" s="10"/>
      <c r="ICT1016" s="10"/>
      <c r="ICU1016" s="10"/>
      <c r="ICV1016" s="10"/>
      <c r="ICW1016" s="10"/>
      <c r="ICX1016" s="10"/>
      <c r="ICY1016" s="10"/>
      <c r="ICZ1016" s="10"/>
      <c r="IDA1016" s="10"/>
      <c r="IDB1016" s="10"/>
      <c r="IDC1016" s="10"/>
      <c r="IDD1016" s="10"/>
      <c r="IDE1016" s="10"/>
      <c r="IDF1016" s="10"/>
      <c r="IDG1016" s="10"/>
      <c r="IDH1016" s="10"/>
      <c r="IDI1016" s="10"/>
      <c r="IDJ1016" s="10"/>
      <c r="IDK1016" s="10"/>
      <c r="IDL1016" s="10"/>
      <c r="IDM1016" s="10"/>
      <c r="IDN1016" s="10"/>
      <c r="IDO1016" s="10"/>
      <c r="IDP1016" s="10"/>
      <c r="IDQ1016" s="10"/>
      <c r="IDR1016" s="10"/>
      <c r="IDS1016" s="10"/>
      <c r="IDT1016" s="10"/>
      <c r="IDU1016" s="10"/>
      <c r="IDV1016" s="10"/>
      <c r="IDW1016" s="10"/>
      <c r="IDX1016" s="10"/>
      <c r="IDY1016" s="10"/>
      <c r="IDZ1016" s="10"/>
      <c r="IEA1016" s="10"/>
      <c r="IEB1016" s="10"/>
      <c r="IEC1016" s="10"/>
      <c r="IED1016" s="10"/>
      <c r="IEE1016" s="10"/>
      <c r="IEF1016" s="10"/>
      <c r="IEG1016" s="10"/>
      <c r="IEH1016" s="10"/>
      <c r="IEI1016" s="10"/>
      <c r="IEJ1016" s="10"/>
      <c r="IEK1016" s="10"/>
      <c r="IEL1016" s="10"/>
      <c r="IEM1016" s="10"/>
      <c r="IEN1016" s="10"/>
      <c r="IEO1016" s="10"/>
      <c r="IEP1016" s="10"/>
      <c r="IEQ1016" s="10"/>
      <c r="IER1016" s="10"/>
      <c r="IES1016" s="10"/>
      <c r="IET1016" s="10"/>
      <c r="IEU1016" s="10"/>
      <c r="IEV1016" s="10"/>
      <c r="IEW1016" s="10"/>
      <c r="IEX1016" s="10"/>
      <c r="IEY1016" s="10"/>
      <c r="IEZ1016" s="10"/>
      <c r="IFA1016" s="10"/>
      <c r="IFB1016" s="10"/>
      <c r="IFC1016" s="10"/>
      <c r="IFD1016" s="10"/>
      <c r="IFE1016" s="10"/>
      <c r="IFF1016" s="10"/>
      <c r="IFG1016" s="10"/>
      <c r="IFH1016" s="10"/>
      <c r="IFI1016" s="10"/>
      <c r="IFJ1016" s="10"/>
      <c r="IFK1016" s="10"/>
      <c r="IFL1016" s="10"/>
      <c r="IFM1016" s="10"/>
      <c r="IFN1016" s="10"/>
      <c r="IFO1016" s="10"/>
      <c r="IFP1016" s="10"/>
      <c r="IFQ1016" s="10"/>
      <c r="IFR1016" s="10"/>
      <c r="IFS1016" s="10"/>
      <c r="IFT1016" s="10"/>
      <c r="IFU1016" s="10"/>
      <c r="IFV1016" s="10"/>
      <c r="IFW1016" s="10"/>
      <c r="IFX1016" s="10"/>
      <c r="IFY1016" s="10"/>
      <c r="IFZ1016" s="10"/>
      <c r="IGA1016" s="10"/>
      <c r="IGB1016" s="10"/>
      <c r="IGC1016" s="10"/>
      <c r="IGD1016" s="10"/>
      <c r="IGE1016" s="10"/>
      <c r="IGF1016" s="10"/>
      <c r="IGG1016" s="10"/>
      <c r="IGH1016" s="10"/>
      <c r="IGI1016" s="10"/>
      <c r="IGJ1016" s="10"/>
      <c r="IGK1016" s="10"/>
      <c r="IGL1016" s="10"/>
      <c r="IGM1016" s="10"/>
      <c r="IGN1016" s="10"/>
      <c r="IGO1016" s="10"/>
      <c r="IGP1016" s="10"/>
      <c r="IGQ1016" s="10"/>
      <c r="IGR1016" s="10"/>
      <c r="IGS1016" s="10"/>
      <c r="IGT1016" s="10"/>
      <c r="IGU1016" s="10"/>
      <c r="IGV1016" s="10"/>
      <c r="IGW1016" s="10"/>
      <c r="IGX1016" s="10"/>
      <c r="IGY1016" s="10"/>
      <c r="IGZ1016" s="10"/>
      <c r="IHA1016" s="10"/>
      <c r="IHB1016" s="10"/>
      <c r="IHC1016" s="10"/>
      <c r="IHD1016" s="10"/>
      <c r="IHE1016" s="10"/>
      <c r="IHF1016" s="10"/>
      <c r="IHG1016" s="10"/>
      <c r="IHH1016" s="10"/>
      <c r="IHI1016" s="10"/>
      <c r="IHJ1016" s="10"/>
      <c r="IHK1016" s="10"/>
      <c r="IHL1016" s="10"/>
      <c r="IHM1016" s="10"/>
      <c r="IHN1016" s="10"/>
      <c r="IHO1016" s="10"/>
      <c r="IHP1016" s="10"/>
      <c r="IHQ1016" s="10"/>
      <c r="IHR1016" s="10"/>
      <c r="IHS1016" s="10"/>
      <c r="IHT1016" s="10"/>
      <c r="IHU1016" s="10"/>
      <c r="IHV1016" s="10"/>
      <c r="IHW1016" s="10"/>
      <c r="IHX1016" s="10"/>
      <c r="IHY1016" s="10"/>
      <c r="IHZ1016" s="10"/>
      <c r="IIA1016" s="10"/>
      <c r="IIB1016" s="10"/>
      <c r="IIC1016" s="10"/>
      <c r="IID1016" s="10"/>
      <c r="IIE1016" s="10"/>
      <c r="IIF1016" s="10"/>
      <c r="IIG1016" s="10"/>
      <c r="IIH1016" s="10"/>
      <c r="III1016" s="10"/>
      <c r="IIJ1016" s="10"/>
      <c r="IIK1016" s="10"/>
      <c r="IIL1016" s="10"/>
      <c r="IIM1016" s="10"/>
      <c r="IIN1016" s="10"/>
      <c r="IIO1016" s="10"/>
      <c r="IIP1016" s="10"/>
      <c r="IIQ1016" s="10"/>
      <c r="IIR1016" s="10"/>
      <c r="IIS1016" s="10"/>
      <c r="IIT1016" s="10"/>
      <c r="IIU1016" s="10"/>
      <c r="IIV1016" s="10"/>
      <c r="IIW1016" s="10"/>
      <c r="IIX1016" s="10"/>
      <c r="IIY1016" s="10"/>
      <c r="IIZ1016" s="10"/>
      <c r="IJA1016" s="10"/>
      <c r="IJB1016" s="10"/>
      <c r="IJC1016" s="10"/>
      <c r="IJD1016" s="10"/>
      <c r="IJE1016" s="10"/>
      <c r="IJF1016" s="10"/>
      <c r="IJG1016" s="10"/>
      <c r="IJH1016" s="10"/>
      <c r="IJI1016" s="10"/>
      <c r="IJJ1016" s="10"/>
      <c r="IJK1016" s="10"/>
      <c r="IJL1016" s="10"/>
      <c r="IJM1016" s="10"/>
      <c r="IJN1016" s="10"/>
      <c r="IJO1016" s="10"/>
      <c r="IJP1016" s="10"/>
      <c r="IJQ1016" s="10"/>
      <c r="IJR1016" s="10"/>
      <c r="IJS1016" s="10"/>
      <c r="IJT1016" s="10"/>
      <c r="IJU1016" s="10"/>
      <c r="IJV1016" s="10"/>
      <c r="IJW1016" s="10"/>
      <c r="IJX1016" s="10"/>
      <c r="IJY1016" s="10"/>
      <c r="IJZ1016" s="10"/>
      <c r="IKA1016" s="10"/>
      <c r="IKB1016" s="10"/>
      <c r="IKC1016" s="10"/>
      <c r="IKD1016" s="10"/>
      <c r="IKE1016" s="10"/>
      <c r="IKF1016" s="10"/>
      <c r="IKG1016" s="10"/>
      <c r="IKH1016" s="10"/>
      <c r="IKI1016" s="10"/>
      <c r="IKJ1016" s="10"/>
      <c r="IKK1016" s="10"/>
      <c r="IKL1016" s="10"/>
      <c r="IKM1016" s="10"/>
      <c r="IKN1016" s="10"/>
      <c r="IKO1016" s="10"/>
      <c r="IKP1016" s="10"/>
      <c r="IKQ1016" s="10"/>
      <c r="IKR1016" s="10"/>
      <c r="IKS1016" s="10"/>
      <c r="IKT1016" s="10"/>
      <c r="IKU1016" s="10"/>
      <c r="IKV1016" s="10"/>
      <c r="IKW1016" s="10"/>
      <c r="IKX1016" s="10"/>
      <c r="IKY1016" s="10"/>
      <c r="IKZ1016" s="10"/>
      <c r="ILA1016" s="10"/>
      <c r="ILB1016" s="10"/>
      <c r="ILC1016" s="10"/>
      <c r="ILD1016" s="10"/>
      <c r="ILE1016" s="10"/>
      <c r="ILF1016" s="10"/>
      <c r="ILG1016" s="10"/>
      <c r="ILH1016" s="10"/>
      <c r="ILI1016" s="10"/>
      <c r="ILJ1016" s="10"/>
      <c r="ILK1016" s="10"/>
      <c r="ILL1016" s="10"/>
      <c r="ILM1016" s="10"/>
      <c r="ILN1016" s="10"/>
      <c r="ILO1016" s="10"/>
      <c r="ILP1016" s="10"/>
      <c r="ILQ1016" s="10"/>
      <c r="ILR1016" s="10"/>
      <c r="ILS1016" s="10"/>
      <c r="ILT1016" s="10"/>
      <c r="ILU1016" s="10"/>
      <c r="ILV1016" s="10"/>
      <c r="ILW1016" s="10"/>
      <c r="ILX1016" s="10"/>
      <c r="ILY1016" s="10"/>
      <c r="ILZ1016" s="10"/>
      <c r="IMA1016" s="10"/>
      <c r="IMB1016" s="10"/>
      <c r="IMC1016" s="10"/>
      <c r="IMD1016" s="10"/>
      <c r="IME1016" s="10"/>
      <c r="IMF1016" s="10"/>
      <c r="IMG1016" s="10"/>
      <c r="IMH1016" s="10"/>
      <c r="IMI1016" s="10"/>
      <c r="IMJ1016" s="10"/>
      <c r="IMK1016" s="10"/>
      <c r="IML1016" s="10"/>
      <c r="IMM1016" s="10"/>
      <c r="IMN1016" s="10"/>
      <c r="IMO1016" s="10"/>
      <c r="IMP1016" s="10"/>
      <c r="IMQ1016" s="10"/>
      <c r="IMR1016" s="10"/>
      <c r="IMS1016" s="10"/>
      <c r="IMT1016" s="10"/>
      <c r="IMU1016" s="10"/>
      <c r="IMV1016" s="10"/>
      <c r="IMW1016" s="10"/>
      <c r="IMX1016" s="10"/>
      <c r="IMY1016" s="10"/>
      <c r="IMZ1016" s="10"/>
      <c r="INA1016" s="10"/>
      <c r="INB1016" s="10"/>
      <c r="INC1016" s="10"/>
      <c r="IND1016" s="10"/>
      <c r="INE1016" s="10"/>
      <c r="INF1016" s="10"/>
      <c r="ING1016" s="10"/>
      <c r="INH1016" s="10"/>
      <c r="INI1016" s="10"/>
      <c r="INJ1016" s="10"/>
      <c r="INK1016" s="10"/>
      <c r="INL1016" s="10"/>
      <c r="INM1016" s="10"/>
      <c r="INN1016" s="10"/>
      <c r="INO1016" s="10"/>
      <c r="INP1016" s="10"/>
      <c r="INQ1016" s="10"/>
      <c r="INR1016" s="10"/>
      <c r="INS1016" s="10"/>
      <c r="INT1016" s="10"/>
      <c r="INU1016" s="10"/>
      <c r="INV1016" s="10"/>
      <c r="INW1016" s="10"/>
      <c r="INX1016" s="10"/>
      <c r="INY1016" s="10"/>
      <c r="INZ1016" s="10"/>
      <c r="IOA1016" s="10"/>
      <c r="IOB1016" s="10"/>
      <c r="IOC1016" s="10"/>
      <c r="IOD1016" s="10"/>
      <c r="IOE1016" s="10"/>
      <c r="IOF1016" s="10"/>
      <c r="IOG1016" s="10"/>
      <c r="IOH1016" s="10"/>
      <c r="IOI1016" s="10"/>
      <c r="IOJ1016" s="10"/>
      <c r="IOK1016" s="10"/>
      <c r="IOL1016" s="10"/>
      <c r="IOM1016" s="10"/>
      <c r="ION1016" s="10"/>
      <c r="IOO1016" s="10"/>
      <c r="IOP1016" s="10"/>
      <c r="IOQ1016" s="10"/>
      <c r="IOR1016" s="10"/>
      <c r="IOS1016" s="10"/>
      <c r="IOT1016" s="10"/>
      <c r="IOU1016" s="10"/>
      <c r="IOV1016" s="10"/>
      <c r="IOW1016" s="10"/>
      <c r="IOX1016" s="10"/>
      <c r="IOY1016" s="10"/>
      <c r="IOZ1016" s="10"/>
      <c r="IPA1016" s="10"/>
      <c r="IPB1016" s="10"/>
      <c r="IPC1016" s="10"/>
      <c r="IPD1016" s="10"/>
      <c r="IPE1016" s="10"/>
      <c r="IPF1016" s="10"/>
      <c r="IPG1016" s="10"/>
      <c r="IPH1016" s="10"/>
      <c r="IPI1016" s="10"/>
      <c r="IPJ1016" s="10"/>
      <c r="IPK1016" s="10"/>
      <c r="IPL1016" s="10"/>
      <c r="IPM1016" s="10"/>
      <c r="IPN1016" s="10"/>
      <c r="IPO1016" s="10"/>
      <c r="IPP1016" s="10"/>
      <c r="IPQ1016" s="10"/>
      <c r="IPR1016" s="10"/>
      <c r="IPS1016" s="10"/>
      <c r="IPT1016" s="10"/>
      <c r="IPU1016" s="10"/>
      <c r="IPV1016" s="10"/>
      <c r="IPW1016" s="10"/>
      <c r="IPX1016" s="10"/>
      <c r="IPY1016" s="10"/>
      <c r="IPZ1016" s="10"/>
      <c r="IQA1016" s="10"/>
      <c r="IQB1016" s="10"/>
      <c r="IQC1016" s="10"/>
      <c r="IQD1016" s="10"/>
      <c r="IQE1016" s="10"/>
      <c r="IQF1016" s="10"/>
      <c r="IQG1016" s="10"/>
      <c r="IQH1016" s="10"/>
      <c r="IQI1016" s="10"/>
      <c r="IQJ1016" s="10"/>
      <c r="IQK1016" s="10"/>
      <c r="IQL1016" s="10"/>
      <c r="IQM1016" s="10"/>
      <c r="IQN1016" s="10"/>
      <c r="IQO1016" s="10"/>
      <c r="IQP1016" s="10"/>
      <c r="IQQ1016" s="10"/>
      <c r="IQR1016" s="10"/>
      <c r="IQS1016" s="10"/>
      <c r="IQT1016" s="10"/>
      <c r="IQU1016" s="10"/>
      <c r="IQV1016" s="10"/>
      <c r="IQW1016" s="10"/>
      <c r="IQX1016" s="10"/>
      <c r="IQY1016" s="10"/>
      <c r="IQZ1016" s="10"/>
      <c r="IRA1016" s="10"/>
      <c r="IRB1016" s="10"/>
      <c r="IRC1016" s="10"/>
      <c r="IRD1016" s="10"/>
      <c r="IRE1016" s="10"/>
      <c r="IRF1016" s="10"/>
      <c r="IRG1016" s="10"/>
      <c r="IRH1016" s="10"/>
      <c r="IRI1016" s="10"/>
      <c r="IRJ1016" s="10"/>
      <c r="IRK1016" s="10"/>
      <c r="IRL1016" s="10"/>
      <c r="IRM1016" s="10"/>
      <c r="IRN1016" s="10"/>
      <c r="IRO1016" s="10"/>
      <c r="IRP1016" s="10"/>
      <c r="IRQ1016" s="10"/>
      <c r="IRR1016" s="10"/>
      <c r="IRS1016" s="10"/>
      <c r="IRT1016" s="10"/>
      <c r="IRU1016" s="10"/>
      <c r="IRV1016" s="10"/>
      <c r="IRW1016" s="10"/>
      <c r="IRX1016" s="10"/>
      <c r="IRY1016" s="10"/>
      <c r="IRZ1016" s="10"/>
      <c r="ISA1016" s="10"/>
      <c r="ISB1016" s="10"/>
      <c r="ISC1016" s="10"/>
      <c r="ISD1016" s="10"/>
      <c r="ISE1016" s="10"/>
      <c r="ISF1016" s="10"/>
      <c r="ISG1016" s="10"/>
      <c r="ISH1016" s="10"/>
      <c r="ISI1016" s="10"/>
      <c r="ISJ1016" s="10"/>
      <c r="ISK1016" s="10"/>
      <c r="ISL1016" s="10"/>
      <c r="ISM1016" s="10"/>
      <c r="ISN1016" s="10"/>
      <c r="ISO1016" s="10"/>
      <c r="ISP1016" s="10"/>
      <c r="ISQ1016" s="10"/>
      <c r="ISR1016" s="10"/>
      <c r="ISS1016" s="10"/>
      <c r="IST1016" s="10"/>
      <c r="ISU1016" s="10"/>
      <c r="ISV1016" s="10"/>
      <c r="ISW1016" s="10"/>
      <c r="ISX1016" s="10"/>
      <c r="ISY1016" s="10"/>
      <c r="ISZ1016" s="10"/>
      <c r="ITA1016" s="10"/>
      <c r="ITB1016" s="10"/>
      <c r="ITC1016" s="10"/>
      <c r="ITD1016" s="10"/>
      <c r="ITE1016" s="10"/>
      <c r="ITF1016" s="10"/>
      <c r="ITG1016" s="10"/>
      <c r="ITH1016" s="10"/>
      <c r="ITI1016" s="10"/>
      <c r="ITJ1016" s="10"/>
      <c r="ITK1016" s="10"/>
      <c r="ITL1016" s="10"/>
      <c r="ITM1016" s="10"/>
      <c r="ITN1016" s="10"/>
      <c r="ITO1016" s="10"/>
      <c r="ITP1016" s="10"/>
      <c r="ITQ1016" s="10"/>
      <c r="ITR1016" s="10"/>
      <c r="ITS1016" s="10"/>
      <c r="ITT1016" s="10"/>
      <c r="ITU1016" s="10"/>
      <c r="ITV1016" s="10"/>
      <c r="ITW1016" s="10"/>
      <c r="ITX1016" s="10"/>
      <c r="ITY1016" s="10"/>
      <c r="ITZ1016" s="10"/>
      <c r="IUA1016" s="10"/>
      <c r="IUB1016" s="10"/>
      <c r="IUC1016" s="10"/>
      <c r="IUD1016" s="10"/>
      <c r="IUE1016" s="10"/>
      <c r="IUF1016" s="10"/>
      <c r="IUG1016" s="10"/>
      <c r="IUH1016" s="10"/>
      <c r="IUI1016" s="10"/>
      <c r="IUJ1016" s="10"/>
      <c r="IUK1016" s="10"/>
      <c r="IUL1016" s="10"/>
      <c r="IUM1016" s="10"/>
      <c r="IUN1016" s="10"/>
      <c r="IUO1016" s="10"/>
      <c r="IUP1016" s="10"/>
      <c r="IUQ1016" s="10"/>
      <c r="IUR1016" s="10"/>
      <c r="IUS1016" s="10"/>
      <c r="IUT1016" s="10"/>
      <c r="IUU1016" s="10"/>
      <c r="IUV1016" s="10"/>
      <c r="IUW1016" s="10"/>
      <c r="IUX1016" s="10"/>
      <c r="IUY1016" s="10"/>
      <c r="IUZ1016" s="10"/>
      <c r="IVA1016" s="10"/>
      <c r="IVB1016" s="10"/>
      <c r="IVC1016" s="10"/>
      <c r="IVD1016" s="10"/>
      <c r="IVE1016" s="10"/>
      <c r="IVF1016" s="10"/>
      <c r="IVG1016" s="10"/>
      <c r="IVH1016" s="10"/>
      <c r="IVI1016" s="10"/>
      <c r="IVJ1016" s="10"/>
      <c r="IVK1016" s="10"/>
      <c r="IVL1016" s="10"/>
      <c r="IVM1016" s="10"/>
      <c r="IVN1016" s="10"/>
      <c r="IVO1016" s="10"/>
      <c r="IVP1016" s="10"/>
      <c r="IVQ1016" s="10"/>
      <c r="IVR1016" s="10"/>
      <c r="IVS1016" s="10"/>
      <c r="IVT1016" s="10"/>
      <c r="IVU1016" s="10"/>
      <c r="IVV1016" s="10"/>
      <c r="IVW1016" s="10"/>
      <c r="IVX1016" s="10"/>
      <c r="IVY1016" s="10"/>
      <c r="IVZ1016" s="10"/>
      <c r="IWA1016" s="10"/>
      <c r="IWB1016" s="10"/>
      <c r="IWC1016" s="10"/>
      <c r="IWD1016" s="10"/>
      <c r="IWE1016" s="10"/>
      <c r="IWF1016" s="10"/>
      <c r="IWG1016" s="10"/>
      <c r="IWH1016" s="10"/>
      <c r="IWI1016" s="10"/>
      <c r="IWJ1016" s="10"/>
      <c r="IWK1016" s="10"/>
      <c r="IWL1016" s="10"/>
      <c r="IWM1016" s="10"/>
      <c r="IWN1016" s="10"/>
      <c r="IWO1016" s="10"/>
      <c r="IWP1016" s="10"/>
      <c r="IWQ1016" s="10"/>
      <c r="IWR1016" s="10"/>
      <c r="IWS1016" s="10"/>
      <c r="IWT1016" s="10"/>
      <c r="IWU1016" s="10"/>
      <c r="IWV1016" s="10"/>
      <c r="IWW1016" s="10"/>
      <c r="IWX1016" s="10"/>
      <c r="IWY1016" s="10"/>
      <c r="IWZ1016" s="10"/>
      <c r="IXA1016" s="10"/>
      <c r="IXB1016" s="10"/>
      <c r="IXC1016" s="10"/>
      <c r="IXD1016" s="10"/>
      <c r="IXE1016" s="10"/>
      <c r="IXF1016" s="10"/>
      <c r="IXG1016" s="10"/>
      <c r="IXH1016" s="10"/>
      <c r="IXI1016" s="10"/>
      <c r="IXJ1016" s="10"/>
      <c r="IXK1016" s="10"/>
      <c r="IXL1016" s="10"/>
      <c r="IXM1016" s="10"/>
      <c r="IXN1016" s="10"/>
      <c r="IXO1016" s="10"/>
      <c r="IXP1016" s="10"/>
      <c r="IXQ1016" s="10"/>
      <c r="IXR1016" s="10"/>
      <c r="IXS1016" s="10"/>
      <c r="IXT1016" s="10"/>
      <c r="IXU1016" s="10"/>
      <c r="IXV1016" s="10"/>
      <c r="IXW1016" s="10"/>
      <c r="IXX1016" s="10"/>
      <c r="IXY1016" s="10"/>
      <c r="IXZ1016" s="10"/>
      <c r="IYA1016" s="10"/>
      <c r="IYB1016" s="10"/>
      <c r="IYC1016" s="10"/>
      <c r="IYD1016" s="10"/>
      <c r="IYE1016" s="10"/>
      <c r="IYF1016" s="10"/>
      <c r="IYG1016" s="10"/>
      <c r="IYH1016" s="10"/>
      <c r="IYI1016" s="10"/>
      <c r="IYJ1016" s="10"/>
      <c r="IYK1016" s="10"/>
      <c r="IYL1016" s="10"/>
      <c r="IYM1016" s="10"/>
      <c r="IYN1016" s="10"/>
      <c r="IYO1016" s="10"/>
      <c r="IYP1016" s="10"/>
      <c r="IYQ1016" s="10"/>
      <c r="IYR1016" s="10"/>
      <c r="IYS1016" s="10"/>
      <c r="IYT1016" s="10"/>
      <c r="IYU1016" s="10"/>
      <c r="IYV1016" s="10"/>
      <c r="IYW1016" s="10"/>
      <c r="IYX1016" s="10"/>
      <c r="IYY1016" s="10"/>
      <c r="IYZ1016" s="10"/>
      <c r="IZA1016" s="10"/>
      <c r="IZB1016" s="10"/>
      <c r="IZC1016" s="10"/>
      <c r="IZD1016" s="10"/>
      <c r="IZE1016" s="10"/>
      <c r="IZF1016" s="10"/>
      <c r="IZG1016" s="10"/>
      <c r="IZH1016" s="10"/>
      <c r="IZI1016" s="10"/>
      <c r="IZJ1016" s="10"/>
      <c r="IZK1016" s="10"/>
      <c r="IZL1016" s="10"/>
      <c r="IZM1016" s="10"/>
      <c r="IZN1016" s="10"/>
      <c r="IZO1016" s="10"/>
      <c r="IZP1016" s="10"/>
      <c r="IZQ1016" s="10"/>
      <c r="IZR1016" s="10"/>
      <c r="IZS1016" s="10"/>
      <c r="IZT1016" s="10"/>
      <c r="IZU1016" s="10"/>
      <c r="IZV1016" s="10"/>
      <c r="IZW1016" s="10"/>
      <c r="IZX1016" s="10"/>
      <c r="IZY1016" s="10"/>
      <c r="IZZ1016" s="10"/>
      <c r="JAA1016" s="10"/>
      <c r="JAB1016" s="10"/>
      <c r="JAC1016" s="10"/>
      <c r="JAD1016" s="10"/>
      <c r="JAE1016" s="10"/>
      <c r="JAF1016" s="10"/>
      <c r="JAG1016" s="10"/>
      <c r="JAH1016" s="10"/>
      <c r="JAI1016" s="10"/>
      <c r="JAJ1016" s="10"/>
      <c r="JAK1016" s="10"/>
      <c r="JAL1016" s="10"/>
      <c r="JAM1016" s="10"/>
      <c r="JAN1016" s="10"/>
      <c r="JAO1016" s="10"/>
      <c r="JAP1016" s="10"/>
      <c r="JAQ1016" s="10"/>
      <c r="JAR1016" s="10"/>
      <c r="JAS1016" s="10"/>
      <c r="JAT1016" s="10"/>
      <c r="JAU1016" s="10"/>
      <c r="JAV1016" s="10"/>
      <c r="JAW1016" s="10"/>
      <c r="JAX1016" s="10"/>
      <c r="JAY1016" s="10"/>
      <c r="JAZ1016" s="10"/>
      <c r="JBA1016" s="10"/>
      <c r="JBB1016" s="10"/>
      <c r="JBC1016" s="10"/>
      <c r="JBD1016" s="10"/>
      <c r="JBE1016" s="10"/>
      <c r="JBF1016" s="10"/>
      <c r="JBG1016" s="10"/>
      <c r="JBH1016" s="10"/>
      <c r="JBI1016" s="10"/>
      <c r="JBJ1016" s="10"/>
      <c r="JBK1016" s="10"/>
      <c r="JBL1016" s="10"/>
      <c r="JBM1016" s="10"/>
      <c r="JBN1016" s="10"/>
      <c r="JBO1016" s="10"/>
      <c r="JBP1016" s="10"/>
      <c r="JBQ1016" s="10"/>
      <c r="JBR1016" s="10"/>
      <c r="JBS1016" s="10"/>
      <c r="JBT1016" s="10"/>
      <c r="JBU1016" s="10"/>
      <c r="JBV1016" s="10"/>
      <c r="JBW1016" s="10"/>
      <c r="JBX1016" s="10"/>
      <c r="JBY1016" s="10"/>
      <c r="JBZ1016" s="10"/>
      <c r="JCA1016" s="10"/>
      <c r="JCB1016" s="10"/>
      <c r="JCC1016" s="10"/>
      <c r="JCD1016" s="10"/>
      <c r="JCE1016" s="10"/>
      <c r="JCF1016" s="10"/>
      <c r="JCG1016" s="10"/>
      <c r="JCH1016" s="10"/>
      <c r="JCI1016" s="10"/>
      <c r="JCJ1016" s="10"/>
      <c r="JCK1016" s="10"/>
      <c r="JCL1016" s="10"/>
      <c r="JCM1016" s="10"/>
      <c r="JCN1016" s="10"/>
      <c r="JCO1016" s="10"/>
      <c r="JCP1016" s="10"/>
      <c r="JCQ1016" s="10"/>
      <c r="JCR1016" s="10"/>
      <c r="JCS1016" s="10"/>
      <c r="JCT1016" s="10"/>
      <c r="JCU1016" s="10"/>
      <c r="JCV1016" s="10"/>
      <c r="JCW1016" s="10"/>
      <c r="JCX1016" s="10"/>
      <c r="JCY1016" s="10"/>
      <c r="JCZ1016" s="10"/>
      <c r="JDA1016" s="10"/>
      <c r="JDB1016" s="10"/>
      <c r="JDC1016" s="10"/>
      <c r="JDD1016" s="10"/>
      <c r="JDE1016" s="10"/>
      <c r="JDF1016" s="10"/>
      <c r="JDG1016" s="10"/>
      <c r="JDH1016" s="10"/>
      <c r="JDI1016" s="10"/>
      <c r="JDJ1016" s="10"/>
      <c r="JDK1016" s="10"/>
      <c r="JDL1016" s="10"/>
      <c r="JDM1016" s="10"/>
      <c r="JDN1016" s="10"/>
      <c r="JDO1016" s="10"/>
      <c r="JDP1016" s="10"/>
      <c r="JDQ1016" s="10"/>
      <c r="JDR1016" s="10"/>
      <c r="JDS1016" s="10"/>
      <c r="JDT1016" s="10"/>
      <c r="JDU1016" s="10"/>
      <c r="JDV1016" s="10"/>
      <c r="JDW1016" s="10"/>
      <c r="JDX1016" s="10"/>
      <c r="JDY1016" s="10"/>
      <c r="JDZ1016" s="10"/>
      <c r="JEA1016" s="10"/>
      <c r="JEB1016" s="10"/>
      <c r="JEC1016" s="10"/>
      <c r="JED1016" s="10"/>
      <c r="JEE1016" s="10"/>
      <c r="JEF1016" s="10"/>
      <c r="JEG1016" s="10"/>
      <c r="JEH1016" s="10"/>
      <c r="JEI1016" s="10"/>
      <c r="JEJ1016" s="10"/>
      <c r="JEK1016" s="10"/>
      <c r="JEL1016" s="10"/>
      <c r="JEM1016" s="10"/>
      <c r="JEN1016" s="10"/>
      <c r="JEO1016" s="10"/>
      <c r="JEP1016" s="10"/>
      <c r="JEQ1016" s="10"/>
      <c r="JER1016" s="10"/>
      <c r="JES1016" s="10"/>
      <c r="JET1016" s="10"/>
      <c r="JEU1016" s="10"/>
      <c r="JEV1016" s="10"/>
      <c r="JEW1016" s="10"/>
      <c r="JEX1016" s="10"/>
      <c r="JEY1016" s="10"/>
      <c r="JEZ1016" s="10"/>
      <c r="JFA1016" s="10"/>
      <c r="JFB1016" s="10"/>
      <c r="JFC1016" s="10"/>
      <c r="JFD1016" s="10"/>
      <c r="JFE1016" s="10"/>
      <c r="JFF1016" s="10"/>
      <c r="JFG1016" s="10"/>
      <c r="JFH1016" s="10"/>
      <c r="JFI1016" s="10"/>
      <c r="JFJ1016" s="10"/>
      <c r="JFK1016" s="10"/>
      <c r="JFL1016" s="10"/>
      <c r="JFM1016" s="10"/>
      <c r="JFN1016" s="10"/>
      <c r="JFO1016" s="10"/>
      <c r="JFP1016" s="10"/>
      <c r="JFQ1016" s="10"/>
      <c r="JFR1016" s="10"/>
      <c r="JFS1016" s="10"/>
      <c r="JFT1016" s="10"/>
      <c r="JFU1016" s="10"/>
      <c r="JFV1016" s="10"/>
      <c r="JFW1016" s="10"/>
      <c r="JFX1016" s="10"/>
      <c r="JFY1016" s="10"/>
      <c r="JFZ1016" s="10"/>
      <c r="JGA1016" s="10"/>
      <c r="JGB1016" s="10"/>
      <c r="JGC1016" s="10"/>
      <c r="JGD1016" s="10"/>
      <c r="JGE1016" s="10"/>
      <c r="JGF1016" s="10"/>
      <c r="JGG1016" s="10"/>
      <c r="JGH1016" s="10"/>
      <c r="JGI1016" s="10"/>
      <c r="JGJ1016" s="10"/>
      <c r="JGK1016" s="10"/>
      <c r="JGL1016" s="10"/>
      <c r="JGM1016" s="10"/>
      <c r="JGN1016" s="10"/>
      <c r="JGO1016" s="10"/>
      <c r="JGP1016" s="10"/>
      <c r="JGQ1016" s="10"/>
      <c r="JGR1016" s="10"/>
      <c r="JGS1016" s="10"/>
      <c r="JGT1016" s="10"/>
      <c r="JGU1016" s="10"/>
      <c r="JGV1016" s="10"/>
      <c r="JGW1016" s="10"/>
      <c r="JGX1016" s="10"/>
      <c r="JGY1016" s="10"/>
      <c r="JGZ1016" s="10"/>
      <c r="JHA1016" s="10"/>
      <c r="JHB1016" s="10"/>
      <c r="JHC1016" s="10"/>
      <c r="JHD1016" s="10"/>
      <c r="JHE1016" s="10"/>
      <c r="JHF1016" s="10"/>
      <c r="JHG1016" s="10"/>
      <c r="JHH1016" s="10"/>
      <c r="JHI1016" s="10"/>
      <c r="JHJ1016" s="10"/>
      <c r="JHK1016" s="10"/>
      <c r="JHL1016" s="10"/>
      <c r="JHM1016" s="10"/>
      <c r="JHN1016" s="10"/>
      <c r="JHO1016" s="10"/>
      <c r="JHP1016" s="10"/>
      <c r="JHQ1016" s="10"/>
      <c r="JHR1016" s="10"/>
      <c r="JHS1016" s="10"/>
      <c r="JHT1016" s="10"/>
      <c r="JHU1016" s="10"/>
      <c r="JHV1016" s="10"/>
      <c r="JHW1016" s="10"/>
      <c r="JHX1016" s="10"/>
      <c r="JHY1016" s="10"/>
      <c r="JHZ1016" s="10"/>
      <c r="JIA1016" s="10"/>
      <c r="JIB1016" s="10"/>
      <c r="JIC1016" s="10"/>
      <c r="JID1016" s="10"/>
      <c r="JIE1016" s="10"/>
      <c r="JIF1016" s="10"/>
      <c r="JIG1016" s="10"/>
      <c r="JIH1016" s="10"/>
      <c r="JII1016" s="10"/>
      <c r="JIJ1016" s="10"/>
      <c r="JIK1016" s="10"/>
      <c r="JIL1016" s="10"/>
      <c r="JIM1016" s="10"/>
      <c r="JIN1016" s="10"/>
      <c r="JIO1016" s="10"/>
      <c r="JIP1016" s="10"/>
      <c r="JIQ1016" s="10"/>
      <c r="JIR1016" s="10"/>
      <c r="JIS1016" s="10"/>
      <c r="JIT1016" s="10"/>
      <c r="JIU1016" s="10"/>
      <c r="JIV1016" s="10"/>
      <c r="JIW1016" s="10"/>
      <c r="JIX1016" s="10"/>
      <c r="JIY1016" s="10"/>
      <c r="JIZ1016" s="10"/>
      <c r="JJA1016" s="10"/>
      <c r="JJB1016" s="10"/>
      <c r="JJC1016" s="10"/>
      <c r="JJD1016" s="10"/>
      <c r="JJE1016" s="10"/>
      <c r="JJF1016" s="10"/>
      <c r="JJG1016" s="10"/>
      <c r="JJH1016" s="10"/>
      <c r="JJI1016" s="10"/>
      <c r="JJJ1016" s="10"/>
      <c r="JJK1016" s="10"/>
      <c r="JJL1016" s="10"/>
      <c r="JJM1016" s="10"/>
      <c r="JJN1016" s="10"/>
      <c r="JJO1016" s="10"/>
      <c r="JJP1016" s="10"/>
      <c r="JJQ1016" s="10"/>
      <c r="JJR1016" s="10"/>
      <c r="JJS1016" s="10"/>
      <c r="JJT1016" s="10"/>
      <c r="JJU1016" s="10"/>
      <c r="JJV1016" s="10"/>
      <c r="JJW1016" s="10"/>
      <c r="JJX1016" s="10"/>
      <c r="JJY1016" s="10"/>
      <c r="JJZ1016" s="10"/>
      <c r="JKA1016" s="10"/>
      <c r="JKB1016" s="10"/>
      <c r="JKC1016" s="10"/>
      <c r="JKD1016" s="10"/>
      <c r="JKE1016" s="10"/>
      <c r="JKF1016" s="10"/>
      <c r="JKG1016" s="10"/>
      <c r="JKH1016" s="10"/>
      <c r="JKI1016" s="10"/>
      <c r="JKJ1016" s="10"/>
      <c r="JKK1016" s="10"/>
      <c r="JKL1016" s="10"/>
      <c r="JKM1016" s="10"/>
      <c r="JKN1016" s="10"/>
      <c r="JKO1016" s="10"/>
      <c r="JKP1016" s="10"/>
      <c r="JKQ1016" s="10"/>
      <c r="JKR1016" s="10"/>
      <c r="JKS1016" s="10"/>
      <c r="JKT1016" s="10"/>
      <c r="JKU1016" s="10"/>
      <c r="JKV1016" s="10"/>
      <c r="JKW1016" s="10"/>
      <c r="JKX1016" s="10"/>
      <c r="JKY1016" s="10"/>
      <c r="JKZ1016" s="10"/>
      <c r="JLA1016" s="10"/>
      <c r="JLB1016" s="10"/>
      <c r="JLC1016" s="10"/>
      <c r="JLD1016" s="10"/>
      <c r="JLE1016" s="10"/>
      <c r="JLF1016" s="10"/>
      <c r="JLG1016" s="10"/>
      <c r="JLH1016" s="10"/>
      <c r="JLI1016" s="10"/>
      <c r="JLJ1016" s="10"/>
      <c r="JLK1016" s="10"/>
      <c r="JLL1016" s="10"/>
      <c r="JLM1016" s="10"/>
      <c r="JLN1016" s="10"/>
      <c r="JLO1016" s="10"/>
      <c r="JLP1016" s="10"/>
      <c r="JLQ1016" s="10"/>
      <c r="JLR1016" s="10"/>
      <c r="JLS1016" s="10"/>
      <c r="JLT1016" s="10"/>
      <c r="JLU1016" s="10"/>
      <c r="JLV1016" s="10"/>
      <c r="JLW1016" s="10"/>
      <c r="JLX1016" s="10"/>
      <c r="JLY1016" s="10"/>
      <c r="JLZ1016" s="10"/>
      <c r="JMA1016" s="10"/>
      <c r="JMB1016" s="10"/>
      <c r="JMC1016" s="10"/>
      <c r="JMD1016" s="10"/>
      <c r="JME1016" s="10"/>
      <c r="JMF1016" s="10"/>
      <c r="JMG1016" s="10"/>
      <c r="JMH1016" s="10"/>
      <c r="JMI1016" s="10"/>
      <c r="JMJ1016" s="10"/>
      <c r="JMK1016" s="10"/>
      <c r="JML1016" s="10"/>
      <c r="JMM1016" s="10"/>
      <c r="JMN1016" s="10"/>
      <c r="JMO1016" s="10"/>
      <c r="JMP1016" s="10"/>
      <c r="JMQ1016" s="10"/>
      <c r="JMR1016" s="10"/>
      <c r="JMS1016" s="10"/>
      <c r="JMT1016" s="10"/>
      <c r="JMU1016" s="10"/>
      <c r="JMV1016" s="10"/>
      <c r="JMW1016" s="10"/>
      <c r="JMX1016" s="10"/>
      <c r="JMY1016" s="10"/>
      <c r="JMZ1016" s="10"/>
      <c r="JNA1016" s="10"/>
      <c r="JNB1016" s="10"/>
      <c r="JNC1016" s="10"/>
      <c r="JND1016" s="10"/>
      <c r="JNE1016" s="10"/>
      <c r="JNF1016" s="10"/>
      <c r="JNG1016" s="10"/>
      <c r="JNH1016" s="10"/>
      <c r="JNI1016" s="10"/>
      <c r="JNJ1016" s="10"/>
      <c r="JNK1016" s="10"/>
      <c r="JNL1016" s="10"/>
      <c r="JNM1016" s="10"/>
      <c r="JNN1016" s="10"/>
      <c r="JNO1016" s="10"/>
      <c r="JNP1016" s="10"/>
      <c r="JNQ1016" s="10"/>
      <c r="JNR1016" s="10"/>
      <c r="JNS1016" s="10"/>
      <c r="JNT1016" s="10"/>
      <c r="JNU1016" s="10"/>
      <c r="JNV1016" s="10"/>
      <c r="JNW1016" s="10"/>
      <c r="JNX1016" s="10"/>
      <c r="JNY1016" s="10"/>
      <c r="JNZ1016" s="10"/>
      <c r="JOA1016" s="10"/>
      <c r="JOB1016" s="10"/>
      <c r="JOC1016" s="10"/>
      <c r="JOD1016" s="10"/>
      <c r="JOE1016" s="10"/>
      <c r="JOF1016" s="10"/>
      <c r="JOG1016" s="10"/>
      <c r="JOH1016" s="10"/>
      <c r="JOI1016" s="10"/>
      <c r="JOJ1016" s="10"/>
      <c r="JOK1016" s="10"/>
      <c r="JOL1016" s="10"/>
      <c r="JOM1016" s="10"/>
      <c r="JON1016" s="10"/>
      <c r="JOO1016" s="10"/>
      <c r="JOP1016" s="10"/>
      <c r="JOQ1016" s="10"/>
      <c r="JOR1016" s="10"/>
      <c r="JOS1016" s="10"/>
      <c r="JOT1016" s="10"/>
      <c r="JOU1016" s="10"/>
      <c r="JOV1016" s="10"/>
      <c r="JOW1016" s="10"/>
      <c r="JOX1016" s="10"/>
      <c r="JOY1016" s="10"/>
      <c r="JOZ1016" s="10"/>
      <c r="JPA1016" s="10"/>
      <c r="JPB1016" s="10"/>
      <c r="JPC1016" s="10"/>
      <c r="JPD1016" s="10"/>
      <c r="JPE1016" s="10"/>
      <c r="JPF1016" s="10"/>
      <c r="JPG1016" s="10"/>
      <c r="JPH1016" s="10"/>
      <c r="JPI1016" s="10"/>
      <c r="JPJ1016" s="10"/>
      <c r="JPK1016" s="10"/>
      <c r="JPL1016" s="10"/>
      <c r="JPM1016" s="10"/>
      <c r="JPN1016" s="10"/>
      <c r="JPO1016" s="10"/>
      <c r="JPP1016" s="10"/>
      <c r="JPQ1016" s="10"/>
      <c r="JPR1016" s="10"/>
      <c r="JPS1016" s="10"/>
      <c r="JPT1016" s="10"/>
      <c r="JPU1016" s="10"/>
      <c r="JPV1016" s="10"/>
      <c r="JPW1016" s="10"/>
      <c r="JPX1016" s="10"/>
      <c r="JPY1016" s="10"/>
      <c r="JPZ1016" s="10"/>
      <c r="JQA1016" s="10"/>
      <c r="JQB1016" s="10"/>
      <c r="JQC1016" s="10"/>
      <c r="JQD1016" s="10"/>
      <c r="JQE1016" s="10"/>
      <c r="JQF1016" s="10"/>
      <c r="JQG1016" s="10"/>
      <c r="JQH1016" s="10"/>
      <c r="JQI1016" s="10"/>
      <c r="JQJ1016" s="10"/>
      <c r="JQK1016" s="10"/>
      <c r="JQL1016" s="10"/>
      <c r="JQM1016" s="10"/>
      <c r="JQN1016" s="10"/>
      <c r="JQO1016" s="10"/>
      <c r="JQP1016" s="10"/>
      <c r="JQQ1016" s="10"/>
      <c r="JQR1016" s="10"/>
      <c r="JQS1016" s="10"/>
      <c r="JQT1016" s="10"/>
      <c r="JQU1016" s="10"/>
      <c r="JQV1016" s="10"/>
      <c r="JQW1016" s="10"/>
      <c r="JQX1016" s="10"/>
      <c r="JQY1016" s="10"/>
      <c r="JQZ1016" s="10"/>
      <c r="JRA1016" s="10"/>
      <c r="JRB1016" s="10"/>
      <c r="JRC1016" s="10"/>
      <c r="JRD1016" s="10"/>
      <c r="JRE1016" s="10"/>
      <c r="JRF1016" s="10"/>
      <c r="JRG1016" s="10"/>
      <c r="JRH1016" s="10"/>
      <c r="JRI1016" s="10"/>
      <c r="JRJ1016" s="10"/>
      <c r="JRK1016" s="10"/>
      <c r="JRL1016" s="10"/>
      <c r="JRM1016" s="10"/>
      <c r="JRN1016" s="10"/>
      <c r="JRO1016" s="10"/>
      <c r="JRP1016" s="10"/>
      <c r="JRQ1016" s="10"/>
      <c r="JRR1016" s="10"/>
      <c r="JRS1016" s="10"/>
      <c r="JRT1016" s="10"/>
      <c r="JRU1016" s="10"/>
      <c r="JRV1016" s="10"/>
      <c r="JRW1016" s="10"/>
      <c r="JRX1016" s="10"/>
      <c r="JRY1016" s="10"/>
      <c r="JRZ1016" s="10"/>
      <c r="JSA1016" s="10"/>
      <c r="JSB1016" s="10"/>
      <c r="JSC1016" s="10"/>
      <c r="JSD1016" s="10"/>
      <c r="JSE1016" s="10"/>
      <c r="JSF1016" s="10"/>
      <c r="JSG1016" s="10"/>
      <c r="JSH1016" s="10"/>
      <c r="JSI1016" s="10"/>
      <c r="JSJ1016" s="10"/>
      <c r="JSK1016" s="10"/>
      <c r="JSL1016" s="10"/>
      <c r="JSM1016" s="10"/>
      <c r="JSN1016" s="10"/>
      <c r="JSO1016" s="10"/>
      <c r="JSP1016" s="10"/>
      <c r="JSQ1016" s="10"/>
      <c r="JSR1016" s="10"/>
      <c r="JSS1016" s="10"/>
      <c r="JST1016" s="10"/>
      <c r="JSU1016" s="10"/>
      <c r="JSV1016" s="10"/>
      <c r="JSW1016" s="10"/>
      <c r="JSX1016" s="10"/>
      <c r="JSY1016" s="10"/>
      <c r="JSZ1016" s="10"/>
      <c r="JTA1016" s="10"/>
      <c r="JTB1016" s="10"/>
      <c r="JTC1016" s="10"/>
      <c r="JTD1016" s="10"/>
      <c r="JTE1016" s="10"/>
      <c r="JTF1016" s="10"/>
      <c r="JTG1016" s="10"/>
      <c r="JTH1016" s="10"/>
      <c r="JTI1016" s="10"/>
      <c r="JTJ1016" s="10"/>
      <c r="JTK1016" s="10"/>
      <c r="JTL1016" s="10"/>
      <c r="JTM1016" s="10"/>
      <c r="JTN1016" s="10"/>
      <c r="JTO1016" s="10"/>
      <c r="JTP1016" s="10"/>
      <c r="JTQ1016" s="10"/>
      <c r="JTR1016" s="10"/>
      <c r="JTS1016" s="10"/>
      <c r="JTT1016" s="10"/>
      <c r="JTU1016" s="10"/>
      <c r="JTV1016" s="10"/>
      <c r="JTW1016" s="10"/>
      <c r="JTX1016" s="10"/>
      <c r="JTY1016" s="10"/>
      <c r="JTZ1016" s="10"/>
      <c r="JUA1016" s="10"/>
      <c r="JUB1016" s="10"/>
      <c r="JUC1016" s="10"/>
      <c r="JUD1016" s="10"/>
      <c r="JUE1016" s="10"/>
      <c r="JUF1016" s="10"/>
      <c r="JUG1016" s="10"/>
      <c r="JUH1016" s="10"/>
      <c r="JUI1016" s="10"/>
      <c r="JUJ1016" s="10"/>
      <c r="JUK1016" s="10"/>
      <c r="JUL1016" s="10"/>
      <c r="JUM1016" s="10"/>
      <c r="JUN1016" s="10"/>
      <c r="JUO1016" s="10"/>
      <c r="JUP1016" s="10"/>
      <c r="JUQ1016" s="10"/>
      <c r="JUR1016" s="10"/>
      <c r="JUS1016" s="10"/>
      <c r="JUT1016" s="10"/>
      <c r="JUU1016" s="10"/>
      <c r="JUV1016" s="10"/>
      <c r="JUW1016" s="10"/>
      <c r="JUX1016" s="10"/>
      <c r="JUY1016" s="10"/>
      <c r="JUZ1016" s="10"/>
      <c r="JVA1016" s="10"/>
      <c r="JVB1016" s="10"/>
      <c r="JVC1016" s="10"/>
      <c r="JVD1016" s="10"/>
      <c r="JVE1016" s="10"/>
      <c r="JVF1016" s="10"/>
      <c r="JVG1016" s="10"/>
      <c r="JVH1016" s="10"/>
      <c r="JVI1016" s="10"/>
      <c r="JVJ1016" s="10"/>
      <c r="JVK1016" s="10"/>
      <c r="JVL1016" s="10"/>
      <c r="JVM1016" s="10"/>
      <c r="JVN1016" s="10"/>
      <c r="JVO1016" s="10"/>
      <c r="JVP1016" s="10"/>
      <c r="JVQ1016" s="10"/>
      <c r="JVR1016" s="10"/>
      <c r="JVS1016" s="10"/>
      <c r="JVT1016" s="10"/>
      <c r="JVU1016" s="10"/>
      <c r="JVV1016" s="10"/>
      <c r="JVW1016" s="10"/>
      <c r="JVX1016" s="10"/>
      <c r="JVY1016" s="10"/>
      <c r="JVZ1016" s="10"/>
      <c r="JWA1016" s="10"/>
      <c r="JWB1016" s="10"/>
      <c r="JWC1016" s="10"/>
      <c r="JWD1016" s="10"/>
      <c r="JWE1016" s="10"/>
      <c r="JWF1016" s="10"/>
      <c r="JWG1016" s="10"/>
      <c r="JWH1016" s="10"/>
      <c r="JWI1016" s="10"/>
      <c r="JWJ1016" s="10"/>
      <c r="JWK1016" s="10"/>
      <c r="JWL1016" s="10"/>
      <c r="JWM1016" s="10"/>
      <c r="JWN1016" s="10"/>
      <c r="JWO1016" s="10"/>
      <c r="JWP1016" s="10"/>
      <c r="JWQ1016" s="10"/>
      <c r="JWR1016" s="10"/>
      <c r="JWS1016" s="10"/>
      <c r="JWT1016" s="10"/>
      <c r="JWU1016" s="10"/>
      <c r="JWV1016" s="10"/>
      <c r="JWW1016" s="10"/>
      <c r="JWX1016" s="10"/>
      <c r="JWY1016" s="10"/>
      <c r="JWZ1016" s="10"/>
      <c r="JXA1016" s="10"/>
      <c r="JXB1016" s="10"/>
      <c r="JXC1016" s="10"/>
      <c r="JXD1016" s="10"/>
      <c r="JXE1016" s="10"/>
      <c r="JXF1016" s="10"/>
      <c r="JXG1016" s="10"/>
      <c r="JXH1016" s="10"/>
      <c r="JXI1016" s="10"/>
      <c r="JXJ1016" s="10"/>
      <c r="JXK1016" s="10"/>
      <c r="JXL1016" s="10"/>
      <c r="JXM1016" s="10"/>
      <c r="JXN1016" s="10"/>
      <c r="JXO1016" s="10"/>
      <c r="JXP1016" s="10"/>
      <c r="JXQ1016" s="10"/>
      <c r="JXR1016" s="10"/>
      <c r="JXS1016" s="10"/>
      <c r="JXT1016" s="10"/>
      <c r="JXU1016" s="10"/>
      <c r="JXV1016" s="10"/>
      <c r="JXW1016" s="10"/>
      <c r="JXX1016" s="10"/>
      <c r="JXY1016" s="10"/>
      <c r="JXZ1016" s="10"/>
      <c r="JYA1016" s="10"/>
      <c r="JYB1016" s="10"/>
      <c r="JYC1016" s="10"/>
      <c r="JYD1016" s="10"/>
      <c r="JYE1016" s="10"/>
      <c r="JYF1016" s="10"/>
      <c r="JYG1016" s="10"/>
      <c r="JYH1016" s="10"/>
      <c r="JYI1016" s="10"/>
      <c r="JYJ1016" s="10"/>
      <c r="JYK1016" s="10"/>
      <c r="JYL1016" s="10"/>
      <c r="JYM1016" s="10"/>
      <c r="JYN1016" s="10"/>
      <c r="JYO1016" s="10"/>
      <c r="JYP1016" s="10"/>
      <c r="JYQ1016" s="10"/>
      <c r="JYR1016" s="10"/>
      <c r="JYS1016" s="10"/>
      <c r="JYT1016" s="10"/>
      <c r="JYU1016" s="10"/>
      <c r="JYV1016" s="10"/>
      <c r="JYW1016" s="10"/>
      <c r="JYX1016" s="10"/>
      <c r="JYY1016" s="10"/>
      <c r="JYZ1016" s="10"/>
      <c r="JZA1016" s="10"/>
      <c r="JZB1016" s="10"/>
      <c r="JZC1016" s="10"/>
      <c r="JZD1016" s="10"/>
      <c r="JZE1016" s="10"/>
      <c r="JZF1016" s="10"/>
      <c r="JZG1016" s="10"/>
      <c r="JZH1016" s="10"/>
      <c r="JZI1016" s="10"/>
      <c r="JZJ1016" s="10"/>
      <c r="JZK1016" s="10"/>
      <c r="JZL1016" s="10"/>
      <c r="JZM1016" s="10"/>
      <c r="JZN1016" s="10"/>
      <c r="JZO1016" s="10"/>
      <c r="JZP1016" s="10"/>
      <c r="JZQ1016" s="10"/>
      <c r="JZR1016" s="10"/>
      <c r="JZS1016" s="10"/>
      <c r="JZT1016" s="10"/>
      <c r="JZU1016" s="10"/>
      <c r="JZV1016" s="10"/>
      <c r="JZW1016" s="10"/>
      <c r="JZX1016" s="10"/>
      <c r="JZY1016" s="10"/>
      <c r="JZZ1016" s="10"/>
      <c r="KAA1016" s="10"/>
      <c r="KAB1016" s="10"/>
      <c r="KAC1016" s="10"/>
      <c r="KAD1016" s="10"/>
      <c r="KAE1016" s="10"/>
      <c r="KAF1016" s="10"/>
      <c r="KAG1016" s="10"/>
      <c r="KAH1016" s="10"/>
      <c r="KAI1016" s="10"/>
      <c r="KAJ1016" s="10"/>
      <c r="KAK1016" s="10"/>
      <c r="KAL1016" s="10"/>
      <c r="KAM1016" s="10"/>
      <c r="KAN1016" s="10"/>
      <c r="KAO1016" s="10"/>
      <c r="KAP1016" s="10"/>
      <c r="KAQ1016" s="10"/>
      <c r="KAR1016" s="10"/>
      <c r="KAS1016" s="10"/>
      <c r="KAT1016" s="10"/>
      <c r="KAU1016" s="10"/>
      <c r="KAV1016" s="10"/>
      <c r="KAW1016" s="10"/>
      <c r="KAX1016" s="10"/>
      <c r="KAY1016" s="10"/>
      <c r="KAZ1016" s="10"/>
      <c r="KBA1016" s="10"/>
      <c r="KBB1016" s="10"/>
      <c r="KBC1016" s="10"/>
      <c r="KBD1016" s="10"/>
      <c r="KBE1016" s="10"/>
      <c r="KBF1016" s="10"/>
      <c r="KBG1016" s="10"/>
      <c r="KBH1016" s="10"/>
      <c r="KBI1016" s="10"/>
      <c r="KBJ1016" s="10"/>
      <c r="KBK1016" s="10"/>
      <c r="KBL1016" s="10"/>
      <c r="KBM1016" s="10"/>
      <c r="KBN1016" s="10"/>
      <c r="KBO1016" s="10"/>
      <c r="KBP1016" s="10"/>
      <c r="KBQ1016" s="10"/>
      <c r="KBR1016" s="10"/>
      <c r="KBS1016" s="10"/>
      <c r="KBT1016" s="10"/>
      <c r="KBU1016" s="10"/>
      <c r="KBV1016" s="10"/>
      <c r="KBW1016" s="10"/>
      <c r="KBX1016" s="10"/>
      <c r="KBY1016" s="10"/>
      <c r="KBZ1016" s="10"/>
      <c r="KCA1016" s="10"/>
      <c r="KCB1016" s="10"/>
      <c r="KCC1016" s="10"/>
      <c r="KCD1016" s="10"/>
      <c r="KCE1016" s="10"/>
      <c r="KCF1016" s="10"/>
      <c r="KCG1016" s="10"/>
      <c r="KCH1016" s="10"/>
      <c r="KCI1016" s="10"/>
      <c r="KCJ1016" s="10"/>
      <c r="KCK1016" s="10"/>
      <c r="KCL1016" s="10"/>
      <c r="KCM1016" s="10"/>
      <c r="KCN1016" s="10"/>
      <c r="KCO1016" s="10"/>
      <c r="KCP1016" s="10"/>
      <c r="KCQ1016" s="10"/>
      <c r="KCR1016" s="10"/>
      <c r="KCS1016" s="10"/>
      <c r="KCT1016" s="10"/>
      <c r="KCU1016" s="10"/>
      <c r="KCV1016" s="10"/>
      <c r="KCW1016" s="10"/>
      <c r="KCX1016" s="10"/>
      <c r="KCY1016" s="10"/>
      <c r="KCZ1016" s="10"/>
      <c r="KDA1016" s="10"/>
      <c r="KDB1016" s="10"/>
      <c r="KDC1016" s="10"/>
      <c r="KDD1016" s="10"/>
      <c r="KDE1016" s="10"/>
      <c r="KDF1016" s="10"/>
      <c r="KDG1016" s="10"/>
      <c r="KDH1016" s="10"/>
      <c r="KDI1016" s="10"/>
      <c r="KDJ1016" s="10"/>
      <c r="KDK1016" s="10"/>
      <c r="KDL1016" s="10"/>
      <c r="KDM1016" s="10"/>
      <c r="KDN1016" s="10"/>
      <c r="KDO1016" s="10"/>
      <c r="KDP1016" s="10"/>
      <c r="KDQ1016" s="10"/>
      <c r="KDR1016" s="10"/>
      <c r="KDS1016" s="10"/>
      <c r="KDT1016" s="10"/>
      <c r="KDU1016" s="10"/>
      <c r="KDV1016" s="10"/>
      <c r="KDW1016" s="10"/>
      <c r="KDX1016" s="10"/>
      <c r="KDY1016" s="10"/>
      <c r="KDZ1016" s="10"/>
      <c r="KEA1016" s="10"/>
      <c r="KEB1016" s="10"/>
      <c r="KEC1016" s="10"/>
      <c r="KED1016" s="10"/>
      <c r="KEE1016" s="10"/>
      <c r="KEF1016" s="10"/>
      <c r="KEG1016" s="10"/>
      <c r="KEH1016" s="10"/>
      <c r="KEI1016" s="10"/>
      <c r="KEJ1016" s="10"/>
      <c r="KEK1016" s="10"/>
      <c r="KEL1016" s="10"/>
      <c r="KEM1016" s="10"/>
      <c r="KEN1016" s="10"/>
      <c r="KEO1016" s="10"/>
      <c r="KEP1016" s="10"/>
      <c r="KEQ1016" s="10"/>
      <c r="KER1016" s="10"/>
      <c r="KES1016" s="10"/>
      <c r="KET1016" s="10"/>
      <c r="KEU1016" s="10"/>
      <c r="KEV1016" s="10"/>
      <c r="KEW1016" s="10"/>
      <c r="KEX1016" s="10"/>
      <c r="KEY1016" s="10"/>
      <c r="KEZ1016" s="10"/>
      <c r="KFA1016" s="10"/>
      <c r="KFB1016" s="10"/>
      <c r="KFC1016" s="10"/>
      <c r="KFD1016" s="10"/>
      <c r="KFE1016" s="10"/>
      <c r="KFF1016" s="10"/>
      <c r="KFG1016" s="10"/>
      <c r="KFH1016" s="10"/>
      <c r="KFI1016" s="10"/>
      <c r="KFJ1016" s="10"/>
      <c r="KFK1016" s="10"/>
      <c r="KFL1016" s="10"/>
      <c r="KFM1016" s="10"/>
      <c r="KFN1016" s="10"/>
      <c r="KFO1016" s="10"/>
      <c r="KFP1016" s="10"/>
      <c r="KFQ1016" s="10"/>
      <c r="KFR1016" s="10"/>
      <c r="KFS1016" s="10"/>
      <c r="KFT1016" s="10"/>
      <c r="KFU1016" s="10"/>
      <c r="KFV1016" s="10"/>
      <c r="KFW1016" s="10"/>
      <c r="KFX1016" s="10"/>
      <c r="KFY1016" s="10"/>
      <c r="KFZ1016" s="10"/>
      <c r="KGA1016" s="10"/>
      <c r="KGB1016" s="10"/>
      <c r="KGC1016" s="10"/>
      <c r="KGD1016" s="10"/>
      <c r="KGE1016" s="10"/>
      <c r="KGF1016" s="10"/>
      <c r="KGG1016" s="10"/>
      <c r="KGH1016" s="10"/>
      <c r="KGI1016" s="10"/>
      <c r="KGJ1016" s="10"/>
      <c r="KGK1016" s="10"/>
      <c r="KGL1016" s="10"/>
      <c r="KGM1016" s="10"/>
      <c r="KGN1016" s="10"/>
      <c r="KGO1016" s="10"/>
      <c r="KGP1016" s="10"/>
      <c r="KGQ1016" s="10"/>
      <c r="KGR1016" s="10"/>
      <c r="KGS1016" s="10"/>
      <c r="KGT1016" s="10"/>
      <c r="KGU1016" s="10"/>
      <c r="KGV1016" s="10"/>
      <c r="KGW1016" s="10"/>
      <c r="KGX1016" s="10"/>
      <c r="KGY1016" s="10"/>
      <c r="KGZ1016" s="10"/>
      <c r="KHA1016" s="10"/>
      <c r="KHB1016" s="10"/>
      <c r="KHC1016" s="10"/>
      <c r="KHD1016" s="10"/>
      <c r="KHE1016" s="10"/>
      <c r="KHF1016" s="10"/>
      <c r="KHG1016" s="10"/>
      <c r="KHH1016" s="10"/>
      <c r="KHI1016" s="10"/>
      <c r="KHJ1016" s="10"/>
      <c r="KHK1016" s="10"/>
      <c r="KHL1016" s="10"/>
      <c r="KHM1016" s="10"/>
      <c r="KHN1016" s="10"/>
      <c r="KHO1016" s="10"/>
      <c r="KHP1016" s="10"/>
      <c r="KHQ1016" s="10"/>
      <c r="KHR1016" s="10"/>
      <c r="KHS1016" s="10"/>
      <c r="KHT1016" s="10"/>
      <c r="KHU1016" s="10"/>
      <c r="KHV1016" s="10"/>
      <c r="KHW1016" s="10"/>
      <c r="KHX1016" s="10"/>
      <c r="KHY1016" s="10"/>
      <c r="KHZ1016" s="10"/>
      <c r="KIA1016" s="10"/>
      <c r="KIB1016" s="10"/>
      <c r="KIC1016" s="10"/>
      <c r="KID1016" s="10"/>
      <c r="KIE1016" s="10"/>
      <c r="KIF1016" s="10"/>
      <c r="KIG1016" s="10"/>
      <c r="KIH1016" s="10"/>
      <c r="KII1016" s="10"/>
      <c r="KIJ1016" s="10"/>
      <c r="KIK1016" s="10"/>
      <c r="KIL1016" s="10"/>
      <c r="KIM1016" s="10"/>
      <c r="KIN1016" s="10"/>
      <c r="KIO1016" s="10"/>
      <c r="KIP1016" s="10"/>
      <c r="KIQ1016" s="10"/>
      <c r="KIR1016" s="10"/>
      <c r="KIS1016" s="10"/>
      <c r="KIT1016" s="10"/>
      <c r="KIU1016" s="10"/>
      <c r="KIV1016" s="10"/>
      <c r="KIW1016" s="10"/>
      <c r="KIX1016" s="10"/>
      <c r="KIY1016" s="10"/>
      <c r="KIZ1016" s="10"/>
      <c r="KJA1016" s="10"/>
      <c r="KJB1016" s="10"/>
      <c r="KJC1016" s="10"/>
      <c r="KJD1016" s="10"/>
      <c r="KJE1016" s="10"/>
      <c r="KJF1016" s="10"/>
      <c r="KJG1016" s="10"/>
      <c r="KJH1016" s="10"/>
      <c r="KJI1016" s="10"/>
      <c r="KJJ1016" s="10"/>
      <c r="KJK1016" s="10"/>
      <c r="KJL1016" s="10"/>
      <c r="KJM1016" s="10"/>
      <c r="KJN1016" s="10"/>
      <c r="KJO1016" s="10"/>
      <c r="KJP1016" s="10"/>
      <c r="KJQ1016" s="10"/>
      <c r="KJR1016" s="10"/>
      <c r="KJS1016" s="10"/>
      <c r="KJT1016" s="10"/>
      <c r="KJU1016" s="10"/>
      <c r="KJV1016" s="10"/>
      <c r="KJW1016" s="10"/>
      <c r="KJX1016" s="10"/>
      <c r="KJY1016" s="10"/>
      <c r="KJZ1016" s="10"/>
      <c r="KKA1016" s="10"/>
      <c r="KKB1016" s="10"/>
      <c r="KKC1016" s="10"/>
      <c r="KKD1016" s="10"/>
      <c r="KKE1016" s="10"/>
      <c r="KKF1016" s="10"/>
      <c r="KKG1016" s="10"/>
      <c r="KKH1016" s="10"/>
      <c r="KKI1016" s="10"/>
      <c r="KKJ1016" s="10"/>
      <c r="KKK1016" s="10"/>
      <c r="KKL1016" s="10"/>
      <c r="KKM1016" s="10"/>
      <c r="KKN1016" s="10"/>
      <c r="KKO1016" s="10"/>
      <c r="KKP1016" s="10"/>
      <c r="KKQ1016" s="10"/>
      <c r="KKR1016" s="10"/>
      <c r="KKS1016" s="10"/>
      <c r="KKT1016" s="10"/>
      <c r="KKU1016" s="10"/>
      <c r="KKV1016" s="10"/>
      <c r="KKW1016" s="10"/>
      <c r="KKX1016" s="10"/>
      <c r="KKY1016" s="10"/>
      <c r="KKZ1016" s="10"/>
      <c r="KLA1016" s="10"/>
      <c r="KLB1016" s="10"/>
      <c r="KLC1016" s="10"/>
      <c r="KLD1016" s="10"/>
      <c r="KLE1016" s="10"/>
      <c r="KLF1016" s="10"/>
      <c r="KLG1016" s="10"/>
      <c r="KLH1016" s="10"/>
      <c r="KLI1016" s="10"/>
      <c r="KLJ1016" s="10"/>
      <c r="KLK1016" s="10"/>
      <c r="KLL1016" s="10"/>
      <c r="KLM1016" s="10"/>
      <c r="KLN1016" s="10"/>
      <c r="KLO1016" s="10"/>
      <c r="KLP1016" s="10"/>
      <c r="KLQ1016" s="10"/>
      <c r="KLR1016" s="10"/>
      <c r="KLS1016" s="10"/>
      <c r="KLT1016" s="10"/>
      <c r="KLU1016" s="10"/>
      <c r="KLV1016" s="10"/>
      <c r="KLW1016" s="10"/>
      <c r="KLX1016" s="10"/>
      <c r="KLY1016" s="10"/>
      <c r="KLZ1016" s="10"/>
      <c r="KMA1016" s="10"/>
      <c r="KMB1016" s="10"/>
      <c r="KMC1016" s="10"/>
      <c r="KMD1016" s="10"/>
      <c r="KME1016" s="10"/>
      <c r="KMF1016" s="10"/>
      <c r="KMG1016" s="10"/>
      <c r="KMH1016" s="10"/>
      <c r="KMI1016" s="10"/>
      <c r="KMJ1016" s="10"/>
      <c r="KMK1016" s="10"/>
      <c r="KML1016" s="10"/>
      <c r="KMM1016" s="10"/>
      <c r="KMN1016" s="10"/>
      <c r="KMO1016" s="10"/>
      <c r="KMP1016" s="10"/>
      <c r="KMQ1016" s="10"/>
      <c r="KMR1016" s="10"/>
      <c r="KMS1016" s="10"/>
      <c r="KMT1016" s="10"/>
      <c r="KMU1016" s="10"/>
      <c r="KMV1016" s="10"/>
      <c r="KMW1016" s="10"/>
      <c r="KMX1016" s="10"/>
      <c r="KMY1016" s="10"/>
      <c r="KMZ1016" s="10"/>
      <c r="KNA1016" s="10"/>
      <c r="KNB1016" s="10"/>
      <c r="KNC1016" s="10"/>
      <c r="KND1016" s="10"/>
      <c r="KNE1016" s="10"/>
      <c r="KNF1016" s="10"/>
      <c r="KNG1016" s="10"/>
      <c r="KNH1016" s="10"/>
      <c r="KNI1016" s="10"/>
      <c r="KNJ1016" s="10"/>
      <c r="KNK1016" s="10"/>
      <c r="KNL1016" s="10"/>
      <c r="KNM1016" s="10"/>
      <c r="KNN1016" s="10"/>
      <c r="KNO1016" s="10"/>
      <c r="KNP1016" s="10"/>
      <c r="KNQ1016" s="10"/>
      <c r="KNR1016" s="10"/>
      <c r="KNS1016" s="10"/>
      <c r="KNT1016" s="10"/>
      <c r="KNU1016" s="10"/>
      <c r="KNV1016" s="10"/>
      <c r="KNW1016" s="10"/>
      <c r="KNX1016" s="10"/>
      <c r="KNY1016" s="10"/>
      <c r="KNZ1016" s="10"/>
      <c r="KOA1016" s="10"/>
      <c r="KOB1016" s="10"/>
      <c r="KOC1016" s="10"/>
      <c r="KOD1016" s="10"/>
      <c r="KOE1016" s="10"/>
      <c r="KOF1016" s="10"/>
      <c r="KOG1016" s="10"/>
      <c r="KOH1016" s="10"/>
      <c r="KOI1016" s="10"/>
      <c r="KOJ1016" s="10"/>
      <c r="KOK1016" s="10"/>
      <c r="KOL1016" s="10"/>
      <c r="KOM1016" s="10"/>
      <c r="KON1016" s="10"/>
      <c r="KOO1016" s="10"/>
      <c r="KOP1016" s="10"/>
      <c r="KOQ1016" s="10"/>
      <c r="KOR1016" s="10"/>
      <c r="KOS1016" s="10"/>
      <c r="KOT1016" s="10"/>
      <c r="KOU1016" s="10"/>
      <c r="KOV1016" s="10"/>
      <c r="KOW1016" s="10"/>
      <c r="KOX1016" s="10"/>
      <c r="KOY1016" s="10"/>
      <c r="KOZ1016" s="10"/>
      <c r="KPA1016" s="10"/>
      <c r="KPB1016" s="10"/>
      <c r="KPC1016" s="10"/>
      <c r="KPD1016" s="10"/>
      <c r="KPE1016" s="10"/>
      <c r="KPF1016" s="10"/>
      <c r="KPG1016" s="10"/>
      <c r="KPH1016" s="10"/>
      <c r="KPI1016" s="10"/>
      <c r="KPJ1016" s="10"/>
      <c r="KPK1016" s="10"/>
      <c r="KPL1016" s="10"/>
      <c r="KPM1016" s="10"/>
      <c r="KPN1016" s="10"/>
      <c r="KPO1016" s="10"/>
      <c r="KPP1016" s="10"/>
      <c r="KPQ1016" s="10"/>
      <c r="KPR1016" s="10"/>
      <c r="KPS1016" s="10"/>
      <c r="KPT1016" s="10"/>
      <c r="KPU1016" s="10"/>
      <c r="KPV1016" s="10"/>
      <c r="KPW1016" s="10"/>
      <c r="KPX1016" s="10"/>
      <c r="KPY1016" s="10"/>
      <c r="KPZ1016" s="10"/>
      <c r="KQA1016" s="10"/>
      <c r="KQB1016" s="10"/>
      <c r="KQC1016" s="10"/>
      <c r="KQD1016" s="10"/>
      <c r="KQE1016" s="10"/>
      <c r="KQF1016" s="10"/>
      <c r="KQG1016" s="10"/>
      <c r="KQH1016" s="10"/>
      <c r="KQI1016" s="10"/>
      <c r="KQJ1016" s="10"/>
      <c r="KQK1016" s="10"/>
      <c r="KQL1016" s="10"/>
      <c r="KQM1016" s="10"/>
      <c r="KQN1016" s="10"/>
      <c r="KQO1016" s="10"/>
      <c r="KQP1016" s="10"/>
      <c r="KQQ1016" s="10"/>
      <c r="KQR1016" s="10"/>
      <c r="KQS1016" s="10"/>
      <c r="KQT1016" s="10"/>
      <c r="KQU1016" s="10"/>
      <c r="KQV1016" s="10"/>
      <c r="KQW1016" s="10"/>
      <c r="KQX1016" s="10"/>
      <c r="KQY1016" s="10"/>
      <c r="KQZ1016" s="10"/>
      <c r="KRA1016" s="10"/>
      <c r="KRB1016" s="10"/>
      <c r="KRC1016" s="10"/>
      <c r="KRD1016" s="10"/>
      <c r="KRE1016" s="10"/>
      <c r="KRF1016" s="10"/>
      <c r="KRG1016" s="10"/>
      <c r="KRH1016" s="10"/>
      <c r="KRI1016" s="10"/>
      <c r="KRJ1016" s="10"/>
      <c r="KRK1016" s="10"/>
      <c r="KRL1016" s="10"/>
      <c r="KRM1016" s="10"/>
      <c r="KRN1016" s="10"/>
      <c r="KRO1016" s="10"/>
      <c r="KRP1016" s="10"/>
      <c r="KRQ1016" s="10"/>
      <c r="KRR1016" s="10"/>
      <c r="KRS1016" s="10"/>
      <c r="KRT1016" s="10"/>
      <c r="KRU1016" s="10"/>
      <c r="KRV1016" s="10"/>
      <c r="KRW1016" s="10"/>
      <c r="KRX1016" s="10"/>
      <c r="KRY1016" s="10"/>
      <c r="KRZ1016" s="10"/>
      <c r="KSA1016" s="10"/>
      <c r="KSB1016" s="10"/>
      <c r="KSC1016" s="10"/>
      <c r="KSD1016" s="10"/>
      <c r="KSE1016" s="10"/>
      <c r="KSF1016" s="10"/>
      <c r="KSG1016" s="10"/>
      <c r="KSH1016" s="10"/>
      <c r="KSI1016" s="10"/>
      <c r="KSJ1016" s="10"/>
      <c r="KSK1016" s="10"/>
      <c r="KSL1016" s="10"/>
      <c r="KSM1016" s="10"/>
      <c r="KSN1016" s="10"/>
      <c r="KSO1016" s="10"/>
      <c r="KSP1016" s="10"/>
      <c r="KSQ1016" s="10"/>
      <c r="KSR1016" s="10"/>
      <c r="KSS1016" s="10"/>
      <c r="KST1016" s="10"/>
      <c r="KSU1016" s="10"/>
      <c r="KSV1016" s="10"/>
      <c r="KSW1016" s="10"/>
      <c r="KSX1016" s="10"/>
      <c r="KSY1016" s="10"/>
      <c r="KSZ1016" s="10"/>
      <c r="KTA1016" s="10"/>
      <c r="KTB1016" s="10"/>
      <c r="KTC1016" s="10"/>
      <c r="KTD1016" s="10"/>
      <c r="KTE1016" s="10"/>
      <c r="KTF1016" s="10"/>
      <c r="KTG1016" s="10"/>
      <c r="KTH1016" s="10"/>
      <c r="KTI1016" s="10"/>
      <c r="KTJ1016" s="10"/>
      <c r="KTK1016" s="10"/>
      <c r="KTL1016" s="10"/>
      <c r="KTM1016" s="10"/>
      <c r="KTN1016" s="10"/>
      <c r="KTO1016" s="10"/>
      <c r="KTP1016" s="10"/>
      <c r="KTQ1016" s="10"/>
      <c r="KTR1016" s="10"/>
      <c r="KTS1016" s="10"/>
      <c r="KTT1016" s="10"/>
      <c r="KTU1016" s="10"/>
      <c r="KTV1016" s="10"/>
      <c r="KTW1016" s="10"/>
      <c r="KTX1016" s="10"/>
      <c r="KTY1016" s="10"/>
      <c r="KTZ1016" s="10"/>
      <c r="KUA1016" s="10"/>
      <c r="KUB1016" s="10"/>
      <c r="KUC1016" s="10"/>
      <c r="KUD1016" s="10"/>
      <c r="KUE1016" s="10"/>
      <c r="KUF1016" s="10"/>
      <c r="KUG1016" s="10"/>
      <c r="KUH1016" s="10"/>
      <c r="KUI1016" s="10"/>
      <c r="KUJ1016" s="10"/>
      <c r="KUK1016" s="10"/>
      <c r="KUL1016" s="10"/>
      <c r="KUM1016" s="10"/>
      <c r="KUN1016" s="10"/>
      <c r="KUO1016" s="10"/>
      <c r="KUP1016" s="10"/>
      <c r="KUQ1016" s="10"/>
      <c r="KUR1016" s="10"/>
      <c r="KUS1016" s="10"/>
      <c r="KUT1016" s="10"/>
      <c r="KUU1016" s="10"/>
      <c r="KUV1016" s="10"/>
      <c r="KUW1016" s="10"/>
      <c r="KUX1016" s="10"/>
      <c r="KUY1016" s="10"/>
      <c r="KUZ1016" s="10"/>
      <c r="KVA1016" s="10"/>
      <c r="KVB1016" s="10"/>
      <c r="KVC1016" s="10"/>
      <c r="KVD1016" s="10"/>
      <c r="KVE1016" s="10"/>
      <c r="KVF1016" s="10"/>
      <c r="KVG1016" s="10"/>
      <c r="KVH1016" s="10"/>
      <c r="KVI1016" s="10"/>
      <c r="KVJ1016" s="10"/>
      <c r="KVK1016" s="10"/>
      <c r="KVL1016" s="10"/>
      <c r="KVM1016" s="10"/>
      <c r="KVN1016" s="10"/>
      <c r="KVO1016" s="10"/>
      <c r="KVP1016" s="10"/>
      <c r="KVQ1016" s="10"/>
      <c r="KVR1016" s="10"/>
      <c r="KVS1016" s="10"/>
      <c r="KVT1016" s="10"/>
      <c r="KVU1016" s="10"/>
      <c r="KVV1016" s="10"/>
      <c r="KVW1016" s="10"/>
      <c r="KVX1016" s="10"/>
      <c r="KVY1016" s="10"/>
      <c r="KVZ1016" s="10"/>
      <c r="KWA1016" s="10"/>
      <c r="KWB1016" s="10"/>
      <c r="KWC1016" s="10"/>
      <c r="KWD1016" s="10"/>
      <c r="KWE1016" s="10"/>
      <c r="KWF1016" s="10"/>
      <c r="KWG1016" s="10"/>
      <c r="KWH1016" s="10"/>
      <c r="KWI1016" s="10"/>
      <c r="KWJ1016" s="10"/>
      <c r="KWK1016" s="10"/>
      <c r="KWL1016" s="10"/>
      <c r="KWM1016" s="10"/>
      <c r="KWN1016" s="10"/>
      <c r="KWO1016" s="10"/>
      <c r="KWP1016" s="10"/>
      <c r="KWQ1016" s="10"/>
      <c r="KWR1016" s="10"/>
      <c r="KWS1016" s="10"/>
      <c r="KWT1016" s="10"/>
      <c r="KWU1016" s="10"/>
      <c r="KWV1016" s="10"/>
      <c r="KWW1016" s="10"/>
      <c r="KWX1016" s="10"/>
      <c r="KWY1016" s="10"/>
      <c r="KWZ1016" s="10"/>
      <c r="KXA1016" s="10"/>
      <c r="KXB1016" s="10"/>
      <c r="KXC1016" s="10"/>
      <c r="KXD1016" s="10"/>
      <c r="KXE1016" s="10"/>
      <c r="KXF1016" s="10"/>
      <c r="KXG1016" s="10"/>
      <c r="KXH1016" s="10"/>
      <c r="KXI1016" s="10"/>
      <c r="KXJ1016" s="10"/>
      <c r="KXK1016" s="10"/>
      <c r="KXL1016" s="10"/>
      <c r="KXM1016" s="10"/>
      <c r="KXN1016" s="10"/>
      <c r="KXO1016" s="10"/>
      <c r="KXP1016" s="10"/>
      <c r="KXQ1016" s="10"/>
      <c r="KXR1016" s="10"/>
      <c r="KXS1016" s="10"/>
      <c r="KXT1016" s="10"/>
      <c r="KXU1016" s="10"/>
      <c r="KXV1016" s="10"/>
      <c r="KXW1016" s="10"/>
      <c r="KXX1016" s="10"/>
      <c r="KXY1016" s="10"/>
      <c r="KXZ1016" s="10"/>
      <c r="KYA1016" s="10"/>
      <c r="KYB1016" s="10"/>
      <c r="KYC1016" s="10"/>
      <c r="KYD1016" s="10"/>
      <c r="KYE1016" s="10"/>
      <c r="KYF1016" s="10"/>
      <c r="KYG1016" s="10"/>
      <c r="KYH1016" s="10"/>
      <c r="KYI1016" s="10"/>
      <c r="KYJ1016" s="10"/>
      <c r="KYK1016" s="10"/>
      <c r="KYL1016" s="10"/>
      <c r="KYM1016" s="10"/>
      <c r="KYN1016" s="10"/>
      <c r="KYO1016" s="10"/>
      <c r="KYP1016" s="10"/>
      <c r="KYQ1016" s="10"/>
      <c r="KYR1016" s="10"/>
      <c r="KYS1016" s="10"/>
      <c r="KYT1016" s="10"/>
      <c r="KYU1016" s="10"/>
      <c r="KYV1016" s="10"/>
      <c r="KYW1016" s="10"/>
      <c r="KYX1016" s="10"/>
      <c r="KYY1016" s="10"/>
      <c r="KYZ1016" s="10"/>
      <c r="KZA1016" s="10"/>
      <c r="KZB1016" s="10"/>
      <c r="KZC1016" s="10"/>
      <c r="KZD1016" s="10"/>
      <c r="KZE1016" s="10"/>
      <c r="KZF1016" s="10"/>
      <c r="KZG1016" s="10"/>
      <c r="KZH1016" s="10"/>
      <c r="KZI1016" s="10"/>
      <c r="KZJ1016" s="10"/>
      <c r="KZK1016" s="10"/>
      <c r="KZL1016" s="10"/>
      <c r="KZM1016" s="10"/>
      <c r="KZN1016" s="10"/>
      <c r="KZO1016" s="10"/>
      <c r="KZP1016" s="10"/>
      <c r="KZQ1016" s="10"/>
      <c r="KZR1016" s="10"/>
      <c r="KZS1016" s="10"/>
      <c r="KZT1016" s="10"/>
      <c r="KZU1016" s="10"/>
      <c r="KZV1016" s="10"/>
      <c r="KZW1016" s="10"/>
      <c r="KZX1016" s="10"/>
      <c r="KZY1016" s="10"/>
      <c r="KZZ1016" s="10"/>
      <c r="LAA1016" s="10"/>
      <c r="LAB1016" s="10"/>
      <c r="LAC1016" s="10"/>
      <c r="LAD1016" s="10"/>
      <c r="LAE1016" s="10"/>
      <c r="LAF1016" s="10"/>
      <c r="LAG1016" s="10"/>
      <c r="LAH1016" s="10"/>
      <c r="LAI1016" s="10"/>
      <c r="LAJ1016" s="10"/>
      <c r="LAK1016" s="10"/>
      <c r="LAL1016" s="10"/>
      <c r="LAM1016" s="10"/>
      <c r="LAN1016" s="10"/>
      <c r="LAO1016" s="10"/>
      <c r="LAP1016" s="10"/>
      <c r="LAQ1016" s="10"/>
      <c r="LAR1016" s="10"/>
      <c r="LAS1016" s="10"/>
      <c r="LAT1016" s="10"/>
      <c r="LAU1016" s="10"/>
      <c r="LAV1016" s="10"/>
      <c r="LAW1016" s="10"/>
      <c r="LAX1016" s="10"/>
      <c r="LAY1016" s="10"/>
      <c r="LAZ1016" s="10"/>
      <c r="LBA1016" s="10"/>
      <c r="LBB1016" s="10"/>
      <c r="LBC1016" s="10"/>
      <c r="LBD1016" s="10"/>
      <c r="LBE1016" s="10"/>
      <c r="LBF1016" s="10"/>
      <c r="LBG1016" s="10"/>
      <c r="LBH1016" s="10"/>
      <c r="LBI1016" s="10"/>
      <c r="LBJ1016" s="10"/>
      <c r="LBK1016" s="10"/>
      <c r="LBL1016" s="10"/>
      <c r="LBM1016" s="10"/>
      <c r="LBN1016" s="10"/>
      <c r="LBO1016" s="10"/>
      <c r="LBP1016" s="10"/>
      <c r="LBQ1016" s="10"/>
      <c r="LBR1016" s="10"/>
      <c r="LBS1016" s="10"/>
      <c r="LBT1016" s="10"/>
      <c r="LBU1016" s="10"/>
      <c r="LBV1016" s="10"/>
      <c r="LBW1016" s="10"/>
      <c r="LBX1016" s="10"/>
      <c r="LBY1016" s="10"/>
      <c r="LBZ1016" s="10"/>
      <c r="LCA1016" s="10"/>
      <c r="LCB1016" s="10"/>
      <c r="LCC1016" s="10"/>
      <c r="LCD1016" s="10"/>
      <c r="LCE1016" s="10"/>
      <c r="LCF1016" s="10"/>
      <c r="LCG1016" s="10"/>
      <c r="LCH1016" s="10"/>
      <c r="LCI1016" s="10"/>
      <c r="LCJ1016" s="10"/>
      <c r="LCK1016" s="10"/>
      <c r="LCL1016" s="10"/>
      <c r="LCM1016" s="10"/>
      <c r="LCN1016" s="10"/>
      <c r="LCO1016" s="10"/>
      <c r="LCP1016" s="10"/>
      <c r="LCQ1016" s="10"/>
      <c r="LCR1016" s="10"/>
      <c r="LCS1016" s="10"/>
      <c r="LCT1016" s="10"/>
      <c r="LCU1016" s="10"/>
      <c r="LCV1016" s="10"/>
      <c r="LCW1016" s="10"/>
      <c r="LCX1016" s="10"/>
      <c r="LCY1016" s="10"/>
      <c r="LCZ1016" s="10"/>
      <c r="LDA1016" s="10"/>
      <c r="LDB1016" s="10"/>
      <c r="LDC1016" s="10"/>
      <c r="LDD1016" s="10"/>
      <c r="LDE1016" s="10"/>
      <c r="LDF1016" s="10"/>
      <c r="LDG1016" s="10"/>
      <c r="LDH1016" s="10"/>
      <c r="LDI1016" s="10"/>
      <c r="LDJ1016" s="10"/>
      <c r="LDK1016" s="10"/>
      <c r="LDL1016" s="10"/>
      <c r="LDM1016" s="10"/>
      <c r="LDN1016" s="10"/>
      <c r="LDO1016" s="10"/>
      <c r="LDP1016" s="10"/>
      <c r="LDQ1016" s="10"/>
      <c r="LDR1016" s="10"/>
      <c r="LDS1016" s="10"/>
      <c r="LDT1016" s="10"/>
      <c r="LDU1016" s="10"/>
      <c r="LDV1016" s="10"/>
      <c r="LDW1016" s="10"/>
      <c r="LDX1016" s="10"/>
      <c r="LDY1016" s="10"/>
      <c r="LDZ1016" s="10"/>
      <c r="LEA1016" s="10"/>
      <c r="LEB1016" s="10"/>
      <c r="LEC1016" s="10"/>
      <c r="LED1016" s="10"/>
      <c r="LEE1016" s="10"/>
      <c r="LEF1016" s="10"/>
      <c r="LEG1016" s="10"/>
      <c r="LEH1016" s="10"/>
      <c r="LEI1016" s="10"/>
      <c r="LEJ1016" s="10"/>
      <c r="LEK1016" s="10"/>
      <c r="LEL1016" s="10"/>
      <c r="LEM1016" s="10"/>
      <c r="LEN1016" s="10"/>
      <c r="LEO1016" s="10"/>
      <c r="LEP1016" s="10"/>
      <c r="LEQ1016" s="10"/>
      <c r="LER1016" s="10"/>
      <c r="LES1016" s="10"/>
      <c r="LET1016" s="10"/>
      <c r="LEU1016" s="10"/>
      <c r="LEV1016" s="10"/>
      <c r="LEW1016" s="10"/>
      <c r="LEX1016" s="10"/>
      <c r="LEY1016" s="10"/>
      <c r="LEZ1016" s="10"/>
      <c r="LFA1016" s="10"/>
      <c r="LFB1016" s="10"/>
      <c r="LFC1016" s="10"/>
      <c r="LFD1016" s="10"/>
      <c r="LFE1016" s="10"/>
      <c r="LFF1016" s="10"/>
      <c r="LFG1016" s="10"/>
      <c r="LFH1016" s="10"/>
      <c r="LFI1016" s="10"/>
      <c r="LFJ1016" s="10"/>
      <c r="LFK1016" s="10"/>
      <c r="LFL1016" s="10"/>
      <c r="LFM1016" s="10"/>
      <c r="LFN1016" s="10"/>
      <c r="LFO1016" s="10"/>
      <c r="LFP1016" s="10"/>
      <c r="LFQ1016" s="10"/>
      <c r="LFR1016" s="10"/>
      <c r="LFS1016" s="10"/>
      <c r="LFT1016" s="10"/>
      <c r="LFU1016" s="10"/>
      <c r="LFV1016" s="10"/>
      <c r="LFW1016" s="10"/>
      <c r="LFX1016" s="10"/>
      <c r="LFY1016" s="10"/>
      <c r="LFZ1016" s="10"/>
      <c r="LGA1016" s="10"/>
      <c r="LGB1016" s="10"/>
      <c r="LGC1016" s="10"/>
      <c r="LGD1016" s="10"/>
      <c r="LGE1016" s="10"/>
      <c r="LGF1016" s="10"/>
      <c r="LGG1016" s="10"/>
      <c r="LGH1016" s="10"/>
      <c r="LGI1016" s="10"/>
      <c r="LGJ1016" s="10"/>
      <c r="LGK1016" s="10"/>
      <c r="LGL1016" s="10"/>
      <c r="LGM1016" s="10"/>
      <c r="LGN1016" s="10"/>
      <c r="LGO1016" s="10"/>
      <c r="LGP1016" s="10"/>
      <c r="LGQ1016" s="10"/>
      <c r="LGR1016" s="10"/>
      <c r="LGS1016" s="10"/>
      <c r="LGT1016" s="10"/>
      <c r="LGU1016" s="10"/>
      <c r="LGV1016" s="10"/>
      <c r="LGW1016" s="10"/>
      <c r="LGX1016" s="10"/>
      <c r="LGY1016" s="10"/>
      <c r="LGZ1016" s="10"/>
      <c r="LHA1016" s="10"/>
      <c r="LHB1016" s="10"/>
      <c r="LHC1016" s="10"/>
      <c r="LHD1016" s="10"/>
      <c r="LHE1016" s="10"/>
      <c r="LHF1016" s="10"/>
      <c r="LHG1016" s="10"/>
      <c r="LHH1016" s="10"/>
      <c r="LHI1016" s="10"/>
      <c r="LHJ1016" s="10"/>
      <c r="LHK1016" s="10"/>
      <c r="LHL1016" s="10"/>
      <c r="LHM1016" s="10"/>
      <c r="LHN1016" s="10"/>
      <c r="LHO1016" s="10"/>
      <c r="LHP1016" s="10"/>
      <c r="LHQ1016" s="10"/>
      <c r="LHR1016" s="10"/>
      <c r="LHS1016" s="10"/>
      <c r="LHT1016" s="10"/>
      <c r="LHU1016" s="10"/>
      <c r="LHV1016" s="10"/>
      <c r="LHW1016" s="10"/>
      <c r="LHX1016" s="10"/>
      <c r="LHY1016" s="10"/>
      <c r="LHZ1016" s="10"/>
      <c r="LIA1016" s="10"/>
      <c r="LIB1016" s="10"/>
      <c r="LIC1016" s="10"/>
      <c r="LID1016" s="10"/>
      <c r="LIE1016" s="10"/>
      <c r="LIF1016" s="10"/>
      <c r="LIG1016" s="10"/>
      <c r="LIH1016" s="10"/>
      <c r="LII1016" s="10"/>
      <c r="LIJ1016" s="10"/>
      <c r="LIK1016" s="10"/>
      <c r="LIL1016" s="10"/>
      <c r="LIM1016" s="10"/>
      <c r="LIN1016" s="10"/>
      <c r="LIO1016" s="10"/>
      <c r="LIP1016" s="10"/>
      <c r="LIQ1016" s="10"/>
      <c r="LIR1016" s="10"/>
      <c r="LIS1016" s="10"/>
      <c r="LIT1016" s="10"/>
      <c r="LIU1016" s="10"/>
      <c r="LIV1016" s="10"/>
      <c r="LIW1016" s="10"/>
      <c r="LIX1016" s="10"/>
      <c r="LIY1016" s="10"/>
      <c r="LIZ1016" s="10"/>
      <c r="LJA1016" s="10"/>
      <c r="LJB1016" s="10"/>
      <c r="LJC1016" s="10"/>
      <c r="LJD1016" s="10"/>
      <c r="LJE1016" s="10"/>
      <c r="LJF1016" s="10"/>
      <c r="LJG1016" s="10"/>
      <c r="LJH1016" s="10"/>
      <c r="LJI1016" s="10"/>
      <c r="LJJ1016" s="10"/>
      <c r="LJK1016" s="10"/>
      <c r="LJL1016" s="10"/>
      <c r="LJM1016" s="10"/>
      <c r="LJN1016" s="10"/>
      <c r="LJO1016" s="10"/>
      <c r="LJP1016" s="10"/>
      <c r="LJQ1016" s="10"/>
      <c r="LJR1016" s="10"/>
      <c r="LJS1016" s="10"/>
      <c r="LJT1016" s="10"/>
      <c r="LJU1016" s="10"/>
      <c r="LJV1016" s="10"/>
      <c r="LJW1016" s="10"/>
      <c r="LJX1016" s="10"/>
      <c r="LJY1016" s="10"/>
      <c r="LJZ1016" s="10"/>
      <c r="LKA1016" s="10"/>
      <c r="LKB1016" s="10"/>
      <c r="LKC1016" s="10"/>
      <c r="LKD1016" s="10"/>
      <c r="LKE1016" s="10"/>
      <c r="LKF1016" s="10"/>
      <c r="LKG1016" s="10"/>
      <c r="LKH1016" s="10"/>
      <c r="LKI1016" s="10"/>
      <c r="LKJ1016" s="10"/>
      <c r="LKK1016" s="10"/>
      <c r="LKL1016" s="10"/>
      <c r="LKM1016" s="10"/>
      <c r="LKN1016" s="10"/>
      <c r="LKO1016" s="10"/>
      <c r="LKP1016" s="10"/>
      <c r="LKQ1016" s="10"/>
      <c r="LKR1016" s="10"/>
      <c r="LKS1016" s="10"/>
      <c r="LKT1016" s="10"/>
      <c r="LKU1016" s="10"/>
      <c r="LKV1016" s="10"/>
      <c r="LKW1016" s="10"/>
      <c r="LKX1016" s="10"/>
      <c r="LKY1016" s="10"/>
      <c r="LKZ1016" s="10"/>
      <c r="LLA1016" s="10"/>
      <c r="LLB1016" s="10"/>
      <c r="LLC1016" s="10"/>
      <c r="LLD1016" s="10"/>
      <c r="LLE1016" s="10"/>
      <c r="LLF1016" s="10"/>
      <c r="LLG1016" s="10"/>
      <c r="LLH1016" s="10"/>
      <c r="LLI1016" s="10"/>
      <c r="LLJ1016" s="10"/>
      <c r="LLK1016" s="10"/>
      <c r="LLL1016" s="10"/>
      <c r="LLM1016" s="10"/>
      <c r="LLN1016" s="10"/>
      <c r="LLO1016" s="10"/>
      <c r="LLP1016" s="10"/>
      <c r="LLQ1016" s="10"/>
      <c r="LLR1016" s="10"/>
      <c r="LLS1016" s="10"/>
      <c r="LLT1016" s="10"/>
      <c r="LLU1016" s="10"/>
      <c r="LLV1016" s="10"/>
      <c r="LLW1016" s="10"/>
      <c r="LLX1016" s="10"/>
      <c r="LLY1016" s="10"/>
      <c r="LLZ1016" s="10"/>
      <c r="LMA1016" s="10"/>
      <c r="LMB1016" s="10"/>
      <c r="LMC1016" s="10"/>
      <c r="LMD1016" s="10"/>
      <c r="LME1016" s="10"/>
      <c r="LMF1016" s="10"/>
      <c r="LMG1016" s="10"/>
      <c r="LMH1016" s="10"/>
      <c r="LMI1016" s="10"/>
      <c r="LMJ1016" s="10"/>
      <c r="LMK1016" s="10"/>
      <c r="LML1016" s="10"/>
      <c r="LMM1016" s="10"/>
      <c r="LMN1016" s="10"/>
      <c r="LMO1016" s="10"/>
      <c r="LMP1016" s="10"/>
      <c r="LMQ1016" s="10"/>
      <c r="LMR1016" s="10"/>
      <c r="LMS1016" s="10"/>
      <c r="LMT1016" s="10"/>
      <c r="LMU1016" s="10"/>
      <c r="LMV1016" s="10"/>
      <c r="LMW1016" s="10"/>
      <c r="LMX1016" s="10"/>
      <c r="LMY1016" s="10"/>
      <c r="LMZ1016" s="10"/>
      <c r="LNA1016" s="10"/>
      <c r="LNB1016" s="10"/>
      <c r="LNC1016" s="10"/>
      <c r="LND1016" s="10"/>
      <c r="LNE1016" s="10"/>
      <c r="LNF1016" s="10"/>
      <c r="LNG1016" s="10"/>
      <c r="LNH1016" s="10"/>
      <c r="LNI1016" s="10"/>
      <c r="LNJ1016" s="10"/>
      <c r="LNK1016" s="10"/>
      <c r="LNL1016" s="10"/>
      <c r="LNM1016" s="10"/>
      <c r="LNN1016" s="10"/>
      <c r="LNO1016" s="10"/>
      <c r="LNP1016" s="10"/>
      <c r="LNQ1016" s="10"/>
      <c r="LNR1016" s="10"/>
      <c r="LNS1016" s="10"/>
      <c r="LNT1016" s="10"/>
      <c r="LNU1016" s="10"/>
      <c r="LNV1016" s="10"/>
      <c r="LNW1016" s="10"/>
      <c r="LNX1016" s="10"/>
      <c r="LNY1016" s="10"/>
      <c r="LNZ1016" s="10"/>
      <c r="LOA1016" s="10"/>
      <c r="LOB1016" s="10"/>
      <c r="LOC1016" s="10"/>
      <c r="LOD1016" s="10"/>
      <c r="LOE1016" s="10"/>
      <c r="LOF1016" s="10"/>
      <c r="LOG1016" s="10"/>
      <c r="LOH1016" s="10"/>
      <c r="LOI1016" s="10"/>
      <c r="LOJ1016" s="10"/>
      <c r="LOK1016" s="10"/>
      <c r="LOL1016" s="10"/>
      <c r="LOM1016" s="10"/>
      <c r="LON1016" s="10"/>
      <c r="LOO1016" s="10"/>
      <c r="LOP1016" s="10"/>
      <c r="LOQ1016" s="10"/>
      <c r="LOR1016" s="10"/>
      <c r="LOS1016" s="10"/>
      <c r="LOT1016" s="10"/>
      <c r="LOU1016" s="10"/>
      <c r="LOV1016" s="10"/>
      <c r="LOW1016" s="10"/>
      <c r="LOX1016" s="10"/>
      <c r="LOY1016" s="10"/>
      <c r="LOZ1016" s="10"/>
      <c r="LPA1016" s="10"/>
      <c r="LPB1016" s="10"/>
      <c r="LPC1016" s="10"/>
      <c r="LPD1016" s="10"/>
      <c r="LPE1016" s="10"/>
      <c r="LPF1016" s="10"/>
      <c r="LPG1016" s="10"/>
      <c r="LPH1016" s="10"/>
      <c r="LPI1016" s="10"/>
      <c r="LPJ1016" s="10"/>
      <c r="LPK1016" s="10"/>
      <c r="LPL1016" s="10"/>
      <c r="LPM1016" s="10"/>
      <c r="LPN1016" s="10"/>
      <c r="LPO1016" s="10"/>
      <c r="LPP1016" s="10"/>
      <c r="LPQ1016" s="10"/>
      <c r="LPR1016" s="10"/>
      <c r="LPS1016" s="10"/>
      <c r="LPT1016" s="10"/>
      <c r="LPU1016" s="10"/>
      <c r="LPV1016" s="10"/>
      <c r="LPW1016" s="10"/>
      <c r="LPX1016" s="10"/>
      <c r="LPY1016" s="10"/>
      <c r="LPZ1016" s="10"/>
      <c r="LQA1016" s="10"/>
      <c r="LQB1016" s="10"/>
      <c r="LQC1016" s="10"/>
      <c r="LQD1016" s="10"/>
      <c r="LQE1016" s="10"/>
      <c r="LQF1016" s="10"/>
      <c r="LQG1016" s="10"/>
      <c r="LQH1016" s="10"/>
      <c r="LQI1016" s="10"/>
      <c r="LQJ1016" s="10"/>
      <c r="LQK1016" s="10"/>
      <c r="LQL1016" s="10"/>
      <c r="LQM1016" s="10"/>
      <c r="LQN1016" s="10"/>
      <c r="LQO1016" s="10"/>
      <c r="LQP1016" s="10"/>
      <c r="LQQ1016" s="10"/>
      <c r="LQR1016" s="10"/>
      <c r="LQS1016" s="10"/>
      <c r="LQT1016" s="10"/>
      <c r="LQU1016" s="10"/>
      <c r="LQV1016" s="10"/>
      <c r="LQW1016" s="10"/>
      <c r="LQX1016" s="10"/>
      <c r="LQY1016" s="10"/>
      <c r="LQZ1016" s="10"/>
      <c r="LRA1016" s="10"/>
      <c r="LRB1016" s="10"/>
      <c r="LRC1016" s="10"/>
      <c r="LRD1016" s="10"/>
      <c r="LRE1016" s="10"/>
      <c r="LRF1016" s="10"/>
      <c r="LRG1016" s="10"/>
      <c r="LRH1016" s="10"/>
      <c r="LRI1016" s="10"/>
      <c r="LRJ1016" s="10"/>
      <c r="LRK1016" s="10"/>
      <c r="LRL1016" s="10"/>
      <c r="LRM1016" s="10"/>
      <c r="LRN1016" s="10"/>
      <c r="LRO1016" s="10"/>
      <c r="LRP1016" s="10"/>
      <c r="LRQ1016" s="10"/>
      <c r="LRR1016" s="10"/>
      <c r="LRS1016" s="10"/>
      <c r="LRT1016" s="10"/>
      <c r="LRU1016" s="10"/>
      <c r="LRV1016" s="10"/>
      <c r="LRW1016" s="10"/>
      <c r="LRX1016" s="10"/>
      <c r="LRY1016" s="10"/>
      <c r="LRZ1016" s="10"/>
      <c r="LSA1016" s="10"/>
      <c r="LSB1016" s="10"/>
      <c r="LSC1016" s="10"/>
      <c r="LSD1016" s="10"/>
      <c r="LSE1016" s="10"/>
      <c r="LSF1016" s="10"/>
      <c r="LSG1016" s="10"/>
      <c r="LSH1016" s="10"/>
      <c r="LSI1016" s="10"/>
      <c r="LSJ1016" s="10"/>
      <c r="LSK1016" s="10"/>
      <c r="LSL1016" s="10"/>
      <c r="LSM1016" s="10"/>
      <c r="LSN1016" s="10"/>
      <c r="LSO1016" s="10"/>
      <c r="LSP1016" s="10"/>
      <c r="LSQ1016" s="10"/>
      <c r="LSR1016" s="10"/>
      <c r="LSS1016" s="10"/>
      <c r="LST1016" s="10"/>
      <c r="LSU1016" s="10"/>
      <c r="LSV1016" s="10"/>
      <c r="LSW1016" s="10"/>
      <c r="LSX1016" s="10"/>
      <c r="LSY1016" s="10"/>
      <c r="LSZ1016" s="10"/>
      <c r="LTA1016" s="10"/>
      <c r="LTB1016" s="10"/>
      <c r="LTC1016" s="10"/>
      <c r="LTD1016" s="10"/>
      <c r="LTE1016" s="10"/>
      <c r="LTF1016" s="10"/>
      <c r="LTG1016" s="10"/>
      <c r="LTH1016" s="10"/>
      <c r="LTI1016" s="10"/>
      <c r="LTJ1016" s="10"/>
      <c r="LTK1016" s="10"/>
      <c r="LTL1016" s="10"/>
      <c r="LTM1016" s="10"/>
      <c r="LTN1016" s="10"/>
      <c r="LTO1016" s="10"/>
      <c r="LTP1016" s="10"/>
      <c r="LTQ1016" s="10"/>
      <c r="LTR1016" s="10"/>
      <c r="LTS1016" s="10"/>
      <c r="LTT1016" s="10"/>
      <c r="LTU1016" s="10"/>
      <c r="LTV1016" s="10"/>
      <c r="LTW1016" s="10"/>
      <c r="LTX1016" s="10"/>
      <c r="LTY1016" s="10"/>
      <c r="LTZ1016" s="10"/>
      <c r="LUA1016" s="10"/>
      <c r="LUB1016" s="10"/>
      <c r="LUC1016" s="10"/>
      <c r="LUD1016" s="10"/>
      <c r="LUE1016" s="10"/>
      <c r="LUF1016" s="10"/>
      <c r="LUG1016" s="10"/>
      <c r="LUH1016" s="10"/>
      <c r="LUI1016" s="10"/>
      <c r="LUJ1016" s="10"/>
      <c r="LUK1016" s="10"/>
      <c r="LUL1016" s="10"/>
      <c r="LUM1016" s="10"/>
      <c r="LUN1016" s="10"/>
      <c r="LUO1016" s="10"/>
      <c r="LUP1016" s="10"/>
      <c r="LUQ1016" s="10"/>
      <c r="LUR1016" s="10"/>
      <c r="LUS1016" s="10"/>
      <c r="LUT1016" s="10"/>
      <c r="LUU1016" s="10"/>
      <c r="LUV1016" s="10"/>
      <c r="LUW1016" s="10"/>
      <c r="LUX1016" s="10"/>
      <c r="LUY1016" s="10"/>
      <c r="LUZ1016" s="10"/>
      <c r="LVA1016" s="10"/>
      <c r="LVB1016" s="10"/>
      <c r="LVC1016" s="10"/>
      <c r="LVD1016" s="10"/>
      <c r="LVE1016" s="10"/>
      <c r="LVF1016" s="10"/>
      <c r="LVG1016" s="10"/>
      <c r="LVH1016" s="10"/>
      <c r="LVI1016" s="10"/>
      <c r="LVJ1016" s="10"/>
      <c r="LVK1016" s="10"/>
      <c r="LVL1016" s="10"/>
      <c r="LVM1016" s="10"/>
      <c r="LVN1016" s="10"/>
      <c r="LVO1016" s="10"/>
      <c r="LVP1016" s="10"/>
      <c r="LVQ1016" s="10"/>
      <c r="LVR1016" s="10"/>
      <c r="LVS1016" s="10"/>
      <c r="LVT1016" s="10"/>
      <c r="LVU1016" s="10"/>
      <c r="LVV1016" s="10"/>
      <c r="LVW1016" s="10"/>
      <c r="LVX1016" s="10"/>
      <c r="LVY1016" s="10"/>
      <c r="LVZ1016" s="10"/>
      <c r="LWA1016" s="10"/>
      <c r="LWB1016" s="10"/>
      <c r="LWC1016" s="10"/>
      <c r="LWD1016" s="10"/>
      <c r="LWE1016" s="10"/>
      <c r="LWF1016" s="10"/>
      <c r="LWG1016" s="10"/>
      <c r="LWH1016" s="10"/>
      <c r="LWI1016" s="10"/>
      <c r="LWJ1016" s="10"/>
      <c r="LWK1016" s="10"/>
      <c r="LWL1016" s="10"/>
      <c r="LWM1016" s="10"/>
      <c r="LWN1016" s="10"/>
      <c r="LWO1016" s="10"/>
      <c r="LWP1016" s="10"/>
      <c r="LWQ1016" s="10"/>
      <c r="LWR1016" s="10"/>
      <c r="LWS1016" s="10"/>
      <c r="LWT1016" s="10"/>
      <c r="LWU1016" s="10"/>
      <c r="LWV1016" s="10"/>
      <c r="LWW1016" s="10"/>
      <c r="LWX1016" s="10"/>
      <c r="LWY1016" s="10"/>
      <c r="LWZ1016" s="10"/>
      <c r="LXA1016" s="10"/>
      <c r="LXB1016" s="10"/>
      <c r="LXC1016" s="10"/>
      <c r="LXD1016" s="10"/>
      <c r="LXE1016" s="10"/>
      <c r="LXF1016" s="10"/>
      <c r="LXG1016" s="10"/>
      <c r="LXH1016" s="10"/>
      <c r="LXI1016" s="10"/>
      <c r="LXJ1016" s="10"/>
      <c r="LXK1016" s="10"/>
      <c r="LXL1016" s="10"/>
      <c r="LXM1016" s="10"/>
      <c r="LXN1016" s="10"/>
      <c r="LXO1016" s="10"/>
      <c r="LXP1016" s="10"/>
      <c r="LXQ1016" s="10"/>
      <c r="LXR1016" s="10"/>
      <c r="LXS1016" s="10"/>
      <c r="LXT1016" s="10"/>
      <c r="LXU1016" s="10"/>
      <c r="LXV1016" s="10"/>
      <c r="LXW1016" s="10"/>
      <c r="LXX1016" s="10"/>
      <c r="LXY1016" s="10"/>
      <c r="LXZ1016" s="10"/>
      <c r="LYA1016" s="10"/>
      <c r="LYB1016" s="10"/>
      <c r="LYC1016" s="10"/>
      <c r="LYD1016" s="10"/>
      <c r="LYE1016" s="10"/>
      <c r="LYF1016" s="10"/>
      <c r="LYG1016" s="10"/>
      <c r="LYH1016" s="10"/>
      <c r="LYI1016" s="10"/>
      <c r="LYJ1016" s="10"/>
      <c r="LYK1016" s="10"/>
      <c r="LYL1016" s="10"/>
      <c r="LYM1016" s="10"/>
      <c r="LYN1016" s="10"/>
      <c r="LYO1016" s="10"/>
      <c r="LYP1016" s="10"/>
      <c r="LYQ1016" s="10"/>
      <c r="LYR1016" s="10"/>
      <c r="LYS1016" s="10"/>
      <c r="LYT1016" s="10"/>
      <c r="LYU1016" s="10"/>
      <c r="LYV1016" s="10"/>
      <c r="LYW1016" s="10"/>
      <c r="LYX1016" s="10"/>
      <c r="LYY1016" s="10"/>
      <c r="LYZ1016" s="10"/>
      <c r="LZA1016" s="10"/>
      <c r="LZB1016" s="10"/>
      <c r="LZC1016" s="10"/>
      <c r="LZD1016" s="10"/>
      <c r="LZE1016" s="10"/>
      <c r="LZF1016" s="10"/>
      <c r="LZG1016" s="10"/>
      <c r="LZH1016" s="10"/>
      <c r="LZI1016" s="10"/>
      <c r="LZJ1016" s="10"/>
      <c r="LZK1016" s="10"/>
      <c r="LZL1016" s="10"/>
      <c r="LZM1016" s="10"/>
      <c r="LZN1016" s="10"/>
      <c r="LZO1016" s="10"/>
      <c r="LZP1016" s="10"/>
      <c r="LZQ1016" s="10"/>
      <c r="LZR1016" s="10"/>
      <c r="LZS1016" s="10"/>
      <c r="LZT1016" s="10"/>
      <c r="LZU1016" s="10"/>
      <c r="LZV1016" s="10"/>
      <c r="LZW1016" s="10"/>
      <c r="LZX1016" s="10"/>
      <c r="LZY1016" s="10"/>
      <c r="LZZ1016" s="10"/>
      <c r="MAA1016" s="10"/>
      <c r="MAB1016" s="10"/>
      <c r="MAC1016" s="10"/>
      <c r="MAD1016" s="10"/>
      <c r="MAE1016" s="10"/>
      <c r="MAF1016" s="10"/>
      <c r="MAG1016" s="10"/>
      <c r="MAH1016" s="10"/>
      <c r="MAI1016" s="10"/>
      <c r="MAJ1016" s="10"/>
      <c r="MAK1016" s="10"/>
      <c r="MAL1016" s="10"/>
      <c r="MAM1016" s="10"/>
      <c r="MAN1016" s="10"/>
      <c r="MAO1016" s="10"/>
      <c r="MAP1016" s="10"/>
      <c r="MAQ1016" s="10"/>
      <c r="MAR1016" s="10"/>
      <c r="MAS1016" s="10"/>
      <c r="MAT1016" s="10"/>
      <c r="MAU1016" s="10"/>
      <c r="MAV1016" s="10"/>
      <c r="MAW1016" s="10"/>
      <c r="MAX1016" s="10"/>
      <c r="MAY1016" s="10"/>
      <c r="MAZ1016" s="10"/>
      <c r="MBA1016" s="10"/>
      <c r="MBB1016" s="10"/>
      <c r="MBC1016" s="10"/>
      <c r="MBD1016" s="10"/>
      <c r="MBE1016" s="10"/>
      <c r="MBF1016" s="10"/>
      <c r="MBG1016" s="10"/>
      <c r="MBH1016" s="10"/>
      <c r="MBI1016" s="10"/>
      <c r="MBJ1016" s="10"/>
      <c r="MBK1016" s="10"/>
      <c r="MBL1016" s="10"/>
      <c r="MBM1016" s="10"/>
      <c r="MBN1016" s="10"/>
      <c r="MBO1016" s="10"/>
      <c r="MBP1016" s="10"/>
      <c r="MBQ1016" s="10"/>
      <c r="MBR1016" s="10"/>
      <c r="MBS1016" s="10"/>
      <c r="MBT1016" s="10"/>
      <c r="MBU1016" s="10"/>
      <c r="MBV1016" s="10"/>
      <c r="MBW1016" s="10"/>
      <c r="MBX1016" s="10"/>
      <c r="MBY1016" s="10"/>
      <c r="MBZ1016" s="10"/>
      <c r="MCA1016" s="10"/>
      <c r="MCB1016" s="10"/>
      <c r="MCC1016" s="10"/>
      <c r="MCD1016" s="10"/>
      <c r="MCE1016" s="10"/>
      <c r="MCF1016" s="10"/>
      <c r="MCG1016" s="10"/>
      <c r="MCH1016" s="10"/>
      <c r="MCI1016" s="10"/>
      <c r="MCJ1016" s="10"/>
      <c r="MCK1016" s="10"/>
      <c r="MCL1016" s="10"/>
      <c r="MCM1016" s="10"/>
      <c r="MCN1016" s="10"/>
      <c r="MCO1016" s="10"/>
      <c r="MCP1016" s="10"/>
      <c r="MCQ1016" s="10"/>
      <c r="MCR1016" s="10"/>
      <c r="MCS1016" s="10"/>
      <c r="MCT1016" s="10"/>
      <c r="MCU1016" s="10"/>
      <c r="MCV1016" s="10"/>
      <c r="MCW1016" s="10"/>
      <c r="MCX1016" s="10"/>
      <c r="MCY1016" s="10"/>
      <c r="MCZ1016" s="10"/>
      <c r="MDA1016" s="10"/>
      <c r="MDB1016" s="10"/>
      <c r="MDC1016" s="10"/>
      <c r="MDD1016" s="10"/>
      <c r="MDE1016" s="10"/>
      <c r="MDF1016" s="10"/>
      <c r="MDG1016" s="10"/>
      <c r="MDH1016" s="10"/>
      <c r="MDI1016" s="10"/>
      <c r="MDJ1016" s="10"/>
      <c r="MDK1016" s="10"/>
      <c r="MDL1016" s="10"/>
      <c r="MDM1016" s="10"/>
      <c r="MDN1016" s="10"/>
      <c r="MDO1016" s="10"/>
      <c r="MDP1016" s="10"/>
      <c r="MDQ1016" s="10"/>
      <c r="MDR1016" s="10"/>
      <c r="MDS1016" s="10"/>
      <c r="MDT1016" s="10"/>
      <c r="MDU1016" s="10"/>
      <c r="MDV1016" s="10"/>
      <c r="MDW1016" s="10"/>
      <c r="MDX1016" s="10"/>
      <c r="MDY1016" s="10"/>
      <c r="MDZ1016" s="10"/>
      <c r="MEA1016" s="10"/>
      <c r="MEB1016" s="10"/>
      <c r="MEC1016" s="10"/>
      <c r="MED1016" s="10"/>
      <c r="MEE1016" s="10"/>
      <c r="MEF1016" s="10"/>
      <c r="MEG1016" s="10"/>
      <c r="MEH1016" s="10"/>
      <c r="MEI1016" s="10"/>
      <c r="MEJ1016" s="10"/>
      <c r="MEK1016" s="10"/>
      <c r="MEL1016" s="10"/>
      <c r="MEM1016" s="10"/>
      <c r="MEN1016" s="10"/>
      <c r="MEO1016" s="10"/>
      <c r="MEP1016" s="10"/>
      <c r="MEQ1016" s="10"/>
      <c r="MER1016" s="10"/>
      <c r="MES1016" s="10"/>
      <c r="MET1016" s="10"/>
      <c r="MEU1016" s="10"/>
      <c r="MEV1016" s="10"/>
      <c r="MEW1016" s="10"/>
      <c r="MEX1016" s="10"/>
      <c r="MEY1016" s="10"/>
      <c r="MEZ1016" s="10"/>
      <c r="MFA1016" s="10"/>
      <c r="MFB1016" s="10"/>
      <c r="MFC1016" s="10"/>
      <c r="MFD1016" s="10"/>
      <c r="MFE1016" s="10"/>
      <c r="MFF1016" s="10"/>
      <c r="MFG1016" s="10"/>
      <c r="MFH1016" s="10"/>
      <c r="MFI1016" s="10"/>
      <c r="MFJ1016" s="10"/>
      <c r="MFK1016" s="10"/>
      <c r="MFL1016" s="10"/>
      <c r="MFM1016" s="10"/>
      <c r="MFN1016" s="10"/>
      <c r="MFO1016" s="10"/>
      <c r="MFP1016" s="10"/>
      <c r="MFQ1016" s="10"/>
      <c r="MFR1016" s="10"/>
      <c r="MFS1016" s="10"/>
      <c r="MFT1016" s="10"/>
      <c r="MFU1016" s="10"/>
      <c r="MFV1016" s="10"/>
      <c r="MFW1016" s="10"/>
      <c r="MFX1016" s="10"/>
      <c r="MFY1016" s="10"/>
      <c r="MFZ1016" s="10"/>
      <c r="MGA1016" s="10"/>
      <c r="MGB1016" s="10"/>
      <c r="MGC1016" s="10"/>
      <c r="MGD1016" s="10"/>
      <c r="MGE1016" s="10"/>
      <c r="MGF1016" s="10"/>
      <c r="MGG1016" s="10"/>
      <c r="MGH1016" s="10"/>
      <c r="MGI1016" s="10"/>
      <c r="MGJ1016" s="10"/>
      <c r="MGK1016" s="10"/>
      <c r="MGL1016" s="10"/>
      <c r="MGM1016" s="10"/>
      <c r="MGN1016" s="10"/>
      <c r="MGO1016" s="10"/>
      <c r="MGP1016" s="10"/>
      <c r="MGQ1016" s="10"/>
      <c r="MGR1016" s="10"/>
      <c r="MGS1016" s="10"/>
      <c r="MGT1016" s="10"/>
      <c r="MGU1016" s="10"/>
      <c r="MGV1016" s="10"/>
      <c r="MGW1016" s="10"/>
      <c r="MGX1016" s="10"/>
      <c r="MGY1016" s="10"/>
      <c r="MGZ1016" s="10"/>
      <c r="MHA1016" s="10"/>
      <c r="MHB1016" s="10"/>
      <c r="MHC1016" s="10"/>
      <c r="MHD1016" s="10"/>
      <c r="MHE1016" s="10"/>
      <c r="MHF1016" s="10"/>
      <c r="MHG1016" s="10"/>
      <c r="MHH1016" s="10"/>
      <c r="MHI1016" s="10"/>
      <c r="MHJ1016" s="10"/>
      <c r="MHK1016" s="10"/>
      <c r="MHL1016" s="10"/>
      <c r="MHM1016" s="10"/>
      <c r="MHN1016" s="10"/>
      <c r="MHO1016" s="10"/>
      <c r="MHP1016" s="10"/>
      <c r="MHQ1016" s="10"/>
      <c r="MHR1016" s="10"/>
      <c r="MHS1016" s="10"/>
      <c r="MHT1016" s="10"/>
      <c r="MHU1016" s="10"/>
      <c r="MHV1016" s="10"/>
      <c r="MHW1016" s="10"/>
      <c r="MHX1016" s="10"/>
      <c r="MHY1016" s="10"/>
      <c r="MHZ1016" s="10"/>
      <c r="MIA1016" s="10"/>
      <c r="MIB1016" s="10"/>
      <c r="MIC1016" s="10"/>
      <c r="MID1016" s="10"/>
      <c r="MIE1016" s="10"/>
      <c r="MIF1016" s="10"/>
      <c r="MIG1016" s="10"/>
      <c r="MIH1016" s="10"/>
      <c r="MII1016" s="10"/>
      <c r="MIJ1016" s="10"/>
      <c r="MIK1016" s="10"/>
      <c r="MIL1016" s="10"/>
      <c r="MIM1016" s="10"/>
      <c r="MIN1016" s="10"/>
      <c r="MIO1016" s="10"/>
      <c r="MIP1016" s="10"/>
      <c r="MIQ1016" s="10"/>
      <c r="MIR1016" s="10"/>
      <c r="MIS1016" s="10"/>
      <c r="MIT1016" s="10"/>
      <c r="MIU1016" s="10"/>
      <c r="MIV1016" s="10"/>
      <c r="MIW1016" s="10"/>
      <c r="MIX1016" s="10"/>
      <c r="MIY1016" s="10"/>
      <c r="MIZ1016" s="10"/>
      <c r="MJA1016" s="10"/>
      <c r="MJB1016" s="10"/>
      <c r="MJC1016" s="10"/>
      <c r="MJD1016" s="10"/>
      <c r="MJE1016" s="10"/>
      <c r="MJF1016" s="10"/>
      <c r="MJG1016" s="10"/>
      <c r="MJH1016" s="10"/>
      <c r="MJI1016" s="10"/>
      <c r="MJJ1016" s="10"/>
      <c r="MJK1016" s="10"/>
      <c r="MJL1016" s="10"/>
      <c r="MJM1016" s="10"/>
      <c r="MJN1016" s="10"/>
      <c r="MJO1016" s="10"/>
      <c r="MJP1016" s="10"/>
      <c r="MJQ1016" s="10"/>
      <c r="MJR1016" s="10"/>
      <c r="MJS1016" s="10"/>
      <c r="MJT1016" s="10"/>
      <c r="MJU1016" s="10"/>
      <c r="MJV1016" s="10"/>
      <c r="MJW1016" s="10"/>
      <c r="MJX1016" s="10"/>
      <c r="MJY1016" s="10"/>
      <c r="MJZ1016" s="10"/>
      <c r="MKA1016" s="10"/>
      <c r="MKB1016" s="10"/>
      <c r="MKC1016" s="10"/>
      <c r="MKD1016" s="10"/>
      <c r="MKE1016" s="10"/>
      <c r="MKF1016" s="10"/>
      <c r="MKG1016" s="10"/>
      <c r="MKH1016" s="10"/>
      <c r="MKI1016" s="10"/>
      <c r="MKJ1016" s="10"/>
      <c r="MKK1016" s="10"/>
      <c r="MKL1016" s="10"/>
      <c r="MKM1016" s="10"/>
      <c r="MKN1016" s="10"/>
      <c r="MKO1016" s="10"/>
      <c r="MKP1016" s="10"/>
      <c r="MKQ1016" s="10"/>
      <c r="MKR1016" s="10"/>
      <c r="MKS1016" s="10"/>
      <c r="MKT1016" s="10"/>
      <c r="MKU1016" s="10"/>
      <c r="MKV1016" s="10"/>
      <c r="MKW1016" s="10"/>
      <c r="MKX1016" s="10"/>
      <c r="MKY1016" s="10"/>
      <c r="MKZ1016" s="10"/>
      <c r="MLA1016" s="10"/>
      <c r="MLB1016" s="10"/>
      <c r="MLC1016" s="10"/>
      <c r="MLD1016" s="10"/>
      <c r="MLE1016" s="10"/>
      <c r="MLF1016" s="10"/>
      <c r="MLG1016" s="10"/>
      <c r="MLH1016" s="10"/>
      <c r="MLI1016" s="10"/>
      <c r="MLJ1016" s="10"/>
      <c r="MLK1016" s="10"/>
      <c r="MLL1016" s="10"/>
      <c r="MLM1016" s="10"/>
      <c r="MLN1016" s="10"/>
      <c r="MLO1016" s="10"/>
      <c r="MLP1016" s="10"/>
      <c r="MLQ1016" s="10"/>
      <c r="MLR1016" s="10"/>
      <c r="MLS1016" s="10"/>
      <c r="MLT1016" s="10"/>
      <c r="MLU1016" s="10"/>
      <c r="MLV1016" s="10"/>
      <c r="MLW1016" s="10"/>
      <c r="MLX1016" s="10"/>
      <c r="MLY1016" s="10"/>
      <c r="MLZ1016" s="10"/>
      <c r="MMA1016" s="10"/>
      <c r="MMB1016" s="10"/>
      <c r="MMC1016" s="10"/>
      <c r="MMD1016" s="10"/>
      <c r="MME1016" s="10"/>
      <c r="MMF1016" s="10"/>
      <c r="MMG1016" s="10"/>
      <c r="MMH1016" s="10"/>
      <c r="MMI1016" s="10"/>
      <c r="MMJ1016" s="10"/>
      <c r="MMK1016" s="10"/>
      <c r="MML1016" s="10"/>
      <c r="MMM1016" s="10"/>
      <c r="MMN1016" s="10"/>
      <c r="MMO1016" s="10"/>
      <c r="MMP1016" s="10"/>
      <c r="MMQ1016" s="10"/>
      <c r="MMR1016" s="10"/>
      <c r="MMS1016" s="10"/>
      <c r="MMT1016" s="10"/>
      <c r="MMU1016" s="10"/>
      <c r="MMV1016" s="10"/>
      <c r="MMW1016" s="10"/>
      <c r="MMX1016" s="10"/>
      <c r="MMY1016" s="10"/>
      <c r="MMZ1016" s="10"/>
      <c r="MNA1016" s="10"/>
      <c r="MNB1016" s="10"/>
      <c r="MNC1016" s="10"/>
      <c r="MND1016" s="10"/>
      <c r="MNE1016" s="10"/>
      <c r="MNF1016" s="10"/>
      <c r="MNG1016" s="10"/>
      <c r="MNH1016" s="10"/>
      <c r="MNI1016" s="10"/>
      <c r="MNJ1016" s="10"/>
      <c r="MNK1016" s="10"/>
      <c r="MNL1016" s="10"/>
      <c r="MNM1016" s="10"/>
      <c r="MNN1016" s="10"/>
      <c r="MNO1016" s="10"/>
      <c r="MNP1016" s="10"/>
      <c r="MNQ1016" s="10"/>
      <c r="MNR1016" s="10"/>
      <c r="MNS1016" s="10"/>
      <c r="MNT1016" s="10"/>
      <c r="MNU1016" s="10"/>
      <c r="MNV1016" s="10"/>
      <c r="MNW1016" s="10"/>
      <c r="MNX1016" s="10"/>
      <c r="MNY1016" s="10"/>
      <c r="MNZ1016" s="10"/>
      <c r="MOA1016" s="10"/>
      <c r="MOB1016" s="10"/>
      <c r="MOC1016" s="10"/>
      <c r="MOD1016" s="10"/>
      <c r="MOE1016" s="10"/>
      <c r="MOF1016" s="10"/>
      <c r="MOG1016" s="10"/>
      <c r="MOH1016" s="10"/>
      <c r="MOI1016" s="10"/>
      <c r="MOJ1016" s="10"/>
      <c r="MOK1016" s="10"/>
      <c r="MOL1016" s="10"/>
      <c r="MOM1016" s="10"/>
      <c r="MON1016" s="10"/>
      <c r="MOO1016" s="10"/>
      <c r="MOP1016" s="10"/>
      <c r="MOQ1016" s="10"/>
      <c r="MOR1016" s="10"/>
      <c r="MOS1016" s="10"/>
      <c r="MOT1016" s="10"/>
      <c r="MOU1016" s="10"/>
      <c r="MOV1016" s="10"/>
      <c r="MOW1016" s="10"/>
      <c r="MOX1016" s="10"/>
      <c r="MOY1016" s="10"/>
      <c r="MOZ1016" s="10"/>
      <c r="MPA1016" s="10"/>
      <c r="MPB1016" s="10"/>
      <c r="MPC1016" s="10"/>
      <c r="MPD1016" s="10"/>
      <c r="MPE1016" s="10"/>
      <c r="MPF1016" s="10"/>
      <c r="MPG1016" s="10"/>
      <c r="MPH1016" s="10"/>
      <c r="MPI1016" s="10"/>
      <c r="MPJ1016" s="10"/>
      <c r="MPK1016" s="10"/>
      <c r="MPL1016" s="10"/>
      <c r="MPM1016" s="10"/>
      <c r="MPN1016" s="10"/>
      <c r="MPO1016" s="10"/>
      <c r="MPP1016" s="10"/>
      <c r="MPQ1016" s="10"/>
      <c r="MPR1016" s="10"/>
      <c r="MPS1016" s="10"/>
      <c r="MPT1016" s="10"/>
      <c r="MPU1016" s="10"/>
      <c r="MPV1016" s="10"/>
      <c r="MPW1016" s="10"/>
      <c r="MPX1016" s="10"/>
      <c r="MPY1016" s="10"/>
      <c r="MPZ1016" s="10"/>
      <c r="MQA1016" s="10"/>
      <c r="MQB1016" s="10"/>
      <c r="MQC1016" s="10"/>
      <c r="MQD1016" s="10"/>
      <c r="MQE1016" s="10"/>
      <c r="MQF1016" s="10"/>
      <c r="MQG1016" s="10"/>
      <c r="MQH1016" s="10"/>
      <c r="MQI1016" s="10"/>
      <c r="MQJ1016" s="10"/>
      <c r="MQK1016" s="10"/>
      <c r="MQL1016" s="10"/>
      <c r="MQM1016" s="10"/>
      <c r="MQN1016" s="10"/>
      <c r="MQO1016" s="10"/>
      <c r="MQP1016" s="10"/>
      <c r="MQQ1016" s="10"/>
      <c r="MQR1016" s="10"/>
      <c r="MQS1016" s="10"/>
      <c r="MQT1016" s="10"/>
      <c r="MQU1016" s="10"/>
      <c r="MQV1016" s="10"/>
      <c r="MQW1016" s="10"/>
      <c r="MQX1016" s="10"/>
      <c r="MQY1016" s="10"/>
      <c r="MQZ1016" s="10"/>
      <c r="MRA1016" s="10"/>
      <c r="MRB1016" s="10"/>
      <c r="MRC1016" s="10"/>
      <c r="MRD1016" s="10"/>
      <c r="MRE1016" s="10"/>
      <c r="MRF1016" s="10"/>
      <c r="MRG1016" s="10"/>
      <c r="MRH1016" s="10"/>
      <c r="MRI1016" s="10"/>
      <c r="MRJ1016" s="10"/>
      <c r="MRK1016" s="10"/>
      <c r="MRL1016" s="10"/>
      <c r="MRM1016" s="10"/>
      <c r="MRN1016" s="10"/>
      <c r="MRO1016" s="10"/>
      <c r="MRP1016" s="10"/>
      <c r="MRQ1016" s="10"/>
      <c r="MRR1016" s="10"/>
      <c r="MRS1016" s="10"/>
      <c r="MRT1016" s="10"/>
      <c r="MRU1016" s="10"/>
      <c r="MRV1016" s="10"/>
      <c r="MRW1016" s="10"/>
      <c r="MRX1016" s="10"/>
      <c r="MRY1016" s="10"/>
      <c r="MRZ1016" s="10"/>
      <c r="MSA1016" s="10"/>
      <c r="MSB1016" s="10"/>
      <c r="MSC1016" s="10"/>
      <c r="MSD1016" s="10"/>
      <c r="MSE1016" s="10"/>
      <c r="MSF1016" s="10"/>
      <c r="MSG1016" s="10"/>
      <c r="MSH1016" s="10"/>
      <c r="MSI1016" s="10"/>
      <c r="MSJ1016" s="10"/>
      <c r="MSK1016" s="10"/>
      <c r="MSL1016" s="10"/>
      <c r="MSM1016" s="10"/>
      <c r="MSN1016" s="10"/>
      <c r="MSO1016" s="10"/>
      <c r="MSP1016" s="10"/>
      <c r="MSQ1016" s="10"/>
      <c r="MSR1016" s="10"/>
      <c r="MSS1016" s="10"/>
      <c r="MST1016" s="10"/>
      <c r="MSU1016" s="10"/>
      <c r="MSV1016" s="10"/>
      <c r="MSW1016" s="10"/>
      <c r="MSX1016" s="10"/>
      <c r="MSY1016" s="10"/>
      <c r="MSZ1016" s="10"/>
      <c r="MTA1016" s="10"/>
      <c r="MTB1016" s="10"/>
      <c r="MTC1016" s="10"/>
      <c r="MTD1016" s="10"/>
      <c r="MTE1016" s="10"/>
      <c r="MTF1016" s="10"/>
      <c r="MTG1016" s="10"/>
      <c r="MTH1016" s="10"/>
      <c r="MTI1016" s="10"/>
      <c r="MTJ1016" s="10"/>
      <c r="MTK1016" s="10"/>
      <c r="MTL1016" s="10"/>
      <c r="MTM1016" s="10"/>
      <c r="MTN1016" s="10"/>
      <c r="MTO1016" s="10"/>
      <c r="MTP1016" s="10"/>
      <c r="MTQ1016" s="10"/>
      <c r="MTR1016" s="10"/>
      <c r="MTS1016" s="10"/>
      <c r="MTT1016" s="10"/>
      <c r="MTU1016" s="10"/>
      <c r="MTV1016" s="10"/>
      <c r="MTW1016" s="10"/>
      <c r="MTX1016" s="10"/>
      <c r="MTY1016" s="10"/>
      <c r="MTZ1016" s="10"/>
      <c r="MUA1016" s="10"/>
      <c r="MUB1016" s="10"/>
      <c r="MUC1016" s="10"/>
      <c r="MUD1016" s="10"/>
      <c r="MUE1016" s="10"/>
      <c r="MUF1016" s="10"/>
      <c r="MUG1016" s="10"/>
      <c r="MUH1016" s="10"/>
      <c r="MUI1016" s="10"/>
      <c r="MUJ1016" s="10"/>
      <c r="MUK1016" s="10"/>
      <c r="MUL1016" s="10"/>
      <c r="MUM1016" s="10"/>
      <c r="MUN1016" s="10"/>
      <c r="MUO1016" s="10"/>
      <c r="MUP1016" s="10"/>
      <c r="MUQ1016" s="10"/>
      <c r="MUR1016" s="10"/>
      <c r="MUS1016" s="10"/>
      <c r="MUT1016" s="10"/>
      <c r="MUU1016" s="10"/>
      <c r="MUV1016" s="10"/>
      <c r="MUW1016" s="10"/>
      <c r="MUX1016" s="10"/>
      <c r="MUY1016" s="10"/>
      <c r="MUZ1016" s="10"/>
      <c r="MVA1016" s="10"/>
      <c r="MVB1016" s="10"/>
      <c r="MVC1016" s="10"/>
      <c r="MVD1016" s="10"/>
      <c r="MVE1016" s="10"/>
      <c r="MVF1016" s="10"/>
      <c r="MVG1016" s="10"/>
      <c r="MVH1016" s="10"/>
      <c r="MVI1016" s="10"/>
      <c r="MVJ1016" s="10"/>
      <c r="MVK1016" s="10"/>
      <c r="MVL1016" s="10"/>
      <c r="MVM1016" s="10"/>
      <c r="MVN1016" s="10"/>
      <c r="MVO1016" s="10"/>
      <c r="MVP1016" s="10"/>
      <c r="MVQ1016" s="10"/>
      <c r="MVR1016" s="10"/>
      <c r="MVS1016" s="10"/>
      <c r="MVT1016" s="10"/>
      <c r="MVU1016" s="10"/>
      <c r="MVV1016" s="10"/>
      <c r="MVW1016" s="10"/>
      <c r="MVX1016" s="10"/>
      <c r="MVY1016" s="10"/>
      <c r="MVZ1016" s="10"/>
      <c r="MWA1016" s="10"/>
      <c r="MWB1016" s="10"/>
      <c r="MWC1016" s="10"/>
      <c r="MWD1016" s="10"/>
      <c r="MWE1016" s="10"/>
      <c r="MWF1016" s="10"/>
      <c r="MWG1016" s="10"/>
      <c r="MWH1016" s="10"/>
      <c r="MWI1016" s="10"/>
      <c r="MWJ1016" s="10"/>
      <c r="MWK1016" s="10"/>
      <c r="MWL1016" s="10"/>
      <c r="MWM1016" s="10"/>
      <c r="MWN1016" s="10"/>
      <c r="MWO1016" s="10"/>
      <c r="MWP1016" s="10"/>
      <c r="MWQ1016" s="10"/>
      <c r="MWR1016" s="10"/>
      <c r="MWS1016" s="10"/>
      <c r="MWT1016" s="10"/>
      <c r="MWU1016" s="10"/>
      <c r="MWV1016" s="10"/>
      <c r="MWW1016" s="10"/>
      <c r="MWX1016" s="10"/>
      <c r="MWY1016" s="10"/>
      <c r="MWZ1016" s="10"/>
      <c r="MXA1016" s="10"/>
      <c r="MXB1016" s="10"/>
      <c r="MXC1016" s="10"/>
      <c r="MXD1016" s="10"/>
      <c r="MXE1016" s="10"/>
      <c r="MXF1016" s="10"/>
      <c r="MXG1016" s="10"/>
      <c r="MXH1016" s="10"/>
      <c r="MXI1016" s="10"/>
      <c r="MXJ1016" s="10"/>
      <c r="MXK1016" s="10"/>
      <c r="MXL1016" s="10"/>
      <c r="MXM1016" s="10"/>
      <c r="MXN1016" s="10"/>
      <c r="MXO1016" s="10"/>
      <c r="MXP1016" s="10"/>
      <c r="MXQ1016" s="10"/>
      <c r="MXR1016" s="10"/>
      <c r="MXS1016" s="10"/>
      <c r="MXT1016" s="10"/>
      <c r="MXU1016" s="10"/>
      <c r="MXV1016" s="10"/>
      <c r="MXW1016" s="10"/>
      <c r="MXX1016" s="10"/>
      <c r="MXY1016" s="10"/>
      <c r="MXZ1016" s="10"/>
      <c r="MYA1016" s="10"/>
      <c r="MYB1016" s="10"/>
      <c r="MYC1016" s="10"/>
      <c r="MYD1016" s="10"/>
      <c r="MYE1016" s="10"/>
      <c r="MYF1016" s="10"/>
      <c r="MYG1016" s="10"/>
      <c r="MYH1016" s="10"/>
      <c r="MYI1016" s="10"/>
      <c r="MYJ1016" s="10"/>
      <c r="MYK1016" s="10"/>
      <c r="MYL1016" s="10"/>
      <c r="MYM1016" s="10"/>
      <c r="MYN1016" s="10"/>
      <c r="MYO1016" s="10"/>
      <c r="MYP1016" s="10"/>
      <c r="MYQ1016" s="10"/>
      <c r="MYR1016" s="10"/>
      <c r="MYS1016" s="10"/>
      <c r="MYT1016" s="10"/>
      <c r="MYU1016" s="10"/>
      <c r="MYV1016" s="10"/>
      <c r="MYW1016" s="10"/>
      <c r="MYX1016" s="10"/>
      <c r="MYY1016" s="10"/>
      <c r="MYZ1016" s="10"/>
      <c r="MZA1016" s="10"/>
      <c r="MZB1016" s="10"/>
      <c r="MZC1016" s="10"/>
      <c r="MZD1016" s="10"/>
      <c r="MZE1016" s="10"/>
      <c r="MZF1016" s="10"/>
      <c r="MZG1016" s="10"/>
      <c r="MZH1016" s="10"/>
      <c r="MZI1016" s="10"/>
      <c r="MZJ1016" s="10"/>
      <c r="MZK1016" s="10"/>
      <c r="MZL1016" s="10"/>
      <c r="MZM1016" s="10"/>
      <c r="MZN1016" s="10"/>
      <c r="MZO1016" s="10"/>
      <c r="MZP1016" s="10"/>
      <c r="MZQ1016" s="10"/>
      <c r="MZR1016" s="10"/>
      <c r="MZS1016" s="10"/>
      <c r="MZT1016" s="10"/>
      <c r="MZU1016" s="10"/>
      <c r="MZV1016" s="10"/>
      <c r="MZW1016" s="10"/>
      <c r="MZX1016" s="10"/>
      <c r="MZY1016" s="10"/>
      <c r="MZZ1016" s="10"/>
      <c r="NAA1016" s="10"/>
      <c r="NAB1016" s="10"/>
      <c r="NAC1016" s="10"/>
      <c r="NAD1016" s="10"/>
      <c r="NAE1016" s="10"/>
      <c r="NAF1016" s="10"/>
      <c r="NAG1016" s="10"/>
      <c r="NAH1016" s="10"/>
      <c r="NAI1016" s="10"/>
      <c r="NAJ1016" s="10"/>
      <c r="NAK1016" s="10"/>
      <c r="NAL1016" s="10"/>
      <c r="NAM1016" s="10"/>
      <c r="NAN1016" s="10"/>
      <c r="NAO1016" s="10"/>
      <c r="NAP1016" s="10"/>
      <c r="NAQ1016" s="10"/>
      <c r="NAR1016" s="10"/>
      <c r="NAS1016" s="10"/>
      <c r="NAT1016" s="10"/>
      <c r="NAU1016" s="10"/>
      <c r="NAV1016" s="10"/>
      <c r="NAW1016" s="10"/>
      <c r="NAX1016" s="10"/>
      <c r="NAY1016" s="10"/>
      <c r="NAZ1016" s="10"/>
      <c r="NBA1016" s="10"/>
      <c r="NBB1016" s="10"/>
      <c r="NBC1016" s="10"/>
      <c r="NBD1016" s="10"/>
      <c r="NBE1016" s="10"/>
      <c r="NBF1016" s="10"/>
      <c r="NBG1016" s="10"/>
      <c r="NBH1016" s="10"/>
      <c r="NBI1016" s="10"/>
      <c r="NBJ1016" s="10"/>
      <c r="NBK1016" s="10"/>
      <c r="NBL1016" s="10"/>
      <c r="NBM1016" s="10"/>
      <c r="NBN1016" s="10"/>
      <c r="NBO1016" s="10"/>
      <c r="NBP1016" s="10"/>
      <c r="NBQ1016" s="10"/>
      <c r="NBR1016" s="10"/>
      <c r="NBS1016" s="10"/>
      <c r="NBT1016" s="10"/>
      <c r="NBU1016" s="10"/>
      <c r="NBV1016" s="10"/>
      <c r="NBW1016" s="10"/>
      <c r="NBX1016" s="10"/>
      <c r="NBY1016" s="10"/>
      <c r="NBZ1016" s="10"/>
      <c r="NCA1016" s="10"/>
      <c r="NCB1016" s="10"/>
      <c r="NCC1016" s="10"/>
      <c r="NCD1016" s="10"/>
      <c r="NCE1016" s="10"/>
      <c r="NCF1016" s="10"/>
      <c r="NCG1016" s="10"/>
      <c r="NCH1016" s="10"/>
      <c r="NCI1016" s="10"/>
      <c r="NCJ1016" s="10"/>
      <c r="NCK1016" s="10"/>
      <c r="NCL1016" s="10"/>
      <c r="NCM1016" s="10"/>
      <c r="NCN1016" s="10"/>
      <c r="NCO1016" s="10"/>
      <c r="NCP1016" s="10"/>
      <c r="NCQ1016" s="10"/>
      <c r="NCR1016" s="10"/>
      <c r="NCS1016" s="10"/>
      <c r="NCT1016" s="10"/>
      <c r="NCU1016" s="10"/>
      <c r="NCV1016" s="10"/>
      <c r="NCW1016" s="10"/>
      <c r="NCX1016" s="10"/>
      <c r="NCY1016" s="10"/>
      <c r="NCZ1016" s="10"/>
      <c r="NDA1016" s="10"/>
      <c r="NDB1016" s="10"/>
      <c r="NDC1016" s="10"/>
      <c r="NDD1016" s="10"/>
      <c r="NDE1016" s="10"/>
      <c r="NDF1016" s="10"/>
      <c r="NDG1016" s="10"/>
      <c r="NDH1016" s="10"/>
      <c r="NDI1016" s="10"/>
      <c r="NDJ1016" s="10"/>
      <c r="NDK1016" s="10"/>
      <c r="NDL1016" s="10"/>
      <c r="NDM1016" s="10"/>
      <c r="NDN1016" s="10"/>
      <c r="NDO1016" s="10"/>
      <c r="NDP1016" s="10"/>
      <c r="NDQ1016" s="10"/>
      <c r="NDR1016" s="10"/>
      <c r="NDS1016" s="10"/>
      <c r="NDT1016" s="10"/>
      <c r="NDU1016" s="10"/>
      <c r="NDV1016" s="10"/>
      <c r="NDW1016" s="10"/>
      <c r="NDX1016" s="10"/>
      <c r="NDY1016" s="10"/>
      <c r="NDZ1016" s="10"/>
      <c r="NEA1016" s="10"/>
      <c r="NEB1016" s="10"/>
      <c r="NEC1016" s="10"/>
      <c r="NED1016" s="10"/>
      <c r="NEE1016" s="10"/>
      <c r="NEF1016" s="10"/>
      <c r="NEG1016" s="10"/>
      <c r="NEH1016" s="10"/>
      <c r="NEI1016" s="10"/>
      <c r="NEJ1016" s="10"/>
      <c r="NEK1016" s="10"/>
      <c r="NEL1016" s="10"/>
      <c r="NEM1016" s="10"/>
      <c r="NEN1016" s="10"/>
      <c r="NEO1016" s="10"/>
      <c r="NEP1016" s="10"/>
      <c r="NEQ1016" s="10"/>
      <c r="NER1016" s="10"/>
      <c r="NES1016" s="10"/>
      <c r="NET1016" s="10"/>
      <c r="NEU1016" s="10"/>
      <c r="NEV1016" s="10"/>
      <c r="NEW1016" s="10"/>
      <c r="NEX1016" s="10"/>
      <c r="NEY1016" s="10"/>
      <c r="NEZ1016" s="10"/>
      <c r="NFA1016" s="10"/>
      <c r="NFB1016" s="10"/>
      <c r="NFC1016" s="10"/>
      <c r="NFD1016" s="10"/>
      <c r="NFE1016" s="10"/>
      <c r="NFF1016" s="10"/>
      <c r="NFG1016" s="10"/>
      <c r="NFH1016" s="10"/>
      <c r="NFI1016" s="10"/>
      <c r="NFJ1016" s="10"/>
      <c r="NFK1016" s="10"/>
      <c r="NFL1016" s="10"/>
      <c r="NFM1016" s="10"/>
      <c r="NFN1016" s="10"/>
      <c r="NFO1016" s="10"/>
      <c r="NFP1016" s="10"/>
      <c r="NFQ1016" s="10"/>
      <c r="NFR1016" s="10"/>
      <c r="NFS1016" s="10"/>
      <c r="NFT1016" s="10"/>
      <c r="NFU1016" s="10"/>
      <c r="NFV1016" s="10"/>
      <c r="NFW1016" s="10"/>
      <c r="NFX1016" s="10"/>
      <c r="NFY1016" s="10"/>
      <c r="NFZ1016" s="10"/>
      <c r="NGA1016" s="10"/>
      <c r="NGB1016" s="10"/>
      <c r="NGC1016" s="10"/>
      <c r="NGD1016" s="10"/>
      <c r="NGE1016" s="10"/>
      <c r="NGF1016" s="10"/>
      <c r="NGG1016" s="10"/>
      <c r="NGH1016" s="10"/>
      <c r="NGI1016" s="10"/>
      <c r="NGJ1016" s="10"/>
      <c r="NGK1016" s="10"/>
      <c r="NGL1016" s="10"/>
      <c r="NGM1016" s="10"/>
      <c r="NGN1016" s="10"/>
      <c r="NGO1016" s="10"/>
      <c r="NGP1016" s="10"/>
      <c r="NGQ1016" s="10"/>
      <c r="NGR1016" s="10"/>
      <c r="NGS1016" s="10"/>
      <c r="NGT1016" s="10"/>
      <c r="NGU1016" s="10"/>
      <c r="NGV1016" s="10"/>
      <c r="NGW1016" s="10"/>
      <c r="NGX1016" s="10"/>
      <c r="NGY1016" s="10"/>
      <c r="NGZ1016" s="10"/>
      <c r="NHA1016" s="10"/>
      <c r="NHB1016" s="10"/>
      <c r="NHC1016" s="10"/>
      <c r="NHD1016" s="10"/>
      <c r="NHE1016" s="10"/>
      <c r="NHF1016" s="10"/>
      <c r="NHG1016" s="10"/>
      <c r="NHH1016" s="10"/>
      <c r="NHI1016" s="10"/>
      <c r="NHJ1016" s="10"/>
      <c r="NHK1016" s="10"/>
      <c r="NHL1016" s="10"/>
      <c r="NHM1016" s="10"/>
      <c r="NHN1016" s="10"/>
      <c r="NHO1016" s="10"/>
      <c r="NHP1016" s="10"/>
      <c r="NHQ1016" s="10"/>
      <c r="NHR1016" s="10"/>
      <c r="NHS1016" s="10"/>
      <c r="NHT1016" s="10"/>
      <c r="NHU1016" s="10"/>
      <c r="NHV1016" s="10"/>
      <c r="NHW1016" s="10"/>
      <c r="NHX1016" s="10"/>
      <c r="NHY1016" s="10"/>
      <c r="NHZ1016" s="10"/>
      <c r="NIA1016" s="10"/>
      <c r="NIB1016" s="10"/>
      <c r="NIC1016" s="10"/>
      <c r="NID1016" s="10"/>
      <c r="NIE1016" s="10"/>
      <c r="NIF1016" s="10"/>
      <c r="NIG1016" s="10"/>
      <c r="NIH1016" s="10"/>
      <c r="NII1016" s="10"/>
      <c r="NIJ1016" s="10"/>
      <c r="NIK1016" s="10"/>
      <c r="NIL1016" s="10"/>
      <c r="NIM1016" s="10"/>
      <c r="NIN1016" s="10"/>
      <c r="NIO1016" s="10"/>
      <c r="NIP1016" s="10"/>
      <c r="NIQ1016" s="10"/>
      <c r="NIR1016" s="10"/>
      <c r="NIS1016" s="10"/>
      <c r="NIT1016" s="10"/>
      <c r="NIU1016" s="10"/>
      <c r="NIV1016" s="10"/>
      <c r="NIW1016" s="10"/>
      <c r="NIX1016" s="10"/>
      <c r="NIY1016" s="10"/>
      <c r="NIZ1016" s="10"/>
      <c r="NJA1016" s="10"/>
      <c r="NJB1016" s="10"/>
      <c r="NJC1016" s="10"/>
      <c r="NJD1016" s="10"/>
      <c r="NJE1016" s="10"/>
      <c r="NJF1016" s="10"/>
      <c r="NJG1016" s="10"/>
      <c r="NJH1016" s="10"/>
      <c r="NJI1016" s="10"/>
      <c r="NJJ1016" s="10"/>
      <c r="NJK1016" s="10"/>
      <c r="NJL1016" s="10"/>
      <c r="NJM1016" s="10"/>
      <c r="NJN1016" s="10"/>
      <c r="NJO1016" s="10"/>
      <c r="NJP1016" s="10"/>
      <c r="NJQ1016" s="10"/>
      <c r="NJR1016" s="10"/>
      <c r="NJS1016" s="10"/>
      <c r="NJT1016" s="10"/>
      <c r="NJU1016" s="10"/>
      <c r="NJV1016" s="10"/>
      <c r="NJW1016" s="10"/>
      <c r="NJX1016" s="10"/>
      <c r="NJY1016" s="10"/>
      <c r="NJZ1016" s="10"/>
      <c r="NKA1016" s="10"/>
      <c r="NKB1016" s="10"/>
      <c r="NKC1016" s="10"/>
      <c r="NKD1016" s="10"/>
      <c r="NKE1016" s="10"/>
      <c r="NKF1016" s="10"/>
      <c r="NKG1016" s="10"/>
      <c r="NKH1016" s="10"/>
      <c r="NKI1016" s="10"/>
      <c r="NKJ1016" s="10"/>
      <c r="NKK1016" s="10"/>
      <c r="NKL1016" s="10"/>
      <c r="NKM1016" s="10"/>
      <c r="NKN1016" s="10"/>
      <c r="NKO1016" s="10"/>
      <c r="NKP1016" s="10"/>
      <c r="NKQ1016" s="10"/>
      <c r="NKR1016" s="10"/>
      <c r="NKS1016" s="10"/>
      <c r="NKT1016" s="10"/>
      <c r="NKU1016" s="10"/>
      <c r="NKV1016" s="10"/>
      <c r="NKW1016" s="10"/>
      <c r="NKX1016" s="10"/>
      <c r="NKY1016" s="10"/>
      <c r="NKZ1016" s="10"/>
      <c r="NLA1016" s="10"/>
      <c r="NLB1016" s="10"/>
      <c r="NLC1016" s="10"/>
      <c r="NLD1016" s="10"/>
      <c r="NLE1016" s="10"/>
      <c r="NLF1016" s="10"/>
      <c r="NLG1016" s="10"/>
      <c r="NLH1016" s="10"/>
      <c r="NLI1016" s="10"/>
      <c r="NLJ1016" s="10"/>
      <c r="NLK1016" s="10"/>
      <c r="NLL1016" s="10"/>
      <c r="NLM1016" s="10"/>
      <c r="NLN1016" s="10"/>
      <c r="NLO1016" s="10"/>
      <c r="NLP1016" s="10"/>
      <c r="NLQ1016" s="10"/>
      <c r="NLR1016" s="10"/>
      <c r="NLS1016" s="10"/>
      <c r="NLT1016" s="10"/>
      <c r="NLU1016" s="10"/>
      <c r="NLV1016" s="10"/>
      <c r="NLW1016" s="10"/>
      <c r="NLX1016" s="10"/>
      <c r="NLY1016" s="10"/>
      <c r="NLZ1016" s="10"/>
      <c r="NMA1016" s="10"/>
      <c r="NMB1016" s="10"/>
      <c r="NMC1016" s="10"/>
      <c r="NMD1016" s="10"/>
      <c r="NME1016" s="10"/>
      <c r="NMF1016" s="10"/>
      <c r="NMG1016" s="10"/>
      <c r="NMH1016" s="10"/>
      <c r="NMI1016" s="10"/>
      <c r="NMJ1016" s="10"/>
      <c r="NMK1016" s="10"/>
      <c r="NML1016" s="10"/>
      <c r="NMM1016" s="10"/>
      <c r="NMN1016" s="10"/>
      <c r="NMO1016" s="10"/>
      <c r="NMP1016" s="10"/>
      <c r="NMQ1016" s="10"/>
      <c r="NMR1016" s="10"/>
      <c r="NMS1016" s="10"/>
      <c r="NMT1016" s="10"/>
      <c r="NMU1016" s="10"/>
      <c r="NMV1016" s="10"/>
      <c r="NMW1016" s="10"/>
      <c r="NMX1016" s="10"/>
      <c r="NMY1016" s="10"/>
      <c r="NMZ1016" s="10"/>
      <c r="NNA1016" s="10"/>
      <c r="NNB1016" s="10"/>
      <c r="NNC1016" s="10"/>
      <c r="NND1016" s="10"/>
      <c r="NNE1016" s="10"/>
      <c r="NNF1016" s="10"/>
      <c r="NNG1016" s="10"/>
      <c r="NNH1016" s="10"/>
      <c r="NNI1016" s="10"/>
      <c r="NNJ1016" s="10"/>
      <c r="NNK1016" s="10"/>
      <c r="NNL1016" s="10"/>
      <c r="NNM1016" s="10"/>
      <c r="NNN1016" s="10"/>
      <c r="NNO1016" s="10"/>
      <c r="NNP1016" s="10"/>
      <c r="NNQ1016" s="10"/>
      <c r="NNR1016" s="10"/>
      <c r="NNS1016" s="10"/>
      <c r="NNT1016" s="10"/>
      <c r="NNU1016" s="10"/>
      <c r="NNV1016" s="10"/>
      <c r="NNW1016" s="10"/>
      <c r="NNX1016" s="10"/>
      <c r="NNY1016" s="10"/>
      <c r="NNZ1016" s="10"/>
      <c r="NOA1016" s="10"/>
      <c r="NOB1016" s="10"/>
      <c r="NOC1016" s="10"/>
      <c r="NOD1016" s="10"/>
      <c r="NOE1016" s="10"/>
      <c r="NOF1016" s="10"/>
      <c r="NOG1016" s="10"/>
      <c r="NOH1016" s="10"/>
      <c r="NOI1016" s="10"/>
      <c r="NOJ1016" s="10"/>
      <c r="NOK1016" s="10"/>
      <c r="NOL1016" s="10"/>
      <c r="NOM1016" s="10"/>
      <c r="NON1016" s="10"/>
      <c r="NOO1016" s="10"/>
      <c r="NOP1016" s="10"/>
      <c r="NOQ1016" s="10"/>
      <c r="NOR1016" s="10"/>
      <c r="NOS1016" s="10"/>
      <c r="NOT1016" s="10"/>
      <c r="NOU1016" s="10"/>
      <c r="NOV1016" s="10"/>
      <c r="NOW1016" s="10"/>
      <c r="NOX1016" s="10"/>
      <c r="NOY1016" s="10"/>
      <c r="NOZ1016" s="10"/>
      <c r="NPA1016" s="10"/>
      <c r="NPB1016" s="10"/>
      <c r="NPC1016" s="10"/>
      <c r="NPD1016" s="10"/>
      <c r="NPE1016" s="10"/>
      <c r="NPF1016" s="10"/>
      <c r="NPG1016" s="10"/>
      <c r="NPH1016" s="10"/>
      <c r="NPI1016" s="10"/>
      <c r="NPJ1016" s="10"/>
      <c r="NPK1016" s="10"/>
      <c r="NPL1016" s="10"/>
      <c r="NPM1016" s="10"/>
      <c r="NPN1016" s="10"/>
      <c r="NPO1016" s="10"/>
      <c r="NPP1016" s="10"/>
      <c r="NPQ1016" s="10"/>
      <c r="NPR1016" s="10"/>
      <c r="NPS1016" s="10"/>
      <c r="NPT1016" s="10"/>
      <c r="NPU1016" s="10"/>
      <c r="NPV1016" s="10"/>
      <c r="NPW1016" s="10"/>
      <c r="NPX1016" s="10"/>
      <c r="NPY1016" s="10"/>
      <c r="NPZ1016" s="10"/>
      <c r="NQA1016" s="10"/>
      <c r="NQB1016" s="10"/>
      <c r="NQC1016" s="10"/>
      <c r="NQD1016" s="10"/>
      <c r="NQE1016" s="10"/>
      <c r="NQF1016" s="10"/>
      <c r="NQG1016" s="10"/>
      <c r="NQH1016" s="10"/>
      <c r="NQI1016" s="10"/>
      <c r="NQJ1016" s="10"/>
      <c r="NQK1016" s="10"/>
      <c r="NQL1016" s="10"/>
      <c r="NQM1016" s="10"/>
      <c r="NQN1016" s="10"/>
      <c r="NQO1016" s="10"/>
      <c r="NQP1016" s="10"/>
      <c r="NQQ1016" s="10"/>
      <c r="NQR1016" s="10"/>
      <c r="NQS1016" s="10"/>
      <c r="NQT1016" s="10"/>
      <c r="NQU1016" s="10"/>
      <c r="NQV1016" s="10"/>
      <c r="NQW1016" s="10"/>
      <c r="NQX1016" s="10"/>
      <c r="NQY1016" s="10"/>
      <c r="NQZ1016" s="10"/>
      <c r="NRA1016" s="10"/>
      <c r="NRB1016" s="10"/>
      <c r="NRC1016" s="10"/>
      <c r="NRD1016" s="10"/>
      <c r="NRE1016" s="10"/>
      <c r="NRF1016" s="10"/>
      <c r="NRG1016" s="10"/>
      <c r="NRH1016" s="10"/>
      <c r="NRI1016" s="10"/>
      <c r="NRJ1016" s="10"/>
      <c r="NRK1016" s="10"/>
      <c r="NRL1016" s="10"/>
      <c r="NRM1016" s="10"/>
      <c r="NRN1016" s="10"/>
      <c r="NRO1016" s="10"/>
      <c r="NRP1016" s="10"/>
      <c r="NRQ1016" s="10"/>
      <c r="NRR1016" s="10"/>
      <c r="NRS1016" s="10"/>
      <c r="NRT1016" s="10"/>
      <c r="NRU1016" s="10"/>
      <c r="NRV1016" s="10"/>
      <c r="NRW1016" s="10"/>
      <c r="NRX1016" s="10"/>
      <c r="NRY1016" s="10"/>
      <c r="NRZ1016" s="10"/>
      <c r="NSA1016" s="10"/>
      <c r="NSB1016" s="10"/>
      <c r="NSC1016" s="10"/>
      <c r="NSD1016" s="10"/>
      <c r="NSE1016" s="10"/>
      <c r="NSF1016" s="10"/>
      <c r="NSG1016" s="10"/>
      <c r="NSH1016" s="10"/>
      <c r="NSI1016" s="10"/>
      <c r="NSJ1016" s="10"/>
      <c r="NSK1016" s="10"/>
      <c r="NSL1016" s="10"/>
      <c r="NSM1016" s="10"/>
      <c r="NSN1016" s="10"/>
      <c r="NSO1016" s="10"/>
      <c r="NSP1016" s="10"/>
      <c r="NSQ1016" s="10"/>
      <c r="NSR1016" s="10"/>
      <c r="NSS1016" s="10"/>
      <c r="NST1016" s="10"/>
      <c r="NSU1016" s="10"/>
      <c r="NSV1016" s="10"/>
      <c r="NSW1016" s="10"/>
      <c r="NSX1016" s="10"/>
      <c r="NSY1016" s="10"/>
      <c r="NSZ1016" s="10"/>
      <c r="NTA1016" s="10"/>
      <c r="NTB1016" s="10"/>
      <c r="NTC1016" s="10"/>
      <c r="NTD1016" s="10"/>
      <c r="NTE1016" s="10"/>
      <c r="NTF1016" s="10"/>
      <c r="NTG1016" s="10"/>
      <c r="NTH1016" s="10"/>
      <c r="NTI1016" s="10"/>
      <c r="NTJ1016" s="10"/>
      <c r="NTK1016" s="10"/>
      <c r="NTL1016" s="10"/>
      <c r="NTM1016" s="10"/>
      <c r="NTN1016" s="10"/>
      <c r="NTO1016" s="10"/>
      <c r="NTP1016" s="10"/>
      <c r="NTQ1016" s="10"/>
      <c r="NTR1016" s="10"/>
      <c r="NTS1016" s="10"/>
      <c r="NTT1016" s="10"/>
      <c r="NTU1016" s="10"/>
      <c r="NTV1016" s="10"/>
      <c r="NTW1016" s="10"/>
      <c r="NTX1016" s="10"/>
      <c r="NTY1016" s="10"/>
      <c r="NTZ1016" s="10"/>
      <c r="NUA1016" s="10"/>
      <c r="NUB1016" s="10"/>
      <c r="NUC1016" s="10"/>
      <c r="NUD1016" s="10"/>
      <c r="NUE1016" s="10"/>
      <c r="NUF1016" s="10"/>
      <c r="NUG1016" s="10"/>
      <c r="NUH1016" s="10"/>
      <c r="NUI1016" s="10"/>
      <c r="NUJ1016" s="10"/>
      <c r="NUK1016" s="10"/>
      <c r="NUL1016" s="10"/>
      <c r="NUM1016" s="10"/>
      <c r="NUN1016" s="10"/>
      <c r="NUO1016" s="10"/>
      <c r="NUP1016" s="10"/>
      <c r="NUQ1016" s="10"/>
      <c r="NUR1016" s="10"/>
      <c r="NUS1016" s="10"/>
      <c r="NUT1016" s="10"/>
      <c r="NUU1016" s="10"/>
      <c r="NUV1016" s="10"/>
      <c r="NUW1016" s="10"/>
      <c r="NUX1016" s="10"/>
      <c r="NUY1016" s="10"/>
      <c r="NUZ1016" s="10"/>
      <c r="NVA1016" s="10"/>
      <c r="NVB1016" s="10"/>
      <c r="NVC1016" s="10"/>
      <c r="NVD1016" s="10"/>
      <c r="NVE1016" s="10"/>
      <c r="NVF1016" s="10"/>
      <c r="NVG1016" s="10"/>
      <c r="NVH1016" s="10"/>
      <c r="NVI1016" s="10"/>
      <c r="NVJ1016" s="10"/>
      <c r="NVK1016" s="10"/>
      <c r="NVL1016" s="10"/>
      <c r="NVM1016" s="10"/>
      <c r="NVN1016" s="10"/>
      <c r="NVO1016" s="10"/>
      <c r="NVP1016" s="10"/>
      <c r="NVQ1016" s="10"/>
      <c r="NVR1016" s="10"/>
      <c r="NVS1016" s="10"/>
      <c r="NVT1016" s="10"/>
      <c r="NVU1016" s="10"/>
      <c r="NVV1016" s="10"/>
      <c r="NVW1016" s="10"/>
      <c r="NVX1016" s="10"/>
      <c r="NVY1016" s="10"/>
      <c r="NVZ1016" s="10"/>
      <c r="NWA1016" s="10"/>
      <c r="NWB1016" s="10"/>
      <c r="NWC1016" s="10"/>
      <c r="NWD1016" s="10"/>
      <c r="NWE1016" s="10"/>
      <c r="NWF1016" s="10"/>
      <c r="NWG1016" s="10"/>
      <c r="NWH1016" s="10"/>
      <c r="NWI1016" s="10"/>
      <c r="NWJ1016" s="10"/>
      <c r="NWK1016" s="10"/>
      <c r="NWL1016" s="10"/>
      <c r="NWM1016" s="10"/>
      <c r="NWN1016" s="10"/>
      <c r="NWO1016" s="10"/>
      <c r="NWP1016" s="10"/>
      <c r="NWQ1016" s="10"/>
      <c r="NWR1016" s="10"/>
      <c r="NWS1016" s="10"/>
      <c r="NWT1016" s="10"/>
      <c r="NWU1016" s="10"/>
      <c r="NWV1016" s="10"/>
      <c r="NWW1016" s="10"/>
      <c r="NWX1016" s="10"/>
      <c r="NWY1016" s="10"/>
      <c r="NWZ1016" s="10"/>
      <c r="NXA1016" s="10"/>
      <c r="NXB1016" s="10"/>
      <c r="NXC1016" s="10"/>
      <c r="NXD1016" s="10"/>
      <c r="NXE1016" s="10"/>
      <c r="NXF1016" s="10"/>
      <c r="NXG1016" s="10"/>
      <c r="NXH1016" s="10"/>
      <c r="NXI1016" s="10"/>
      <c r="NXJ1016" s="10"/>
      <c r="NXK1016" s="10"/>
      <c r="NXL1016" s="10"/>
      <c r="NXM1016" s="10"/>
      <c r="NXN1016" s="10"/>
      <c r="NXO1016" s="10"/>
      <c r="NXP1016" s="10"/>
      <c r="NXQ1016" s="10"/>
      <c r="NXR1016" s="10"/>
      <c r="NXS1016" s="10"/>
      <c r="NXT1016" s="10"/>
      <c r="NXU1016" s="10"/>
      <c r="NXV1016" s="10"/>
      <c r="NXW1016" s="10"/>
      <c r="NXX1016" s="10"/>
      <c r="NXY1016" s="10"/>
      <c r="NXZ1016" s="10"/>
      <c r="NYA1016" s="10"/>
      <c r="NYB1016" s="10"/>
      <c r="NYC1016" s="10"/>
      <c r="NYD1016" s="10"/>
      <c r="NYE1016" s="10"/>
      <c r="NYF1016" s="10"/>
      <c r="NYG1016" s="10"/>
      <c r="NYH1016" s="10"/>
      <c r="NYI1016" s="10"/>
      <c r="NYJ1016" s="10"/>
      <c r="NYK1016" s="10"/>
      <c r="NYL1016" s="10"/>
      <c r="NYM1016" s="10"/>
      <c r="NYN1016" s="10"/>
      <c r="NYO1016" s="10"/>
      <c r="NYP1016" s="10"/>
      <c r="NYQ1016" s="10"/>
      <c r="NYR1016" s="10"/>
      <c r="NYS1016" s="10"/>
      <c r="NYT1016" s="10"/>
      <c r="NYU1016" s="10"/>
      <c r="NYV1016" s="10"/>
      <c r="NYW1016" s="10"/>
      <c r="NYX1016" s="10"/>
      <c r="NYY1016" s="10"/>
      <c r="NYZ1016" s="10"/>
      <c r="NZA1016" s="10"/>
      <c r="NZB1016" s="10"/>
      <c r="NZC1016" s="10"/>
      <c r="NZD1016" s="10"/>
      <c r="NZE1016" s="10"/>
      <c r="NZF1016" s="10"/>
      <c r="NZG1016" s="10"/>
      <c r="NZH1016" s="10"/>
      <c r="NZI1016" s="10"/>
      <c r="NZJ1016" s="10"/>
      <c r="NZK1016" s="10"/>
      <c r="NZL1016" s="10"/>
      <c r="NZM1016" s="10"/>
      <c r="NZN1016" s="10"/>
      <c r="NZO1016" s="10"/>
      <c r="NZP1016" s="10"/>
      <c r="NZQ1016" s="10"/>
      <c r="NZR1016" s="10"/>
      <c r="NZS1016" s="10"/>
      <c r="NZT1016" s="10"/>
      <c r="NZU1016" s="10"/>
      <c r="NZV1016" s="10"/>
      <c r="NZW1016" s="10"/>
      <c r="NZX1016" s="10"/>
      <c r="NZY1016" s="10"/>
      <c r="NZZ1016" s="10"/>
      <c r="OAA1016" s="10"/>
      <c r="OAB1016" s="10"/>
      <c r="OAC1016" s="10"/>
      <c r="OAD1016" s="10"/>
      <c r="OAE1016" s="10"/>
      <c r="OAF1016" s="10"/>
      <c r="OAG1016" s="10"/>
      <c r="OAH1016" s="10"/>
      <c r="OAI1016" s="10"/>
      <c r="OAJ1016" s="10"/>
      <c r="OAK1016" s="10"/>
      <c r="OAL1016" s="10"/>
      <c r="OAM1016" s="10"/>
      <c r="OAN1016" s="10"/>
      <c r="OAO1016" s="10"/>
      <c r="OAP1016" s="10"/>
      <c r="OAQ1016" s="10"/>
      <c r="OAR1016" s="10"/>
      <c r="OAS1016" s="10"/>
      <c r="OAT1016" s="10"/>
      <c r="OAU1016" s="10"/>
      <c r="OAV1016" s="10"/>
      <c r="OAW1016" s="10"/>
      <c r="OAX1016" s="10"/>
      <c r="OAY1016" s="10"/>
      <c r="OAZ1016" s="10"/>
      <c r="OBA1016" s="10"/>
      <c r="OBB1016" s="10"/>
      <c r="OBC1016" s="10"/>
      <c r="OBD1016" s="10"/>
      <c r="OBE1016" s="10"/>
      <c r="OBF1016" s="10"/>
      <c r="OBG1016" s="10"/>
      <c r="OBH1016" s="10"/>
      <c r="OBI1016" s="10"/>
      <c r="OBJ1016" s="10"/>
      <c r="OBK1016" s="10"/>
      <c r="OBL1016" s="10"/>
      <c r="OBM1016" s="10"/>
      <c r="OBN1016" s="10"/>
      <c r="OBO1016" s="10"/>
      <c r="OBP1016" s="10"/>
      <c r="OBQ1016" s="10"/>
      <c r="OBR1016" s="10"/>
      <c r="OBS1016" s="10"/>
      <c r="OBT1016" s="10"/>
      <c r="OBU1016" s="10"/>
      <c r="OBV1016" s="10"/>
      <c r="OBW1016" s="10"/>
      <c r="OBX1016" s="10"/>
      <c r="OBY1016" s="10"/>
      <c r="OBZ1016" s="10"/>
      <c r="OCA1016" s="10"/>
      <c r="OCB1016" s="10"/>
      <c r="OCC1016" s="10"/>
      <c r="OCD1016" s="10"/>
      <c r="OCE1016" s="10"/>
      <c r="OCF1016" s="10"/>
      <c r="OCG1016" s="10"/>
      <c r="OCH1016" s="10"/>
      <c r="OCI1016" s="10"/>
      <c r="OCJ1016" s="10"/>
      <c r="OCK1016" s="10"/>
      <c r="OCL1016" s="10"/>
      <c r="OCM1016" s="10"/>
      <c r="OCN1016" s="10"/>
      <c r="OCO1016" s="10"/>
      <c r="OCP1016" s="10"/>
      <c r="OCQ1016" s="10"/>
      <c r="OCR1016" s="10"/>
      <c r="OCS1016" s="10"/>
      <c r="OCT1016" s="10"/>
      <c r="OCU1016" s="10"/>
      <c r="OCV1016" s="10"/>
      <c r="OCW1016" s="10"/>
      <c r="OCX1016" s="10"/>
      <c r="OCY1016" s="10"/>
      <c r="OCZ1016" s="10"/>
      <c r="ODA1016" s="10"/>
      <c r="ODB1016" s="10"/>
      <c r="ODC1016" s="10"/>
      <c r="ODD1016" s="10"/>
      <c r="ODE1016" s="10"/>
      <c r="ODF1016" s="10"/>
      <c r="ODG1016" s="10"/>
      <c r="ODH1016" s="10"/>
      <c r="ODI1016" s="10"/>
      <c r="ODJ1016" s="10"/>
      <c r="ODK1016" s="10"/>
      <c r="ODL1016" s="10"/>
      <c r="ODM1016" s="10"/>
      <c r="ODN1016" s="10"/>
      <c r="ODO1016" s="10"/>
      <c r="ODP1016" s="10"/>
      <c r="ODQ1016" s="10"/>
      <c r="ODR1016" s="10"/>
      <c r="ODS1016" s="10"/>
      <c r="ODT1016" s="10"/>
      <c r="ODU1016" s="10"/>
      <c r="ODV1016" s="10"/>
      <c r="ODW1016" s="10"/>
      <c r="ODX1016" s="10"/>
      <c r="ODY1016" s="10"/>
      <c r="ODZ1016" s="10"/>
      <c r="OEA1016" s="10"/>
      <c r="OEB1016" s="10"/>
      <c r="OEC1016" s="10"/>
      <c r="OED1016" s="10"/>
      <c r="OEE1016" s="10"/>
      <c r="OEF1016" s="10"/>
      <c r="OEG1016" s="10"/>
      <c r="OEH1016" s="10"/>
      <c r="OEI1016" s="10"/>
      <c r="OEJ1016" s="10"/>
      <c r="OEK1016" s="10"/>
      <c r="OEL1016" s="10"/>
      <c r="OEM1016" s="10"/>
      <c r="OEN1016" s="10"/>
      <c r="OEO1016" s="10"/>
      <c r="OEP1016" s="10"/>
      <c r="OEQ1016" s="10"/>
      <c r="OER1016" s="10"/>
      <c r="OES1016" s="10"/>
      <c r="OET1016" s="10"/>
      <c r="OEU1016" s="10"/>
      <c r="OEV1016" s="10"/>
      <c r="OEW1016" s="10"/>
      <c r="OEX1016" s="10"/>
      <c r="OEY1016" s="10"/>
      <c r="OEZ1016" s="10"/>
      <c r="OFA1016" s="10"/>
      <c r="OFB1016" s="10"/>
      <c r="OFC1016" s="10"/>
      <c r="OFD1016" s="10"/>
      <c r="OFE1016" s="10"/>
      <c r="OFF1016" s="10"/>
      <c r="OFG1016" s="10"/>
      <c r="OFH1016" s="10"/>
      <c r="OFI1016" s="10"/>
      <c r="OFJ1016" s="10"/>
      <c r="OFK1016" s="10"/>
      <c r="OFL1016" s="10"/>
      <c r="OFM1016" s="10"/>
      <c r="OFN1016" s="10"/>
      <c r="OFO1016" s="10"/>
      <c r="OFP1016" s="10"/>
      <c r="OFQ1016" s="10"/>
      <c r="OFR1016" s="10"/>
      <c r="OFS1016" s="10"/>
      <c r="OFT1016" s="10"/>
      <c r="OFU1016" s="10"/>
      <c r="OFV1016" s="10"/>
      <c r="OFW1016" s="10"/>
      <c r="OFX1016" s="10"/>
      <c r="OFY1016" s="10"/>
      <c r="OFZ1016" s="10"/>
      <c r="OGA1016" s="10"/>
      <c r="OGB1016" s="10"/>
      <c r="OGC1016" s="10"/>
      <c r="OGD1016" s="10"/>
      <c r="OGE1016" s="10"/>
      <c r="OGF1016" s="10"/>
      <c r="OGG1016" s="10"/>
      <c r="OGH1016" s="10"/>
      <c r="OGI1016" s="10"/>
      <c r="OGJ1016" s="10"/>
      <c r="OGK1016" s="10"/>
      <c r="OGL1016" s="10"/>
      <c r="OGM1016" s="10"/>
      <c r="OGN1016" s="10"/>
      <c r="OGO1016" s="10"/>
      <c r="OGP1016" s="10"/>
      <c r="OGQ1016" s="10"/>
      <c r="OGR1016" s="10"/>
      <c r="OGS1016" s="10"/>
      <c r="OGT1016" s="10"/>
      <c r="OGU1016" s="10"/>
      <c r="OGV1016" s="10"/>
      <c r="OGW1016" s="10"/>
      <c r="OGX1016" s="10"/>
      <c r="OGY1016" s="10"/>
      <c r="OGZ1016" s="10"/>
      <c r="OHA1016" s="10"/>
      <c r="OHB1016" s="10"/>
      <c r="OHC1016" s="10"/>
      <c r="OHD1016" s="10"/>
      <c r="OHE1016" s="10"/>
      <c r="OHF1016" s="10"/>
      <c r="OHG1016" s="10"/>
      <c r="OHH1016" s="10"/>
      <c r="OHI1016" s="10"/>
      <c r="OHJ1016" s="10"/>
      <c r="OHK1016" s="10"/>
      <c r="OHL1016" s="10"/>
      <c r="OHM1016" s="10"/>
      <c r="OHN1016" s="10"/>
      <c r="OHO1016" s="10"/>
      <c r="OHP1016" s="10"/>
      <c r="OHQ1016" s="10"/>
      <c r="OHR1016" s="10"/>
      <c r="OHS1016" s="10"/>
      <c r="OHT1016" s="10"/>
      <c r="OHU1016" s="10"/>
      <c r="OHV1016" s="10"/>
      <c r="OHW1016" s="10"/>
      <c r="OHX1016" s="10"/>
      <c r="OHY1016" s="10"/>
      <c r="OHZ1016" s="10"/>
      <c r="OIA1016" s="10"/>
      <c r="OIB1016" s="10"/>
      <c r="OIC1016" s="10"/>
      <c r="OID1016" s="10"/>
      <c r="OIE1016" s="10"/>
      <c r="OIF1016" s="10"/>
      <c r="OIG1016" s="10"/>
      <c r="OIH1016" s="10"/>
      <c r="OII1016" s="10"/>
      <c r="OIJ1016" s="10"/>
      <c r="OIK1016" s="10"/>
      <c r="OIL1016" s="10"/>
      <c r="OIM1016" s="10"/>
      <c r="OIN1016" s="10"/>
      <c r="OIO1016" s="10"/>
      <c r="OIP1016" s="10"/>
      <c r="OIQ1016" s="10"/>
      <c r="OIR1016" s="10"/>
      <c r="OIS1016" s="10"/>
      <c r="OIT1016" s="10"/>
      <c r="OIU1016" s="10"/>
      <c r="OIV1016" s="10"/>
      <c r="OIW1016" s="10"/>
      <c r="OIX1016" s="10"/>
      <c r="OIY1016" s="10"/>
      <c r="OIZ1016" s="10"/>
      <c r="OJA1016" s="10"/>
      <c r="OJB1016" s="10"/>
      <c r="OJC1016" s="10"/>
      <c r="OJD1016" s="10"/>
      <c r="OJE1016" s="10"/>
      <c r="OJF1016" s="10"/>
      <c r="OJG1016" s="10"/>
      <c r="OJH1016" s="10"/>
      <c r="OJI1016" s="10"/>
      <c r="OJJ1016" s="10"/>
      <c r="OJK1016" s="10"/>
      <c r="OJL1016" s="10"/>
      <c r="OJM1016" s="10"/>
      <c r="OJN1016" s="10"/>
      <c r="OJO1016" s="10"/>
      <c r="OJP1016" s="10"/>
      <c r="OJQ1016" s="10"/>
      <c r="OJR1016" s="10"/>
      <c r="OJS1016" s="10"/>
      <c r="OJT1016" s="10"/>
      <c r="OJU1016" s="10"/>
      <c r="OJV1016" s="10"/>
      <c r="OJW1016" s="10"/>
      <c r="OJX1016" s="10"/>
      <c r="OJY1016" s="10"/>
      <c r="OJZ1016" s="10"/>
      <c r="OKA1016" s="10"/>
      <c r="OKB1016" s="10"/>
      <c r="OKC1016" s="10"/>
      <c r="OKD1016" s="10"/>
      <c r="OKE1016" s="10"/>
      <c r="OKF1016" s="10"/>
      <c r="OKG1016" s="10"/>
      <c r="OKH1016" s="10"/>
      <c r="OKI1016" s="10"/>
      <c r="OKJ1016" s="10"/>
      <c r="OKK1016" s="10"/>
      <c r="OKL1016" s="10"/>
      <c r="OKM1016" s="10"/>
      <c r="OKN1016" s="10"/>
      <c r="OKO1016" s="10"/>
      <c r="OKP1016" s="10"/>
      <c r="OKQ1016" s="10"/>
      <c r="OKR1016" s="10"/>
      <c r="OKS1016" s="10"/>
      <c r="OKT1016" s="10"/>
      <c r="OKU1016" s="10"/>
      <c r="OKV1016" s="10"/>
      <c r="OKW1016" s="10"/>
      <c r="OKX1016" s="10"/>
      <c r="OKY1016" s="10"/>
      <c r="OKZ1016" s="10"/>
      <c r="OLA1016" s="10"/>
      <c r="OLB1016" s="10"/>
      <c r="OLC1016" s="10"/>
      <c r="OLD1016" s="10"/>
      <c r="OLE1016" s="10"/>
      <c r="OLF1016" s="10"/>
      <c r="OLG1016" s="10"/>
      <c r="OLH1016" s="10"/>
      <c r="OLI1016" s="10"/>
      <c r="OLJ1016" s="10"/>
      <c r="OLK1016" s="10"/>
      <c r="OLL1016" s="10"/>
      <c r="OLM1016" s="10"/>
      <c r="OLN1016" s="10"/>
      <c r="OLO1016" s="10"/>
      <c r="OLP1016" s="10"/>
      <c r="OLQ1016" s="10"/>
      <c r="OLR1016" s="10"/>
      <c r="OLS1016" s="10"/>
      <c r="OLT1016" s="10"/>
      <c r="OLU1016" s="10"/>
      <c r="OLV1016" s="10"/>
      <c r="OLW1016" s="10"/>
      <c r="OLX1016" s="10"/>
      <c r="OLY1016" s="10"/>
      <c r="OLZ1016" s="10"/>
      <c r="OMA1016" s="10"/>
      <c r="OMB1016" s="10"/>
      <c r="OMC1016" s="10"/>
      <c r="OMD1016" s="10"/>
      <c r="OME1016" s="10"/>
      <c r="OMF1016" s="10"/>
      <c r="OMG1016" s="10"/>
      <c r="OMH1016" s="10"/>
      <c r="OMI1016" s="10"/>
      <c r="OMJ1016" s="10"/>
      <c r="OMK1016" s="10"/>
      <c r="OML1016" s="10"/>
      <c r="OMM1016" s="10"/>
      <c r="OMN1016" s="10"/>
      <c r="OMO1016" s="10"/>
      <c r="OMP1016" s="10"/>
      <c r="OMQ1016" s="10"/>
      <c r="OMR1016" s="10"/>
      <c r="OMS1016" s="10"/>
      <c r="OMT1016" s="10"/>
      <c r="OMU1016" s="10"/>
      <c r="OMV1016" s="10"/>
      <c r="OMW1016" s="10"/>
      <c r="OMX1016" s="10"/>
      <c r="OMY1016" s="10"/>
      <c r="OMZ1016" s="10"/>
      <c r="ONA1016" s="10"/>
      <c r="ONB1016" s="10"/>
      <c r="ONC1016" s="10"/>
      <c r="OND1016" s="10"/>
      <c r="ONE1016" s="10"/>
      <c r="ONF1016" s="10"/>
      <c r="ONG1016" s="10"/>
      <c r="ONH1016" s="10"/>
      <c r="ONI1016" s="10"/>
      <c r="ONJ1016" s="10"/>
      <c r="ONK1016" s="10"/>
      <c r="ONL1016" s="10"/>
      <c r="ONM1016" s="10"/>
      <c r="ONN1016" s="10"/>
      <c r="ONO1016" s="10"/>
      <c r="ONP1016" s="10"/>
      <c r="ONQ1016" s="10"/>
      <c r="ONR1016" s="10"/>
      <c r="ONS1016" s="10"/>
      <c r="ONT1016" s="10"/>
      <c r="ONU1016" s="10"/>
      <c r="ONV1016" s="10"/>
      <c r="ONW1016" s="10"/>
      <c r="ONX1016" s="10"/>
      <c r="ONY1016" s="10"/>
      <c r="ONZ1016" s="10"/>
      <c r="OOA1016" s="10"/>
      <c r="OOB1016" s="10"/>
      <c r="OOC1016" s="10"/>
      <c r="OOD1016" s="10"/>
      <c r="OOE1016" s="10"/>
      <c r="OOF1016" s="10"/>
      <c r="OOG1016" s="10"/>
      <c r="OOH1016" s="10"/>
      <c r="OOI1016" s="10"/>
      <c r="OOJ1016" s="10"/>
      <c r="OOK1016" s="10"/>
      <c r="OOL1016" s="10"/>
      <c r="OOM1016" s="10"/>
      <c r="OON1016" s="10"/>
      <c r="OOO1016" s="10"/>
      <c r="OOP1016" s="10"/>
      <c r="OOQ1016" s="10"/>
      <c r="OOR1016" s="10"/>
      <c r="OOS1016" s="10"/>
      <c r="OOT1016" s="10"/>
      <c r="OOU1016" s="10"/>
      <c r="OOV1016" s="10"/>
      <c r="OOW1016" s="10"/>
      <c r="OOX1016" s="10"/>
      <c r="OOY1016" s="10"/>
      <c r="OOZ1016" s="10"/>
      <c r="OPA1016" s="10"/>
      <c r="OPB1016" s="10"/>
      <c r="OPC1016" s="10"/>
      <c r="OPD1016" s="10"/>
      <c r="OPE1016" s="10"/>
      <c r="OPF1016" s="10"/>
      <c r="OPG1016" s="10"/>
      <c r="OPH1016" s="10"/>
      <c r="OPI1016" s="10"/>
      <c r="OPJ1016" s="10"/>
      <c r="OPK1016" s="10"/>
      <c r="OPL1016" s="10"/>
      <c r="OPM1016" s="10"/>
      <c r="OPN1016" s="10"/>
      <c r="OPO1016" s="10"/>
      <c r="OPP1016" s="10"/>
      <c r="OPQ1016" s="10"/>
      <c r="OPR1016" s="10"/>
      <c r="OPS1016" s="10"/>
      <c r="OPT1016" s="10"/>
      <c r="OPU1016" s="10"/>
      <c r="OPV1016" s="10"/>
      <c r="OPW1016" s="10"/>
      <c r="OPX1016" s="10"/>
      <c r="OPY1016" s="10"/>
      <c r="OPZ1016" s="10"/>
      <c r="OQA1016" s="10"/>
      <c r="OQB1016" s="10"/>
      <c r="OQC1016" s="10"/>
      <c r="OQD1016" s="10"/>
      <c r="OQE1016" s="10"/>
      <c r="OQF1016" s="10"/>
      <c r="OQG1016" s="10"/>
      <c r="OQH1016" s="10"/>
      <c r="OQI1016" s="10"/>
      <c r="OQJ1016" s="10"/>
      <c r="OQK1016" s="10"/>
      <c r="OQL1016" s="10"/>
      <c r="OQM1016" s="10"/>
      <c r="OQN1016" s="10"/>
      <c r="OQO1016" s="10"/>
      <c r="OQP1016" s="10"/>
      <c r="OQQ1016" s="10"/>
      <c r="OQR1016" s="10"/>
      <c r="OQS1016" s="10"/>
      <c r="OQT1016" s="10"/>
      <c r="OQU1016" s="10"/>
      <c r="OQV1016" s="10"/>
      <c r="OQW1016" s="10"/>
      <c r="OQX1016" s="10"/>
      <c r="OQY1016" s="10"/>
      <c r="OQZ1016" s="10"/>
      <c r="ORA1016" s="10"/>
      <c r="ORB1016" s="10"/>
      <c r="ORC1016" s="10"/>
      <c r="ORD1016" s="10"/>
      <c r="ORE1016" s="10"/>
      <c r="ORF1016" s="10"/>
      <c r="ORG1016" s="10"/>
      <c r="ORH1016" s="10"/>
      <c r="ORI1016" s="10"/>
      <c r="ORJ1016" s="10"/>
      <c r="ORK1016" s="10"/>
      <c r="ORL1016" s="10"/>
      <c r="ORM1016" s="10"/>
      <c r="ORN1016" s="10"/>
      <c r="ORO1016" s="10"/>
      <c r="ORP1016" s="10"/>
      <c r="ORQ1016" s="10"/>
      <c r="ORR1016" s="10"/>
      <c r="ORS1016" s="10"/>
      <c r="ORT1016" s="10"/>
      <c r="ORU1016" s="10"/>
      <c r="ORV1016" s="10"/>
      <c r="ORW1016" s="10"/>
      <c r="ORX1016" s="10"/>
      <c r="ORY1016" s="10"/>
      <c r="ORZ1016" s="10"/>
      <c r="OSA1016" s="10"/>
      <c r="OSB1016" s="10"/>
      <c r="OSC1016" s="10"/>
      <c r="OSD1016" s="10"/>
      <c r="OSE1016" s="10"/>
      <c r="OSF1016" s="10"/>
      <c r="OSG1016" s="10"/>
      <c r="OSH1016" s="10"/>
      <c r="OSI1016" s="10"/>
      <c r="OSJ1016" s="10"/>
      <c r="OSK1016" s="10"/>
      <c r="OSL1016" s="10"/>
      <c r="OSM1016" s="10"/>
      <c r="OSN1016" s="10"/>
      <c r="OSO1016" s="10"/>
      <c r="OSP1016" s="10"/>
      <c r="OSQ1016" s="10"/>
      <c r="OSR1016" s="10"/>
      <c r="OSS1016" s="10"/>
      <c r="OST1016" s="10"/>
      <c r="OSU1016" s="10"/>
      <c r="OSV1016" s="10"/>
      <c r="OSW1016" s="10"/>
      <c r="OSX1016" s="10"/>
      <c r="OSY1016" s="10"/>
      <c r="OSZ1016" s="10"/>
      <c r="OTA1016" s="10"/>
      <c r="OTB1016" s="10"/>
      <c r="OTC1016" s="10"/>
      <c r="OTD1016" s="10"/>
      <c r="OTE1016" s="10"/>
      <c r="OTF1016" s="10"/>
      <c r="OTG1016" s="10"/>
      <c r="OTH1016" s="10"/>
      <c r="OTI1016" s="10"/>
      <c r="OTJ1016" s="10"/>
      <c r="OTK1016" s="10"/>
      <c r="OTL1016" s="10"/>
      <c r="OTM1016" s="10"/>
      <c r="OTN1016" s="10"/>
      <c r="OTO1016" s="10"/>
      <c r="OTP1016" s="10"/>
      <c r="OTQ1016" s="10"/>
      <c r="OTR1016" s="10"/>
      <c r="OTS1016" s="10"/>
      <c r="OTT1016" s="10"/>
      <c r="OTU1016" s="10"/>
      <c r="OTV1016" s="10"/>
      <c r="OTW1016" s="10"/>
      <c r="OTX1016" s="10"/>
      <c r="OTY1016" s="10"/>
      <c r="OTZ1016" s="10"/>
      <c r="OUA1016" s="10"/>
      <c r="OUB1016" s="10"/>
      <c r="OUC1016" s="10"/>
      <c r="OUD1016" s="10"/>
      <c r="OUE1016" s="10"/>
      <c r="OUF1016" s="10"/>
      <c r="OUG1016" s="10"/>
      <c r="OUH1016" s="10"/>
      <c r="OUI1016" s="10"/>
      <c r="OUJ1016" s="10"/>
      <c r="OUK1016" s="10"/>
      <c r="OUL1016" s="10"/>
      <c r="OUM1016" s="10"/>
      <c r="OUN1016" s="10"/>
      <c r="OUO1016" s="10"/>
      <c r="OUP1016" s="10"/>
      <c r="OUQ1016" s="10"/>
      <c r="OUR1016" s="10"/>
      <c r="OUS1016" s="10"/>
      <c r="OUT1016" s="10"/>
      <c r="OUU1016" s="10"/>
      <c r="OUV1016" s="10"/>
      <c r="OUW1016" s="10"/>
      <c r="OUX1016" s="10"/>
      <c r="OUY1016" s="10"/>
      <c r="OUZ1016" s="10"/>
      <c r="OVA1016" s="10"/>
      <c r="OVB1016" s="10"/>
      <c r="OVC1016" s="10"/>
      <c r="OVD1016" s="10"/>
      <c r="OVE1016" s="10"/>
      <c r="OVF1016" s="10"/>
      <c r="OVG1016" s="10"/>
      <c r="OVH1016" s="10"/>
      <c r="OVI1016" s="10"/>
      <c r="OVJ1016" s="10"/>
      <c r="OVK1016" s="10"/>
      <c r="OVL1016" s="10"/>
      <c r="OVM1016" s="10"/>
      <c r="OVN1016" s="10"/>
      <c r="OVO1016" s="10"/>
      <c r="OVP1016" s="10"/>
      <c r="OVQ1016" s="10"/>
      <c r="OVR1016" s="10"/>
      <c r="OVS1016" s="10"/>
      <c r="OVT1016" s="10"/>
      <c r="OVU1016" s="10"/>
      <c r="OVV1016" s="10"/>
      <c r="OVW1016" s="10"/>
      <c r="OVX1016" s="10"/>
      <c r="OVY1016" s="10"/>
      <c r="OVZ1016" s="10"/>
      <c r="OWA1016" s="10"/>
      <c r="OWB1016" s="10"/>
      <c r="OWC1016" s="10"/>
      <c r="OWD1016" s="10"/>
      <c r="OWE1016" s="10"/>
      <c r="OWF1016" s="10"/>
      <c r="OWG1016" s="10"/>
      <c r="OWH1016" s="10"/>
      <c r="OWI1016" s="10"/>
      <c r="OWJ1016" s="10"/>
      <c r="OWK1016" s="10"/>
      <c r="OWL1016" s="10"/>
      <c r="OWM1016" s="10"/>
      <c r="OWN1016" s="10"/>
      <c r="OWO1016" s="10"/>
      <c r="OWP1016" s="10"/>
      <c r="OWQ1016" s="10"/>
      <c r="OWR1016" s="10"/>
      <c r="OWS1016" s="10"/>
      <c r="OWT1016" s="10"/>
      <c r="OWU1016" s="10"/>
      <c r="OWV1016" s="10"/>
      <c r="OWW1016" s="10"/>
      <c r="OWX1016" s="10"/>
      <c r="OWY1016" s="10"/>
      <c r="OWZ1016" s="10"/>
      <c r="OXA1016" s="10"/>
      <c r="OXB1016" s="10"/>
      <c r="OXC1016" s="10"/>
      <c r="OXD1016" s="10"/>
      <c r="OXE1016" s="10"/>
      <c r="OXF1016" s="10"/>
      <c r="OXG1016" s="10"/>
      <c r="OXH1016" s="10"/>
      <c r="OXI1016" s="10"/>
      <c r="OXJ1016" s="10"/>
      <c r="OXK1016" s="10"/>
      <c r="OXL1016" s="10"/>
      <c r="OXM1016" s="10"/>
      <c r="OXN1016" s="10"/>
      <c r="OXO1016" s="10"/>
      <c r="OXP1016" s="10"/>
      <c r="OXQ1016" s="10"/>
      <c r="OXR1016" s="10"/>
      <c r="OXS1016" s="10"/>
      <c r="OXT1016" s="10"/>
      <c r="OXU1016" s="10"/>
      <c r="OXV1016" s="10"/>
      <c r="OXW1016" s="10"/>
      <c r="OXX1016" s="10"/>
      <c r="OXY1016" s="10"/>
      <c r="OXZ1016" s="10"/>
      <c r="OYA1016" s="10"/>
      <c r="OYB1016" s="10"/>
      <c r="OYC1016" s="10"/>
      <c r="OYD1016" s="10"/>
      <c r="OYE1016" s="10"/>
      <c r="OYF1016" s="10"/>
      <c r="OYG1016" s="10"/>
      <c r="OYH1016" s="10"/>
      <c r="OYI1016" s="10"/>
      <c r="OYJ1016" s="10"/>
      <c r="OYK1016" s="10"/>
      <c r="OYL1016" s="10"/>
      <c r="OYM1016" s="10"/>
      <c r="OYN1016" s="10"/>
      <c r="OYO1016" s="10"/>
      <c r="OYP1016" s="10"/>
      <c r="OYQ1016" s="10"/>
      <c r="OYR1016" s="10"/>
      <c r="OYS1016" s="10"/>
      <c r="OYT1016" s="10"/>
      <c r="OYU1016" s="10"/>
      <c r="OYV1016" s="10"/>
      <c r="OYW1016" s="10"/>
      <c r="OYX1016" s="10"/>
      <c r="OYY1016" s="10"/>
      <c r="OYZ1016" s="10"/>
      <c r="OZA1016" s="10"/>
      <c r="OZB1016" s="10"/>
      <c r="OZC1016" s="10"/>
      <c r="OZD1016" s="10"/>
      <c r="OZE1016" s="10"/>
      <c r="OZF1016" s="10"/>
      <c r="OZG1016" s="10"/>
      <c r="OZH1016" s="10"/>
      <c r="OZI1016" s="10"/>
      <c r="OZJ1016" s="10"/>
      <c r="OZK1016" s="10"/>
      <c r="OZL1016" s="10"/>
      <c r="OZM1016" s="10"/>
      <c r="OZN1016" s="10"/>
      <c r="OZO1016" s="10"/>
      <c r="OZP1016" s="10"/>
      <c r="OZQ1016" s="10"/>
      <c r="OZR1016" s="10"/>
      <c r="OZS1016" s="10"/>
      <c r="OZT1016" s="10"/>
      <c r="OZU1016" s="10"/>
      <c r="OZV1016" s="10"/>
      <c r="OZW1016" s="10"/>
      <c r="OZX1016" s="10"/>
      <c r="OZY1016" s="10"/>
      <c r="OZZ1016" s="10"/>
      <c r="PAA1016" s="10"/>
      <c r="PAB1016" s="10"/>
      <c r="PAC1016" s="10"/>
      <c r="PAD1016" s="10"/>
      <c r="PAE1016" s="10"/>
      <c r="PAF1016" s="10"/>
      <c r="PAG1016" s="10"/>
      <c r="PAH1016" s="10"/>
      <c r="PAI1016" s="10"/>
      <c r="PAJ1016" s="10"/>
      <c r="PAK1016" s="10"/>
      <c r="PAL1016" s="10"/>
      <c r="PAM1016" s="10"/>
      <c r="PAN1016" s="10"/>
      <c r="PAO1016" s="10"/>
      <c r="PAP1016" s="10"/>
      <c r="PAQ1016" s="10"/>
      <c r="PAR1016" s="10"/>
      <c r="PAS1016" s="10"/>
      <c r="PAT1016" s="10"/>
      <c r="PAU1016" s="10"/>
      <c r="PAV1016" s="10"/>
      <c r="PAW1016" s="10"/>
      <c r="PAX1016" s="10"/>
      <c r="PAY1016" s="10"/>
      <c r="PAZ1016" s="10"/>
      <c r="PBA1016" s="10"/>
      <c r="PBB1016" s="10"/>
      <c r="PBC1016" s="10"/>
      <c r="PBD1016" s="10"/>
      <c r="PBE1016" s="10"/>
      <c r="PBF1016" s="10"/>
      <c r="PBG1016" s="10"/>
      <c r="PBH1016" s="10"/>
      <c r="PBI1016" s="10"/>
      <c r="PBJ1016" s="10"/>
      <c r="PBK1016" s="10"/>
      <c r="PBL1016" s="10"/>
      <c r="PBM1016" s="10"/>
      <c r="PBN1016" s="10"/>
      <c r="PBO1016" s="10"/>
      <c r="PBP1016" s="10"/>
      <c r="PBQ1016" s="10"/>
      <c r="PBR1016" s="10"/>
      <c r="PBS1016" s="10"/>
      <c r="PBT1016" s="10"/>
      <c r="PBU1016" s="10"/>
      <c r="PBV1016" s="10"/>
      <c r="PBW1016" s="10"/>
      <c r="PBX1016" s="10"/>
      <c r="PBY1016" s="10"/>
      <c r="PBZ1016" s="10"/>
      <c r="PCA1016" s="10"/>
      <c r="PCB1016" s="10"/>
      <c r="PCC1016" s="10"/>
      <c r="PCD1016" s="10"/>
      <c r="PCE1016" s="10"/>
      <c r="PCF1016" s="10"/>
      <c r="PCG1016" s="10"/>
      <c r="PCH1016" s="10"/>
      <c r="PCI1016" s="10"/>
      <c r="PCJ1016" s="10"/>
      <c r="PCK1016" s="10"/>
      <c r="PCL1016" s="10"/>
      <c r="PCM1016" s="10"/>
      <c r="PCN1016" s="10"/>
      <c r="PCO1016" s="10"/>
      <c r="PCP1016" s="10"/>
      <c r="PCQ1016" s="10"/>
      <c r="PCR1016" s="10"/>
      <c r="PCS1016" s="10"/>
      <c r="PCT1016" s="10"/>
      <c r="PCU1016" s="10"/>
      <c r="PCV1016" s="10"/>
      <c r="PCW1016" s="10"/>
      <c r="PCX1016" s="10"/>
      <c r="PCY1016" s="10"/>
      <c r="PCZ1016" s="10"/>
      <c r="PDA1016" s="10"/>
      <c r="PDB1016" s="10"/>
      <c r="PDC1016" s="10"/>
      <c r="PDD1016" s="10"/>
      <c r="PDE1016" s="10"/>
      <c r="PDF1016" s="10"/>
      <c r="PDG1016" s="10"/>
      <c r="PDH1016" s="10"/>
      <c r="PDI1016" s="10"/>
      <c r="PDJ1016" s="10"/>
      <c r="PDK1016" s="10"/>
      <c r="PDL1016" s="10"/>
      <c r="PDM1016" s="10"/>
      <c r="PDN1016" s="10"/>
      <c r="PDO1016" s="10"/>
      <c r="PDP1016" s="10"/>
      <c r="PDQ1016" s="10"/>
      <c r="PDR1016" s="10"/>
      <c r="PDS1016" s="10"/>
      <c r="PDT1016" s="10"/>
      <c r="PDU1016" s="10"/>
      <c r="PDV1016" s="10"/>
      <c r="PDW1016" s="10"/>
      <c r="PDX1016" s="10"/>
      <c r="PDY1016" s="10"/>
      <c r="PDZ1016" s="10"/>
      <c r="PEA1016" s="10"/>
      <c r="PEB1016" s="10"/>
      <c r="PEC1016" s="10"/>
      <c r="PED1016" s="10"/>
      <c r="PEE1016" s="10"/>
      <c r="PEF1016" s="10"/>
      <c r="PEG1016" s="10"/>
      <c r="PEH1016" s="10"/>
      <c r="PEI1016" s="10"/>
      <c r="PEJ1016" s="10"/>
      <c r="PEK1016" s="10"/>
      <c r="PEL1016" s="10"/>
      <c r="PEM1016" s="10"/>
      <c r="PEN1016" s="10"/>
      <c r="PEO1016" s="10"/>
      <c r="PEP1016" s="10"/>
      <c r="PEQ1016" s="10"/>
      <c r="PER1016" s="10"/>
      <c r="PES1016" s="10"/>
      <c r="PET1016" s="10"/>
      <c r="PEU1016" s="10"/>
      <c r="PEV1016" s="10"/>
      <c r="PEW1016" s="10"/>
      <c r="PEX1016" s="10"/>
      <c r="PEY1016" s="10"/>
      <c r="PEZ1016" s="10"/>
      <c r="PFA1016" s="10"/>
      <c r="PFB1016" s="10"/>
      <c r="PFC1016" s="10"/>
      <c r="PFD1016" s="10"/>
      <c r="PFE1016" s="10"/>
      <c r="PFF1016" s="10"/>
      <c r="PFG1016" s="10"/>
      <c r="PFH1016" s="10"/>
      <c r="PFI1016" s="10"/>
      <c r="PFJ1016" s="10"/>
      <c r="PFK1016" s="10"/>
      <c r="PFL1016" s="10"/>
      <c r="PFM1016" s="10"/>
      <c r="PFN1016" s="10"/>
      <c r="PFO1016" s="10"/>
      <c r="PFP1016" s="10"/>
      <c r="PFQ1016" s="10"/>
      <c r="PFR1016" s="10"/>
      <c r="PFS1016" s="10"/>
      <c r="PFT1016" s="10"/>
      <c r="PFU1016" s="10"/>
      <c r="PFV1016" s="10"/>
      <c r="PFW1016" s="10"/>
      <c r="PFX1016" s="10"/>
      <c r="PFY1016" s="10"/>
      <c r="PFZ1016" s="10"/>
      <c r="PGA1016" s="10"/>
      <c r="PGB1016" s="10"/>
      <c r="PGC1016" s="10"/>
      <c r="PGD1016" s="10"/>
      <c r="PGE1016" s="10"/>
      <c r="PGF1016" s="10"/>
      <c r="PGG1016" s="10"/>
      <c r="PGH1016" s="10"/>
      <c r="PGI1016" s="10"/>
      <c r="PGJ1016" s="10"/>
      <c r="PGK1016" s="10"/>
      <c r="PGL1016" s="10"/>
      <c r="PGM1016" s="10"/>
      <c r="PGN1016" s="10"/>
      <c r="PGO1016" s="10"/>
      <c r="PGP1016" s="10"/>
      <c r="PGQ1016" s="10"/>
      <c r="PGR1016" s="10"/>
      <c r="PGS1016" s="10"/>
      <c r="PGT1016" s="10"/>
      <c r="PGU1016" s="10"/>
      <c r="PGV1016" s="10"/>
      <c r="PGW1016" s="10"/>
      <c r="PGX1016" s="10"/>
      <c r="PGY1016" s="10"/>
      <c r="PGZ1016" s="10"/>
      <c r="PHA1016" s="10"/>
      <c r="PHB1016" s="10"/>
      <c r="PHC1016" s="10"/>
      <c r="PHD1016" s="10"/>
      <c r="PHE1016" s="10"/>
      <c r="PHF1016" s="10"/>
      <c r="PHG1016" s="10"/>
      <c r="PHH1016" s="10"/>
      <c r="PHI1016" s="10"/>
      <c r="PHJ1016" s="10"/>
      <c r="PHK1016" s="10"/>
      <c r="PHL1016" s="10"/>
      <c r="PHM1016" s="10"/>
      <c r="PHN1016" s="10"/>
      <c r="PHO1016" s="10"/>
      <c r="PHP1016" s="10"/>
      <c r="PHQ1016" s="10"/>
      <c r="PHR1016" s="10"/>
      <c r="PHS1016" s="10"/>
      <c r="PHT1016" s="10"/>
      <c r="PHU1016" s="10"/>
      <c r="PHV1016" s="10"/>
      <c r="PHW1016" s="10"/>
      <c r="PHX1016" s="10"/>
      <c r="PHY1016" s="10"/>
      <c r="PHZ1016" s="10"/>
      <c r="PIA1016" s="10"/>
      <c r="PIB1016" s="10"/>
      <c r="PIC1016" s="10"/>
      <c r="PID1016" s="10"/>
      <c r="PIE1016" s="10"/>
      <c r="PIF1016" s="10"/>
      <c r="PIG1016" s="10"/>
      <c r="PIH1016" s="10"/>
      <c r="PII1016" s="10"/>
      <c r="PIJ1016" s="10"/>
      <c r="PIK1016" s="10"/>
      <c r="PIL1016" s="10"/>
      <c r="PIM1016" s="10"/>
      <c r="PIN1016" s="10"/>
      <c r="PIO1016" s="10"/>
      <c r="PIP1016" s="10"/>
      <c r="PIQ1016" s="10"/>
      <c r="PIR1016" s="10"/>
      <c r="PIS1016" s="10"/>
      <c r="PIT1016" s="10"/>
      <c r="PIU1016" s="10"/>
      <c r="PIV1016" s="10"/>
      <c r="PIW1016" s="10"/>
      <c r="PIX1016" s="10"/>
      <c r="PIY1016" s="10"/>
      <c r="PIZ1016" s="10"/>
      <c r="PJA1016" s="10"/>
      <c r="PJB1016" s="10"/>
      <c r="PJC1016" s="10"/>
      <c r="PJD1016" s="10"/>
      <c r="PJE1016" s="10"/>
      <c r="PJF1016" s="10"/>
      <c r="PJG1016" s="10"/>
      <c r="PJH1016" s="10"/>
      <c r="PJI1016" s="10"/>
      <c r="PJJ1016" s="10"/>
      <c r="PJK1016" s="10"/>
      <c r="PJL1016" s="10"/>
      <c r="PJM1016" s="10"/>
      <c r="PJN1016" s="10"/>
      <c r="PJO1016" s="10"/>
      <c r="PJP1016" s="10"/>
      <c r="PJQ1016" s="10"/>
      <c r="PJR1016" s="10"/>
      <c r="PJS1016" s="10"/>
      <c r="PJT1016" s="10"/>
      <c r="PJU1016" s="10"/>
      <c r="PJV1016" s="10"/>
      <c r="PJW1016" s="10"/>
      <c r="PJX1016" s="10"/>
      <c r="PJY1016" s="10"/>
      <c r="PJZ1016" s="10"/>
      <c r="PKA1016" s="10"/>
      <c r="PKB1016" s="10"/>
      <c r="PKC1016" s="10"/>
      <c r="PKD1016" s="10"/>
      <c r="PKE1016" s="10"/>
      <c r="PKF1016" s="10"/>
      <c r="PKG1016" s="10"/>
      <c r="PKH1016" s="10"/>
      <c r="PKI1016" s="10"/>
      <c r="PKJ1016" s="10"/>
      <c r="PKK1016" s="10"/>
      <c r="PKL1016" s="10"/>
      <c r="PKM1016" s="10"/>
      <c r="PKN1016" s="10"/>
      <c r="PKO1016" s="10"/>
      <c r="PKP1016" s="10"/>
      <c r="PKQ1016" s="10"/>
      <c r="PKR1016" s="10"/>
      <c r="PKS1016" s="10"/>
      <c r="PKT1016" s="10"/>
      <c r="PKU1016" s="10"/>
      <c r="PKV1016" s="10"/>
      <c r="PKW1016" s="10"/>
      <c r="PKX1016" s="10"/>
      <c r="PKY1016" s="10"/>
      <c r="PKZ1016" s="10"/>
      <c r="PLA1016" s="10"/>
      <c r="PLB1016" s="10"/>
      <c r="PLC1016" s="10"/>
      <c r="PLD1016" s="10"/>
      <c r="PLE1016" s="10"/>
      <c r="PLF1016" s="10"/>
      <c r="PLG1016" s="10"/>
      <c r="PLH1016" s="10"/>
      <c r="PLI1016" s="10"/>
      <c r="PLJ1016" s="10"/>
      <c r="PLK1016" s="10"/>
      <c r="PLL1016" s="10"/>
      <c r="PLM1016" s="10"/>
      <c r="PLN1016" s="10"/>
      <c r="PLO1016" s="10"/>
      <c r="PLP1016" s="10"/>
      <c r="PLQ1016" s="10"/>
      <c r="PLR1016" s="10"/>
      <c r="PLS1016" s="10"/>
      <c r="PLT1016" s="10"/>
      <c r="PLU1016" s="10"/>
      <c r="PLV1016" s="10"/>
      <c r="PLW1016" s="10"/>
      <c r="PLX1016" s="10"/>
      <c r="PLY1016" s="10"/>
      <c r="PLZ1016" s="10"/>
      <c r="PMA1016" s="10"/>
      <c r="PMB1016" s="10"/>
      <c r="PMC1016" s="10"/>
      <c r="PMD1016" s="10"/>
      <c r="PME1016" s="10"/>
      <c r="PMF1016" s="10"/>
      <c r="PMG1016" s="10"/>
      <c r="PMH1016" s="10"/>
      <c r="PMI1016" s="10"/>
      <c r="PMJ1016" s="10"/>
      <c r="PMK1016" s="10"/>
      <c r="PML1016" s="10"/>
      <c r="PMM1016" s="10"/>
      <c r="PMN1016" s="10"/>
      <c r="PMO1016" s="10"/>
      <c r="PMP1016" s="10"/>
      <c r="PMQ1016" s="10"/>
      <c r="PMR1016" s="10"/>
      <c r="PMS1016" s="10"/>
      <c r="PMT1016" s="10"/>
      <c r="PMU1016" s="10"/>
      <c r="PMV1016" s="10"/>
      <c r="PMW1016" s="10"/>
      <c r="PMX1016" s="10"/>
      <c r="PMY1016" s="10"/>
      <c r="PMZ1016" s="10"/>
      <c r="PNA1016" s="10"/>
      <c r="PNB1016" s="10"/>
      <c r="PNC1016" s="10"/>
      <c r="PND1016" s="10"/>
      <c r="PNE1016" s="10"/>
      <c r="PNF1016" s="10"/>
      <c r="PNG1016" s="10"/>
      <c r="PNH1016" s="10"/>
      <c r="PNI1016" s="10"/>
      <c r="PNJ1016" s="10"/>
      <c r="PNK1016" s="10"/>
      <c r="PNL1016" s="10"/>
      <c r="PNM1016" s="10"/>
      <c r="PNN1016" s="10"/>
      <c r="PNO1016" s="10"/>
      <c r="PNP1016" s="10"/>
      <c r="PNQ1016" s="10"/>
      <c r="PNR1016" s="10"/>
      <c r="PNS1016" s="10"/>
      <c r="PNT1016" s="10"/>
      <c r="PNU1016" s="10"/>
      <c r="PNV1016" s="10"/>
      <c r="PNW1016" s="10"/>
      <c r="PNX1016" s="10"/>
      <c r="PNY1016" s="10"/>
      <c r="PNZ1016" s="10"/>
      <c r="POA1016" s="10"/>
      <c r="POB1016" s="10"/>
      <c r="POC1016" s="10"/>
      <c r="POD1016" s="10"/>
      <c r="POE1016" s="10"/>
      <c r="POF1016" s="10"/>
      <c r="POG1016" s="10"/>
      <c r="POH1016" s="10"/>
      <c r="POI1016" s="10"/>
      <c r="POJ1016" s="10"/>
      <c r="POK1016" s="10"/>
      <c r="POL1016" s="10"/>
      <c r="POM1016" s="10"/>
      <c r="PON1016" s="10"/>
      <c r="POO1016" s="10"/>
      <c r="POP1016" s="10"/>
      <c r="POQ1016" s="10"/>
      <c r="POR1016" s="10"/>
      <c r="POS1016" s="10"/>
      <c r="POT1016" s="10"/>
      <c r="POU1016" s="10"/>
      <c r="POV1016" s="10"/>
      <c r="POW1016" s="10"/>
      <c r="POX1016" s="10"/>
      <c r="POY1016" s="10"/>
      <c r="POZ1016" s="10"/>
      <c r="PPA1016" s="10"/>
      <c r="PPB1016" s="10"/>
      <c r="PPC1016" s="10"/>
      <c r="PPD1016" s="10"/>
      <c r="PPE1016" s="10"/>
      <c r="PPF1016" s="10"/>
      <c r="PPG1016" s="10"/>
      <c r="PPH1016" s="10"/>
      <c r="PPI1016" s="10"/>
      <c r="PPJ1016" s="10"/>
      <c r="PPK1016" s="10"/>
      <c r="PPL1016" s="10"/>
      <c r="PPM1016" s="10"/>
      <c r="PPN1016" s="10"/>
      <c r="PPO1016" s="10"/>
      <c r="PPP1016" s="10"/>
      <c r="PPQ1016" s="10"/>
      <c r="PPR1016" s="10"/>
      <c r="PPS1016" s="10"/>
      <c r="PPT1016" s="10"/>
      <c r="PPU1016" s="10"/>
      <c r="PPV1016" s="10"/>
      <c r="PPW1016" s="10"/>
      <c r="PPX1016" s="10"/>
      <c r="PPY1016" s="10"/>
      <c r="PPZ1016" s="10"/>
      <c r="PQA1016" s="10"/>
      <c r="PQB1016" s="10"/>
      <c r="PQC1016" s="10"/>
      <c r="PQD1016" s="10"/>
      <c r="PQE1016" s="10"/>
      <c r="PQF1016" s="10"/>
      <c r="PQG1016" s="10"/>
      <c r="PQH1016" s="10"/>
      <c r="PQI1016" s="10"/>
      <c r="PQJ1016" s="10"/>
      <c r="PQK1016" s="10"/>
      <c r="PQL1016" s="10"/>
      <c r="PQM1016" s="10"/>
      <c r="PQN1016" s="10"/>
      <c r="PQO1016" s="10"/>
      <c r="PQP1016" s="10"/>
      <c r="PQQ1016" s="10"/>
      <c r="PQR1016" s="10"/>
      <c r="PQS1016" s="10"/>
      <c r="PQT1016" s="10"/>
      <c r="PQU1016" s="10"/>
      <c r="PQV1016" s="10"/>
      <c r="PQW1016" s="10"/>
      <c r="PQX1016" s="10"/>
      <c r="PQY1016" s="10"/>
      <c r="PQZ1016" s="10"/>
      <c r="PRA1016" s="10"/>
      <c r="PRB1016" s="10"/>
      <c r="PRC1016" s="10"/>
      <c r="PRD1016" s="10"/>
      <c r="PRE1016" s="10"/>
      <c r="PRF1016" s="10"/>
      <c r="PRG1016" s="10"/>
      <c r="PRH1016" s="10"/>
      <c r="PRI1016" s="10"/>
      <c r="PRJ1016" s="10"/>
      <c r="PRK1016" s="10"/>
      <c r="PRL1016" s="10"/>
      <c r="PRM1016" s="10"/>
      <c r="PRN1016" s="10"/>
      <c r="PRO1016" s="10"/>
      <c r="PRP1016" s="10"/>
      <c r="PRQ1016" s="10"/>
      <c r="PRR1016" s="10"/>
      <c r="PRS1016" s="10"/>
      <c r="PRT1016" s="10"/>
      <c r="PRU1016" s="10"/>
      <c r="PRV1016" s="10"/>
      <c r="PRW1016" s="10"/>
      <c r="PRX1016" s="10"/>
      <c r="PRY1016" s="10"/>
      <c r="PRZ1016" s="10"/>
      <c r="PSA1016" s="10"/>
      <c r="PSB1016" s="10"/>
      <c r="PSC1016" s="10"/>
      <c r="PSD1016" s="10"/>
      <c r="PSE1016" s="10"/>
      <c r="PSF1016" s="10"/>
      <c r="PSG1016" s="10"/>
      <c r="PSH1016" s="10"/>
      <c r="PSI1016" s="10"/>
      <c r="PSJ1016" s="10"/>
      <c r="PSK1016" s="10"/>
      <c r="PSL1016" s="10"/>
      <c r="PSM1016" s="10"/>
      <c r="PSN1016" s="10"/>
      <c r="PSO1016" s="10"/>
      <c r="PSP1016" s="10"/>
      <c r="PSQ1016" s="10"/>
      <c r="PSR1016" s="10"/>
      <c r="PSS1016" s="10"/>
      <c r="PST1016" s="10"/>
      <c r="PSU1016" s="10"/>
      <c r="PSV1016" s="10"/>
      <c r="PSW1016" s="10"/>
      <c r="PSX1016" s="10"/>
      <c r="PSY1016" s="10"/>
      <c r="PSZ1016" s="10"/>
      <c r="PTA1016" s="10"/>
      <c r="PTB1016" s="10"/>
      <c r="PTC1016" s="10"/>
      <c r="PTD1016" s="10"/>
      <c r="PTE1016" s="10"/>
      <c r="PTF1016" s="10"/>
      <c r="PTG1016" s="10"/>
      <c r="PTH1016" s="10"/>
      <c r="PTI1016" s="10"/>
      <c r="PTJ1016" s="10"/>
      <c r="PTK1016" s="10"/>
      <c r="PTL1016" s="10"/>
      <c r="PTM1016" s="10"/>
      <c r="PTN1016" s="10"/>
      <c r="PTO1016" s="10"/>
      <c r="PTP1016" s="10"/>
      <c r="PTQ1016" s="10"/>
      <c r="PTR1016" s="10"/>
      <c r="PTS1016" s="10"/>
      <c r="PTT1016" s="10"/>
      <c r="PTU1016" s="10"/>
      <c r="PTV1016" s="10"/>
      <c r="PTW1016" s="10"/>
      <c r="PTX1016" s="10"/>
      <c r="PTY1016" s="10"/>
      <c r="PTZ1016" s="10"/>
      <c r="PUA1016" s="10"/>
      <c r="PUB1016" s="10"/>
      <c r="PUC1016" s="10"/>
      <c r="PUD1016" s="10"/>
      <c r="PUE1016" s="10"/>
      <c r="PUF1016" s="10"/>
      <c r="PUG1016" s="10"/>
      <c r="PUH1016" s="10"/>
      <c r="PUI1016" s="10"/>
      <c r="PUJ1016" s="10"/>
      <c r="PUK1016" s="10"/>
      <c r="PUL1016" s="10"/>
      <c r="PUM1016" s="10"/>
      <c r="PUN1016" s="10"/>
      <c r="PUO1016" s="10"/>
      <c r="PUP1016" s="10"/>
      <c r="PUQ1016" s="10"/>
      <c r="PUR1016" s="10"/>
      <c r="PUS1016" s="10"/>
      <c r="PUT1016" s="10"/>
      <c r="PUU1016" s="10"/>
      <c r="PUV1016" s="10"/>
      <c r="PUW1016" s="10"/>
      <c r="PUX1016" s="10"/>
      <c r="PUY1016" s="10"/>
      <c r="PUZ1016" s="10"/>
      <c r="PVA1016" s="10"/>
      <c r="PVB1016" s="10"/>
      <c r="PVC1016" s="10"/>
      <c r="PVD1016" s="10"/>
      <c r="PVE1016" s="10"/>
      <c r="PVF1016" s="10"/>
      <c r="PVG1016" s="10"/>
      <c r="PVH1016" s="10"/>
      <c r="PVI1016" s="10"/>
      <c r="PVJ1016" s="10"/>
      <c r="PVK1016" s="10"/>
      <c r="PVL1016" s="10"/>
      <c r="PVM1016" s="10"/>
      <c r="PVN1016" s="10"/>
      <c r="PVO1016" s="10"/>
      <c r="PVP1016" s="10"/>
      <c r="PVQ1016" s="10"/>
      <c r="PVR1016" s="10"/>
      <c r="PVS1016" s="10"/>
      <c r="PVT1016" s="10"/>
      <c r="PVU1016" s="10"/>
      <c r="PVV1016" s="10"/>
      <c r="PVW1016" s="10"/>
      <c r="PVX1016" s="10"/>
      <c r="PVY1016" s="10"/>
      <c r="PVZ1016" s="10"/>
      <c r="PWA1016" s="10"/>
      <c r="PWB1016" s="10"/>
      <c r="PWC1016" s="10"/>
      <c r="PWD1016" s="10"/>
      <c r="PWE1016" s="10"/>
      <c r="PWF1016" s="10"/>
      <c r="PWG1016" s="10"/>
      <c r="PWH1016" s="10"/>
      <c r="PWI1016" s="10"/>
      <c r="PWJ1016" s="10"/>
      <c r="PWK1016" s="10"/>
      <c r="PWL1016" s="10"/>
      <c r="PWM1016" s="10"/>
      <c r="PWN1016" s="10"/>
      <c r="PWO1016" s="10"/>
      <c r="PWP1016" s="10"/>
      <c r="PWQ1016" s="10"/>
      <c r="PWR1016" s="10"/>
      <c r="PWS1016" s="10"/>
      <c r="PWT1016" s="10"/>
      <c r="PWU1016" s="10"/>
      <c r="PWV1016" s="10"/>
      <c r="PWW1016" s="10"/>
      <c r="PWX1016" s="10"/>
      <c r="PWY1016" s="10"/>
      <c r="PWZ1016" s="10"/>
      <c r="PXA1016" s="10"/>
      <c r="PXB1016" s="10"/>
      <c r="PXC1016" s="10"/>
      <c r="PXD1016" s="10"/>
      <c r="PXE1016" s="10"/>
      <c r="PXF1016" s="10"/>
      <c r="PXG1016" s="10"/>
      <c r="PXH1016" s="10"/>
      <c r="PXI1016" s="10"/>
      <c r="PXJ1016" s="10"/>
      <c r="PXK1016" s="10"/>
      <c r="PXL1016" s="10"/>
      <c r="PXM1016" s="10"/>
      <c r="PXN1016" s="10"/>
      <c r="PXO1016" s="10"/>
      <c r="PXP1016" s="10"/>
      <c r="PXQ1016" s="10"/>
      <c r="PXR1016" s="10"/>
      <c r="PXS1016" s="10"/>
      <c r="PXT1016" s="10"/>
      <c r="PXU1016" s="10"/>
      <c r="PXV1016" s="10"/>
      <c r="PXW1016" s="10"/>
      <c r="PXX1016" s="10"/>
      <c r="PXY1016" s="10"/>
      <c r="PXZ1016" s="10"/>
      <c r="PYA1016" s="10"/>
      <c r="PYB1016" s="10"/>
      <c r="PYC1016" s="10"/>
      <c r="PYD1016" s="10"/>
      <c r="PYE1016" s="10"/>
      <c r="PYF1016" s="10"/>
      <c r="PYG1016" s="10"/>
      <c r="PYH1016" s="10"/>
      <c r="PYI1016" s="10"/>
      <c r="PYJ1016" s="10"/>
      <c r="PYK1016" s="10"/>
      <c r="PYL1016" s="10"/>
      <c r="PYM1016" s="10"/>
      <c r="PYN1016" s="10"/>
      <c r="PYO1016" s="10"/>
      <c r="PYP1016" s="10"/>
      <c r="PYQ1016" s="10"/>
      <c r="PYR1016" s="10"/>
      <c r="PYS1016" s="10"/>
      <c r="PYT1016" s="10"/>
      <c r="PYU1016" s="10"/>
      <c r="PYV1016" s="10"/>
      <c r="PYW1016" s="10"/>
      <c r="PYX1016" s="10"/>
      <c r="PYY1016" s="10"/>
      <c r="PYZ1016" s="10"/>
      <c r="PZA1016" s="10"/>
      <c r="PZB1016" s="10"/>
      <c r="PZC1016" s="10"/>
      <c r="PZD1016" s="10"/>
      <c r="PZE1016" s="10"/>
      <c r="PZF1016" s="10"/>
      <c r="PZG1016" s="10"/>
      <c r="PZH1016" s="10"/>
      <c r="PZI1016" s="10"/>
      <c r="PZJ1016" s="10"/>
      <c r="PZK1016" s="10"/>
      <c r="PZL1016" s="10"/>
      <c r="PZM1016" s="10"/>
      <c r="PZN1016" s="10"/>
      <c r="PZO1016" s="10"/>
      <c r="PZP1016" s="10"/>
      <c r="PZQ1016" s="10"/>
      <c r="PZR1016" s="10"/>
      <c r="PZS1016" s="10"/>
      <c r="PZT1016" s="10"/>
      <c r="PZU1016" s="10"/>
      <c r="PZV1016" s="10"/>
      <c r="PZW1016" s="10"/>
      <c r="PZX1016" s="10"/>
      <c r="PZY1016" s="10"/>
      <c r="PZZ1016" s="10"/>
      <c r="QAA1016" s="10"/>
      <c r="QAB1016" s="10"/>
      <c r="QAC1016" s="10"/>
      <c r="QAD1016" s="10"/>
      <c r="QAE1016" s="10"/>
      <c r="QAF1016" s="10"/>
      <c r="QAG1016" s="10"/>
      <c r="QAH1016" s="10"/>
      <c r="QAI1016" s="10"/>
      <c r="QAJ1016" s="10"/>
      <c r="QAK1016" s="10"/>
      <c r="QAL1016" s="10"/>
      <c r="QAM1016" s="10"/>
      <c r="QAN1016" s="10"/>
      <c r="QAO1016" s="10"/>
      <c r="QAP1016" s="10"/>
      <c r="QAQ1016" s="10"/>
      <c r="QAR1016" s="10"/>
      <c r="QAS1016" s="10"/>
      <c r="QAT1016" s="10"/>
      <c r="QAU1016" s="10"/>
      <c r="QAV1016" s="10"/>
      <c r="QAW1016" s="10"/>
      <c r="QAX1016" s="10"/>
      <c r="QAY1016" s="10"/>
      <c r="QAZ1016" s="10"/>
      <c r="QBA1016" s="10"/>
      <c r="QBB1016" s="10"/>
      <c r="QBC1016" s="10"/>
      <c r="QBD1016" s="10"/>
      <c r="QBE1016" s="10"/>
      <c r="QBF1016" s="10"/>
      <c r="QBG1016" s="10"/>
      <c r="QBH1016" s="10"/>
      <c r="QBI1016" s="10"/>
      <c r="QBJ1016" s="10"/>
      <c r="QBK1016" s="10"/>
      <c r="QBL1016" s="10"/>
      <c r="QBM1016" s="10"/>
      <c r="QBN1016" s="10"/>
      <c r="QBO1016" s="10"/>
      <c r="QBP1016" s="10"/>
      <c r="QBQ1016" s="10"/>
      <c r="QBR1016" s="10"/>
      <c r="QBS1016" s="10"/>
      <c r="QBT1016" s="10"/>
      <c r="QBU1016" s="10"/>
      <c r="QBV1016" s="10"/>
      <c r="QBW1016" s="10"/>
      <c r="QBX1016" s="10"/>
      <c r="QBY1016" s="10"/>
      <c r="QBZ1016" s="10"/>
      <c r="QCA1016" s="10"/>
      <c r="QCB1016" s="10"/>
      <c r="QCC1016" s="10"/>
      <c r="QCD1016" s="10"/>
      <c r="QCE1016" s="10"/>
      <c r="QCF1016" s="10"/>
      <c r="QCG1016" s="10"/>
      <c r="QCH1016" s="10"/>
      <c r="QCI1016" s="10"/>
      <c r="QCJ1016" s="10"/>
      <c r="QCK1016" s="10"/>
      <c r="QCL1016" s="10"/>
      <c r="QCM1016" s="10"/>
      <c r="QCN1016" s="10"/>
      <c r="QCO1016" s="10"/>
      <c r="QCP1016" s="10"/>
      <c r="QCQ1016" s="10"/>
      <c r="QCR1016" s="10"/>
      <c r="QCS1016" s="10"/>
      <c r="QCT1016" s="10"/>
      <c r="QCU1016" s="10"/>
      <c r="QCV1016" s="10"/>
      <c r="QCW1016" s="10"/>
      <c r="QCX1016" s="10"/>
      <c r="QCY1016" s="10"/>
      <c r="QCZ1016" s="10"/>
      <c r="QDA1016" s="10"/>
      <c r="QDB1016" s="10"/>
      <c r="QDC1016" s="10"/>
      <c r="QDD1016" s="10"/>
      <c r="QDE1016" s="10"/>
      <c r="QDF1016" s="10"/>
      <c r="QDG1016" s="10"/>
      <c r="QDH1016" s="10"/>
      <c r="QDI1016" s="10"/>
      <c r="QDJ1016" s="10"/>
      <c r="QDK1016" s="10"/>
      <c r="QDL1016" s="10"/>
      <c r="QDM1016" s="10"/>
      <c r="QDN1016" s="10"/>
      <c r="QDO1016" s="10"/>
      <c r="QDP1016" s="10"/>
      <c r="QDQ1016" s="10"/>
      <c r="QDR1016" s="10"/>
      <c r="QDS1016" s="10"/>
      <c r="QDT1016" s="10"/>
      <c r="QDU1016" s="10"/>
      <c r="QDV1016" s="10"/>
      <c r="QDW1016" s="10"/>
      <c r="QDX1016" s="10"/>
      <c r="QDY1016" s="10"/>
      <c r="QDZ1016" s="10"/>
      <c r="QEA1016" s="10"/>
      <c r="QEB1016" s="10"/>
      <c r="QEC1016" s="10"/>
      <c r="QED1016" s="10"/>
      <c r="QEE1016" s="10"/>
      <c r="QEF1016" s="10"/>
      <c r="QEG1016" s="10"/>
      <c r="QEH1016" s="10"/>
      <c r="QEI1016" s="10"/>
      <c r="QEJ1016" s="10"/>
      <c r="QEK1016" s="10"/>
      <c r="QEL1016" s="10"/>
      <c r="QEM1016" s="10"/>
      <c r="QEN1016" s="10"/>
      <c r="QEO1016" s="10"/>
      <c r="QEP1016" s="10"/>
      <c r="QEQ1016" s="10"/>
      <c r="QER1016" s="10"/>
      <c r="QES1016" s="10"/>
      <c r="QET1016" s="10"/>
      <c r="QEU1016" s="10"/>
      <c r="QEV1016" s="10"/>
      <c r="QEW1016" s="10"/>
      <c r="QEX1016" s="10"/>
      <c r="QEY1016" s="10"/>
      <c r="QEZ1016" s="10"/>
      <c r="QFA1016" s="10"/>
      <c r="QFB1016" s="10"/>
      <c r="QFC1016" s="10"/>
      <c r="QFD1016" s="10"/>
      <c r="QFE1016" s="10"/>
      <c r="QFF1016" s="10"/>
      <c r="QFG1016" s="10"/>
      <c r="QFH1016" s="10"/>
      <c r="QFI1016" s="10"/>
      <c r="QFJ1016" s="10"/>
      <c r="QFK1016" s="10"/>
      <c r="QFL1016" s="10"/>
      <c r="QFM1016" s="10"/>
      <c r="QFN1016" s="10"/>
      <c r="QFO1016" s="10"/>
      <c r="QFP1016" s="10"/>
      <c r="QFQ1016" s="10"/>
      <c r="QFR1016" s="10"/>
      <c r="QFS1016" s="10"/>
      <c r="QFT1016" s="10"/>
      <c r="QFU1016" s="10"/>
      <c r="QFV1016" s="10"/>
      <c r="QFW1016" s="10"/>
      <c r="QFX1016" s="10"/>
      <c r="QFY1016" s="10"/>
      <c r="QFZ1016" s="10"/>
      <c r="QGA1016" s="10"/>
      <c r="QGB1016" s="10"/>
      <c r="QGC1016" s="10"/>
      <c r="QGD1016" s="10"/>
      <c r="QGE1016" s="10"/>
      <c r="QGF1016" s="10"/>
      <c r="QGG1016" s="10"/>
      <c r="QGH1016" s="10"/>
      <c r="QGI1016" s="10"/>
      <c r="QGJ1016" s="10"/>
      <c r="QGK1016" s="10"/>
      <c r="QGL1016" s="10"/>
      <c r="QGM1016" s="10"/>
      <c r="QGN1016" s="10"/>
      <c r="QGO1016" s="10"/>
      <c r="QGP1016" s="10"/>
      <c r="QGQ1016" s="10"/>
      <c r="QGR1016" s="10"/>
      <c r="QGS1016" s="10"/>
      <c r="QGT1016" s="10"/>
      <c r="QGU1016" s="10"/>
      <c r="QGV1016" s="10"/>
      <c r="QGW1016" s="10"/>
      <c r="QGX1016" s="10"/>
      <c r="QGY1016" s="10"/>
      <c r="QGZ1016" s="10"/>
      <c r="QHA1016" s="10"/>
      <c r="QHB1016" s="10"/>
      <c r="QHC1016" s="10"/>
      <c r="QHD1016" s="10"/>
      <c r="QHE1016" s="10"/>
      <c r="QHF1016" s="10"/>
      <c r="QHG1016" s="10"/>
      <c r="QHH1016" s="10"/>
      <c r="QHI1016" s="10"/>
      <c r="QHJ1016" s="10"/>
      <c r="QHK1016" s="10"/>
      <c r="QHL1016" s="10"/>
      <c r="QHM1016" s="10"/>
      <c r="QHN1016" s="10"/>
      <c r="QHO1016" s="10"/>
      <c r="QHP1016" s="10"/>
      <c r="QHQ1016" s="10"/>
      <c r="QHR1016" s="10"/>
      <c r="QHS1016" s="10"/>
      <c r="QHT1016" s="10"/>
      <c r="QHU1016" s="10"/>
      <c r="QHV1016" s="10"/>
      <c r="QHW1016" s="10"/>
      <c r="QHX1016" s="10"/>
      <c r="QHY1016" s="10"/>
      <c r="QHZ1016" s="10"/>
      <c r="QIA1016" s="10"/>
      <c r="QIB1016" s="10"/>
      <c r="QIC1016" s="10"/>
      <c r="QID1016" s="10"/>
      <c r="QIE1016" s="10"/>
      <c r="QIF1016" s="10"/>
      <c r="QIG1016" s="10"/>
      <c r="QIH1016" s="10"/>
      <c r="QII1016" s="10"/>
      <c r="QIJ1016" s="10"/>
      <c r="QIK1016" s="10"/>
      <c r="QIL1016" s="10"/>
      <c r="QIM1016" s="10"/>
      <c r="QIN1016" s="10"/>
      <c r="QIO1016" s="10"/>
      <c r="QIP1016" s="10"/>
      <c r="QIQ1016" s="10"/>
      <c r="QIR1016" s="10"/>
      <c r="QIS1016" s="10"/>
      <c r="QIT1016" s="10"/>
      <c r="QIU1016" s="10"/>
      <c r="QIV1016" s="10"/>
      <c r="QIW1016" s="10"/>
      <c r="QIX1016" s="10"/>
      <c r="QIY1016" s="10"/>
      <c r="QIZ1016" s="10"/>
      <c r="QJA1016" s="10"/>
      <c r="QJB1016" s="10"/>
      <c r="QJC1016" s="10"/>
      <c r="QJD1016" s="10"/>
      <c r="QJE1016" s="10"/>
      <c r="QJF1016" s="10"/>
      <c r="QJG1016" s="10"/>
      <c r="QJH1016" s="10"/>
      <c r="QJI1016" s="10"/>
      <c r="QJJ1016" s="10"/>
      <c r="QJK1016" s="10"/>
      <c r="QJL1016" s="10"/>
      <c r="QJM1016" s="10"/>
      <c r="QJN1016" s="10"/>
      <c r="QJO1016" s="10"/>
      <c r="QJP1016" s="10"/>
      <c r="QJQ1016" s="10"/>
      <c r="QJR1016" s="10"/>
      <c r="QJS1016" s="10"/>
      <c r="QJT1016" s="10"/>
      <c r="QJU1016" s="10"/>
      <c r="QJV1016" s="10"/>
      <c r="QJW1016" s="10"/>
      <c r="QJX1016" s="10"/>
      <c r="QJY1016" s="10"/>
      <c r="QJZ1016" s="10"/>
      <c r="QKA1016" s="10"/>
      <c r="QKB1016" s="10"/>
      <c r="QKC1016" s="10"/>
      <c r="QKD1016" s="10"/>
      <c r="QKE1016" s="10"/>
      <c r="QKF1016" s="10"/>
      <c r="QKG1016" s="10"/>
      <c r="QKH1016" s="10"/>
      <c r="QKI1016" s="10"/>
      <c r="QKJ1016" s="10"/>
      <c r="QKK1016" s="10"/>
      <c r="QKL1016" s="10"/>
      <c r="QKM1016" s="10"/>
      <c r="QKN1016" s="10"/>
      <c r="QKO1016" s="10"/>
      <c r="QKP1016" s="10"/>
      <c r="QKQ1016" s="10"/>
      <c r="QKR1016" s="10"/>
      <c r="QKS1016" s="10"/>
      <c r="QKT1016" s="10"/>
      <c r="QKU1016" s="10"/>
      <c r="QKV1016" s="10"/>
      <c r="QKW1016" s="10"/>
      <c r="QKX1016" s="10"/>
      <c r="QKY1016" s="10"/>
      <c r="QKZ1016" s="10"/>
      <c r="QLA1016" s="10"/>
      <c r="QLB1016" s="10"/>
      <c r="QLC1016" s="10"/>
      <c r="QLD1016" s="10"/>
      <c r="QLE1016" s="10"/>
      <c r="QLF1016" s="10"/>
      <c r="QLG1016" s="10"/>
      <c r="QLH1016" s="10"/>
      <c r="QLI1016" s="10"/>
      <c r="QLJ1016" s="10"/>
      <c r="QLK1016" s="10"/>
      <c r="QLL1016" s="10"/>
      <c r="QLM1016" s="10"/>
      <c r="QLN1016" s="10"/>
      <c r="QLO1016" s="10"/>
      <c r="QLP1016" s="10"/>
      <c r="QLQ1016" s="10"/>
      <c r="QLR1016" s="10"/>
      <c r="QLS1016" s="10"/>
      <c r="QLT1016" s="10"/>
      <c r="QLU1016" s="10"/>
      <c r="QLV1016" s="10"/>
      <c r="QLW1016" s="10"/>
      <c r="QLX1016" s="10"/>
      <c r="QLY1016" s="10"/>
      <c r="QLZ1016" s="10"/>
      <c r="QMA1016" s="10"/>
      <c r="QMB1016" s="10"/>
      <c r="QMC1016" s="10"/>
      <c r="QMD1016" s="10"/>
      <c r="QME1016" s="10"/>
      <c r="QMF1016" s="10"/>
      <c r="QMG1016" s="10"/>
      <c r="QMH1016" s="10"/>
      <c r="QMI1016" s="10"/>
      <c r="QMJ1016" s="10"/>
      <c r="QMK1016" s="10"/>
      <c r="QML1016" s="10"/>
      <c r="QMM1016" s="10"/>
      <c r="QMN1016" s="10"/>
      <c r="QMO1016" s="10"/>
      <c r="QMP1016" s="10"/>
      <c r="QMQ1016" s="10"/>
      <c r="QMR1016" s="10"/>
      <c r="QMS1016" s="10"/>
      <c r="QMT1016" s="10"/>
      <c r="QMU1016" s="10"/>
      <c r="QMV1016" s="10"/>
      <c r="QMW1016" s="10"/>
      <c r="QMX1016" s="10"/>
      <c r="QMY1016" s="10"/>
      <c r="QMZ1016" s="10"/>
      <c r="QNA1016" s="10"/>
      <c r="QNB1016" s="10"/>
      <c r="QNC1016" s="10"/>
      <c r="QND1016" s="10"/>
      <c r="QNE1016" s="10"/>
      <c r="QNF1016" s="10"/>
      <c r="QNG1016" s="10"/>
      <c r="QNH1016" s="10"/>
      <c r="QNI1016" s="10"/>
      <c r="QNJ1016" s="10"/>
      <c r="QNK1016" s="10"/>
      <c r="QNL1016" s="10"/>
      <c r="QNM1016" s="10"/>
      <c r="QNN1016" s="10"/>
      <c r="QNO1016" s="10"/>
      <c r="QNP1016" s="10"/>
      <c r="QNQ1016" s="10"/>
      <c r="QNR1016" s="10"/>
      <c r="QNS1016" s="10"/>
      <c r="QNT1016" s="10"/>
      <c r="QNU1016" s="10"/>
      <c r="QNV1016" s="10"/>
      <c r="QNW1016" s="10"/>
      <c r="QNX1016" s="10"/>
      <c r="QNY1016" s="10"/>
      <c r="QNZ1016" s="10"/>
      <c r="QOA1016" s="10"/>
      <c r="QOB1016" s="10"/>
      <c r="QOC1016" s="10"/>
      <c r="QOD1016" s="10"/>
      <c r="QOE1016" s="10"/>
      <c r="QOF1016" s="10"/>
      <c r="QOG1016" s="10"/>
      <c r="QOH1016" s="10"/>
      <c r="QOI1016" s="10"/>
      <c r="QOJ1016" s="10"/>
      <c r="QOK1016" s="10"/>
      <c r="QOL1016" s="10"/>
      <c r="QOM1016" s="10"/>
      <c r="QON1016" s="10"/>
      <c r="QOO1016" s="10"/>
      <c r="QOP1016" s="10"/>
      <c r="QOQ1016" s="10"/>
      <c r="QOR1016" s="10"/>
      <c r="QOS1016" s="10"/>
      <c r="QOT1016" s="10"/>
      <c r="QOU1016" s="10"/>
      <c r="QOV1016" s="10"/>
      <c r="QOW1016" s="10"/>
      <c r="QOX1016" s="10"/>
      <c r="QOY1016" s="10"/>
      <c r="QOZ1016" s="10"/>
      <c r="QPA1016" s="10"/>
      <c r="QPB1016" s="10"/>
      <c r="QPC1016" s="10"/>
      <c r="QPD1016" s="10"/>
      <c r="QPE1016" s="10"/>
      <c r="QPF1016" s="10"/>
      <c r="QPG1016" s="10"/>
      <c r="QPH1016" s="10"/>
      <c r="QPI1016" s="10"/>
      <c r="QPJ1016" s="10"/>
      <c r="QPK1016" s="10"/>
      <c r="QPL1016" s="10"/>
      <c r="QPM1016" s="10"/>
      <c r="QPN1016" s="10"/>
      <c r="QPO1016" s="10"/>
      <c r="QPP1016" s="10"/>
      <c r="QPQ1016" s="10"/>
      <c r="QPR1016" s="10"/>
      <c r="QPS1016" s="10"/>
      <c r="QPT1016" s="10"/>
      <c r="QPU1016" s="10"/>
      <c r="QPV1016" s="10"/>
      <c r="QPW1016" s="10"/>
      <c r="QPX1016" s="10"/>
      <c r="QPY1016" s="10"/>
      <c r="QPZ1016" s="10"/>
      <c r="QQA1016" s="10"/>
      <c r="QQB1016" s="10"/>
      <c r="QQC1016" s="10"/>
      <c r="QQD1016" s="10"/>
      <c r="QQE1016" s="10"/>
      <c r="QQF1016" s="10"/>
      <c r="QQG1016" s="10"/>
      <c r="QQH1016" s="10"/>
      <c r="QQI1016" s="10"/>
      <c r="QQJ1016" s="10"/>
      <c r="QQK1016" s="10"/>
      <c r="QQL1016" s="10"/>
      <c r="QQM1016" s="10"/>
      <c r="QQN1016" s="10"/>
      <c r="QQO1016" s="10"/>
      <c r="QQP1016" s="10"/>
      <c r="QQQ1016" s="10"/>
      <c r="QQR1016" s="10"/>
      <c r="QQS1016" s="10"/>
      <c r="QQT1016" s="10"/>
      <c r="QQU1016" s="10"/>
      <c r="QQV1016" s="10"/>
      <c r="QQW1016" s="10"/>
      <c r="QQX1016" s="10"/>
      <c r="QQY1016" s="10"/>
      <c r="QQZ1016" s="10"/>
      <c r="QRA1016" s="10"/>
      <c r="QRB1016" s="10"/>
      <c r="QRC1016" s="10"/>
      <c r="QRD1016" s="10"/>
      <c r="QRE1016" s="10"/>
      <c r="QRF1016" s="10"/>
      <c r="QRG1016" s="10"/>
      <c r="QRH1016" s="10"/>
      <c r="QRI1016" s="10"/>
      <c r="QRJ1016" s="10"/>
      <c r="QRK1016" s="10"/>
      <c r="QRL1016" s="10"/>
      <c r="QRM1016" s="10"/>
      <c r="QRN1016" s="10"/>
      <c r="QRO1016" s="10"/>
      <c r="QRP1016" s="10"/>
      <c r="QRQ1016" s="10"/>
      <c r="QRR1016" s="10"/>
      <c r="QRS1016" s="10"/>
      <c r="QRT1016" s="10"/>
      <c r="QRU1016" s="10"/>
      <c r="QRV1016" s="10"/>
      <c r="QRW1016" s="10"/>
      <c r="QRX1016" s="10"/>
      <c r="QRY1016" s="10"/>
      <c r="QRZ1016" s="10"/>
      <c r="QSA1016" s="10"/>
      <c r="QSB1016" s="10"/>
      <c r="QSC1016" s="10"/>
      <c r="QSD1016" s="10"/>
      <c r="QSE1016" s="10"/>
      <c r="QSF1016" s="10"/>
      <c r="QSG1016" s="10"/>
      <c r="QSH1016" s="10"/>
      <c r="QSI1016" s="10"/>
      <c r="QSJ1016" s="10"/>
      <c r="QSK1016" s="10"/>
      <c r="QSL1016" s="10"/>
      <c r="QSM1016" s="10"/>
      <c r="QSN1016" s="10"/>
      <c r="QSO1016" s="10"/>
      <c r="QSP1016" s="10"/>
      <c r="QSQ1016" s="10"/>
      <c r="QSR1016" s="10"/>
      <c r="QSS1016" s="10"/>
      <c r="QST1016" s="10"/>
      <c r="QSU1016" s="10"/>
      <c r="QSV1016" s="10"/>
      <c r="QSW1016" s="10"/>
      <c r="QSX1016" s="10"/>
      <c r="QSY1016" s="10"/>
      <c r="QSZ1016" s="10"/>
      <c r="QTA1016" s="10"/>
      <c r="QTB1016" s="10"/>
      <c r="QTC1016" s="10"/>
      <c r="QTD1016" s="10"/>
      <c r="QTE1016" s="10"/>
      <c r="QTF1016" s="10"/>
      <c r="QTG1016" s="10"/>
      <c r="QTH1016" s="10"/>
      <c r="QTI1016" s="10"/>
      <c r="QTJ1016" s="10"/>
      <c r="QTK1016" s="10"/>
      <c r="QTL1016" s="10"/>
      <c r="QTM1016" s="10"/>
      <c r="QTN1016" s="10"/>
      <c r="QTO1016" s="10"/>
      <c r="QTP1016" s="10"/>
      <c r="QTQ1016" s="10"/>
      <c r="QTR1016" s="10"/>
      <c r="QTS1016" s="10"/>
      <c r="QTT1016" s="10"/>
      <c r="QTU1016" s="10"/>
      <c r="QTV1016" s="10"/>
      <c r="QTW1016" s="10"/>
      <c r="QTX1016" s="10"/>
      <c r="QTY1016" s="10"/>
      <c r="QTZ1016" s="10"/>
      <c r="QUA1016" s="10"/>
      <c r="QUB1016" s="10"/>
      <c r="QUC1016" s="10"/>
      <c r="QUD1016" s="10"/>
      <c r="QUE1016" s="10"/>
      <c r="QUF1016" s="10"/>
      <c r="QUG1016" s="10"/>
      <c r="QUH1016" s="10"/>
      <c r="QUI1016" s="10"/>
      <c r="QUJ1016" s="10"/>
      <c r="QUK1016" s="10"/>
      <c r="QUL1016" s="10"/>
      <c r="QUM1016" s="10"/>
      <c r="QUN1016" s="10"/>
      <c r="QUO1016" s="10"/>
      <c r="QUP1016" s="10"/>
      <c r="QUQ1016" s="10"/>
      <c r="QUR1016" s="10"/>
      <c r="QUS1016" s="10"/>
      <c r="QUT1016" s="10"/>
      <c r="QUU1016" s="10"/>
      <c r="QUV1016" s="10"/>
      <c r="QUW1016" s="10"/>
      <c r="QUX1016" s="10"/>
      <c r="QUY1016" s="10"/>
      <c r="QUZ1016" s="10"/>
      <c r="QVA1016" s="10"/>
      <c r="QVB1016" s="10"/>
      <c r="QVC1016" s="10"/>
      <c r="QVD1016" s="10"/>
      <c r="QVE1016" s="10"/>
      <c r="QVF1016" s="10"/>
      <c r="QVG1016" s="10"/>
      <c r="QVH1016" s="10"/>
      <c r="QVI1016" s="10"/>
      <c r="QVJ1016" s="10"/>
      <c r="QVK1016" s="10"/>
      <c r="QVL1016" s="10"/>
      <c r="QVM1016" s="10"/>
      <c r="QVN1016" s="10"/>
      <c r="QVO1016" s="10"/>
      <c r="QVP1016" s="10"/>
      <c r="QVQ1016" s="10"/>
      <c r="QVR1016" s="10"/>
      <c r="QVS1016" s="10"/>
      <c r="QVT1016" s="10"/>
      <c r="QVU1016" s="10"/>
      <c r="QVV1016" s="10"/>
      <c r="QVW1016" s="10"/>
      <c r="QVX1016" s="10"/>
      <c r="QVY1016" s="10"/>
      <c r="QVZ1016" s="10"/>
      <c r="QWA1016" s="10"/>
      <c r="QWB1016" s="10"/>
      <c r="QWC1016" s="10"/>
      <c r="QWD1016" s="10"/>
      <c r="QWE1016" s="10"/>
      <c r="QWF1016" s="10"/>
      <c r="QWG1016" s="10"/>
      <c r="QWH1016" s="10"/>
      <c r="QWI1016" s="10"/>
      <c r="QWJ1016" s="10"/>
      <c r="QWK1016" s="10"/>
      <c r="QWL1016" s="10"/>
      <c r="QWM1016" s="10"/>
      <c r="QWN1016" s="10"/>
      <c r="QWO1016" s="10"/>
      <c r="QWP1016" s="10"/>
      <c r="QWQ1016" s="10"/>
      <c r="QWR1016" s="10"/>
      <c r="QWS1016" s="10"/>
      <c r="QWT1016" s="10"/>
      <c r="QWU1016" s="10"/>
      <c r="QWV1016" s="10"/>
      <c r="QWW1016" s="10"/>
      <c r="QWX1016" s="10"/>
      <c r="QWY1016" s="10"/>
      <c r="QWZ1016" s="10"/>
      <c r="QXA1016" s="10"/>
      <c r="QXB1016" s="10"/>
      <c r="QXC1016" s="10"/>
      <c r="QXD1016" s="10"/>
      <c r="QXE1016" s="10"/>
      <c r="QXF1016" s="10"/>
      <c r="QXG1016" s="10"/>
      <c r="QXH1016" s="10"/>
      <c r="QXI1016" s="10"/>
      <c r="QXJ1016" s="10"/>
      <c r="QXK1016" s="10"/>
      <c r="QXL1016" s="10"/>
      <c r="QXM1016" s="10"/>
      <c r="QXN1016" s="10"/>
      <c r="QXO1016" s="10"/>
      <c r="QXP1016" s="10"/>
      <c r="QXQ1016" s="10"/>
      <c r="QXR1016" s="10"/>
      <c r="QXS1016" s="10"/>
      <c r="QXT1016" s="10"/>
      <c r="QXU1016" s="10"/>
      <c r="QXV1016" s="10"/>
      <c r="QXW1016" s="10"/>
      <c r="QXX1016" s="10"/>
      <c r="QXY1016" s="10"/>
      <c r="QXZ1016" s="10"/>
      <c r="QYA1016" s="10"/>
      <c r="QYB1016" s="10"/>
      <c r="QYC1016" s="10"/>
      <c r="QYD1016" s="10"/>
      <c r="QYE1016" s="10"/>
      <c r="QYF1016" s="10"/>
      <c r="QYG1016" s="10"/>
      <c r="QYH1016" s="10"/>
      <c r="QYI1016" s="10"/>
      <c r="QYJ1016" s="10"/>
      <c r="QYK1016" s="10"/>
      <c r="QYL1016" s="10"/>
      <c r="QYM1016" s="10"/>
      <c r="QYN1016" s="10"/>
      <c r="QYO1016" s="10"/>
      <c r="QYP1016" s="10"/>
      <c r="QYQ1016" s="10"/>
      <c r="QYR1016" s="10"/>
      <c r="QYS1016" s="10"/>
      <c r="QYT1016" s="10"/>
      <c r="QYU1016" s="10"/>
      <c r="QYV1016" s="10"/>
      <c r="QYW1016" s="10"/>
      <c r="QYX1016" s="10"/>
      <c r="QYY1016" s="10"/>
      <c r="QYZ1016" s="10"/>
      <c r="QZA1016" s="10"/>
      <c r="QZB1016" s="10"/>
      <c r="QZC1016" s="10"/>
      <c r="QZD1016" s="10"/>
      <c r="QZE1016" s="10"/>
      <c r="QZF1016" s="10"/>
      <c r="QZG1016" s="10"/>
      <c r="QZH1016" s="10"/>
      <c r="QZI1016" s="10"/>
      <c r="QZJ1016" s="10"/>
      <c r="QZK1016" s="10"/>
      <c r="QZL1016" s="10"/>
      <c r="QZM1016" s="10"/>
      <c r="QZN1016" s="10"/>
      <c r="QZO1016" s="10"/>
      <c r="QZP1016" s="10"/>
      <c r="QZQ1016" s="10"/>
      <c r="QZR1016" s="10"/>
      <c r="QZS1016" s="10"/>
      <c r="QZT1016" s="10"/>
      <c r="QZU1016" s="10"/>
      <c r="QZV1016" s="10"/>
      <c r="QZW1016" s="10"/>
      <c r="QZX1016" s="10"/>
      <c r="QZY1016" s="10"/>
      <c r="QZZ1016" s="10"/>
      <c r="RAA1016" s="10"/>
      <c r="RAB1016" s="10"/>
      <c r="RAC1016" s="10"/>
      <c r="RAD1016" s="10"/>
      <c r="RAE1016" s="10"/>
      <c r="RAF1016" s="10"/>
      <c r="RAG1016" s="10"/>
      <c r="RAH1016" s="10"/>
      <c r="RAI1016" s="10"/>
      <c r="RAJ1016" s="10"/>
      <c r="RAK1016" s="10"/>
      <c r="RAL1016" s="10"/>
      <c r="RAM1016" s="10"/>
      <c r="RAN1016" s="10"/>
      <c r="RAO1016" s="10"/>
      <c r="RAP1016" s="10"/>
      <c r="RAQ1016" s="10"/>
      <c r="RAR1016" s="10"/>
      <c r="RAS1016" s="10"/>
      <c r="RAT1016" s="10"/>
      <c r="RAU1016" s="10"/>
      <c r="RAV1016" s="10"/>
      <c r="RAW1016" s="10"/>
      <c r="RAX1016" s="10"/>
      <c r="RAY1016" s="10"/>
      <c r="RAZ1016" s="10"/>
      <c r="RBA1016" s="10"/>
      <c r="RBB1016" s="10"/>
      <c r="RBC1016" s="10"/>
      <c r="RBD1016" s="10"/>
      <c r="RBE1016" s="10"/>
      <c r="RBF1016" s="10"/>
      <c r="RBG1016" s="10"/>
      <c r="RBH1016" s="10"/>
      <c r="RBI1016" s="10"/>
      <c r="RBJ1016" s="10"/>
      <c r="RBK1016" s="10"/>
      <c r="RBL1016" s="10"/>
      <c r="RBM1016" s="10"/>
      <c r="RBN1016" s="10"/>
      <c r="RBO1016" s="10"/>
      <c r="RBP1016" s="10"/>
      <c r="RBQ1016" s="10"/>
      <c r="RBR1016" s="10"/>
      <c r="RBS1016" s="10"/>
      <c r="RBT1016" s="10"/>
      <c r="RBU1016" s="10"/>
      <c r="RBV1016" s="10"/>
      <c r="RBW1016" s="10"/>
      <c r="RBX1016" s="10"/>
      <c r="RBY1016" s="10"/>
      <c r="RBZ1016" s="10"/>
      <c r="RCA1016" s="10"/>
      <c r="RCB1016" s="10"/>
      <c r="RCC1016" s="10"/>
      <c r="RCD1016" s="10"/>
      <c r="RCE1016" s="10"/>
      <c r="RCF1016" s="10"/>
      <c r="RCG1016" s="10"/>
      <c r="RCH1016" s="10"/>
      <c r="RCI1016" s="10"/>
      <c r="RCJ1016" s="10"/>
      <c r="RCK1016" s="10"/>
      <c r="RCL1016" s="10"/>
      <c r="RCM1016" s="10"/>
      <c r="RCN1016" s="10"/>
      <c r="RCO1016" s="10"/>
      <c r="RCP1016" s="10"/>
      <c r="RCQ1016" s="10"/>
      <c r="RCR1016" s="10"/>
      <c r="RCS1016" s="10"/>
      <c r="RCT1016" s="10"/>
      <c r="RCU1016" s="10"/>
      <c r="RCV1016" s="10"/>
      <c r="RCW1016" s="10"/>
      <c r="RCX1016" s="10"/>
      <c r="RCY1016" s="10"/>
      <c r="RCZ1016" s="10"/>
      <c r="RDA1016" s="10"/>
      <c r="RDB1016" s="10"/>
      <c r="RDC1016" s="10"/>
      <c r="RDD1016" s="10"/>
      <c r="RDE1016" s="10"/>
      <c r="RDF1016" s="10"/>
      <c r="RDG1016" s="10"/>
      <c r="RDH1016" s="10"/>
      <c r="RDI1016" s="10"/>
      <c r="RDJ1016" s="10"/>
      <c r="RDK1016" s="10"/>
      <c r="RDL1016" s="10"/>
      <c r="RDM1016" s="10"/>
      <c r="RDN1016" s="10"/>
      <c r="RDO1016" s="10"/>
      <c r="RDP1016" s="10"/>
      <c r="RDQ1016" s="10"/>
      <c r="RDR1016" s="10"/>
      <c r="RDS1016" s="10"/>
      <c r="RDT1016" s="10"/>
      <c r="RDU1016" s="10"/>
      <c r="RDV1016" s="10"/>
      <c r="RDW1016" s="10"/>
      <c r="RDX1016" s="10"/>
      <c r="RDY1016" s="10"/>
      <c r="RDZ1016" s="10"/>
      <c r="REA1016" s="10"/>
      <c r="REB1016" s="10"/>
      <c r="REC1016" s="10"/>
      <c r="RED1016" s="10"/>
      <c r="REE1016" s="10"/>
      <c r="REF1016" s="10"/>
      <c r="REG1016" s="10"/>
      <c r="REH1016" s="10"/>
      <c r="REI1016" s="10"/>
      <c r="REJ1016" s="10"/>
      <c r="REK1016" s="10"/>
      <c r="REL1016" s="10"/>
      <c r="REM1016" s="10"/>
      <c r="REN1016" s="10"/>
      <c r="REO1016" s="10"/>
      <c r="REP1016" s="10"/>
      <c r="REQ1016" s="10"/>
      <c r="RER1016" s="10"/>
      <c r="RES1016" s="10"/>
      <c r="RET1016" s="10"/>
      <c r="REU1016" s="10"/>
      <c r="REV1016" s="10"/>
      <c r="REW1016" s="10"/>
      <c r="REX1016" s="10"/>
      <c r="REY1016" s="10"/>
      <c r="REZ1016" s="10"/>
      <c r="RFA1016" s="10"/>
      <c r="RFB1016" s="10"/>
      <c r="RFC1016" s="10"/>
      <c r="RFD1016" s="10"/>
      <c r="RFE1016" s="10"/>
      <c r="RFF1016" s="10"/>
      <c r="RFG1016" s="10"/>
      <c r="RFH1016" s="10"/>
      <c r="RFI1016" s="10"/>
      <c r="RFJ1016" s="10"/>
      <c r="RFK1016" s="10"/>
      <c r="RFL1016" s="10"/>
      <c r="RFM1016" s="10"/>
      <c r="RFN1016" s="10"/>
      <c r="RFO1016" s="10"/>
      <c r="RFP1016" s="10"/>
      <c r="RFQ1016" s="10"/>
      <c r="RFR1016" s="10"/>
      <c r="RFS1016" s="10"/>
      <c r="RFT1016" s="10"/>
      <c r="RFU1016" s="10"/>
      <c r="RFV1016" s="10"/>
      <c r="RFW1016" s="10"/>
      <c r="RFX1016" s="10"/>
      <c r="RFY1016" s="10"/>
      <c r="RFZ1016" s="10"/>
      <c r="RGA1016" s="10"/>
      <c r="RGB1016" s="10"/>
      <c r="RGC1016" s="10"/>
      <c r="RGD1016" s="10"/>
      <c r="RGE1016" s="10"/>
      <c r="RGF1016" s="10"/>
      <c r="RGG1016" s="10"/>
      <c r="RGH1016" s="10"/>
      <c r="RGI1016" s="10"/>
      <c r="RGJ1016" s="10"/>
      <c r="RGK1016" s="10"/>
      <c r="RGL1016" s="10"/>
      <c r="RGM1016" s="10"/>
      <c r="RGN1016" s="10"/>
      <c r="RGO1016" s="10"/>
      <c r="RGP1016" s="10"/>
      <c r="RGQ1016" s="10"/>
      <c r="RGR1016" s="10"/>
      <c r="RGS1016" s="10"/>
      <c r="RGT1016" s="10"/>
      <c r="RGU1016" s="10"/>
      <c r="RGV1016" s="10"/>
      <c r="RGW1016" s="10"/>
      <c r="RGX1016" s="10"/>
      <c r="RGY1016" s="10"/>
      <c r="RGZ1016" s="10"/>
      <c r="RHA1016" s="10"/>
      <c r="RHB1016" s="10"/>
      <c r="RHC1016" s="10"/>
      <c r="RHD1016" s="10"/>
      <c r="RHE1016" s="10"/>
      <c r="RHF1016" s="10"/>
      <c r="RHG1016" s="10"/>
      <c r="RHH1016" s="10"/>
      <c r="RHI1016" s="10"/>
      <c r="RHJ1016" s="10"/>
      <c r="RHK1016" s="10"/>
      <c r="RHL1016" s="10"/>
      <c r="RHM1016" s="10"/>
      <c r="RHN1016" s="10"/>
      <c r="RHO1016" s="10"/>
      <c r="RHP1016" s="10"/>
      <c r="RHQ1016" s="10"/>
      <c r="RHR1016" s="10"/>
      <c r="RHS1016" s="10"/>
      <c r="RHT1016" s="10"/>
      <c r="RHU1016" s="10"/>
      <c r="RHV1016" s="10"/>
      <c r="RHW1016" s="10"/>
      <c r="RHX1016" s="10"/>
      <c r="RHY1016" s="10"/>
      <c r="RHZ1016" s="10"/>
      <c r="RIA1016" s="10"/>
      <c r="RIB1016" s="10"/>
      <c r="RIC1016" s="10"/>
      <c r="RID1016" s="10"/>
      <c r="RIE1016" s="10"/>
      <c r="RIF1016" s="10"/>
      <c r="RIG1016" s="10"/>
      <c r="RIH1016" s="10"/>
      <c r="RII1016" s="10"/>
      <c r="RIJ1016" s="10"/>
      <c r="RIK1016" s="10"/>
      <c r="RIL1016" s="10"/>
      <c r="RIM1016" s="10"/>
      <c r="RIN1016" s="10"/>
      <c r="RIO1016" s="10"/>
      <c r="RIP1016" s="10"/>
      <c r="RIQ1016" s="10"/>
      <c r="RIR1016" s="10"/>
      <c r="RIS1016" s="10"/>
      <c r="RIT1016" s="10"/>
      <c r="RIU1016" s="10"/>
      <c r="RIV1016" s="10"/>
      <c r="RIW1016" s="10"/>
      <c r="RIX1016" s="10"/>
      <c r="RIY1016" s="10"/>
      <c r="RIZ1016" s="10"/>
      <c r="RJA1016" s="10"/>
      <c r="RJB1016" s="10"/>
      <c r="RJC1016" s="10"/>
      <c r="RJD1016" s="10"/>
      <c r="RJE1016" s="10"/>
      <c r="RJF1016" s="10"/>
      <c r="RJG1016" s="10"/>
      <c r="RJH1016" s="10"/>
      <c r="RJI1016" s="10"/>
      <c r="RJJ1016" s="10"/>
      <c r="RJK1016" s="10"/>
      <c r="RJL1016" s="10"/>
      <c r="RJM1016" s="10"/>
      <c r="RJN1016" s="10"/>
      <c r="RJO1016" s="10"/>
      <c r="RJP1016" s="10"/>
      <c r="RJQ1016" s="10"/>
      <c r="RJR1016" s="10"/>
      <c r="RJS1016" s="10"/>
      <c r="RJT1016" s="10"/>
      <c r="RJU1016" s="10"/>
      <c r="RJV1016" s="10"/>
      <c r="RJW1016" s="10"/>
      <c r="RJX1016" s="10"/>
      <c r="RJY1016" s="10"/>
      <c r="RJZ1016" s="10"/>
      <c r="RKA1016" s="10"/>
      <c r="RKB1016" s="10"/>
      <c r="RKC1016" s="10"/>
      <c r="RKD1016" s="10"/>
      <c r="RKE1016" s="10"/>
      <c r="RKF1016" s="10"/>
      <c r="RKG1016" s="10"/>
      <c r="RKH1016" s="10"/>
      <c r="RKI1016" s="10"/>
      <c r="RKJ1016" s="10"/>
      <c r="RKK1016" s="10"/>
      <c r="RKL1016" s="10"/>
      <c r="RKM1016" s="10"/>
      <c r="RKN1016" s="10"/>
      <c r="RKO1016" s="10"/>
      <c r="RKP1016" s="10"/>
      <c r="RKQ1016" s="10"/>
      <c r="RKR1016" s="10"/>
      <c r="RKS1016" s="10"/>
      <c r="RKT1016" s="10"/>
      <c r="RKU1016" s="10"/>
      <c r="RKV1016" s="10"/>
      <c r="RKW1016" s="10"/>
      <c r="RKX1016" s="10"/>
      <c r="RKY1016" s="10"/>
      <c r="RKZ1016" s="10"/>
      <c r="RLA1016" s="10"/>
      <c r="RLB1016" s="10"/>
      <c r="RLC1016" s="10"/>
      <c r="RLD1016" s="10"/>
      <c r="RLE1016" s="10"/>
      <c r="RLF1016" s="10"/>
      <c r="RLG1016" s="10"/>
      <c r="RLH1016" s="10"/>
      <c r="RLI1016" s="10"/>
      <c r="RLJ1016" s="10"/>
      <c r="RLK1016" s="10"/>
      <c r="RLL1016" s="10"/>
      <c r="RLM1016" s="10"/>
      <c r="RLN1016" s="10"/>
      <c r="RLO1016" s="10"/>
      <c r="RLP1016" s="10"/>
      <c r="RLQ1016" s="10"/>
      <c r="RLR1016" s="10"/>
      <c r="RLS1016" s="10"/>
      <c r="RLT1016" s="10"/>
      <c r="RLU1016" s="10"/>
      <c r="RLV1016" s="10"/>
      <c r="RLW1016" s="10"/>
      <c r="RLX1016" s="10"/>
      <c r="RLY1016" s="10"/>
      <c r="RLZ1016" s="10"/>
      <c r="RMA1016" s="10"/>
      <c r="RMB1016" s="10"/>
      <c r="RMC1016" s="10"/>
      <c r="RMD1016" s="10"/>
      <c r="RME1016" s="10"/>
      <c r="RMF1016" s="10"/>
      <c r="RMG1016" s="10"/>
      <c r="RMH1016" s="10"/>
      <c r="RMI1016" s="10"/>
      <c r="RMJ1016" s="10"/>
      <c r="RMK1016" s="10"/>
      <c r="RML1016" s="10"/>
      <c r="RMM1016" s="10"/>
      <c r="RMN1016" s="10"/>
      <c r="RMO1016" s="10"/>
      <c r="RMP1016" s="10"/>
      <c r="RMQ1016" s="10"/>
      <c r="RMR1016" s="10"/>
      <c r="RMS1016" s="10"/>
      <c r="RMT1016" s="10"/>
      <c r="RMU1016" s="10"/>
      <c r="RMV1016" s="10"/>
      <c r="RMW1016" s="10"/>
      <c r="RMX1016" s="10"/>
      <c r="RMY1016" s="10"/>
      <c r="RMZ1016" s="10"/>
      <c r="RNA1016" s="10"/>
      <c r="RNB1016" s="10"/>
      <c r="RNC1016" s="10"/>
      <c r="RND1016" s="10"/>
      <c r="RNE1016" s="10"/>
      <c r="RNF1016" s="10"/>
      <c r="RNG1016" s="10"/>
      <c r="RNH1016" s="10"/>
      <c r="RNI1016" s="10"/>
      <c r="RNJ1016" s="10"/>
      <c r="RNK1016" s="10"/>
      <c r="RNL1016" s="10"/>
      <c r="RNM1016" s="10"/>
      <c r="RNN1016" s="10"/>
      <c r="RNO1016" s="10"/>
      <c r="RNP1016" s="10"/>
      <c r="RNQ1016" s="10"/>
      <c r="RNR1016" s="10"/>
      <c r="RNS1016" s="10"/>
      <c r="RNT1016" s="10"/>
      <c r="RNU1016" s="10"/>
      <c r="RNV1016" s="10"/>
      <c r="RNW1016" s="10"/>
      <c r="RNX1016" s="10"/>
      <c r="RNY1016" s="10"/>
      <c r="RNZ1016" s="10"/>
      <c r="ROA1016" s="10"/>
      <c r="ROB1016" s="10"/>
      <c r="ROC1016" s="10"/>
      <c r="ROD1016" s="10"/>
      <c r="ROE1016" s="10"/>
      <c r="ROF1016" s="10"/>
      <c r="ROG1016" s="10"/>
      <c r="ROH1016" s="10"/>
      <c r="ROI1016" s="10"/>
      <c r="ROJ1016" s="10"/>
      <c r="ROK1016" s="10"/>
      <c r="ROL1016" s="10"/>
      <c r="ROM1016" s="10"/>
      <c r="RON1016" s="10"/>
      <c r="ROO1016" s="10"/>
      <c r="ROP1016" s="10"/>
      <c r="ROQ1016" s="10"/>
      <c r="ROR1016" s="10"/>
      <c r="ROS1016" s="10"/>
      <c r="ROT1016" s="10"/>
      <c r="ROU1016" s="10"/>
      <c r="ROV1016" s="10"/>
      <c r="ROW1016" s="10"/>
      <c r="ROX1016" s="10"/>
      <c r="ROY1016" s="10"/>
      <c r="ROZ1016" s="10"/>
      <c r="RPA1016" s="10"/>
      <c r="RPB1016" s="10"/>
      <c r="RPC1016" s="10"/>
      <c r="RPD1016" s="10"/>
      <c r="RPE1016" s="10"/>
      <c r="RPF1016" s="10"/>
      <c r="RPG1016" s="10"/>
      <c r="RPH1016" s="10"/>
      <c r="RPI1016" s="10"/>
      <c r="RPJ1016" s="10"/>
      <c r="RPK1016" s="10"/>
      <c r="RPL1016" s="10"/>
      <c r="RPM1016" s="10"/>
      <c r="RPN1016" s="10"/>
      <c r="RPO1016" s="10"/>
      <c r="RPP1016" s="10"/>
      <c r="RPQ1016" s="10"/>
      <c r="RPR1016" s="10"/>
      <c r="RPS1016" s="10"/>
      <c r="RPT1016" s="10"/>
      <c r="RPU1016" s="10"/>
      <c r="RPV1016" s="10"/>
      <c r="RPW1016" s="10"/>
      <c r="RPX1016" s="10"/>
      <c r="RPY1016" s="10"/>
      <c r="RPZ1016" s="10"/>
      <c r="RQA1016" s="10"/>
      <c r="RQB1016" s="10"/>
      <c r="RQC1016" s="10"/>
      <c r="RQD1016" s="10"/>
      <c r="RQE1016" s="10"/>
      <c r="RQF1016" s="10"/>
      <c r="RQG1016" s="10"/>
      <c r="RQH1016" s="10"/>
      <c r="RQI1016" s="10"/>
      <c r="RQJ1016" s="10"/>
      <c r="RQK1016" s="10"/>
      <c r="RQL1016" s="10"/>
      <c r="RQM1016" s="10"/>
      <c r="RQN1016" s="10"/>
      <c r="RQO1016" s="10"/>
      <c r="RQP1016" s="10"/>
      <c r="RQQ1016" s="10"/>
      <c r="RQR1016" s="10"/>
      <c r="RQS1016" s="10"/>
      <c r="RQT1016" s="10"/>
      <c r="RQU1016" s="10"/>
      <c r="RQV1016" s="10"/>
      <c r="RQW1016" s="10"/>
      <c r="RQX1016" s="10"/>
      <c r="RQY1016" s="10"/>
      <c r="RQZ1016" s="10"/>
      <c r="RRA1016" s="10"/>
      <c r="RRB1016" s="10"/>
      <c r="RRC1016" s="10"/>
      <c r="RRD1016" s="10"/>
      <c r="RRE1016" s="10"/>
      <c r="RRF1016" s="10"/>
      <c r="RRG1016" s="10"/>
      <c r="RRH1016" s="10"/>
      <c r="RRI1016" s="10"/>
      <c r="RRJ1016" s="10"/>
      <c r="RRK1016" s="10"/>
      <c r="RRL1016" s="10"/>
      <c r="RRM1016" s="10"/>
      <c r="RRN1016" s="10"/>
      <c r="RRO1016" s="10"/>
      <c r="RRP1016" s="10"/>
      <c r="RRQ1016" s="10"/>
      <c r="RRR1016" s="10"/>
      <c r="RRS1016" s="10"/>
      <c r="RRT1016" s="10"/>
      <c r="RRU1016" s="10"/>
      <c r="RRV1016" s="10"/>
      <c r="RRW1016" s="10"/>
      <c r="RRX1016" s="10"/>
      <c r="RRY1016" s="10"/>
      <c r="RRZ1016" s="10"/>
      <c r="RSA1016" s="10"/>
      <c r="RSB1016" s="10"/>
      <c r="RSC1016" s="10"/>
      <c r="RSD1016" s="10"/>
      <c r="RSE1016" s="10"/>
      <c r="RSF1016" s="10"/>
      <c r="RSG1016" s="10"/>
      <c r="RSH1016" s="10"/>
      <c r="RSI1016" s="10"/>
      <c r="RSJ1016" s="10"/>
      <c r="RSK1016" s="10"/>
      <c r="RSL1016" s="10"/>
      <c r="RSM1016" s="10"/>
      <c r="RSN1016" s="10"/>
      <c r="RSO1016" s="10"/>
      <c r="RSP1016" s="10"/>
      <c r="RSQ1016" s="10"/>
      <c r="RSR1016" s="10"/>
      <c r="RSS1016" s="10"/>
      <c r="RST1016" s="10"/>
      <c r="RSU1016" s="10"/>
      <c r="RSV1016" s="10"/>
      <c r="RSW1016" s="10"/>
      <c r="RSX1016" s="10"/>
      <c r="RSY1016" s="10"/>
      <c r="RSZ1016" s="10"/>
      <c r="RTA1016" s="10"/>
      <c r="RTB1016" s="10"/>
      <c r="RTC1016" s="10"/>
      <c r="RTD1016" s="10"/>
      <c r="RTE1016" s="10"/>
      <c r="RTF1016" s="10"/>
      <c r="RTG1016" s="10"/>
      <c r="RTH1016" s="10"/>
      <c r="RTI1016" s="10"/>
      <c r="RTJ1016" s="10"/>
      <c r="RTK1016" s="10"/>
      <c r="RTL1016" s="10"/>
      <c r="RTM1016" s="10"/>
      <c r="RTN1016" s="10"/>
      <c r="RTO1016" s="10"/>
      <c r="RTP1016" s="10"/>
      <c r="RTQ1016" s="10"/>
      <c r="RTR1016" s="10"/>
      <c r="RTS1016" s="10"/>
      <c r="RTT1016" s="10"/>
      <c r="RTU1016" s="10"/>
      <c r="RTV1016" s="10"/>
      <c r="RTW1016" s="10"/>
      <c r="RTX1016" s="10"/>
      <c r="RTY1016" s="10"/>
      <c r="RTZ1016" s="10"/>
      <c r="RUA1016" s="10"/>
      <c r="RUB1016" s="10"/>
      <c r="RUC1016" s="10"/>
      <c r="RUD1016" s="10"/>
      <c r="RUE1016" s="10"/>
      <c r="RUF1016" s="10"/>
      <c r="RUG1016" s="10"/>
      <c r="RUH1016" s="10"/>
      <c r="RUI1016" s="10"/>
      <c r="RUJ1016" s="10"/>
      <c r="RUK1016" s="10"/>
      <c r="RUL1016" s="10"/>
      <c r="RUM1016" s="10"/>
      <c r="RUN1016" s="10"/>
      <c r="RUO1016" s="10"/>
      <c r="RUP1016" s="10"/>
      <c r="RUQ1016" s="10"/>
      <c r="RUR1016" s="10"/>
      <c r="RUS1016" s="10"/>
      <c r="RUT1016" s="10"/>
      <c r="RUU1016" s="10"/>
      <c r="RUV1016" s="10"/>
      <c r="RUW1016" s="10"/>
      <c r="RUX1016" s="10"/>
      <c r="RUY1016" s="10"/>
      <c r="RUZ1016" s="10"/>
      <c r="RVA1016" s="10"/>
      <c r="RVB1016" s="10"/>
      <c r="RVC1016" s="10"/>
      <c r="RVD1016" s="10"/>
      <c r="RVE1016" s="10"/>
      <c r="RVF1016" s="10"/>
      <c r="RVG1016" s="10"/>
      <c r="RVH1016" s="10"/>
      <c r="RVI1016" s="10"/>
      <c r="RVJ1016" s="10"/>
      <c r="RVK1016" s="10"/>
      <c r="RVL1016" s="10"/>
      <c r="RVM1016" s="10"/>
      <c r="RVN1016" s="10"/>
      <c r="RVO1016" s="10"/>
      <c r="RVP1016" s="10"/>
      <c r="RVQ1016" s="10"/>
      <c r="RVR1016" s="10"/>
      <c r="RVS1016" s="10"/>
      <c r="RVT1016" s="10"/>
      <c r="RVU1016" s="10"/>
      <c r="RVV1016" s="10"/>
      <c r="RVW1016" s="10"/>
      <c r="RVX1016" s="10"/>
      <c r="RVY1016" s="10"/>
      <c r="RVZ1016" s="10"/>
      <c r="RWA1016" s="10"/>
      <c r="RWB1016" s="10"/>
      <c r="RWC1016" s="10"/>
      <c r="RWD1016" s="10"/>
      <c r="RWE1016" s="10"/>
      <c r="RWF1016" s="10"/>
      <c r="RWG1016" s="10"/>
      <c r="RWH1016" s="10"/>
      <c r="RWI1016" s="10"/>
      <c r="RWJ1016" s="10"/>
      <c r="RWK1016" s="10"/>
      <c r="RWL1016" s="10"/>
      <c r="RWM1016" s="10"/>
      <c r="RWN1016" s="10"/>
      <c r="RWO1016" s="10"/>
      <c r="RWP1016" s="10"/>
      <c r="RWQ1016" s="10"/>
      <c r="RWR1016" s="10"/>
      <c r="RWS1016" s="10"/>
      <c r="RWT1016" s="10"/>
      <c r="RWU1016" s="10"/>
      <c r="RWV1016" s="10"/>
      <c r="RWW1016" s="10"/>
      <c r="RWX1016" s="10"/>
      <c r="RWY1016" s="10"/>
      <c r="RWZ1016" s="10"/>
      <c r="RXA1016" s="10"/>
      <c r="RXB1016" s="10"/>
      <c r="RXC1016" s="10"/>
      <c r="RXD1016" s="10"/>
      <c r="RXE1016" s="10"/>
      <c r="RXF1016" s="10"/>
      <c r="RXG1016" s="10"/>
      <c r="RXH1016" s="10"/>
      <c r="RXI1016" s="10"/>
      <c r="RXJ1016" s="10"/>
      <c r="RXK1016" s="10"/>
      <c r="RXL1016" s="10"/>
      <c r="RXM1016" s="10"/>
      <c r="RXN1016" s="10"/>
      <c r="RXO1016" s="10"/>
      <c r="RXP1016" s="10"/>
      <c r="RXQ1016" s="10"/>
      <c r="RXR1016" s="10"/>
      <c r="RXS1016" s="10"/>
      <c r="RXT1016" s="10"/>
      <c r="RXU1016" s="10"/>
      <c r="RXV1016" s="10"/>
      <c r="RXW1016" s="10"/>
      <c r="RXX1016" s="10"/>
      <c r="RXY1016" s="10"/>
      <c r="RXZ1016" s="10"/>
      <c r="RYA1016" s="10"/>
      <c r="RYB1016" s="10"/>
      <c r="RYC1016" s="10"/>
      <c r="RYD1016" s="10"/>
      <c r="RYE1016" s="10"/>
      <c r="RYF1016" s="10"/>
      <c r="RYG1016" s="10"/>
      <c r="RYH1016" s="10"/>
      <c r="RYI1016" s="10"/>
      <c r="RYJ1016" s="10"/>
      <c r="RYK1016" s="10"/>
      <c r="RYL1016" s="10"/>
      <c r="RYM1016" s="10"/>
      <c r="RYN1016" s="10"/>
      <c r="RYO1016" s="10"/>
      <c r="RYP1016" s="10"/>
      <c r="RYQ1016" s="10"/>
      <c r="RYR1016" s="10"/>
      <c r="RYS1016" s="10"/>
      <c r="RYT1016" s="10"/>
      <c r="RYU1016" s="10"/>
      <c r="RYV1016" s="10"/>
      <c r="RYW1016" s="10"/>
      <c r="RYX1016" s="10"/>
      <c r="RYY1016" s="10"/>
      <c r="RYZ1016" s="10"/>
      <c r="RZA1016" s="10"/>
      <c r="RZB1016" s="10"/>
      <c r="RZC1016" s="10"/>
      <c r="RZD1016" s="10"/>
      <c r="RZE1016" s="10"/>
      <c r="RZF1016" s="10"/>
      <c r="RZG1016" s="10"/>
      <c r="RZH1016" s="10"/>
      <c r="RZI1016" s="10"/>
      <c r="RZJ1016" s="10"/>
      <c r="RZK1016" s="10"/>
      <c r="RZL1016" s="10"/>
      <c r="RZM1016" s="10"/>
      <c r="RZN1016" s="10"/>
      <c r="RZO1016" s="10"/>
      <c r="RZP1016" s="10"/>
      <c r="RZQ1016" s="10"/>
      <c r="RZR1016" s="10"/>
      <c r="RZS1016" s="10"/>
      <c r="RZT1016" s="10"/>
      <c r="RZU1016" s="10"/>
      <c r="RZV1016" s="10"/>
      <c r="RZW1016" s="10"/>
      <c r="RZX1016" s="10"/>
      <c r="RZY1016" s="10"/>
      <c r="RZZ1016" s="10"/>
      <c r="SAA1016" s="10"/>
      <c r="SAB1016" s="10"/>
      <c r="SAC1016" s="10"/>
      <c r="SAD1016" s="10"/>
      <c r="SAE1016" s="10"/>
      <c r="SAF1016" s="10"/>
      <c r="SAG1016" s="10"/>
      <c r="SAH1016" s="10"/>
      <c r="SAI1016" s="10"/>
      <c r="SAJ1016" s="10"/>
      <c r="SAK1016" s="10"/>
      <c r="SAL1016" s="10"/>
      <c r="SAM1016" s="10"/>
      <c r="SAN1016" s="10"/>
      <c r="SAO1016" s="10"/>
      <c r="SAP1016" s="10"/>
      <c r="SAQ1016" s="10"/>
      <c r="SAR1016" s="10"/>
      <c r="SAS1016" s="10"/>
      <c r="SAT1016" s="10"/>
      <c r="SAU1016" s="10"/>
      <c r="SAV1016" s="10"/>
      <c r="SAW1016" s="10"/>
      <c r="SAX1016" s="10"/>
      <c r="SAY1016" s="10"/>
      <c r="SAZ1016" s="10"/>
      <c r="SBA1016" s="10"/>
      <c r="SBB1016" s="10"/>
      <c r="SBC1016" s="10"/>
      <c r="SBD1016" s="10"/>
      <c r="SBE1016" s="10"/>
      <c r="SBF1016" s="10"/>
      <c r="SBG1016" s="10"/>
      <c r="SBH1016" s="10"/>
      <c r="SBI1016" s="10"/>
      <c r="SBJ1016" s="10"/>
      <c r="SBK1016" s="10"/>
      <c r="SBL1016" s="10"/>
      <c r="SBM1016" s="10"/>
      <c r="SBN1016" s="10"/>
      <c r="SBO1016" s="10"/>
      <c r="SBP1016" s="10"/>
      <c r="SBQ1016" s="10"/>
      <c r="SBR1016" s="10"/>
      <c r="SBS1016" s="10"/>
      <c r="SBT1016" s="10"/>
      <c r="SBU1016" s="10"/>
      <c r="SBV1016" s="10"/>
      <c r="SBW1016" s="10"/>
      <c r="SBX1016" s="10"/>
      <c r="SBY1016" s="10"/>
      <c r="SBZ1016" s="10"/>
      <c r="SCA1016" s="10"/>
      <c r="SCB1016" s="10"/>
      <c r="SCC1016" s="10"/>
      <c r="SCD1016" s="10"/>
      <c r="SCE1016" s="10"/>
      <c r="SCF1016" s="10"/>
      <c r="SCG1016" s="10"/>
      <c r="SCH1016" s="10"/>
      <c r="SCI1016" s="10"/>
      <c r="SCJ1016" s="10"/>
      <c r="SCK1016" s="10"/>
      <c r="SCL1016" s="10"/>
      <c r="SCM1016" s="10"/>
      <c r="SCN1016" s="10"/>
      <c r="SCO1016" s="10"/>
      <c r="SCP1016" s="10"/>
      <c r="SCQ1016" s="10"/>
      <c r="SCR1016" s="10"/>
      <c r="SCS1016" s="10"/>
      <c r="SCT1016" s="10"/>
      <c r="SCU1016" s="10"/>
      <c r="SCV1016" s="10"/>
      <c r="SCW1016" s="10"/>
      <c r="SCX1016" s="10"/>
      <c r="SCY1016" s="10"/>
      <c r="SCZ1016" s="10"/>
      <c r="SDA1016" s="10"/>
      <c r="SDB1016" s="10"/>
      <c r="SDC1016" s="10"/>
      <c r="SDD1016" s="10"/>
      <c r="SDE1016" s="10"/>
      <c r="SDF1016" s="10"/>
      <c r="SDG1016" s="10"/>
      <c r="SDH1016" s="10"/>
      <c r="SDI1016" s="10"/>
      <c r="SDJ1016" s="10"/>
      <c r="SDK1016" s="10"/>
      <c r="SDL1016" s="10"/>
      <c r="SDM1016" s="10"/>
      <c r="SDN1016" s="10"/>
      <c r="SDO1016" s="10"/>
      <c r="SDP1016" s="10"/>
      <c r="SDQ1016" s="10"/>
      <c r="SDR1016" s="10"/>
      <c r="SDS1016" s="10"/>
      <c r="SDT1016" s="10"/>
      <c r="SDU1016" s="10"/>
      <c r="SDV1016" s="10"/>
      <c r="SDW1016" s="10"/>
      <c r="SDX1016" s="10"/>
      <c r="SDY1016" s="10"/>
      <c r="SDZ1016" s="10"/>
      <c r="SEA1016" s="10"/>
      <c r="SEB1016" s="10"/>
      <c r="SEC1016" s="10"/>
      <c r="SED1016" s="10"/>
      <c r="SEE1016" s="10"/>
      <c r="SEF1016" s="10"/>
      <c r="SEG1016" s="10"/>
      <c r="SEH1016" s="10"/>
      <c r="SEI1016" s="10"/>
      <c r="SEJ1016" s="10"/>
      <c r="SEK1016" s="10"/>
      <c r="SEL1016" s="10"/>
      <c r="SEM1016" s="10"/>
      <c r="SEN1016" s="10"/>
      <c r="SEO1016" s="10"/>
      <c r="SEP1016" s="10"/>
      <c r="SEQ1016" s="10"/>
      <c r="SER1016" s="10"/>
      <c r="SES1016" s="10"/>
      <c r="SET1016" s="10"/>
      <c r="SEU1016" s="10"/>
      <c r="SEV1016" s="10"/>
      <c r="SEW1016" s="10"/>
      <c r="SEX1016" s="10"/>
      <c r="SEY1016" s="10"/>
      <c r="SEZ1016" s="10"/>
      <c r="SFA1016" s="10"/>
      <c r="SFB1016" s="10"/>
      <c r="SFC1016" s="10"/>
      <c r="SFD1016" s="10"/>
      <c r="SFE1016" s="10"/>
      <c r="SFF1016" s="10"/>
      <c r="SFG1016" s="10"/>
      <c r="SFH1016" s="10"/>
      <c r="SFI1016" s="10"/>
      <c r="SFJ1016" s="10"/>
      <c r="SFK1016" s="10"/>
      <c r="SFL1016" s="10"/>
      <c r="SFM1016" s="10"/>
      <c r="SFN1016" s="10"/>
      <c r="SFO1016" s="10"/>
      <c r="SFP1016" s="10"/>
      <c r="SFQ1016" s="10"/>
      <c r="SFR1016" s="10"/>
      <c r="SFS1016" s="10"/>
      <c r="SFT1016" s="10"/>
      <c r="SFU1016" s="10"/>
      <c r="SFV1016" s="10"/>
      <c r="SFW1016" s="10"/>
      <c r="SFX1016" s="10"/>
      <c r="SFY1016" s="10"/>
      <c r="SFZ1016" s="10"/>
      <c r="SGA1016" s="10"/>
      <c r="SGB1016" s="10"/>
      <c r="SGC1016" s="10"/>
      <c r="SGD1016" s="10"/>
      <c r="SGE1016" s="10"/>
      <c r="SGF1016" s="10"/>
      <c r="SGG1016" s="10"/>
      <c r="SGH1016" s="10"/>
      <c r="SGI1016" s="10"/>
      <c r="SGJ1016" s="10"/>
      <c r="SGK1016" s="10"/>
      <c r="SGL1016" s="10"/>
      <c r="SGM1016" s="10"/>
      <c r="SGN1016" s="10"/>
      <c r="SGO1016" s="10"/>
      <c r="SGP1016" s="10"/>
      <c r="SGQ1016" s="10"/>
      <c r="SGR1016" s="10"/>
      <c r="SGS1016" s="10"/>
      <c r="SGT1016" s="10"/>
      <c r="SGU1016" s="10"/>
      <c r="SGV1016" s="10"/>
      <c r="SGW1016" s="10"/>
      <c r="SGX1016" s="10"/>
      <c r="SGY1016" s="10"/>
      <c r="SGZ1016" s="10"/>
      <c r="SHA1016" s="10"/>
      <c r="SHB1016" s="10"/>
      <c r="SHC1016" s="10"/>
      <c r="SHD1016" s="10"/>
      <c r="SHE1016" s="10"/>
      <c r="SHF1016" s="10"/>
      <c r="SHG1016" s="10"/>
      <c r="SHH1016" s="10"/>
      <c r="SHI1016" s="10"/>
      <c r="SHJ1016" s="10"/>
      <c r="SHK1016" s="10"/>
      <c r="SHL1016" s="10"/>
      <c r="SHM1016" s="10"/>
      <c r="SHN1016" s="10"/>
      <c r="SHO1016" s="10"/>
      <c r="SHP1016" s="10"/>
      <c r="SHQ1016" s="10"/>
      <c r="SHR1016" s="10"/>
      <c r="SHS1016" s="10"/>
      <c r="SHT1016" s="10"/>
      <c r="SHU1016" s="10"/>
      <c r="SHV1016" s="10"/>
      <c r="SHW1016" s="10"/>
      <c r="SHX1016" s="10"/>
      <c r="SHY1016" s="10"/>
      <c r="SHZ1016" s="10"/>
      <c r="SIA1016" s="10"/>
      <c r="SIB1016" s="10"/>
      <c r="SIC1016" s="10"/>
      <c r="SID1016" s="10"/>
      <c r="SIE1016" s="10"/>
      <c r="SIF1016" s="10"/>
      <c r="SIG1016" s="10"/>
      <c r="SIH1016" s="10"/>
      <c r="SII1016" s="10"/>
      <c r="SIJ1016" s="10"/>
      <c r="SIK1016" s="10"/>
      <c r="SIL1016" s="10"/>
      <c r="SIM1016" s="10"/>
      <c r="SIN1016" s="10"/>
      <c r="SIO1016" s="10"/>
      <c r="SIP1016" s="10"/>
      <c r="SIQ1016" s="10"/>
      <c r="SIR1016" s="10"/>
      <c r="SIS1016" s="10"/>
      <c r="SIT1016" s="10"/>
      <c r="SIU1016" s="10"/>
      <c r="SIV1016" s="10"/>
      <c r="SIW1016" s="10"/>
      <c r="SIX1016" s="10"/>
      <c r="SIY1016" s="10"/>
      <c r="SIZ1016" s="10"/>
      <c r="SJA1016" s="10"/>
      <c r="SJB1016" s="10"/>
      <c r="SJC1016" s="10"/>
      <c r="SJD1016" s="10"/>
      <c r="SJE1016" s="10"/>
      <c r="SJF1016" s="10"/>
      <c r="SJG1016" s="10"/>
      <c r="SJH1016" s="10"/>
      <c r="SJI1016" s="10"/>
      <c r="SJJ1016" s="10"/>
      <c r="SJK1016" s="10"/>
      <c r="SJL1016" s="10"/>
      <c r="SJM1016" s="10"/>
      <c r="SJN1016" s="10"/>
      <c r="SJO1016" s="10"/>
      <c r="SJP1016" s="10"/>
      <c r="SJQ1016" s="10"/>
      <c r="SJR1016" s="10"/>
      <c r="SJS1016" s="10"/>
      <c r="SJT1016" s="10"/>
      <c r="SJU1016" s="10"/>
      <c r="SJV1016" s="10"/>
      <c r="SJW1016" s="10"/>
      <c r="SJX1016" s="10"/>
      <c r="SJY1016" s="10"/>
      <c r="SJZ1016" s="10"/>
      <c r="SKA1016" s="10"/>
      <c r="SKB1016" s="10"/>
      <c r="SKC1016" s="10"/>
      <c r="SKD1016" s="10"/>
      <c r="SKE1016" s="10"/>
      <c r="SKF1016" s="10"/>
      <c r="SKG1016" s="10"/>
      <c r="SKH1016" s="10"/>
      <c r="SKI1016" s="10"/>
      <c r="SKJ1016" s="10"/>
      <c r="SKK1016" s="10"/>
      <c r="SKL1016" s="10"/>
      <c r="SKM1016" s="10"/>
      <c r="SKN1016" s="10"/>
      <c r="SKO1016" s="10"/>
      <c r="SKP1016" s="10"/>
      <c r="SKQ1016" s="10"/>
      <c r="SKR1016" s="10"/>
      <c r="SKS1016" s="10"/>
      <c r="SKT1016" s="10"/>
      <c r="SKU1016" s="10"/>
      <c r="SKV1016" s="10"/>
      <c r="SKW1016" s="10"/>
      <c r="SKX1016" s="10"/>
      <c r="SKY1016" s="10"/>
      <c r="SKZ1016" s="10"/>
      <c r="SLA1016" s="10"/>
      <c r="SLB1016" s="10"/>
      <c r="SLC1016" s="10"/>
      <c r="SLD1016" s="10"/>
      <c r="SLE1016" s="10"/>
      <c r="SLF1016" s="10"/>
      <c r="SLG1016" s="10"/>
      <c r="SLH1016" s="10"/>
      <c r="SLI1016" s="10"/>
      <c r="SLJ1016" s="10"/>
      <c r="SLK1016" s="10"/>
      <c r="SLL1016" s="10"/>
      <c r="SLM1016" s="10"/>
      <c r="SLN1016" s="10"/>
      <c r="SLO1016" s="10"/>
      <c r="SLP1016" s="10"/>
      <c r="SLQ1016" s="10"/>
      <c r="SLR1016" s="10"/>
      <c r="SLS1016" s="10"/>
      <c r="SLT1016" s="10"/>
      <c r="SLU1016" s="10"/>
      <c r="SLV1016" s="10"/>
      <c r="SLW1016" s="10"/>
      <c r="SLX1016" s="10"/>
      <c r="SLY1016" s="10"/>
      <c r="SLZ1016" s="10"/>
      <c r="SMA1016" s="10"/>
      <c r="SMB1016" s="10"/>
      <c r="SMC1016" s="10"/>
      <c r="SMD1016" s="10"/>
      <c r="SME1016" s="10"/>
      <c r="SMF1016" s="10"/>
      <c r="SMG1016" s="10"/>
      <c r="SMH1016" s="10"/>
      <c r="SMI1016" s="10"/>
      <c r="SMJ1016" s="10"/>
      <c r="SMK1016" s="10"/>
      <c r="SML1016" s="10"/>
      <c r="SMM1016" s="10"/>
      <c r="SMN1016" s="10"/>
      <c r="SMO1016" s="10"/>
      <c r="SMP1016" s="10"/>
      <c r="SMQ1016" s="10"/>
      <c r="SMR1016" s="10"/>
      <c r="SMS1016" s="10"/>
      <c r="SMT1016" s="10"/>
      <c r="SMU1016" s="10"/>
      <c r="SMV1016" s="10"/>
      <c r="SMW1016" s="10"/>
      <c r="SMX1016" s="10"/>
      <c r="SMY1016" s="10"/>
      <c r="SMZ1016" s="10"/>
      <c r="SNA1016" s="10"/>
      <c r="SNB1016" s="10"/>
      <c r="SNC1016" s="10"/>
      <c r="SND1016" s="10"/>
      <c r="SNE1016" s="10"/>
      <c r="SNF1016" s="10"/>
      <c r="SNG1016" s="10"/>
      <c r="SNH1016" s="10"/>
      <c r="SNI1016" s="10"/>
      <c r="SNJ1016" s="10"/>
      <c r="SNK1016" s="10"/>
      <c r="SNL1016" s="10"/>
      <c r="SNM1016" s="10"/>
      <c r="SNN1016" s="10"/>
      <c r="SNO1016" s="10"/>
      <c r="SNP1016" s="10"/>
      <c r="SNQ1016" s="10"/>
      <c r="SNR1016" s="10"/>
      <c r="SNS1016" s="10"/>
      <c r="SNT1016" s="10"/>
      <c r="SNU1016" s="10"/>
      <c r="SNV1016" s="10"/>
      <c r="SNW1016" s="10"/>
      <c r="SNX1016" s="10"/>
      <c r="SNY1016" s="10"/>
      <c r="SNZ1016" s="10"/>
      <c r="SOA1016" s="10"/>
      <c r="SOB1016" s="10"/>
      <c r="SOC1016" s="10"/>
      <c r="SOD1016" s="10"/>
      <c r="SOE1016" s="10"/>
      <c r="SOF1016" s="10"/>
      <c r="SOG1016" s="10"/>
      <c r="SOH1016" s="10"/>
      <c r="SOI1016" s="10"/>
      <c r="SOJ1016" s="10"/>
      <c r="SOK1016" s="10"/>
      <c r="SOL1016" s="10"/>
      <c r="SOM1016" s="10"/>
      <c r="SON1016" s="10"/>
      <c r="SOO1016" s="10"/>
      <c r="SOP1016" s="10"/>
      <c r="SOQ1016" s="10"/>
      <c r="SOR1016" s="10"/>
      <c r="SOS1016" s="10"/>
      <c r="SOT1016" s="10"/>
      <c r="SOU1016" s="10"/>
      <c r="SOV1016" s="10"/>
      <c r="SOW1016" s="10"/>
      <c r="SOX1016" s="10"/>
      <c r="SOY1016" s="10"/>
      <c r="SOZ1016" s="10"/>
      <c r="SPA1016" s="10"/>
      <c r="SPB1016" s="10"/>
      <c r="SPC1016" s="10"/>
      <c r="SPD1016" s="10"/>
      <c r="SPE1016" s="10"/>
      <c r="SPF1016" s="10"/>
      <c r="SPG1016" s="10"/>
      <c r="SPH1016" s="10"/>
      <c r="SPI1016" s="10"/>
      <c r="SPJ1016" s="10"/>
      <c r="SPK1016" s="10"/>
      <c r="SPL1016" s="10"/>
      <c r="SPM1016" s="10"/>
      <c r="SPN1016" s="10"/>
      <c r="SPO1016" s="10"/>
      <c r="SPP1016" s="10"/>
      <c r="SPQ1016" s="10"/>
      <c r="SPR1016" s="10"/>
      <c r="SPS1016" s="10"/>
      <c r="SPT1016" s="10"/>
      <c r="SPU1016" s="10"/>
      <c r="SPV1016" s="10"/>
      <c r="SPW1016" s="10"/>
      <c r="SPX1016" s="10"/>
      <c r="SPY1016" s="10"/>
      <c r="SPZ1016" s="10"/>
      <c r="SQA1016" s="10"/>
      <c r="SQB1016" s="10"/>
      <c r="SQC1016" s="10"/>
      <c r="SQD1016" s="10"/>
      <c r="SQE1016" s="10"/>
      <c r="SQF1016" s="10"/>
      <c r="SQG1016" s="10"/>
      <c r="SQH1016" s="10"/>
      <c r="SQI1016" s="10"/>
      <c r="SQJ1016" s="10"/>
      <c r="SQK1016" s="10"/>
      <c r="SQL1016" s="10"/>
      <c r="SQM1016" s="10"/>
      <c r="SQN1016" s="10"/>
      <c r="SQO1016" s="10"/>
      <c r="SQP1016" s="10"/>
      <c r="SQQ1016" s="10"/>
      <c r="SQR1016" s="10"/>
      <c r="SQS1016" s="10"/>
      <c r="SQT1016" s="10"/>
      <c r="SQU1016" s="10"/>
      <c r="SQV1016" s="10"/>
      <c r="SQW1016" s="10"/>
      <c r="SQX1016" s="10"/>
      <c r="SQY1016" s="10"/>
      <c r="SQZ1016" s="10"/>
      <c r="SRA1016" s="10"/>
      <c r="SRB1016" s="10"/>
      <c r="SRC1016" s="10"/>
      <c r="SRD1016" s="10"/>
      <c r="SRE1016" s="10"/>
      <c r="SRF1016" s="10"/>
      <c r="SRG1016" s="10"/>
      <c r="SRH1016" s="10"/>
      <c r="SRI1016" s="10"/>
      <c r="SRJ1016" s="10"/>
      <c r="SRK1016" s="10"/>
      <c r="SRL1016" s="10"/>
      <c r="SRM1016" s="10"/>
      <c r="SRN1016" s="10"/>
      <c r="SRO1016" s="10"/>
      <c r="SRP1016" s="10"/>
      <c r="SRQ1016" s="10"/>
      <c r="SRR1016" s="10"/>
      <c r="SRS1016" s="10"/>
      <c r="SRT1016" s="10"/>
      <c r="SRU1016" s="10"/>
      <c r="SRV1016" s="10"/>
      <c r="SRW1016" s="10"/>
      <c r="SRX1016" s="10"/>
      <c r="SRY1016" s="10"/>
      <c r="SRZ1016" s="10"/>
      <c r="SSA1016" s="10"/>
      <c r="SSB1016" s="10"/>
      <c r="SSC1016" s="10"/>
      <c r="SSD1016" s="10"/>
      <c r="SSE1016" s="10"/>
      <c r="SSF1016" s="10"/>
      <c r="SSG1016" s="10"/>
      <c r="SSH1016" s="10"/>
      <c r="SSI1016" s="10"/>
      <c r="SSJ1016" s="10"/>
      <c r="SSK1016" s="10"/>
      <c r="SSL1016" s="10"/>
      <c r="SSM1016" s="10"/>
      <c r="SSN1016" s="10"/>
      <c r="SSO1016" s="10"/>
      <c r="SSP1016" s="10"/>
      <c r="SSQ1016" s="10"/>
      <c r="SSR1016" s="10"/>
      <c r="SSS1016" s="10"/>
      <c r="SST1016" s="10"/>
      <c r="SSU1016" s="10"/>
      <c r="SSV1016" s="10"/>
      <c r="SSW1016" s="10"/>
      <c r="SSX1016" s="10"/>
      <c r="SSY1016" s="10"/>
      <c r="SSZ1016" s="10"/>
      <c r="STA1016" s="10"/>
      <c r="STB1016" s="10"/>
      <c r="STC1016" s="10"/>
      <c r="STD1016" s="10"/>
      <c r="STE1016" s="10"/>
      <c r="STF1016" s="10"/>
      <c r="STG1016" s="10"/>
      <c r="STH1016" s="10"/>
      <c r="STI1016" s="10"/>
      <c r="STJ1016" s="10"/>
      <c r="STK1016" s="10"/>
      <c r="STL1016" s="10"/>
      <c r="STM1016" s="10"/>
      <c r="STN1016" s="10"/>
      <c r="STO1016" s="10"/>
      <c r="STP1016" s="10"/>
      <c r="STQ1016" s="10"/>
      <c r="STR1016" s="10"/>
      <c r="STS1016" s="10"/>
      <c r="STT1016" s="10"/>
      <c r="STU1016" s="10"/>
      <c r="STV1016" s="10"/>
      <c r="STW1016" s="10"/>
      <c r="STX1016" s="10"/>
      <c r="STY1016" s="10"/>
      <c r="STZ1016" s="10"/>
      <c r="SUA1016" s="10"/>
      <c r="SUB1016" s="10"/>
      <c r="SUC1016" s="10"/>
      <c r="SUD1016" s="10"/>
      <c r="SUE1016" s="10"/>
      <c r="SUF1016" s="10"/>
      <c r="SUG1016" s="10"/>
      <c r="SUH1016" s="10"/>
      <c r="SUI1016" s="10"/>
      <c r="SUJ1016" s="10"/>
      <c r="SUK1016" s="10"/>
      <c r="SUL1016" s="10"/>
      <c r="SUM1016" s="10"/>
      <c r="SUN1016" s="10"/>
      <c r="SUO1016" s="10"/>
      <c r="SUP1016" s="10"/>
      <c r="SUQ1016" s="10"/>
      <c r="SUR1016" s="10"/>
      <c r="SUS1016" s="10"/>
      <c r="SUT1016" s="10"/>
      <c r="SUU1016" s="10"/>
      <c r="SUV1016" s="10"/>
      <c r="SUW1016" s="10"/>
      <c r="SUX1016" s="10"/>
      <c r="SUY1016" s="10"/>
      <c r="SUZ1016" s="10"/>
      <c r="SVA1016" s="10"/>
      <c r="SVB1016" s="10"/>
      <c r="SVC1016" s="10"/>
      <c r="SVD1016" s="10"/>
      <c r="SVE1016" s="10"/>
      <c r="SVF1016" s="10"/>
      <c r="SVG1016" s="10"/>
      <c r="SVH1016" s="10"/>
      <c r="SVI1016" s="10"/>
      <c r="SVJ1016" s="10"/>
      <c r="SVK1016" s="10"/>
      <c r="SVL1016" s="10"/>
      <c r="SVM1016" s="10"/>
      <c r="SVN1016" s="10"/>
      <c r="SVO1016" s="10"/>
      <c r="SVP1016" s="10"/>
      <c r="SVQ1016" s="10"/>
      <c r="SVR1016" s="10"/>
      <c r="SVS1016" s="10"/>
      <c r="SVT1016" s="10"/>
      <c r="SVU1016" s="10"/>
      <c r="SVV1016" s="10"/>
      <c r="SVW1016" s="10"/>
      <c r="SVX1016" s="10"/>
      <c r="SVY1016" s="10"/>
      <c r="SVZ1016" s="10"/>
      <c r="SWA1016" s="10"/>
      <c r="SWB1016" s="10"/>
      <c r="SWC1016" s="10"/>
      <c r="SWD1016" s="10"/>
      <c r="SWE1016" s="10"/>
      <c r="SWF1016" s="10"/>
      <c r="SWG1016" s="10"/>
      <c r="SWH1016" s="10"/>
      <c r="SWI1016" s="10"/>
      <c r="SWJ1016" s="10"/>
      <c r="SWK1016" s="10"/>
      <c r="SWL1016" s="10"/>
      <c r="SWM1016" s="10"/>
      <c r="SWN1016" s="10"/>
      <c r="SWO1016" s="10"/>
      <c r="SWP1016" s="10"/>
      <c r="SWQ1016" s="10"/>
      <c r="SWR1016" s="10"/>
      <c r="SWS1016" s="10"/>
      <c r="SWT1016" s="10"/>
      <c r="SWU1016" s="10"/>
      <c r="SWV1016" s="10"/>
      <c r="SWW1016" s="10"/>
      <c r="SWX1016" s="10"/>
      <c r="SWY1016" s="10"/>
      <c r="SWZ1016" s="10"/>
      <c r="SXA1016" s="10"/>
      <c r="SXB1016" s="10"/>
      <c r="SXC1016" s="10"/>
      <c r="SXD1016" s="10"/>
      <c r="SXE1016" s="10"/>
      <c r="SXF1016" s="10"/>
      <c r="SXG1016" s="10"/>
      <c r="SXH1016" s="10"/>
      <c r="SXI1016" s="10"/>
      <c r="SXJ1016" s="10"/>
      <c r="SXK1016" s="10"/>
      <c r="SXL1016" s="10"/>
      <c r="SXM1016" s="10"/>
      <c r="SXN1016" s="10"/>
      <c r="SXO1016" s="10"/>
      <c r="SXP1016" s="10"/>
      <c r="SXQ1016" s="10"/>
      <c r="SXR1016" s="10"/>
      <c r="SXS1016" s="10"/>
      <c r="SXT1016" s="10"/>
      <c r="SXU1016" s="10"/>
      <c r="SXV1016" s="10"/>
      <c r="SXW1016" s="10"/>
      <c r="SXX1016" s="10"/>
      <c r="SXY1016" s="10"/>
      <c r="SXZ1016" s="10"/>
      <c r="SYA1016" s="10"/>
      <c r="SYB1016" s="10"/>
      <c r="SYC1016" s="10"/>
      <c r="SYD1016" s="10"/>
      <c r="SYE1016" s="10"/>
      <c r="SYF1016" s="10"/>
      <c r="SYG1016" s="10"/>
      <c r="SYH1016" s="10"/>
      <c r="SYI1016" s="10"/>
      <c r="SYJ1016" s="10"/>
      <c r="SYK1016" s="10"/>
      <c r="SYL1016" s="10"/>
      <c r="SYM1016" s="10"/>
      <c r="SYN1016" s="10"/>
      <c r="SYO1016" s="10"/>
      <c r="SYP1016" s="10"/>
      <c r="SYQ1016" s="10"/>
      <c r="SYR1016" s="10"/>
      <c r="SYS1016" s="10"/>
      <c r="SYT1016" s="10"/>
      <c r="SYU1016" s="10"/>
      <c r="SYV1016" s="10"/>
      <c r="SYW1016" s="10"/>
      <c r="SYX1016" s="10"/>
      <c r="SYY1016" s="10"/>
      <c r="SYZ1016" s="10"/>
      <c r="SZA1016" s="10"/>
      <c r="SZB1016" s="10"/>
      <c r="SZC1016" s="10"/>
      <c r="SZD1016" s="10"/>
      <c r="SZE1016" s="10"/>
      <c r="SZF1016" s="10"/>
      <c r="SZG1016" s="10"/>
      <c r="SZH1016" s="10"/>
      <c r="SZI1016" s="10"/>
      <c r="SZJ1016" s="10"/>
      <c r="SZK1016" s="10"/>
      <c r="SZL1016" s="10"/>
      <c r="SZM1016" s="10"/>
      <c r="SZN1016" s="10"/>
      <c r="SZO1016" s="10"/>
      <c r="SZP1016" s="10"/>
      <c r="SZQ1016" s="10"/>
      <c r="SZR1016" s="10"/>
      <c r="SZS1016" s="10"/>
      <c r="SZT1016" s="10"/>
      <c r="SZU1016" s="10"/>
      <c r="SZV1016" s="10"/>
      <c r="SZW1016" s="10"/>
      <c r="SZX1016" s="10"/>
      <c r="SZY1016" s="10"/>
      <c r="SZZ1016" s="10"/>
      <c r="TAA1016" s="10"/>
      <c r="TAB1016" s="10"/>
      <c r="TAC1016" s="10"/>
      <c r="TAD1016" s="10"/>
      <c r="TAE1016" s="10"/>
      <c r="TAF1016" s="10"/>
      <c r="TAG1016" s="10"/>
      <c r="TAH1016" s="10"/>
      <c r="TAI1016" s="10"/>
      <c r="TAJ1016" s="10"/>
      <c r="TAK1016" s="10"/>
      <c r="TAL1016" s="10"/>
      <c r="TAM1016" s="10"/>
      <c r="TAN1016" s="10"/>
      <c r="TAO1016" s="10"/>
      <c r="TAP1016" s="10"/>
      <c r="TAQ1016" s="10"/>
      <c r="TAR1016" s="10"/>
      <c r="TAS1016" s="10"/>
      <c r="TAT1016" s="10"/>
      <c r="TAU1016" s="10"/>
      <c r="TAV1016" s="10"/>
      <c r="TAW1016" s="10"/>
      <c r="TAX1016" s="10"/>
      <c r="TAY1016" s="10"/>
      <c r="TAZ1016" s="10"/>
      <c r="TBA1016" s="10"/>
      <c r="TBB1016" s="10"/>
      <c r="TBC1016" s="10"/>
      <c r="TBD1016" s="10"/>
      <c r="TBE1016" s="10"/>
      <c r="TBF1016" s="10"/>
      <c r="TBG1016" s="10"/>
      <c r="TBH1016" s="10"/>
      <c r="TBI1016" s="10"/>
      <c r="TBJ1016" s="10"/>
      <c r="TBK1016" s="10"/>
      <c r="TBL1016" s="10"/>
      <c r="TBM1016" s="10"/>
      <c r="TBN1016" s="10"/>
      <c r="TBO1016" s="10"/>
      <c r="TBP1016" s="10"/>
      <c r="TBQ1016" s="10"/>
      <c r="TBR1016" s="10"/>
      <c r="TBS1016" s="10"/>
      <c r="TBT1016" s="10"/>
      <c r="TBU1016" s="10"/>
      <c r="TBV1016" s="10"/>
      <c r="TBW1016" s="10"/>
      <c r="TBX1016" s="10"/>
      <c r="TBY1016" s="10"/>
      <c r="TBZ1016" s="10"/>
      <c r="TCA1016" s="10"/>
      <c r="TCB1016" s="10"/>
      <c r="TCC1016" s="10"/>
      <c r="TCD1016" s="10"/>
      <c r="TCE1016" s="10"/>
      <c r="TCF1016" s="10"/>
      <c r="TCG1016" s="10"/>
      <c r="TCH1016" s="10"/>
      <c r="TCI1016" s="10"/>
      <c r="TCJ1016" s="10"/>
      <c r="TCK1016" s="10"/>
      <c r="TCL1016" s="10"/>
      <c r="TCM1016" s="10"/>
      <c r="TCN1016" s="10"/>
      <c r="TCO1016" s="10"/>
      <c r="TCP1016" s="10"/>
      <c r="TCQ1016" s="10"/>
      <c r="TCR1016" s="10"/>
      <c r="TCS1016" s="10"/>
      <c r="TCT1016" s="10"/>
      <c r="TCU1016" s="10"/>
      <c r="TCV1016" s="10"/>
      <c r="TCW1016" s="10"/>
      <c r="TCX1016" s="10"/>
      <c r="TCY1016" s="10"/>
      <c r="TCZ1016" s="10"/>
      <c r="TDA1016" s="10"/>
      <c r="TDB1016" s="10"/>
      <c r="TDC1016" s="10"/>
      <c r="TDD1016" s="10"/>
      <c r="TDE1016" s="10"/>
      <c r="TDF1016" s="10"/>
      <c r="TDG1016" s="10"/>
      <c r="TDH1016" s="10"/>
      <c r="TDI1016" s="10"/>
      <c r="TDJ1016" s="10"/>
      <c r="TDK1016" s="10"/>
      <c r="TDL1016" s="10"/>
      <c r="TDM1016" s="10"/>
      <c r="TDN1016" s="10"/>
      <c r="TDO1016" s="10"/>
      <c r="TDP1016" s="10"/>
      <c r="TDQ1016" s="10"/>
      <c r="TDR1016" s="10"/>
      <c r="TDS1016" s="10"/>
      <c r="TDT1016" s="10"/>
      <c r="TDU1016" s="10"/>
      <c r="TDV1016" s="10"/>
      <c r="TDW1016" s="10"/>
      <c r="TDX1016" s="10"/>
      <c r="TDY1016" s="10"/>
      <c r="TDZ1016" s="10"/>
      <c r="TEA1016" s="10"/>
      <c r="TEB1016" s="10"/>
      <c r="TEC1016" s="10"/>
      <c r="TED1016" s="10"/>
      <c r="TEE1016" s="10"/>
      <c r="TEF1016" s="10"/>
      <c r="TEG1016" s="10"/>
      <c r="TEH1016" s="10"/>
      <c r="TEI1016" s="10"/>
      <c r="TEJ1016" s="10"/>
      <c r="TEK1016" s="10"/>
      <c r="TEL1016" s="10"/>
      <c r="TEM1016" s="10"/>
      <c r="TEN1016" s="10"/>
      <c r="TEO1016" s="10"/>
      <c r="TEP1016" s="10"/>
      <c r="TEQ1016" s="10"/>
      <c r="TER1016" s="10"/>
      <c r="TES1016" s="10"/>
      <c r="TET1016" s="10"/>
      <c r="TEU1016" s="10"/>
      <c r="TEV1016" s="10"/>
      <c r="TEW1016" s="10"/>
      <c r="TEX1016" s="10"/>
      <c r="TEY1016" s="10"/>
      <c r="TEZ1016" s="10"/>
      <c r="TFA1016" s="10"/>
      <c r="TFB1016" s="10"/>
      <c r="TFC1016" s="10"/>
      <c r="TFD1016" s="10"/>
      <c r="TFE1016" s="10"/>
      <c r="TFF1016" s="10"/>
      <c r="TFG1016" s="10"/>
      <c r="TFH1016" s="10"/>
      <c r="TFI1016" s="10"/>
      <c r="TFJ1016" s="10"/>
      <c r="TFK1016" s="10"/>
      <c r="TFL1016" s="10"/>
      <c r="TFM1016" s="10"/>
      <c r="TFN1016" s="10"/>
      <c r="TFO1016" s="10"/>
      <c r="TFP1016" s="10"/>
      <c r="TFQ1016" s="10"/>
      <c r="TFR1016" s="10"/>
      <c r="TFS1016" s="10"/>
      <c r="TFT1016" s="10"/>
      <c r="TFU1016" s="10"/>
      <c r="TFV1016" s="10"/>
      <c r="TFW1016" s="10"/>
      <c r="TFX1016" s="10"/>
      <c r="TFY1016" s="10"/>
      <c r="TFZ1016" s="10"/>
      <c r="TGA1016" s="10"/>
      <c r="TGB1016" s="10"/>
      <c r="TGC1016" s="10"/>
      <c r="TGD1016" s="10"/>
      <c r="TGE1016" s="10"/>
      <c r="TGF1016" s="10"/>
      <c r="TGG1016" s="10"/>
      <c r="TGH1016" s="10"/>
      <c r="TGI1016" s="10"/>
      <c r="TGJ1016" s="10"/>
      <c r="TGK1016" s="10"/>
      <c r="TGL1016" s="10"/>
      <c r="TGM1016" s="10"/>
      <c r="TGN1016" s="10"/>
      <c r="TGO1016" s="10"/>
      <c r="TGP1016" s="10"/>
      <c r="TGQ1016" s="10"/>
      <c r="TGR1016" s="10"/>
      <c r="TGS1016" s="10"/>
      <c r="TGT1016" s="10"/>
      <c r="TGU1016" s="10"/>
      <c r="TGV1016" s="10"/>
      <c r="TGW1016" s="10"/>
      <c r="TGX1016" s="10"/>
      <c r="TGY1016" s="10"/>
      <c r="TGZ1016" s="10"/>
      <c r="THA1016" s="10"/>
      <c r="THB1016" s="10"/>
      <c r="THC1016" s="10"/>
      <c r="THD1016" s="10"/>
      <c r="THE1016" s="10"/>
      <c r="THF1016" s="10"/>
      <c r="THG1016" s="10"/>
      <c r="THH1016" s="10"/>
      <c r="THI1016" s="10"/>
      <c r="THJ1016" s="10"/>
      <c r="THK1016" s="10"/>
      <c r="THL1016" s="10"/>
      <c r="THM1016" s="10"/>
      <c r="THN1016" s="10"/>
      <c r="THO1016" s="10"/>
      <c r="THP1016" s="10"/>
      <c r="THQ1016" s="10"/>
      <c r="THR1016" s="10"/>
      <c r="THS1016" s="10"/>
      <c r="THT1016" s="10"/>
      <c r="THU1016" s="10"/>
      <c r="THV1016" s="10"/>
      <c r="THW1016" s="10"/>
      <c r="THX1016" s="10"/>
      <c r="THY1016" s="10"/>
      <c r="THZ1016" s="10"/>
      <c r="TIA1016" s="10"/>
      <c r="TIB1016" s="10"/>
      <c r="TIC1016" s="10"/>
      <c r="TID1016" s="10"/>
      <c r="TIE1016" s="10"/>
      <c r="TIF1016" s="10"/>
      <c r="TIG1016" s="10"/>
      <c r="TIH1016" s="10"/>
      <c r="TII1016" s="10"/>
      <c r="TIJ1016" s="10"/>
      <c r="TIK1016" s="10"/>
      <c r="TIL1016" s="10"/>
      <c r="TIM1016" s="10"/>
      <c r="TIN1016" s="10"/>
      <c r="TIO1016" s="10"/>
      <c r="TIP1016" s="10"/>
      <c r="TIQ1016" s="10"/>
      <c r="TIR1016" s="10"/>
      <c r="TIS1016" s="10"/>
      <c r="TIT1016" s="10"/>
      <c r="TIU1016" s="10"/>
      <c r="TIV1016" s="10"/>
      <c r="TIW1016" s="10"/>
      <c r="TIX1016" s="10"/>
      <c r="TIY1016" s="10"/>
      <c r="TIZ1016" s="10"/>
      <c r="TJA1016" s="10"/>
      <c r="TJB1016" s="10"/>
      <c r="TJC1016" s="10"/>
      <c r="TJD1016" s="10"/>
      <c r="TJE1016" s="10"/>
      <c r="TJF1016" s="10"/>
      <c r="TJG1016" s="10"/>
      <c r="TJH1016" s="10"/>
      <c r="TJI1016" s="10"/>
      <c r="TJJ1016" s="10"/>
      <c r="TJK1016" s="10"/>
      <c r="TJL1016" s="10"/>
      <c r="TJM1016" s="10"/>
      <c r="TJN1016" s="10"/>
      <c r="TJO1016" s="10"/>
      <c r="TJP1016" s="10"/>
      <c r="TJQ1016" s="10"/>
      <c r="TJR1016" s="10"/>
      <c r="TJS1016" s="10"/>
      <c r="TJT1016" s="10"/>
      <c r="TJU1016" s="10"/>
      <c r="TJV1016" s="10"/>
      <c r="TJW1016" s="10"/>
      <c r="TJX1016" s="10"/>
      <c r="TJY1016" s="10"/>
      <c r="TJZ1016" s="10"/>
      <c r="TKA1016" s="10"/>
      <c r="TKB1016" s="10"/>
      <c r="TKC1016" s="10"/>
      <c r="TKD1016" s="10"/>
      <c r="TKE1016" s="10"/>
      <c r="TKF1016" s="10"/>
      <c r="TKG1016" s="10"/>
      <c r="TKH1016" s="10"/>
      <c r="TKI1016" s="10"/>
      <c r="TKJ1016" s="10"/>
      <c r="TKK1016" s="10"/>
      <c r="TKL1016" s="10"/>
      <c r="TKM1016" s="10"/>
      <c r="TKN1016" s="10"/>
      <c r="TKO1016" s="10"/>
      <c r="TKP1016" s="10"/>
      <c r="TKQ1016" s="10"/>
      <c r="TKR1016" s="10"/>
      <c r="TKS1016" s="10"/>
      <c r="TKT1016" s="10"/>
      <c r="TKU1016" s="10"/>
      <c r="TKV1016" s="10"/>
      <c r="TKW1016" s="10"/>
      <c r="TKX1016" s="10"/>
      <c r="TKY1016" s="10"/>
      <c r="TKZ1016" s="10"/>
      <c r="TLA1016" s="10"/>
      <c r="TLB1016" s="10"/>
      <c r="TLC1016" s="10"/>
      <c r="TLD1016" s="10"/>
      <c r="TLE1016" s="10"/>
      <c r="TLF1016" s="10"/>
      <c r="TLG1016" s="10"/>
      <c r="TLH1016" s="10"/>
      <c r="TLI1016" s="10"/>
      <c r="TLJ1016" s="10"/>
      <c r="TLK1016" s="10"/>
      <c r="TLL1016" s="10"/>
      <c r="TLM1016" s="10"/>
      <c r="TLN1016" s="10"/>
      <c r="TLO1016" s="10"/>
      <c r="TLP1016" s="10"/>
      <c r="TLQ1016" s="10"/>
      <c r="TLR1016" s="10"/>
      <c r="TLS1016" s="10"/>
      <c r="TLT1016" s="10"/>
      <c r="TLU1016" s="10"/>
      <c r="TLV1016" s="10"/>
      <c r="TLW1016" s="10"/>
      <c r="TLX1016" s="10"/>
      <c r="TLY1016" s="10"/>
      <c r="TLZ1016" s="10"/>
      <c r="TMA1016" s="10"/>
      <c r="TMB1016" s="10"/>
      <c r="TMC1016" s="10"/>
      <c r="TMD1016" s="10"/>
      <c r="TME1016" s="10"/>
      <c r="TMF1016" s="10"/>
      <c r="TMG1016" s="10"/>
      <c r="TMH1016" s="10"/>
      <c r="TMI1016" s="10"/>
      <c r="TMJ1016" s="10"/>
      <c r="TMK1016" s="10"/>
      <c r="TML1016" s="10"/>
      <c r="TMM1016" s="10"/>
      <c r="TMN1016" s="10"/>
      <c r="TMO1016" s="10"/>
      <c r="TMP1016" s="10"/>
      <c r="TMQ1016" s="10"/>
      <c r="TMR1016" s="10"/>
      <c r="TMS1016" s="10"/>
      <c r="TMT1016" s="10"/>
      <c r="TMU1016" s="10"/>
      <c r="TMV1016" s="10"/>
      <c r="TMW1016" s="10"/>
      <c r="TMX1016" s="10"/>
      <c r="TMY1016" s="10"/>
      <c r="TMZ1016" s="10"/>
      <c r="TNA1016" s="10"/>
      <c r="TNB1016" s="10"/>
      <c r="TNC1016" s="10"/>
      <c r="TND1016" s="10"/>
      <c r="TNE1016" s="10"/>
      <c r="TNF1016" s="10"/>
      <c r="TNG1016" s="10"/>
      <c r="TNH1016" s="10"/>
      <c r="TNI1016" s="10"/>
      <c r="TNJ1016" s="10"/>
      <c r="TNK1016" s="10"/>
      <c r="TNL1016" s="10"/>
      <c r="TNM1016" s="10"/>
      <c r="TNN1016" s="10"/>
      <c r="TNO1016" s="10"/>
      <c r="TNP1016" s="10"/>
      <c r="TNQ1016" s="10"/>
      <c r="TNR1016" s="10"/>
      <c r="TNS1016" s="10"/>
      <c r="TNT1016" s="10"/>
      <c r="TNU1016" s="10"/>
      <c r="TNV1016" s="10"/>
      <c r="TNW1016" s="10"/>
      <c r="TNX1016" s="10"/>
      <c r="TNY1016" s="10"/>
      <c r="TNZ1016" s="10"/>
      <c r="TOA1016" s="10"/>
      <c r="TOB1016" s="10"/>
      <c r="TOC1016" s="10"/>
      <c r="TOD1016" s="10"/>
      <c r="TOE1016" s="10"/>
      <c r="TOF1016" s="10"/>
      <c r="TOG1016" s="10"/>
      <c r="TOH1016" s="10"/>
      <c r="TOI1016" s="10"/>
      <c r="TOJ1016" s="10"/>
      <c r="TOK1016" s="10"/>
      <c r="TOL1016" s="10"/>
      <c r="TOM1016" s="10"/>
      <c r="TON1016" s="10"/>
      <c r="TOO1016" s="10"/>
      <c r="TOP1016" s="10"/>
      <c r="TOQ1016" s="10"/>
      <c r="TOR1016" s="10"/>
      <c r="TOS1016" s="10"/>
      <c r="TOT1016" s="10"/>
      <c r="TOU1016" s="10"/>
      <c r="TOV1016" s="10"/>
      <c r="TOW1016" s="10"/>
      <c r="TOX1016" s="10"/>
      <c r="TOY1016" s="10"/>
      <c r="TOZ1016" s="10"/>
      <c r="TPA1016" s="10"/>
      <c r="TPB1016" s="10"/>
      <c r="TPC1016" s="10"/>
      <c r="TPD1016" s="10"/>
      <c r="TPE1016" s="10"/>
      <c r="TPF1016" s="10"/>
      <c r="TPG1016" s="10"/>
      <c r="TPH1016" s="10"/>
      <c r="TPI1016" s="10"/>
      <c r="TPJ1016" s="10"/>
      <c r="TPK1016" s="10"/>
      <c r="TPL1016" s="10"/>
      <c r="TPM1016" s="10"/>
      <c r="TPN1016" s="10"/>
      <c r="TPO1016" s="10"/>
      <c r="TPP1016" s="10"/>
      <c r="TPQ1016" s="10"/>
      <c r="TPR1016" s="10"/>
      <c r="TPS1016" s="10"/>
      <c r="TPT1016" s="10"/>
      <c r="TPU1016" s="10"/>
      <c r="TPV1016" s="10"/>
      <c r="TPW1016" s="10"/>
      <c r="TPX1016" s="10"/>
      <c r="TPY1016" s="10"/>
      <c r="TPZ1016" s="10"/>
      <c r="TQA1016" s="10"/>
      <c r="TQB1016" s="10"/>
      <c r="TQC1016" s="10"/>
      <c r="TQD1016" s="10"/>
      <c r="TQE1016" s="10"/>
      <c r="TQF1016" s="10"/>
      <c r="TQG1016" s="10"/>
      <c r="TQH1016" s="10"/>
      <c r="TQI1016" s="10"/>
      <c r="TQJ1016" s="10"/>
      <c r="TQK1016" s="10"/>
      <c r="TQL1016" s="10"/>
      <c r="TQM1016" s="10"/>
      <c r="TQN1016" s="10"/>
      <c r="TQO1016" s="10"/>
      <c r="TQP1016" s="10"/>
      <c r="TQQ1016" s="10"/>
      <c r="TQR1016" s="10"/>
      <c r="TQS1016" s="10"/>
      <c r="TQT1016" s="10"/>
      <c r="TQU1016" s="10"/>
      <c r="TQV1016" s="10"/>
      <c r="TQW1016" s="10"/>
      <c r="TQX1016" s="10"/>
      <c r="TQY1016" s="10"/>
      <c r="TQZ1016" s="10"/>
      <c r="TRA1016" s="10"/>
      <c r="TRB1016" s="10"/>
      <c r="TRC1016" s="10"/>
      <c r="TRD1016" s="10"/>
      <c r="TRE1016" s="10"/>
      <c r="TRF1016" s="10"/>
      <c r="TRG1016" s="10"/>
      <c r="TRH1016" s="10"/>
      <c r="TRI1016" s="10"/>
      <c r="TRJ1016" s="10"/>
      <c r="TRK1016" s="10"/>
      <c r="TRL1016" s="10"/>
      <c r="TRM1016" s="10"/>
      <c r="TRN1016" s="10"/>
      <c r="TRO1016" s="10"/>
      <c r="TRP1016" s="10"/>
      <c r="TRQ1016" s="10"/>
      <c r="TRR1016" s="10"/>
      <c r="TRS1016" s="10"/>
      <c r="TRT1016" s="10"/>
      <c r="TRU1016" s="10"/>
      <c r="TRV1016" s="10"/>
      <c r="TRW1016" s="10"/>
      <c r="TRX1016" s="10"/>
      <c r="TRY1016" s="10"/>
      <c r="TRZ1016" s="10"/>
      <c r="TSA1016" s="10"/>
      <c r="TSB1016" s="10"/>
      <c r="TSC1016" s="10"/>
      <c r="TSD1016" s="10"/>
      <c r="TSE1016" s="10"/>
      <c r="TSF1016" s="10"/>
      <c r="TSG1016" s="10"/>
      <c r="TSH1016" s="10"/>
      <c r="TSI1016" s="10"/>
      <c r="TSJ1016" s="10"/>
      <c r="TSK1016" s="10"/>
      <c r="TSL1016" s="10"/>
      <c r="TSM1016" s="10"/>
      <c r="TSN1016" s="10"/>
      <c r="TSO1016" s="10"/>
      <c r="TSP1016" s="10"/>
      <c r="TSQ1016" s="10"/>
      <c r="TSR1016" s="10"/>
      <c r="TSS1016" s="10"/>
      <c r="TST1016" s="10"/>
      <c r="TSU1016" s="10"/>
      <c r="TSV1016" s="10"/>
      <c r="TSW1016" s="10"/>
      <c r="TSX1016" s="10"/>
      <c r="TSY1016" s="10"/>
      <c r="TSZ1016" s="10"/>
      <c r="TTA1016" s="10"/>
      <c r="TTB1016" s="10"/>
      <c r="TTC1016" s="10"/>
      <c r="TTD1016" s="10"/>
      <c r="TTE1016" s="10"/>
      <c r="TTF1016" s="10"/>
      <c r="TTG1016" s="10"/>
      <c r="TTH1016" s="10"/>
      <c r="TTI1016" s="10"/>
      <c r="TTJ1016" s="10"/>
      <c r="TTK1016" s="10"/>
      <c r="TTL1016" s="10"/>
      <c r="TTM1016" s="10"/>
      <c r="TTN1016" s="10"/>
      <c r="TTO1016" s="10"/>
      <c r="TTP1016" s="10"/>
      <c r="TTQ1016" s="10"/>
      <c r="TTR1016" s="10"/>
      <c r="TTS1016" s="10"/>
      <c r="TTT1016" s="10"/>
      <c r="TTU1016" s="10"/>
      <c r="TTV1016" s="10"/>
      <c r="TTW1016" s="10"/>
      <c r="TTX1016" s="10"/>
      <c r="TTY1016" s="10"/>
      <c r="TTZ1016" s="10"/>
      <c r="TUA1016" s="10"/>
      <c r="TUB1016" s="10"/>
      <c r="TUC1016" s="10"/>
      <c r="TUD1016" s="10"/>
      <c r="TUE1016" s="10"/>
      <c r="TUF1016" s="10"/>
      <c r="TUG1016" s="10"/>
      <c r="TUH1016" s="10"/>
      <c r="TUI1016" s="10"/>
      <c r="TUJ1016" s="10"/>
      <c r="TUK1016" s="10"/>
      <c r="TUL1016" s="10"/>
      <c r="TUM1016" s="10"/>
      <c r="TUN1016" s="10"/>
      <c r="TUO1016" s="10"/>
      <c r="TUP1016" s="10"/>
      <c r="TUQ1016" s="10"/>
      <c r="TUR1016" s="10"/>
      <c r="TUS1016" s="10"/>
      <c r="TUT1016" s="10"/>
      <c r="TUU1016" s="10"/>
      <c r="TUV1016" s="10"/>
      <c r="TUW1016" s="10"/>
      <c r="TUX1016" s="10"/>
      <c r="TUY1016" s="10"/>
      <c r="TUZ1016" s="10"/>
      <c r="TVA1016" s="10"/>
      <c r="TVB1016" s="10"/>
      <c r="TVC1016" s="10"/>
      <c r="TVD1016" s="10"/>
      <c r="TVE1016" s="10"/>
      <c r="TVF1016" s="10"/>
      <c r="TVG1016" s="10"/>
      <c r="TVH1016" s="10"/>
      <c r="TVI1016" s="10"/>
      <c r="TVJ1016" s="10"/>
      <c r="TVK1016" s="10"/>
      <c r="TVL1016" s="10"/>
      <c r="TVM1016" s="10"/>
      <c r="TVN1016" s="10"/>
      <c r="TVO1016" s="10"/>
      <c r="TVP1016" s="10"/>
      <c r="TVQ1016" s="10"/>
      <c r="TVR1016" s="10"/>
      <c r="TVS1016" s="10"/>
      <c r="TVT1016" s="10"/>
      <c r="TVU1016" s="10"/>
      <c r="TVV1016" s="10"/>
      <c r="TVW1016" s="10"/>
      <c r="TVX1016" s="10"/>
      <c r="TVY1016" s="10"/>
      <c r="TVZ1016" s="10"/>
      <c r="TWA1016" s="10"/>
      <c r="TWB1016" s="10"/>
      <c r="TWC1016" s="10"/>
      <c r="TWD1016" s="10"/>
      <c r="TWE1016" s="10"/>
      <c r="TWF1016" s="10"/>
      <c r="TWG1016" s="10"/>
      <c r="TWH1016" s="10"/>
      <c r="TWI1016" s="10"/>
      <c r="TWJ1016" s="10"/>
      <c r="TWK1016" s="10"/>
      <c r="TWL1016" s="10"/>
      <c r="TWM1016" s="10"/>
      <c r="TWN1016" s="10"/>
      <c r="TWO1016" s="10"/>
      <c r="TWP1016" s="10"/>
      <c r="TWQ1016" s="10"/>
      <c r="TWR1016" s="10"/>
      <c r="TWS1016" s="10"/>
      <c r="TWT1016" s="10"/>
      <c r="TWU1016" s="10"/>
      <c r="TWV1016" s="10"/>
      <c r="TWW1016" s="10"/>
      <c r="TWX1016" s="10"/>
      <c r="TWY1016" s="10"/>
      <c r="TWZ1016" s="10"/>
      <c r="TXA1016" s="10"/>
      <c r="TXB1016" s="10"/>
      <c r="TXC1016" s="10"/>
      <c r="TXD1016" s="10"/>
      <c r="TXE1016" s="10"/>
      <c r="TXF1016" s="10"/>
      <c r="TXG1016" s="10"/>
      <c r="TXH1016" s="10"/>
      <c r="TXI1016" s="10"/>
      <c r="TXJ1016" s="10"/>
      <c r="TXK1016" s="10"/>
      <c r="TXL1016" s="10"/>
      <c r="TXM1016" s="10"/>
      <c r="TXN1016" s="10"/>
      <c r="TXO1016" s="10"/>
      <c r="TXP1016" s="10"/>
      <c r="TXQ1016" s="10"/>
      <c r="TXR1016" s="10"/>
      <c r="TXS1016" s="10"/>
      <c r="TXT1016" s="10"/>
      <c r="TXU1016" s="10"/>
      <c r="TXV1016" s="10"/>
      <c r="TXW1016" s="10"/>
      <c r="TXX1016" s="10"/>
      <c r="TXY1016" s="10"/>
      <c r="TXZ1016" s="10"/>
      <c r="TYA1016" s="10"/>
      <c r="TYB1016" s="10"/>
      <c r="TYC1016" s="10"/>
      <c r="TYD1016" s="10"/>
      <c r="TYE1016" s="10"/>
      <c r="TYF1016" s="10"/>
      <c r="TYG1016" s="10"/>
      <c r="TYH1016" s="10"/>
      <c r="TYI1016" s="10"/>
      <c r="TYJ1016" s="10"/>
      <c r="TYK1016" s="10"/>
      <c r="TYL1016" s="10"/>
      <c r="TYM1016" s="10"/>
      <c r="TYN1016" s="10"/>
      <c r="TYO1016" s="10"/>
      <c r="TYP1016" s="10"/>
      <c r="TYQ1016" s="10"/>
      <c r="TYR1016" s="10"/>
      <c r="TYS1016" s="10"/>
      <c r="TYT1016" s="10"/>
      <c r="TYU1016" s="10"/>
      <c r="TYV1016" s="10"/>
      <c r="TYW1016" s="10"/>
      <c r="TYX1016" s="10"/>
      <c r="TYY1016" s="10"/>
      <c r="TYZ1016" s="10"/>
      <c r="TZA1016" s="10"/>
      <c r="TZB1016" s="10"/>
      <c r="TZC1016" s="10"/>
      <c r="TZD1016" s="10"/>
      <c r="TZE1016" s="10"/>
      <c r="TZF1016" s="10"/>
      <c r="TZG1016" s="10"/>
      <c r="TZH1016" s="10"/>
      <c r="TZI1016" s="10"/>
      <c r="TZJ1016" s="10"/>
      <c r="TZK1016" s="10"/>
      <c r="TZL1016" s="10"/>
      <c r="TZM1016" s="10"/>
      <c r="TZN1016" s="10"/>
      <c r="TZO1016" s="10"/>
      <c r="TZP1016" s="10"/>
      <c r="TZQ1016" s="10"/>
      <c r="TZR1016" s="10"/>
      <c r="TZS1016" s="10"/>
      <c r="TZT1016" s="10"/>
      <c r="TZU1016" s="10"/>
      <c r="TZV1016" s="10"/>
      <c r="TZW1016" s="10"/>
      <c r="TZX1016" s="10"/>
      <c r="TZY1016" s="10"/>
      <c r="TZZ1016" s="10"/>
      <c r="UAA1016" s="10"/>
      <c r="UAB1016" s="10"/>
      <c r="UAC1016" s="10"/>
      <c r="UAD1016" s="10"/>
      <c r="UAE1016" s="10"/>
      <c r="UAF1016" s="10"/>
      <c r="UAG1016" s="10"/>
      <c r="UAH1016" s="10"/>
      <c r="UAI1016" s="10"/>
      <c r="UAJ1016" s="10"/>
      <c r="UAK1016" s="10"/>
      <c r="UAL1016" s="10"/>
      <c r="UAM1016" s="10"/>
      <c r="UAN1016" s="10"/>
      <c r="UAO1016" s="10"/>
      <c r="UAP1016" s="10"/>
      <c r="UAQ1016" s="10"/>
      <c r="UAR1016" s="10"/>
      <c r="UAS1016" s="10"/>
      <c r="UAT1016" s="10"/>
      <c r="UAU1016" s="10"/>
      <c r="UAV1016" s="10"/>
      <c r="UAW1016" s="10"/>
      <c r="UAX1016" s="10"/>
      <c r="UAY1016" s="10"/>
      <c r="UAZ1016" s="10"/>
      <c r="UBA1016" s="10"/>
      <c r="UBB1016" s="10"/>
      <c r="UBC1016" s="10"/>
      <c r="UBD1016" s="10"/>
      <c r="UBE1016" s="10"/>
      <c r="UBF1016" s="10"/>
      <c r="UBG1016" s="10"/>
      <c r="UBH1016" s="10"/>
      <c r="UBI1016" s="10"/>
      <c r="UBJ1016" s="10"/>
      <c r="UBK1016" s="10"/>
      <c r="UBL1016" s="10"/>
      <c r="UBM1016" s="10"/>
      <c r="UBN1016" s="10"/>
      <c r="UBO1016" s="10"/>
      <c r="UBP1016" s="10"/>
      <c r="UBQ1016" s="10"/>
      <c r="UBR1016" s="10"/>
      <c r="UBS1016" s="10"/>
      <c r="UBT1016" s="10"/>
      <c r="UBU1016" s="10"/>
      <c r="UBV1016" s="10"/>
      <c r="UBW1016" s="10"/>
      <c r="UBX1016" s="10"/>
      <c r="UBY1016" s="10"/>
      <c r="UBZ1016" s="10"/>
      <c r="UCA1016" s="10"/>
      <c r="UCB1016" s="10"/>
      <c r="UCC1016" s="10"/>
      <c r="UCD1016" s="10"/>
      <c r="UCE1016" s="10"/>
      <c r="UCF1016" s="10"/>
      <c r="UCG1016" s="10"/>
      <c r="UCH1016" s="10"/>
      <c r="UCI1016" s="10"/>
      <c r="UCJ1016" s="10"/>
      <c r="UCK1016" s="10"/>
      <c r="UCL1016" s="10"/>
      <c r="UCM1016" s="10"/>
      <c r="UCN1016" s="10"/>
      <c r="UCO1016" s="10"/>
      <c r="UCP1016" s="10"/>
      <c r="UCQ1016" s="10"/>
      <c r="UCR1016" s="10"/>
      <c r="UCS1016" s="10"/>
      <c r="UCT1016" s="10"/>
      <c r="UCU1016" s="10"/>
      <c r="UCV1016" s="10"/>
      <c r="UCW1016" s="10"/>
      <c r="UCX1016" s="10"/>
      <c r="UCY1016" s="10"/>
      <c r="UCZ1016" s="10"/>
      <c r="UDA1016" s="10"/>
      <c r="UDB1016" s="10"/>
      <c r="UDC1016" s="10"/>
      <c r="UDD1016" s="10"/>
      <c r="UDE1016" s="10"/>
      <c r="UDF1016" s="10"/>
      <c r="UDG1016" s="10"/>
      <c r="UDH1016" s="10"/>
      <c r="UDI1016" s="10"/>
      <c r="UDJ1016" s="10"/>
      <c r="UDK1016" s="10"/>
      <c r="UDL1016" s="10"/>
      <c r="UDM1016" s="10"/>
      <c r="UDN1016" s="10"/>
      <c r="UDO1016" s="10"/>
      <c r="UDP1016" s="10"/>
      <c r="UDQ1016" s="10"/>
      <c r="UDR1016" s="10"/>
      <c r="UDS1016" s="10"/>
      <c r="UDT1016" s="10"/>
      <c r="UDU1016" s="10"/>
      <c r="UDV1016" s="10"/>
      <c r="UDW1016" s="10"/>
      <c r="UDX1016" s="10"/>
      <c r="UDY1016" s="10"/>
      <c r="UDZ1016" s="10"/>
      <c r="UEA1016" s="10"/>
      <c r="UEB1016" s="10"/>
      <c r="UEC1016" s="10"/>
      <c r="UED1016" s="10"/>
      <c r="UEE1016" s="10"/>
      <c r="UEF1016" s="10"/>
      <c r="UEG1016" s="10"/>
      <c r="UEH1016" s="10"/>
      <c r="UEI1016" s="10"/>
      <c r="UEJ1016" s="10"/>
      <c r="UEK1016" s="10"/>
      <c r="UEL1016" s="10"/>
      <c r="UEM1016" s="10"/>
      <c r="UEN1016" s="10"/>
      <c r="UEO1016" s="10"/>
      <c r="UEP1016" s="10"/>
      <c r="UEQ1016" s="10"/>
      <c r="UER1016" s="10"/>
      <c r="UES1016" s="10"/>
      <c r="UET1016" s="10"/>
      <c r="UEU1016" s="10"/>
      <c r="UEV1016" s="10"/>
      <c r="UEW1016" s="10"/>
      <c r="UEX1016" s="10"/>
      <c r="UEY1016" s="10"/>
      <c r="UEZ1016" s="10"/>
      <c r="UFA1016" s="10"/>
      <c r="UFB1016" s="10"/>
      <c r="UFC1016" s="10"/>
      <c r="UFD1016" s="10"/>
      <c r="UFE1016" s="10"/>
      <c r="UFF1016" s="10"/>
      <c r="UFG1016" s="10"/>
      <c r="UFH1016" s="10"/>
      <c r="UFI1016" s="10"/>
      <c r="UFJ1016" s="10"/>
      <c r="UFK1016" s="10"/>
      <c r="UFL1016" s="10"/>
      <c r="UFM1016" s="10"/>
      <c r="UFN1016" s="10"/>
      <c r="UFO1016" s="10"/>
      <c r="UFP1016" s="10"/>
      <c r="UFQ1016" s="10"/>
      <c r="UFR1016" s="10"/>
      <c r="UFS1016" s="10"/>
      <c r="UFT1016" s="10"/>
      <c r="UFU1016" s="10"/>
      <c r="UFV1016" s="10"/>
      <c r="UFW1016" s="10"/>
      <c r="UFX1016" s="10"/>
      <c r="UFY1016" s="10"/>
      <c r="UFZ1016" s="10"/>
      <c r="UGA1016" s="10"/>
      <c r="UGB1016" s="10"/>
      <c r="UGC1016" s="10"/>
      <c r="UGD1016" s="10"/>
      <c r="UGE1016" s="10"/>
      <c r="UGF1016" s="10"/>
      <c r="UGG1016" s="10"/>
      <c r="UGH1016" s="10"/>
      <c r="UGI1016" s="10"/>
      <c r="UGJ1016" s="10"/>
      <c r="UGK1016" s="10"/>
      <c r="UGL1016" s="10"/>
      <c r="UGM1016" s="10"/>
      <c r="UGN1016" s="10"/>
      <c r="UGO1016" s="10"/>
      <c r="UGP1016" s="10"/>
      <c r="UGQ1016" s="10"/>
      <c r="UGR1016" s="10"/>
      <c r="UGS1016" s="10"/>
      <c r="UGT1016" s="10"/>
      <c r="UGU1016" s="10"/>
      <c r="UGV1016" s="10"/>
      <c r="UGW1016" s="10"/>
      <c r="UGX1016" s="10"/>
      <c r="UGY1016" s="10"/>
      <c r="UGZ1016" s="10"/>
      <c r="UHA1016" s="10"/>
      <c r="UHB1016" s="10"/>
      <c r="UHC1016" s="10"/>
      <c r="UHD1016" s="10"/>
      <c r="UHE1016" s="10"/>
      <c r="UHF1016" s="10"/>
      <c r="UHG1016" s="10"/>
      <c r="UHH1016" s="10"/>
      <c r="UHI1016" s="10"/>
      <c r="UHJ1016" s="10"/>
      <c r="UHK1016" s="10"/>
      <c r="UHL1016" s="10"/>
      <c r="UHM1016" s="10"/>
      <c r="UHN1016" s="10"/>
      <c r="UHO1016" s="10"/>
      <c r="UHP1016" s="10"/>
      <c r="UHQ1016" s="10"/>
      <c r="UHR1016" s="10"/>
      <c r="UHS1016" s="10"/>
      <c r="UHT1016" s="10"/>
      <c r="UHU1016" s="10"/>
      <c r="UHV1016" s="10"/>
      <c r="UHW1016" s="10"/>
      <c r="UHX1016" s="10"/>
      <c r="UHY1016" s="10"/>
      <c r="UHZ1016" s="10"/>
      <c r="UIA1016" s="10"/>
      <c r="UIB1016" s="10"/>
      <c r="UIC1016" s="10"/>
      <c r="UID1016" s="10"/>
      <c r="UIE1016" s="10"/>
      <c r="UIF1016" s="10"/>
      <c r="UIG1016" s="10"/>
      <c r="UIH1016" s="10"/>
      <c r="UII1016" s="10"/>
      <c r="UIJ1016" s="10"/>
      <c r="UIK1016" s="10"/>
      <c r="UIL1016" s="10"/>
      <c r="UIM1016" s="10"/>
      <c r="UIN1016" s="10"/>
      <c r="UIO1016" s="10"/>
      <c r="UIP1016" s="10"/>
      <c r="UIQ1016" s="10"/>
      <c r="UIR1016" s="10"/>
      <c r="UIS1016" s="10"/>
      <c r="UIT1016" s="10"/>
      <c r="UIU1016" s="10"/>
      <c r="UIV1016" s="10"/>
      <c r="UIW1016" s="10"/>
      <c r="UIX1016" s="10"/>
      <c r="UIY1016" s="10"/>
      <c r="UIZ1016" s="10"/>
      <c r="UJA1016" s="10"/>
      <c r="UJB1016" s="10"/>
      <c r="UJC1016" s="10"/>
      <c r="UJD1016" s="10"/>
      <c r="UJE1016" s="10"/>
      <c r="UJF1016" s="10"/>
      <c r="UJG1016" s="10"/>
      <c r="UJH1016" s="10"/>
      <c r="UJI1016" s="10"/>
      <c r="UJJ1016" s="10"/>
      <c r="UJK1016" s="10"/>
      <c r="UJL1016" s="10"/>
      <c r="UJM1016" s="10"/>
      <c r="UJN1016" s="10"/>
      <c r="UJO1016" s="10"/>
      <c r="UJP1016" s="10"/>
      <c r="UJQ1016" s="10"/>
      <c r="UJR1016" s="10"/>
      <c r="UJS1016" s="10"/>
      <c r="UJT1016" s="10"/>
      <c r="UJU1016" s="10"/>
      <c r="UJV1016" s="10"/>
      <c r="UJW1016" s="10"/>
      <c r="UJX1016" s="10"/>
      <c r="UJY1016" s="10"/>
      <c r="UJZ1016" s="10"/>
      <c r="UKA1016" s="10"/>
      <c r="UKB1016" s="10"/>
      <c r="UKC1016" s="10"/>
      <c r="UKD1016" s="10"/>
      <c r="UKE1016" s="10"/>
      <c r="UKF1016" s="10"/>
      <c r="UKG1016" s="10"/>
      <c r="UKH1016" s="10"/>
      <c r="UKI1016" s="10"/>
      <c r="UKJ1016" s="10"/>
      <c r="UKK1016" s="10"/>
      <c r="UKL1016" s="10"/>
      <c r="UKM1016" s="10"/>
      <c r="UKN1016" s="10"/>
      <c r="UKO1016" s="10"/>
      <c r="UKP1016" s="10"/>
      <c r="UKQ1016" s="10"/>
      <c r="UKR1016" s="10"/>
      <c r="UKS1016" s="10"/>
      <c r="UKT1016" s="10"/>
      <c r="UKU1016" s="10"/>
      <c r="UKV1016" s="10"/>
      <c r="UKW1016" s="10"/>
      <c r="UKX1016" s="10"/>
      <c r="UKY1016" s="10"/>
      <c r="UKZ1016" s="10"/>
      <c r="ULA1016" s="10"/>
      <c r="ULB1016" s="10"/>
      <c r="ULC1016" s="10"/>
      <c r="ULD1016" s="10"/>
      <c r="ULE1016" s="10"/>
      <c r="ULF1016" s="10"/>
      <c r="ULG1016" s="10"/>
      <c r="ULH1016" s="10"/>
      <c r="ULI1016" s="10"/>
      <c r="ULJ1016" s="10"/>
      <c r="ULK1016" s="10"/>
      <c r="ULL1016" s="10"/>
      <c r="ULM1016" s="10"/>
      <c r="ULN1016" s="10"/>
      <c r="ULO1016" s="10"/>
      <c r="ULP1016" s="10"/>
      <c r="ULQ1016" s="10"/>
      <c r="ULR1016" s="10"/>
      <c r="ULS1016" s="10"/>
      <c r="ULT1016" s="10"/>
      <c r="ULU1016" s="10"/>
      <c r="ULV1016" s="10"/>
      <c r="ULW1016" s="10"/>
      <c r="ULX1016" s="10"/>
      <c r="ULY1016" s="10"/>
      <c r="ULZ1016" s="10"/>
      <c r="UMA1016" s="10"/>
      <c r="UMB1016" s="10"/>
      <c r="UMC1016" s="10"/>
      <c r="UMD1016" s="10"/>
      <c r="UME1016" s="10"/>
      <c r="UMF1016" s="10"/>
      <c r="UMG1016" s="10"/>
      <c r="UMH1016" s="10"/>
      <c r="UMI1016" s="10"/>
      <c r="UMJ1016" s="10"/>
      <c r="UMK1016" s="10"/>
      <c r="UML1016" s="10"/>
      <c r="UMM1016" s="10"/>
      <c r="UMN1016" s="10"/>
      <c r="UMO1016" s="10"/>
      <c r="UMP1016" s="10"/>
      <c r="UMQ1016" s="10"/>
      <c r="UMR1016" s="10"/>
      <c r="UMS1016" s="10"/>
      <c r="UMT1016" s="10"/>
      <c r="UMU1016" s="10"/>
      <c r="UMV1016" s="10"/>
      <c r="UMW1016" s="10"/>
      <c r="UMX1016" s="10"/>
      <c r="UMY1016" s="10"/>
      <c r="UMZ1016" s="10"/>
      <c r="UNA1016" s="10"/>
      <c r="UNB1016" s="10"/>
      <c r="UNC1016" s="10"/>
      <c r="UND1016" s="10"/>
      <c r="UNE1016" s="10"/>
      <c r="UNF1016" s="10"/>
      <c r="UNG1016" s="10"/>
      <c r="UNH1016" s="10"/>
      <c r="UNI1016" s="10"/>
      <c r="UNJ1016" s="10"/>
      <c r="UNK1016" s="10"/>
      <c r="UNL1016" s="10"/>
      <c r="UNM1016" s="10"/>
      <c r="UNN1016" s="10"/>
      <c r="UNO1016" s="10"/>
      <c r="UNP1016" s="10"/>
      <c r="UNQ1016" s="10"/>
      <c r="UNR1016" s="10"/>
      <c r="UNS1016" s="10"/>
      <c r="UNT1016" s="10"/>
      <c r="UNU1016" s="10"/>
      <c r="UNV1016" s="10"/>
      <c r="UNW1016" s="10"/>
      <c r="UNX1016" s="10"/>
      <c r="UNY1016" s="10"/>
      <c r="UNZ1016" s="10"/>
      <c r="UOA1016" s="10"/>
      <c r="UOB1016" s="10"/>
      <c r="UOC1016" s="10"/>
      <c r="UOD1016" s="10"/>
      <c r="UOE1016" s="10"/>
      <c r="UOF1016" s="10"/>
      <c r="UOG1016" s="10"/>
      <c r="UOH1016" s="10"/>
      <c r="UOI1016" s="10"/>
      <c r="UOJ1016" s="10"/>
      <c r="UOK1016" s="10"/>
      <c r="UOL1016" s="10"/>
      <c r="UOM1016" s="10"/>
      <c r="UON1016" s="10"/>
      <c r="UOO1016" s="10"/>
      <c r="UOP1016" s="10"/>
      <c r="UOQ1016" s="10"/>
      <c r="UOR1016" s="10"/>
      <c r="UOS1016" s="10"/>
      <c r="UOT1016" s="10"/>
      <c r="UOU1016" s="10"/>
      <c r="UOV1016" s="10"/>
      <c r="UOW1016" s="10"/>
      <c r="UOX1016" s="10"/>
      <c r="UOY1016" s="10"/>
      <c r="UOZ1016" s="10"/>
      <c r="UPA1016" s="10"/>
      <c r="UPB1016" s="10"/>
      <c r="UPC1016" s="10"/>
      <c r="UPD1016" s="10"/>
      <c r="UPE1016" s="10"/>
      <c r="UPF1016" s="10"/>
      <c r="UPG1016" s="10"/>
      <c r="UPH1016" s="10"/>
      <c r="UPI1016" s="10"/>
      <c r="UPJ1016" s="10"/>
      <c r="UPK1016" s="10"/>
      <c r="UPL1016" s="10"/>
      <c r="UPM1016" s="10"/>
      <c r="UPN1016" s="10"/>
      <c r="UPO1016" s="10"/>
      <c r="UPP1016" s="10"/>
      <c r="UPQ1016" s="10"/>
      <c r="UPR1016" s="10"/>
      <c r="UPS1016" s="10"/>
      <c r="UPT1016" s="10"/>
      <c r="UPU1016" s="10"/>
      <c r="UPV1016" s="10"/>
      <c r="UPW1016" s="10"/>
      <c r="UPX1016" s="10"/>
      <c r="UPY1016" s="10"/>
      <c r="UPZ1016" s="10"/>
      <c r="UQA1016" s="10"/>
      <c r="UQB1016" s="10"/>
      <c r="UQC1016" s="10"/>
      <c r="UQD1016" s="10"/>
      <c r="UQE1016" s="10"/>
      <c r="UQF1016" s="10"/>
      <c r="UQG1016" s="10"/>
      <c r="UQH1016" s="10"/>
      <c r="UQI1016" s="10"/>
      <c r="UQJ1016" s="10"/>
      <c r="UQK1016" s="10"/>
      <c r="UQL1016" s="10"/>
      <c r="UQM1016" s="10"/>
      <c r="UQN1016" s="10"/>
      <c r="UQO1016" s="10"/>
      <c r="UQP1016" s="10"/>
      <c r="UQQ1016" s="10"/>
      <c r="UQR1016" s="10"/>
      <c r="UQS1016" s="10"/>
      <c r="UQT1016" s="10"/>
      <c r="UQU1016" s="10"/>
      <c r="UQV1016" s="10"/>
      <c r="UQW1016" s="10"/>
      <c r="UQX1016" s="10"/>
      <c r="UQY1016" s="10"/>
      <c r="UQZ1016" s="10"/>
      <c r="URA1016" s="10"/>
      <c r="URB1016" s="10"/>
      <c r="URC1016" s="10"/>
      <c r="URD1016" s="10"/>
      <c r="URE1016" s="10"/>
      <c r="URF1016" s="10"/>
      <c r="URG1016" s="10"/>
      <c r="URH1016" s="10"/>
      <c r="URI1016" s="10"/>
      <c r="URJ1016" s="10"/>
      <c r="URK1016" s="10"/>
      <c r="URL1016" s="10"/>
      <c r="URM1016" s="10"/>
      <c r="URN1016" s="10"/>
      <c r="URO1016" s="10"/>
      <c r="URP1016" s="10"/>
      <c r="URQ1016" s="10"/>
      <c r="URR1016" s="10"/>
      <c r="URS1016" s="10"/>
      <c r="URT1016" s="10"/>
      <c r="URU1016" s="10"/>
      <c r="URV1016" s="10"/>
      <c r="URW1016" s="10"/>
      <c r="URX1016" s="10"/>
      <c r="URY1016" s="10"/>
      <c r="URZ1016" s="10"/>
      <c r="USA1016" s="10"/>
      <c r="USB1016" s="10"/>
      <c r="USC1016" s="10"/>
      <c r="USD1016" s="10"/>
      <c r="USE1016" s="10"/>
      <c r="USF1016" s="10"/>
      <c r="USG1016" s="10"/>
      <c r="USH1016" s="10"/>
      <c r="USI1016" s="10"/>
      <c r="USJ1016" s="10"/>
      <c r="USK1016" s="10"/>
      <c r="USL1016" s="10"/>
      <c r="USM1016" s="10"/>
      <c r="USN1016" s="10"/>
      <c r="USO1016" s="10"/>
      <c r="USP1016" s="10"/>
      <c r="USQ1016" s="10"/>
      <c r="USR1016" s="10"/>
      <c r="USS1016" s="10"/>
      <c r="UST1016" s="10"/>
      <c r="USU1016" s="10"/>
      <c r="USV1016" s="10"/>
      <c r="USW1016" s="10"/>
      <c r="USX1016" s="10"/>
      <c r="USY1016" s="10"/>
      <c r="USZ1016" s="10"/>
      <c r="UTA1016" s="10"/>
      <c r="UTB1016" s="10"/>
      <c r="UTC1016" s="10"/>
      <c r="UTD1016" s="10"/>
      <c r="UTE1016" s="10"/>
      <c r="UTF1016" s="10"/>
      <c r="UTG1016" s="10"/>
      <c r="UTH1016" s="10"/>
      <c r="UTI1016" s="10"/>
      <c r="UTJ1016" s="10"/>
      <c r="UTK1016" s="10"/>
      <c r="UTL1016" s="10"/>
      <c r="UTM1016" s="10"/>
      <c r="UTN1016" s="10"/>
      <c r="UTO1016" s="10"/>
      <c r="UTP1016" s="10"/>
      <c r="UTQ1016" s="10"/>
      <c r="UTR1016" s="10"/>
      <c r="UTS1016" s="10"/>
      <c r="UTT1016" s="10"/>
      <c r="UTU1016" s="10"/>
      <c r="UTV1016" s="10"/>
      <c r="UTW1016" s="10"/>
      <c r="UTX1016" s="10"/>
      <c r="UTY1016" s="10"/>
      <c r="UTZ1016" s="10"/>
      <c r="UUA1016" s="10"/>
      <c r="UUB1016" s="10"/>
      <c r="UUC1016" s="10"/>
      <c r="UUD1016" s="10"/>
      <c r="UUE1016" s="10"/>
      <c r="UUF1016" s="10"/>
      <c r="UUG1016" s="10"/>
      <c r="UUH1016" s="10"/>
      <c r="UUI1016" s="10"/>
      <c r="UUJ1016" s="10"/>
      <c r="UUK1016" s="10"/>
      <c r="UUL1016" s="10"/>
      <c r="UUM1016" s="10"/>
      <c r="UUN1016" s="10"/>
      <c r="UUO1016" s="10"/>
      <c r="UUP1016" s="10"/>
      <c r="UUQ1016" s="10"/>
      <c r="UUR1016" s="10"/>
      <c r="UUS1016" s="10"/>
      <c r="UUT1016" s="10"/>
      <c r="UUU1016" s="10"/>
      <c r="UUV1016" s="10"/>
      <c r="UUW1016" s="10"/>
      <c r="UUX1016" s="10"/>
      <c r="UUY1016" s="10"/>
      <c r="UUZ1016" s="10"/>
      <c r="UVA1016" s="10"/>
      <c r="UVB1016" s="10"/>
      <c r="UVC1016" s="10"/>
      <c r="UVD1016" s="10"/>
      <c r="UVE1016" s="10"/>
      <c r="UVF1016" s="10"/>
      <c r="UVG1016" s="10"/>
      <c r="UVH1016" s="10"/>
      <c r="UVI1016" s="10"/>
      <c r="UVJ1016" s="10"/>
      <c r="UVK1016" s="10"/>
      <c r="UVL1016" s="10"/>
      <c r="UVM1016" s="10"/>
      <c r="UVN1016" s="10"/>
      <c r="UVO1016" s="10"/>
      <c r="UVP1016" s="10"/>
      <c r="UVQ1016" s="10"/>
      <c r="UVR1016" s="10"/>
      <c r="UVS1016" s="10"/>
      <c r="UVT1016" s="10"/>
      <c r="UVU1016" s="10"/>
      <c r="UVV1016" s="10"/>
      <c r="UVW1016" s="10"/>
      <c r="UVX1016" s="10"/>
      <c r="UVY1016" s="10"/>
      <c r="UVZ1016" s="10"/>
      <c r="UWA1016" s="10"/>
      <c r="UWB1016" s="10"/>
      <c r="UWC1016" s="10"/>
      <c r="UWD1016" s="10"/>
      <c r="UWE1016" s="10"/>
      <c r="UWF1016" s="10"/>
      <c r="UWG1016" s="10"/>
      <c r="UWH1016" s="10"/>
      <c r="UWI1016" s="10"/>
      <c r="UWJ1016" s="10"/>
      <c r="UWK1016" s="10"/>
      <c r="UWL1016" s="10"/>
      <c r="UWM1016" s="10"/>
      <c r="UWN1016" s="10"/>
      <c r="UWO1016" s="10"/>
      <c r="UWP1016" s="10"/>
      <c r="UWQ1016" s="10"/>
      <c r="UWR1016" s="10"/>
      <c r="UWS1016" s="10"/>
      <c r="UWT1016" s="10"/>
      <c r="UWU1016" s="10"/>
      <c r="UWV1016" s="10"/>
      <c r="UWW1016" s="10"/>
      <c r="UWX1016" s="10"/>
      <c r="UWY1016" s="10"/>
      <c r="UWZ1016" s="10"/>
      <c r="UXA1016" s="10"/>
      <c r="UXB1016" s="10"/>
      <c r="UXC1016" s="10"/>
      <c r="UXD1016" s="10"/>
      <c r="UXE1016" s="10"/>
      <c r="UXF1016" s="10"/>
      <c r="UXG1016" s="10"/>
      <c r="UXH1016" s="10"/>
      <c r="UXI1016" s="10"/>
      <c r="UXJ1016" s="10"/>
      <c r="UXK1016" s="10"/>
      <c r="UXL1016" s="10"/>
      <c r="UXM1016" s="10"/>
      <c r="UXN1016" s="10"/>
      <c r="UXO1016" s="10"/>
      <c r="UXP1016" s="10"/>
      <c r="UXQ1016" s="10"/>
      <c r="UXR1016" s="10"/>
      <c r="UXS1016" s="10"/>
      <c r="UXT1016" s="10"/>
      <c r="UXU1016" s="10"/>
      <c r="UXV1016" s="10"/>
      <c r="UXW1016" s="10"/>
      <c r="UXX1016" s="10"/>
      <c r="UXY1016" s="10"/>
      <c r="UXZ1016" s="10"/>
      <c r="UYA1016" s="10"/>
      <c r="UYB1016" s="10"/>
      <c r="UYC1016" s="10"/>
      <c r="UYD1016" s="10"/>
      <c r="UYE1016" s="10"/>
      <c r="UYF1016" s="10"/>
      <c r="UYG1016" s="10"/>
      <c r="UYH1016" s="10"/>
      <c r="UYI1016" s="10"/>
      <c r="UYJ1016" s="10"/>
      <c r="UYK1016" s="10"/>
      <c r="UYL1016" s="10"/>
      <c r="UYM1016" s="10"/>
      <c r="UYN1016" s="10"/>
      <c r="UYO1016" s="10"/>
      <c r="UYP1016" s="10"/>
      <c r="UYQ1016" s="10"/>
      <c r="UYR1016" s="10"/>
      <c r="UYS1016" s="10"/>
      <c r="UYT1016" s="10"/>
      <c r="UYU1016" s="10"/>
      <c r="UYV1016" s="10"/>
      <c r="UYW1016" s="10"/>
      <c r="UYX1016" s="10"/>
      <c r="UYY1016" s="10"/>
      <c r="UYZ1016" s="10"/>
      <c r="UZA1016" s="10"/>
      <c r="UZB1016" s="10"/>
      <c r="UZC1016" s="10"/>
      <c r="UZD1016" s="10"/>
      <c r="UZE1016" s="10"/>
      <c r="UZF1016" s="10"/>
      <c r="UZG1016" s="10"/>
      <c r="UZH1016" s="10"/>
      <c r="UZI1016" s="10"/>
      <c r="UZJ1016" s="10"/>
      <c r="UZK1016" s="10"/>
      <c r="UZL1016" s="10"/>
      <c r="UZM1016" s="10"/>
      <c r="UZN1016" s="10"/>
      <c r="UZO1016" s="10"/>
      <c r="UZP1016" s="10"/>
      <c r="UZQ1016" s="10"/>
      <c r="UZR1016" s="10"/>
      <c r="UZS1016" s="10"/>
      <c r="UZT1016" s="10"/>
      <c r="UZU1016" s="10"/>
      <c r="UZV1016" s="10"/>
      <c r="UZW1016" s="10"/>
      <c r="UZX1016" s="10"/>
      <c r="UZY1016" s="10"/>
      <c r="UZZ1016" s="10"/>
      <c r="VAA1016" s="10"/>
      <c r="VAB1016" s="10"/>
      <c r="VAC1016" s="10"/>
      <c r="VAD1016" s="10"/>
      <c r="VAE1016" s="10"/>
      <c r="VAF1016" s="10"/>
      <c r="VAG1016" s="10"/>
      <c r="VAH1016" s="10"/>
      <c r="VAI1016" s="10"/>
      <c r="VAJ1016" s="10"/>
      <c r="VAK1016" s="10"/>
      <c r="VAL1016" s="10"/>
      <c r="VAM1016" s="10"/>
      <c r="VAN1016" s="10"/>
      <c r="VAO1016" s="10"/>
      <c r="VAP1016" s="10"/>
      <c r="VAQ1016" s="10"/>
      <c r="VAR1016" s="10"/>
      <c r="VAS1016" s="10"/>
      <c r="VAT1016" s="10"/>
      <c r="VAU1016" s="10"/>
      <c r="VAV1016" s="10"/>
      <c r="VAW1016" s="10"/>
      <c r="VAX1016" s="10"/>
      <c r="VAY1016" s="10"/>
      <c r="VAZ1016" s="10"/>
      <c r="VBA1016" s="10"/>
      <c r="VBB1016" s="10"/>
      <c r="VBC1016" s="10"/>
      <c r="VBD1016" s="10"/>
      <c r="VBE1016" s="10"/>
      <c r="VBF1016" s="10"/>
      <c r="VBG1016" s="10"/>
      <c r="VBH1016" s="10"/>
      <c r="VBI1016" s="10"/>
      <c r="VBJ1016" s="10"/>
      <c r="VBK1016" s="10"/>
      <c r="VBL1016" s="10"/>
      <c r="VBM1016" s="10"/>
      <c r="VBN1016" s="10"/>
      <c r="VBO1016" s="10"/>
      <c r="VBP1016" s="10"/>
      <c r="VBQ1016" s="10"/>
      <c r="VBR1016" s="10"/>
      <c r="VBS1016" s="10"/>
      <c r="VBT1016" s="10"/>
      <c r="VBU1016" s="10"/>
      <c r="VBV1016" s="10"/>
      <c r="VBW1016" s="10"/>
      <c r="VBX1016" s="10"/>
      <c r="VBY1016" s="10"/>
      <c r="VBZ1016" s="10"/>
      <c r="VCA1016" s="10"/>
      <c r="VCB1016" s="10"/>
      <c r="VCC1016" s="10"/>
      <c r="VCD1016" s="10"/>
      <c r="VCE1016" s="10"/>
      <c r="VCF1016" s="10"/>
      <c r="VCG1016" s="10"/>
      <c r="VCH1016" s="10"/>
      <c r="VCI1016" s="10"/>
      <c r="VCJ1016" s="10"/>
      <c r="VCK1016" s="10"/>
      <c r="VCL1016" s="10"/>
      <c r="VCM1016" s="10"/>
      <c r="VCN1016" s="10"/>
      <c r="VCO1016" s="10"/>
      <c r="VCP1016" s="10"/>
      <c r="VCQ1016" s="10"/>
      <c r="VCR1016" s="10"/>
      <c r="VCS1016" s="10"/>
      <c r="VCT1016" s="10"/>
      <c r="VCU1016" s="10"/>
      <c r="VCV1016" s="10"/>
      <c r="VCW1016" s="10"/>
      <c r="VCX1016" s="10"/>
      <c r="VCY1016" s="10"/>
      <c r="VCZ1016" s="10"/>
      <c r="VDA1016" s="10"/>
      <c r="VDB1016" s="10"/>
      <c r="VDC1016" s="10"/>
      <c r="VDD1016" s="10"/>
      <c r="VDE1016" s="10"/>
      <c r="VDF1016" s="10"/>
      <c r="VDG1016" s="10"/>
      <c r="VDH1016" s="10"/>
      <c r="VDI1016" s="10"/>
      <c r="VDJ1016" s="10"/>
      <c r="VDK1016" s="10"/>
      <c r="VDL1016" s="10"/>
      <c r="VDM1016" s="10"/>
      <c r="VDN1016" s="10"/>
      <c r="VDO1016" s="10"/>
      <c r="VDP1016" s="10"/>
      <c r="VDQ1016" s="10"/>
      <c r="VDR1016" s="10"/>
      <c r="VDS1016" s="10"/>
      <c r="VDT1016" s="10"/>
      <c r="VDU1016" s="10"/>
      <c r="VDV1016" s="10"/>
      <c r="VDW1016" s="10"/>
      <c r="VDX1016" s="10"/>
      <c r="VDY1016" s="10"/>
      <c r="VDZ1016" s="10"/>
      <c r="VEA1016" s="10"/>
      <c r="VEB1016" s="10"/>
      <c r="VEC1016" s="10"/>
      <c r="VED1016" s="10"/>
      <c r="VEE1016" s="10"/>
      <c r="VEF1016" s="10"/>
      <c r="VEG1016" s="10"/>
      <c r="VEH1016" s="10"/>
      <c r="VEI1016" s="10"/>
      <c r="VEJ1016" s="10"/>
      <c r="VEK1016" s="10"/>
      <c r="VEL1016" s="10"/>
      <c r="VEM1016" s="10"/>
      <c r="VEN1016" s="10"/>
      <c r="VEO1016" s="10"/>
      <c r="VEP1016" s="10"/>
      <c r="VEQ1016" s="10"/>
      <c r="VER1016" s="10"/>
      <c r="VES1016" s="10"/>
      <c r="VET1016" s="10"/>
      <c r="VEU1016" s="10"/>
      <c r="VEV1016" s="10"/>
      <c r="VEW1016" s="10"/>
      <c r="VEX1016" s="10"/>
      <c r="VEY1016" s="10"/>
      <c r="VEZ1016" s="10"/>
      <c r="VFA1016" s="10"/>
      <c r="VFB1016" s="10"/>
      <c r="VFC1016" s="10"/>
      <c r="VFD1016" s="10"/>
      <c r="VFE1016" s="10"/>
      <c r="VFF1016" s="10"/>
      <c r="VFG1016" s="10"/>
      <c r="VFH1016" s="10"/>
      <c r="VFI1016" s="10"/>
      <c r="VFJ1016" s="10"/>
      <c r="VFK1016" s="10"/>
      <c r="VFL1016" s="10"/>
      <c r="VFM1016" s="10"/>
      <c r="VFN1016" s="10"/>
      <c r="VFO1016" s="10"/>
      <c r="VFP1016" s="10"/>
      <c r="VFQ1016" s="10"/>
      <c r="VFR1016" s="10"/>
      <c r="VFS1016" s="10"/>
      <c r="VFT1016" s="10"/>
      <c r="VFU1016" s="10"/>
      <c r="VFV1016" s="10"/>
      <c r="VFW1016" s="10"/>
      <c r="VFX1016" s="10"/>
      <c r="VFY1016" s="10"/>
      <c r="VFZ1016" s="10"/>
      <c r="VGA1016" s="10"/>
      <c r="VGB1016" s="10"/>
      <c r="VGC1016" s="10"/>
      <c r="VGD1016" s="10"/>
      <c r="VGE1016" s="10"/>
      <c r="VGF1016" s="10"/>
      <c r="VGG1016" s="10"/>
      <c r="VGH1016" s="10"/>
      <c r="VGI1016" s="10"/>
      <c r="VGJ1016" s="10"/>
      <c r="VGK1016" s="10"/>
      <c r="VGL1016" s="10"/>
      <c r="VGM1016" s="10"/>
      <c r="VGN1016" s="10"/>
      <c r="VGO1016" s="10"/>
      <c r="VGP1016" s="10"/>
      <c r="VGQ1016" s="10"/>
      <c r="VGR1016" s="10"/>
      <c r="VGS1016" s="10"/>
      <c r="VGT1016" s="10"/>
      <c r="VGU1016" s="10"/>
      <c r="VGV1016" s="10"/>
      <c r="VGW1016" s="10"/>
      <c r="VGX1016" s="10"/>
      <c r="VGY1016" s="10"/>
      <c r="VGZ1016" s="10"/>
      <c r="VHA1016" s="10"/>
      <c r="VHB1016" s="10"/>
      <c r="VHC1016" s="10"/>
      <c r="VHD1016" s="10"/>
      <c r="VHE1016" s="10"/>
      <c r="VHF1016" s="10"/>
      <c r="VHG1016" s="10"/>
      <c r="VHH1016" s="10"/>
      <c r="VHI1016" s="10"/>
      <c r="VHJ1016" s="10"/>
      <c r="VHK1016" s="10"/>
      <c r="VHL1016" s="10"/>
      <c r="VHM1016" s="10"/>
      <c r="VHN1016" s="10"/>
      <c r="VHO1016" s="10"/>
      <c r="VHP1016" s="10"/>
      <c r="VHQ1016" s="10"/>
      <c r="VHR1016" s="10"/>
      <c r="VHS1016" s="10"/>
      <c r="VHT1016" s="10"/>
      <c r="VHU1016" s="10"/>
      <c r="VHV1016" s="10"/>
      <c r="VHW1016" s="10"/>
      <c r="VHX1016" s="10"/>
      <c r="VHY1016" s="10"/>
      <c r="VHZ1016" s="10"/>
      <c r="VIA1016" s="10"/>
      <c r="VIB1016" s="10"/>
      <c r="VIC1016" s="10"/>
      <c r="VID1016" s="10"/>
      <c r="VIE1016" s="10"/>
      <c r="VIF1016" s="10"/>
      <c r="VIG1016" s="10"/>
      <c r="VIH1016" s="10"/>
      <c r="VII1016" s="10"/>
      <c r="VIJ1016" s="10"/>
      <c r="VIK1016" s="10"/>
      <c r="VIL1016" s="10"/>
      <c r="VIM1016" s="10"/>
      <c r="VIN1016" s="10"/>
      <c r="VIO1016" s="10"/>
      <c r="VIP1016" s="10"/>
      <c r="VIQ1016" s="10"/>
      <c r="VIR1016" s="10"/>
      <c r="VIS1016" s="10"/>
      <c r="VIT1016" s="10"/>
      <c r="VIU1016" s="10"/>
      <c r="VIV1016" s="10"/>
      <c r="VIW1016" s="10"/>
      <c r="VIX1016" s="10"/>
      <c r="VIY1016" s="10"/>
      <c r="VIZ1016" s="10"/>
      <c r="VJA1016" s="10"/>
      <c r="VJB1016" s="10"/>
      <c r="VJC1016" s="10"/>
      <c r="VJD1016" s="10"/>
      <c r="VJE1016" s="10"/>
      <c r="VJF1016" s="10"/>
      <c r="VJG1016" s="10"/>
      <c r="VJH1016" s="10"/>
      <c r="VJI1016" s="10"/>
      <c r="VJJ1016" s="10"/>
      <c r="VJK1016" s="10"/>
      <c r="VJL1016" s="10"/>
      <c r="VJM1016" s="10"/>
      <c r="VJN1016" s="10"/>
      <c r="VJO1016" s="10"/>
      <c r="VJP1016" s="10"/>
      <c r="VJQ1016" s="10"/>
      <c r="VJR1016" s="10"/>
      <c r="VJS1016" s="10"/>
      <c r="VJT1016" s="10"/>
      <c r="VJU1016" s="10"/>
      <c r="VJV1016" s="10"/>
      <c r="VJW1016" s="10"/>
      <c r="VJX1016" s="10"/>
      <c r="VJY1016" s="10"/>
      <c r="VJZ1016" s="10"/>
      <c r="VKA1016" s="10"/>
      <c r="VKB1016" s="10"/>
      <c r="VKC1016" s="10"/>
      <c r="VKD1016" s="10"/>
      <c r="VKE1016" s="10"/>
      <c r="VKF1016" s="10"/>
      <c r="VKG1016" s="10"/>
      <c r="VKH1016" s="10"/>
      <c r="VKI1016" s="10"/>
      <c r="VKJ1016" s="10"/>
      <c r="VKK1016" s="10"/>
      <c r="VKL1016" s="10"/>
      <c r="VKM1016" s="10"/>
      <c r="VKN1016" s="10"/>
      <c r="VKO1016" s="10"/>
      <c r="VKP1016" s="10"/>
      <c r="VKQ1016" s="10"/>
      <c r="VKR1016" s="10"/>
      <c r="VKS1016" s="10"/>
      <c r="VKT1016" s="10"/>
      <c r="VKU1016" s="10"/>
      <c r="VKV1016" s="10"/>
      <c r="VKW1016" s="10"/>
      <c r="VKX1016" s="10"/>
      <c r="VKY1016" s="10"/>
      <c r="VKZ1016" s="10"/>
      <c r="VLA1016" s="10"/>
      <c r="VLB1016" s="10"/>
      <c r="VLC1016" s="10"/>
      <c r="VLD1016" s="10"/>
      <c r="VLE1016" s="10"/>
      <c r="VLF1016" s="10"/>
      <c r="VLG1016" s="10"/>
      <c r="VLH1016" s="10"/>
      <c r="VLI1016" s="10"/>
      <c r="VLJ1016" s="10"/>
      <c r="VLK1016" s="10"/>
      <c r="VLL1016" s="10"/>
      <c r="VLM1016" s="10"/>
      <c r="VLN1016" s="10"/>
      <c r="VLO1016" s="10"/>
      <c r="VLP1016" s="10"/>
      <c r="VLQ1016" s="10"/>
      <c r="VLR1016" s="10"/>
      <c r="VLS1016" s="10"/>
      <c r="VLT1016" s="10"/>
      <c r="VLU1016" s="10"/>
      <c r="VLV1016" s="10"/>
      <c r="VLW1016" s="10"/>
      <c r="VLX1016" s="10"/>
      <c r="VLY1016" s="10"/>
      <c r="VLZ1016" s="10"/>
      <c r="VMA1016" s="10"/>
      <c r="VMB1016" s="10"/>
      <c r="VMC1016" s="10"/>
      <c r="VMD1016" s="10"/>
      <c r="VME1016" s="10"/>
      <c r="VMF1016" s="10"/>
      <c r="VMG1016" s="10"/>
      <c r="VMH1016" s="10"/>
      <c r="VMI1016" s="10"/>
      <c r="VMJ1016" s="10"/>
      <c r="VMK1016" s="10"/>
      <c r="VML1016" s="10"/>
      <c r="VMM1016" s="10"/>
      <c r="VMN1016" s="10"/>
      <c r="VMO1016" s="10"/>
      <c r="VMP1016" s="10"/>
      <c r="VMQ1016" s="10"/>
      <c r="VMR1016" s="10"/>
      <c r="VMS1016" s="10"/>
      <c r="VMT1016" s="10"/>
      <c r="VMU1016" s="10"/>
      <c r="VMV1016" s="10"/>
      <c r="VMW1016" s="10"/>
      <c r="VMX1016" s="10"/>
      <c r="VMY1016" s="10"/>
      <c r="VMZ1016" s="10"/>
      <c r="VNA1016" s="10"/>
      <c r="VNB1016" s="10"/>
      <c r="VNC1016" s="10"/>
      <c r="VND1016" s="10"/>
      <c r="VNE1016" s="10"/>
      <c r="VNF1016" s="10"/>
      <c r="VNG1016" s="10"/>
      <c r="VNH1016" s="10"/>
      <c r="VNI1016" s="10"/>
      <c r="VNJ1016" s="10"/>
      <c r="VNK1016" s="10"/>
      <c r="VNL1016" s="10"/>
      <c r="VNM1016" s="10"/>
      <c r="VNN1016" s="10"/>
      <c r="VNO1016" s="10"/>
      <c r="VNP1016" s="10"/>
      <c r="VNQ1016" s="10"/>
      <c r="VNR1016" s="10"/>
      <c r="VNS1016" s="10"/>
      <c r="VNT1016" s="10"/>
      <c r="VNU1016" s="10"/>
      <c r="VNV1016" s="10"/>
      <c r="VNW1016" s="10"/>
      <c r="VNX1016" s="10"/>
      <c r="VNY1016" s="10"/>
      <c r="VNZ1016" s="10"/>
      <c r="VOA1016" s="10"/>
      <c r="VOB1016" s="10"/>
      <c r="VOC1016" s="10"/>
      <c r="VOD1016" s="10"/>
      <c r="VOE1016" s="10"/>
      <c r="VOF1016" s="10"/>
      <c r="VOG1016" s="10"/>
      <c r="VOH1016" s="10"/>
      <c r="VOI1016" s="10"/>
      <c r="VOJ1016" s="10"/>
      <c r="VOK1016" s="10"/>
      <c r="VOL1016" s="10"/>
      <c r="VOM1016" s="10"/>
      <c r="VON1016" s="10"/>
      <c r="VOO1016" s="10"/>
      <c r="VOP1016" s="10"/>
      <c r="VOQ1016" s="10"/>
      <c r="VOR1016" s="10"/>
      <c r="VOS1016" s="10"/>
      <c r="VOT1016" s="10"/>
      <c r="VOU1016" s="10"/>
      <c r="VOV1016" s="10"/>
      <c r="VOW1016" s="10"/>
      <c r="VOX1016" s="10"/>
      <c r="VOY1016" s="10"/>
      <c r="VOZ1016" s="10"/>
      <c r="VPA1016" s="10"/>
      <c r="VPB1016" s="10"/>
      <c r="VPC1016" s="10"/>
      <c r="VPD1016" s="10"/>
      <c r="VPE1016" s="10"/>
      <c r="VPF1016" s="10"/>
      <c r="VPG1016" s="10"/>
      <c r="VPH1016" s="10"/>
      <c r="VPI1016" s="10"/>
      <c r="VPJ1016" s="10"/>
      <c r="VPK1016" s="10"/>
      <c r="VPL1016" s="10"/>
      <c r="VPM1016" s="10"/>
      <c r="VPN1016" s="10"/>
      <c r="VPO1016" s="10"/>
      <c r="VPP1016" s="10"/>
      <c r="VPQ1016" s="10"/>
      <c r="VPR1016" s="10"/>
      <c r="VPS1016" s="10"/>
      <c r="VPT1016" s="10"/>
      <c r="VPU1016" s="10"/>
      <c r="VPV1016" s="10"/>
      <c r="VPW1016" s="10"/>
      <c r="VPX1016" s="10"/>
      <c r="VPY1016" s="10"/>
      <c r="VPZ1016" s="10"/>
      <c r="VQA1016" s="10"/>
      <c r="VQB1016" s="10"/>
      <c r="VQC1016" s="10"/>
      <c r="VQD1016" s="10"/>
      <c r="VQE1016" s="10"/>
      <c r="VQF1016" s="10"/>
      <c r="VQG1016" s="10"/>
      <c r="VQH1016" s="10"/>
      <c r="VQI1016" s="10"/>
      <c r="VQJ1016" s="10"/>
      <c r="VQK1016" s="10"/>
      <c r="VQL1016" s="10"/>
      <c r="VQM1016" s="10"/>
      <c r="VQN1016" s="10"/>
      <c r="VQO1016" s="10"/>
      <c r="VQP1016" s="10"/>
      <c r="VQQ1016" s="10"/>
      <c r="VQR1016" s="10"/>
      <c r="VQS1016" s="10"/>
      <c r="VQT1016" s="10"/>
      <c r="VQU1016" s="10"/>
      <c r="VQV1016" s="10"/>
      <c r="VQW1016" s="10"/>
      <c r="VQX1016" s="10"/>
      <c r="VQY1016" s="10"/>
      <c r="VQZ1016" s="10"/>
      <c r="VRA1016" s="10"/>
      <c r="VRB1016" s="10"/>
      <c r="VRC1016" s="10"/>
      <c r="VRD1016" s="10"/>
      <c r="VRE1016" s="10"/>
      <c r="VRF1016" s="10"/>
      <c r="VRG1016" s="10"/>
      <c r="VRH1016" s="10"/>
      <c r="VRI1016" s="10"/>
      <c r="VRJ1016" s="10"/>
      <c r="VRK1016" s="10"/>
      <c r="VRL1016" s="10"/>
      <c r="VRM1016" s="10"/>
      <c r="VRN1016" s="10"/>
      <c r="VRO1016" s="10"/>
      <c r="VRP1016" s="10"/>
      <c r="VRQ1016" s="10"/>
      <c r="VRR1016" s="10"/>
      <c r="VRS1016" s="10"/>
      <c r="VRT1016" s="10"/>
      <c r="VRU1016" s="10"/>
      <c r="VRV1016" s="10"/>
      <c r="VRW1016" s="10"/>
      <c r="VRX1016" s="10"/>
      <c r="VRY1016" s="10"/>
      <c r="VRZ1016" s="10"/>
      <c r="VSA1016" s="10"/>
      <c r="VSB1016" s="10"/>
      <c r="VSC1016" s="10"/>
      <c r="VSD1016" s="10"/>
      <c r="VSE1016" s="10"/>
      <c r="VSF1016" s="10"/>
      <c r="VSG1016" s="10"/>
      <c r="VSH1016" s="10"/>
      <c r="VSI1016" s="10"/>
      <c r="VSJ1016" s="10"/>
      <c r="VSK1016" s="10"/>
      <c r="VSL1016" s="10"/>
      <c r="VSM1016" s="10"/>
      <c r="VSN1016" s="10"/>
      <c r="VSO1016" s="10"/>
      <c r="VSP1016" s="10"/>
      <c r="VSQ1016" s="10"/>
      <c r="VSR1016" s="10"/>
      <c r="VSS1016" s="10"/>
      <c r="VST1016" s="10"/>
      <c r="VSU1016" s="10"/>
      <c r="VSV1016" s="10"/>
      <c r="VSW1016" s="10"/>
      <c r="VSX1016" s="10"/>
      <c r="VSY1016" s="10"/>
      <c r="VSZ1016" s="10"/>
      <c r="VTA1016" s="10"/>
      <c r="VTB1016" s="10"/>
      <c r="VTC1016" s="10"/>
      <c r="VTD1016" s="10"/>
      <c r="VTE1016" s="10"/>
      <c r="VTF1016" s="10"/>
      <c r="VTG1016" s="10"/>
      <c r="VTH1016" s="10"/>
      <c r="VTI1016" s="10"/>
      <c r="VTJ1016" s="10"/>
      <c r="VTK1016" s="10"/>
      <c r="VTL1016" s="10"/>
      <c r="VTM1016" s="10"/>
      <c r="VTN1016" s="10"/>
      <c r="VTO1016" s="10"/>
      <c r="VTP1016" s="10"/>
      <c r="VTQ1016" s="10"/>
      <c r="VTR1016" s="10"/>
      <c r="VTS1016" s="10"/>
      <c r="VTT1016" s="10"/>
      <c r="VTU1016" s="10"/>
      <c r="VTV1016" s="10"/>
      <c r="VTW1016" s="10"/>
      <c r="VTX1016" s="10"/>
      <c r="VTY1016" s="10"/>
      <c r="VTZ1016" s="10"/>
      <c r="VUA1016" s="10"/>
      <c r="VUB1016" s="10"/>
      <c r="VUC1016" s="10"/>
      <c r="VUD1016" s="10"/>
      <c r="VUE1016" s="10"/>
      <c r="VUF1016" s="10"/>
      <c r="VUG1016" s="10"/>
      <c r="VUH1016" s="10"/>
      <c r="VUI1016" s="10"/>
      <c r="VUJ1016" s="10"/>
      <c r="VUK1016" s="10"/>
      <c r="VUL1016" s="10"/>
      <c r="VUM1016" s="10"/>
      <c r="VUN1016" s="10"/>
      <c r="VUO1016" s="10"/>
      <c r="VUP1016" s="10"/>
      <c r="VUQ1016" s="10"/>
      <c r="VUR1016" s="10"/>
      <c r="VUS1016" s="10"/>
      <c r="VUT1016" s="10"/>
      <c r="VUU1016" s="10"/>
      <c r="VUV1016" s="10"/>
      <c r="VUW1016" s="10"/>
      <c r="VUX1016" s="10"/>
      <c r="VUY1016" s="10"/>
      <c r="VUZ1016" s="10"/>
      <c r="VVA1016" s="10"/>
      <c r="VVB1016" s="10"/>
      <c r="VVC1016" s="10"/>
      <c r="VVD1016" s="10"/>
      <c r="VVE1016" s="10"/>
      <c r="VVF1016" s="10"/>
      <c r="VVG1016" s="10"/>
      <c r="VVH1016" s="10"/>
      <c r="VVI1016" s="10"/>
      <c r="VVJ1016" s="10"/>
      <c r="VVK1016" s="10"/>
      <c r="VVL1016" s="10"/>
      <c r="VVM1016" s="10"/>
      <c r="VVN1016" s="10"/>
      <c r="VVO1016" s="10"/>
      <c r="VVP1016" s="10"/>
      <c r="VVQ1016" s="10"/>
      <c r="VVR1016" s="10"/>
      <c r="VVS1016" s="10"/>
      <c r="VVT1016" s="10"/>
      <c r="VVU1016" s="10"/>
      <c r="VVV1016" s="10"/>
      <c r="VVW1016" s="10"/>
      <c r="VVX1016" s="10"/>
      <c r="VVY1016" s="10"/>
      <c r="VVZ1016" s="10"/>
      <c r="VWA1016" s="10"/>
      <c r="VWB1016" s="10"/>
      <c r="VWC1016" s="10"/>
      <c r="VWD1016" s="10"/>
      <c r="VWE1016" s="10"/>
      <c r="VWF1016" s="10"/>
      <c r="VWG1016" s="10"/>
      <c r="VWH1016" s="10"/>
      <c r="VWI1016" s="10"/>
      <c r="VWJ1016" s="10"/>
      <c r="VWK1016" s="10"/>
      <c r="VWL1016" s="10"/>
      <c r="VWM1016" s="10"/>
      <c r="VWN1016" s="10"/>
      <c r="VWO1016" s="10"/>
      <c r="VWP1016" s="10"/>
      <c r="VWQ1016" s="10"/>
      <c r="VWR1016" s="10"/>
      <c r="VWS1016" s="10"/>
      <c r="VWT1016" s="10"/>
      <c r="VWU1016" s="10"/>
      <c r="VWV1016" s="10"/>
      <c r="VWW1016" s="10"/>
      <c r="VWX1016" s="10"/>
      <c r="VWY1016" s="10"/>
      <c r="VWZ1016" s="10"/>
      <c r="VXA1016" s="10"/>
      <c r="VXB1016" s="10"/>
      <c r="VXC1016" s="10"/>
      <c r="VXD1016" s="10"/>
      <c r="VXE1016" s="10"/>
      <c r="VXF1016" s="10"/>
      <c r="VXG1016" s="10"/>
      <c r="VXH1016" s="10"/>
      <c r="VXI1016" s="10"/>
      <c r="VXJ1016" s="10"/>
      <c r="VXK1016" s="10"/>
      <c r="VXL1016" s="10"/>
      <c r="VXM1016" s="10"/>
      <c r="VXN1016" s="10"/>
      <c r="VXO1016" s="10"/>
      <c r="VXP1016" s="10"/>
      <c r="VXQ1016" s="10"/>
      <c r="VXR1016" s="10"/>
      <c r="VXS1016" s="10"/>
      <c r="VXT1016" s="10"/>
      <c r="VXU1016" s="10"/>
      <c r="VXV1016" s="10"/>
      <c r="VXW1016" s="10"/>
      <c r="VXX1016" s="10"/>
      <c r="VXY1016" s="10"/>
      <c r="VXZ1016" s="10"/>
      <c r="VYA1016" s="10"/>
      <c r="VYB1016" s="10"/>
      <c r="VYC1016" s="10"/>
      <c r="VYD1016" s="10"/>
      <c r="VYE1016" s="10"/>
      <c r="VYF1016" s="10"/>
      <c r="VYG1016" s="10"/>
      <c r="VYH1016" s="10"/>
      <c r="VYI1016" s="10"/>
      <c r="VYJ1016" s="10"/>
      <c r="VYK1016" s="10"/>
      <c r="VYL1016" s="10"/>
      <c r="VYM1016" s="10"/>
      <c r="VYN1016" s="10"/>
      <c r="VYO1016" s="10"/>
      <c r="VYP1016" s="10"/>
      <c r="VYQ1016" s="10"/>
      <c r="VYR1016" s="10"/>
      <c r="VYS1016" s="10"/>
      <c r="VYT1016" s="10"/>
      <c r="VYU1016" s="10"/>
      <c r="VYV1016" s="10"/>
      <c r="VYW1016" s="10"/>
      <c r="VYX1016" s="10"/>
      <c r="VYY1016" s="10"/>
      <c r="VYZ1016" s="10"/>
      <c r="VZA1016" s="10"/>
      <c r="VZB1016" s="10"/>
      <c r="VZC1016" s="10"/>
      <c r="VZD1016" s="10"/>
      <c r="VZE1016" s="10"/>
      <c r="VZF1016" s="10"/>
      <c r="VZG1016" s="10"/>
      <c r="VZH1016" s="10"/>
      <c r="VZI1016" s="10"/>
      <c r="VZJ1016" s="10"/>
      <c r="VZK1016" s="10"/>
      <c r="VZL1016" s="10"/>
      <c r="VZM1016" s="10"/>
      <c r="VZN1016" s="10"/>
      <c r="VZO1016" s="10"/>
      <c r="VZP1016" s="10"/>
      <c r="VZQ1016" s="10"/>
      <c r="VZR1016" s="10"/>
      <c r="VZS1016" s="10"/>
      <c r="VZT1016" s="10"/>
      <c r="VZU1016" s="10"/>
      <c r="VZV1016" s="10"/>
      <c r="VZW1016" s="10"/>
      <c r="VZX1016" s="10"/>
      <c r="VZY1016" s="10"/>
      <c r="VZZ1016" s="10"/>
      <c r="WAA1016" s="10"/>
      <c r="WAB1016" s="10"/>
      <c r="WAC1016" s="10"/>
      <c r="WAD1016" s="10"/>
      <c r="WAE1016" s="10"/>
      <c r="WAF1016" s="10"/>
      <c r="WAG1016" s="10"/>
      <c r="WAH1016" s="10"/>
      <c r="WAI1016" s="10"/>
      <c r="WAJ1016" s="10"/>
      <c r="WAK1016" s="10"/>
      <c r="WAL1016" s="10"/>
      <c r="WAM1016" s="10"/>
      <c r="WAN1016" s="10"/>
      <c r="WAO1016" s="10"/>
      <c r="WAP1016" s="10"/>
      <c r="WAQ1016" s="10"/>
      <c r="WAR1016" s="10"/>
      <c r="WAS1016" s="10"/>
      <c r="WAT1016" s="10"/>
      <c r="WAU1016" s="10"/>
      <c r="WAV1016" s="10"/>
      <c r="WAW1016" s="10"/>
      <c r="WAX1016" s="10"/>
      <c r="WAY1016" s="10"/>
      <c r="WAZ1016" s="10"/>
      <c r="WBA1016" s="10"/>
      <c r="WBB1016" s="10"/>
      <c r="WBC1016" s="10"/>
      <c r="WBD1016" s="10"/>
      <c r="WBE1016" s="10"/>
      <c r="WBF1016" s="10"/>
      <c r="WBG1016" s="10"/>
      <c r="WBH1016" s="10"/>
      <c r="WBI1016" s="10"/>
      <c r="WBJ1016" s="10"/>
      <c r="WBK1016" s="10"/>
      <c r="WBL1016" s="10"/>
      <c r="WBM1016" s="10"/>
      <c r="WBN1016" s="10"/>
      <c r="WBO1016" s="10"/>
      <c r="WBP1016" s="10"/>
      <c r="WBQ1016" s="10"/>
      <c r="WBR1016" s="10"/>
      <c r="WBS1016" s="10"/>
      <c r="WBT1016" s="10"/>
      <c r="WBU1016" s="10"/>
      <c r="WBV1016" s="10"/>
      <c r="WBW1016" s="10"/>
      <c r="WBX1016" s="10"/>
      <c r="WBY1016" s="10"/>
      <c r="WBZ1016" s="10"/>
      <c r="WCA1016" s="10"/>
      <c r="WCB1016" s="10"/>
      <c r="WCC1016" s="10"/>
      <c r="WCD1016" s="10"/>
      <c r="WCE1016" s="10"/>
      <c r="WCF1016" s="10"/>
      <c r="WCG1016" s="10"/>
      <c r="WCH1016" s="10"/>
      <c r="WCI1016" s="10"/>
      <c r="WCJ1016" s="10"/>
      <c r="WCK1016" s="10"/>
      <c r="WCL1016" s="10"/>
      <c r="WCM1016" s="10"/>
      <c r="WCN1016" s="10"/>
      <c r="WCO1016" s="10"/>
      <c r="WCP1016" s="10"/>
      <c r="WCQ1016" s="10"/>
      <c r="WCR1016" s="10"/>
      <c r="WCS1016" s="10"/>
      <c r="WCT1016" s="10"/>
      <c r="WCU1016" s="10"/>
      <c r="WCV1016" s="10"/>
      <c r="WCW1016" s="10"/>
      <c r="WCX1016" s="10"/>
      <c r="WCY1016" s="10"/>
      <c r="WCZ1016" s="10"/>
      <c r="WDA1016" s="10"/>
      <c r="WDB1016" s="10"/>
      <c r="WDC1016" s="10"/>
      <c r="WDD1016" s="10"/>
      <c r="WDE1016" s="10"/>
      <c r="WDF1016" s="10"/>
      <c r="WDG1016" s="10"/>
      <c r="WDH1016" s="10"/>
      <c r="WDI1016" s="10"/>
      <c r="WDJ1016" s="10"/>
      <c r="WDK1016" s="10"/>
      <c r="WDL1016" s="10"/>
      <c r="WDM1016" s="10"/>
      <c r="WDN1016" s="10"/>
      <c r="WDO1016" s="10"/>
      <c r="WDP1016" s="10"/>
      <c r="WDQ1016" s="10"/>
      <c r="WDR1016" s="10"/>
      <c r="WDS1016" s="10"/>
      <c r="WDT1016" s="10"/>
      <c r="WDU1016" s="10"/>
      <c r="WDV1016" s="10"/>
      <c r="WDW1016" s="10"/>
      <c r="WDX1016" s="10"/>
      <c r="WDY1016" s="10"/>
      <c r="WDZ1016" s="10"/>
      <c r="WEA1016" s="10"/>
      <c r="WEB1016" s="10"/>
      <c r="WEC1016" s="10"/>
      <c r="WED1016" s="10"/>
      <c r="WEE1016" s="10"/>
      <c r="WEF1016" s="10"/>
      <c r="WEG1016" s="10"/>
      <c r="WEH1016" s="10"/>
      <c r="WEI1016" s="10"/>
      <c r="WEJ1016" s="10"/>
      <c r="WEK1016" s="10"/>
      <c r="WEL1016" s="10"/>
      <c r="WEM1016" s="10"/>
      <c r="WEN1016" s="10"/>
      <c r="WEO1016" s="10"/>
      <c r="WEP1016" s="10"/>
      <c r="WEQ1016" s="10"/>
      <c r="WER1016" s="10"/>
      <c r="WES1016" s="10"/>
      <c r="WET1016" s="10"/>
      <c r="WEU1016" s="10"/>
      <c r="WEV1016" s="10"/>
      <c r="WEW1016" s="10"/>
      <c r="WEX1016" s="10"/>
      <c r="WEY1016" s="10"/>
      <c r="WEZ1016" s="10"/>
      <c r="WFA1016" s="10"/>
      <c r="WFB1016" s="10"/>
      <c r="WFC1016" s="10"/>
      <c r="WFD1016" s="10"/>
      <c r="WFE1016" s="10"/>
      <c r="WFF1016" s="10"/>
      <c r="WFG1016" s="10"/>
      <c r="WFH1016" s="10"/>
      <c r="WFI1016" s="10"/>
      <c r="WFJ1016" s="10"/>
      <c r="WFK1016" s="10"/>
      <c r="WFL1016" s="10"/>
      <c r="WFM1016" s="10"/>
      <c r="WFN1016" s="10"/>
      <c r="WFO1016" s="10"/>
      <c r="WFP1016" s="10"/>
      <c r="WFQ1016" s="10"/>
      <c r="WFR1016" s="10"/>
      <c r="WFS1016" s="10"/>
      <c r="WFT1016" s="10"/>
      <c r="WFU1016" s="10"/>
      <c r="WFV1016" s="10"/>
      <c r="WFW1016" s="10"/>
      <c r="WFX1016" s="10"/>
      <c r="WFY1016" s="10"/>
      <c r="WFZ1016" s="10"/>
      <c r="WGA1016" s="10"/>
      <c r="WGB1016" s="10"/>
      <c r="WGC1016" s="10"/>
      <c r="WGD1016" s="10"/>
      <c r="WGE1016" s="10"/>
      <c r="WGF1016" s="10"/>
      <c r="WGG1016" s="10"/>
      <c r="WGH1016" s="10"/>
      <c r="WGI1016" s="10"/>
      <c r="WGJ1016" s="10"/>
      <c r="WGK1016" s="10"/>
      <c r="WGL1016" s="10"/>
      <c r="WGM1016" s="10"/>
      <c r="WGN1016" s="10"/>
      <c r="WGO1016" s="10"/>
      <c r="WGP1016" s="10"/>
      <c r="WGQ1016" s="10"/>
      <c r="WGR1016" s="10"/>
      <c r="WGS1016" s="10"/>
      <c r="WGT1016" s="10"/>
      <c r="WGU1016" s="10"/>
      <c r="WGV1016" s="10"/>
      <c r="WGW1016" s="10"/>
      <c r="WGX1016" s="10"/>
      <c r="WGY1016" s="10"/>
      <c r="WGZ1016" s="10"/>
      <c r="WHA1016" s="10"/>
      <c r="WHB1016" s="10"/>
      <c r="WHC1016" s="10"/>
      <c r="WHD1016" s="10"/>
      <c r="WHE1016" s="10"/>
      <c r="WHF1016" s="10"/>
      <c r="WHG1016" s="10"/>
      <c r="WHH1016" s="10"/>
      <c r="WHI1016" s="10"/>
      <c r="WHJ1016" s="10"/>
      <c r="WHK1016" s="10"/>
      <c r="WHL1016" s="10"/>
      <c r="WHM1016" s="10"/>
      <c r="WHN1016" s="10"/>
      <c r="WHO1016" s="10"/>
      <c r="WHP1016" s="10"/>
      <c r="WHQ1016" s="10"/>
      <c r="WHR1016" s="10"/>
      <c r="WHS1016" s="10"/>
      <c r="WHT1016" s="10"/>
      <c r="WHU1016" s="10"/>
      <c r="WHV1016" s="10"/>
      <c r="WHW1016" s="10"/>
      <c r="WHX1016" s="10"/>
      <c r="WHY1016" s="10"/>
      <c r="WHZ1016" s="10"/>
      <c r="WIA1016" s="10"/>
      <c r="WIB1016" s="10"/>
      <c r="WIC1016" s="10"/>
      <c r="WID1016" s="10"/>
      <c r="WIE1016" s="10"/>
      <c r="WIF1016" s="10"/>
      <c r="WIG1016" s="10"/>
      <c r="WIH1016" s="10"/>
      <c r="WII1016" s="10"/>
      <c r="WIJ1016" s="10"/>
      <c r="WIK1016" s="10"/>
      <c r="WIL1016" s="10"/>
      <c r="WIM1016" s="10"/>
      <c r="WIN1016" s="10"/>
      <c r="WIO1016" s="10"/>
      <c r="WIP1016" s="10"/>
      <c r="WIQ1016" s="10"/>
      <c r="WIR1016" s="10"/>
      <c r="WIS1016" s="10"/>
      <c r="WIT1016" s="10"/>
      <c r="WIU1016" s="10"/>
      <c r="WIV1016" s="10"/>
      <c r="WIW1016" s="10"/>
      <c r="WIX1016" s="10"/>
      <c r="WIY1016" s="10"/>
      <c r="WIZ1016" s="10"/>
      <c r="WJA1016" s="10"/>
      <c r="WJB1016" s="10"/>
      <c r="WJC1016" s="10"/>
      <c r="WJD1016" s="10"/>
      <c r="WJE1016" s="10"/>
      <c r="WJF1016" s="10"/>
      <c r="WJG1016" s="10"/>
      <c r="WJH1016" s="10"/>
      <c r="WJI1016" s="10"/>
      <c r="WJJ1016" s="10"/>
      <c r="WJK1016" s="10"/>
      <c r="WJL1016" s="10"/>
      <c r="WJM1016" s="10"/>
      <c r="WJN1016" s="10"/>
      <c r="WJO1016" s="10"/>
      <c r="WJP1016" s="10"/>
      <c r="WJQ1016" s="10"/>
      <c r="WJR1016" s="10"/>
      <c r="WJS1016" s="10"/>
      <c r="WJT1016" s="10"/>
      <c r="WJU1016" s="10"/>
      <c r="WJV1016" s="10"/>
      <c r="WJW1016" s="10"/>
      <c r="WJX1016" s="10"/>
      <c r="WJY1016" s="10"/>
      <c r="WJZ1016" s="10"/>
      <c r="WKA1016" s="10"/>
      <c r="WKB1016" s="10"/>
      <c r="WKC1016" s="10"/>
      <c r="WKD1016" s="10"/>
      <c r="WKE1016" s="10"/>
      <c r="WKF1016" s="10"/>
      <c r="WKG1016" s="10"/>
      <c r="WKH1016" s="10"/>
      <c r="WKI1016" s="10"/>
      <c r="WKJ1016" s="10"/>
      <c r="WKK1016" s="10"/>
      <c r="WKL1016" s="10"/>
      <c r="WKM1016" s="10"/>
      <c r="WKN1016" s="10"/>
      <c r="WKO1016" s="10"/>
      <c r="WKP1016" s="10"/>
      <c r="WKQ1016" s="10"/>
      <c r="WKR1016" s="10"/>
      <c r="WKS1016" s="10"/>
      <c r="WKT1016" s="10"/>
      <c r="WKU1016" s="10"/>
      <c r="WKV1016" s="10"/>
      <c r="WKW1016" s="10"/>
      <c r="WKX1016" s="10"/>
      <c r="WKY1016" s="10"/>
      <c r="WKZ1016" s="10"/>
      <c r="WLA1016" s="10"/>
      <c r="WLB1016" s="10"/>
      <c r="WLC1016" s="10"/>
      <c r="WLD1016" s="10"/>
      <c r="WLE1016" s="10"/>
      <c r="WLF1016" s="10"/>
      <c r="WLG1016" s="10"/>
      <c r="WLH1016" s="10"/>
      <c r="WLI1016" s="10"/>
      <c r="WLJ1016" s="10"/>
      <c r="WLK1016" s="10"/>
      <c r="WLL1016" s="10"/>
      <c r="WLM1016" s="10"/>
      <c r="WLN1016" s="10"/>
      <c r="WLO1016" s="10"/>
      <c r="WLP1016" s="10"/>
      <c r="WLQ1016" s="10"/>
      <c r="WLR1016" s="10"/>
      <c r="WLS1016" s="10"/>
      <c r="WLT1016" s="10"/>
      <c r="WLU1016" s="10"/>
      <c r="WLV1016" s="10"/>
      <c r="WLW1016" s="10"/>
      <c r="WLX1016" s="10"/>
      <c r="WLY1016" s="10"/>
      <c r="WLZ1016" s="10"/>
      <c r="WMA1016" s="10"/>
      <c r="WMB1016" s="10"/>
      <c r="WMC1016" s="10"/>
      <c r="WMD1016" s="10"/>
      <c r="WME1016" s="10"/>
      <c r="WMF1016" s="10"/>
      <c r="WMG1016" s="10"/>
      <c r="WMH1016" s="10"/>
      <c r="WMI1016" s="10"/>
      <c r="WMJ1016" s="10"/>
      <c r="WMK1016" s="10"/>
      <c r="WML1016" s="10"/>
      <c r="WMM1016" s="10"/>
      <c r="WMN1016" s="10"/>
      <c r="WMO1016" s="10"/>
      <c r="WMP1016" s="10"/>
      <c r="WMQ1016" s="10"/>
      <c r="WMR1016" s="10"/>
      <c r="WMS1016" s="10"/>
      <c r="WMT1016" s="10"/>
      <c r="WMU1016" s="10"/>
      <c r="WMV1016" s="10"/>
      <c r="WMW1016" s="10"/>
      <c r="WMX1016" s="10"/>
      <c r="WMY1016" s="10"/>
      <c r="WMZ1016" s="10"/>
      <c r="WNA1016" s="10"/>
      <c r="WNB1016" s="10"/>
      <c r="WNC1016" s="10"/>
      <c r="WND1016" s="10"/>
      <c r="WNE1016" s="10"/>
      <c r="WNF1016" s="10"/>
      <c r="WNG1016" s="10"/>
      <c r="WNH1016" s="10"/>
      <c r="WNI1016" s="10"/>
      <c r="WNJ1016" s="10"/>
      <c r="WNK1016" s="10"/>
      <c r="WNL1016" s="10"/>
      <c r="WNM1016" s="10"/>
      <c r="WNN1016" s="10"/>
      <c r="WNO1016" s="10"/>
      <c r="WNP1016" s="10"/>
      <c r="WNQ1016" s="10"/>
      <c r="WNR1016" s="10"/>
      <c r="WNS1016" s="10"/>
      <c r="WNT1016" s="10"/>
      <c r="WNU1016" s="10"/>
      <c r="WNV1016" s="10"/>
      <c r="WNW1016" s="10"/>
      <c r="WNX1016" s="10"/>
      <c r="WNY1016" s="10"/>
      <c r="WNZ1016" s="10"/>
      <c r="WOA1016" s="10"/>
      <c r="WOB1016" s="10"/>
      <c r="WOC1016" s="10"/>
      <c r="WOD1016" s="10"/>
      <c r="WOE1016" s="10"/>
      <c r="WOF1016" s="10"/>
      <c r="WOG1016" s="10"/>
      <c r="WOH1016" s="10"/>
      <c r="WOI1016" s="10"/>
      <c r="WOJ1016" s="10"/>
      <c r="WOK1016" s="10"/>
      <c r="WOL1016" s="10"/>
      <c r="WOM1016" s="10"/>
      <c r="WON1016" s="10"/>
      <c r="WOO1016" s="10"/>
      <c r="WOP1016" s="10"/>
      <c r="WOQ1016" s="10"/>
      <c r="WOR1016" s="10"/>
      <c r="WOS1016" s="10"/>
      <c r="WOT1016" s="10"/>
      <c r="WOU1016" s="10"/>
      <c r="WOV1016" s="10"/>
      <c r="WOW1016" s="10"/>
      <c r="WOX1016" s="10"/>
      <c r="WOY1016" s="10"/>
      <c r="WOZ1016" s="10"/>
      <c r="WPA1016" s="10"/>
      <c r="WPB1016" s="10"/>
      <c r="WPC1016" s="10"/>
      <c r="WPD1016" s="10"/>
      <c r="WPE1016" s="10"/>
      <c r="WPF1016" s="10"/>
      <c r="WPG1016" s="10"/>
      <c r="WPH1016" s="10"/>
      <c r="WPI1016" s="10"/>
      <c r="WPJ1016" s="10"/>
      <c r="WPK1016" s="10"/>
      <c r="WPL1016" s="10"/>
      <c r="WPM1016" s="10"/>
      <c r="WPN1016" s="10"/>
      <c r="WPO1016" s="10"/>
      <c r="WPP1016" s="10"/>
      <c r="WPQ1016" s="10"/>
      <c r="WPR1016" s="10"/>
      <c r="WPS1016" s="10"/>
      <c r="WPT1016" s="10"/>
      <c r="WPU1016" s="10"/>
      <c r="WPV1016" s="10"/>
      <c r="WPW1016" s="10"/>
      <c r="WPX1016" s="10"/>
      <c r="WPY1016" s="10"/>
      <c r="WPZ1016" s="10"/>
      <c r="WQA1016" s="10"/>
      <c r="WQB1016" s="10"/>
      <c r="WQC1016" s="10"/>
      <c r="WQD1016" s="10"/>
      <c r="WQE1016" s="10"/>
      <c r="WQF1016" s="10"/>
      <c r="WQG1016" s="10"/>
      <c r="WQH1016" s="10"/>
      <c r="WQI1016" s="10"/>
      <c r="WQJ1016" s="10"/>
      <c r="WQK1016" s="10"/>
      <c r="WQL1016" s="10"/>
      <c r="WQM1016" s="10"/>
      <c r="WQN1016" s="10"/>
      <c r="WQO1016" s="10"/>
      <c r="WQP1016" s="10"/>
      <c r="WQQ1016" s="10"/>
      <c r="WQR1016" s="10"/>
      <c r="WQS1016" s="10"/>
      <c r="WQT1016" s="10"/>
      <c r="WQU1016" s="10"/>
      <c r="WQV1016" s="10"/>
      <c r="WQW1016" s="10"/>
      <c r="WQX1016" s="10"/>
      <c r="WQY1016" s="10"/>
      <c r="WQZ1016" s="10"/>
      <c r="WRA1016" s="10"/>
      <c r="WRB1016" s="10"/>
      <c r="WRC1016" s="10"/>
      <c r="WRD1016" s="10"/>
      <c r="WRE1016" s="10"/>
      <c r="WRF1016" s="10"/>
      <c r="WRG1016" s="10"/>
      <c r="WRH1016" s="10"/>
      <c r="WRI1016" s="10"/>
      <c r="WRJ1016" s="10"/>
      <c r="WRK1016" s="10"/>
      <c r="WRL1016" s="10"/>
      <c r="WRM1016" s="10"/>
      <c r="WRN1016" s="10"/>
      <c r="WRO1016" s="10"/>
      <c r="WRP1016" s="10"/>
      <c r="WRQ1016" s="10"/>
      <c r="WRR1016" s="10"/>
      <c r="WRS1016" s="10"/>
      <c r="WRT1016" s="10"/>
      <c r="WRU1016" s="10"/>
      <c r="WRV1016" s="10"/>
      <c r="WRW1016" s="10"/>
      <c r="WRX1016" s="10"/>
      <c r="WRY1016" s="10"/>
      <c r="WRZ1016" s="10"/>
      <c r="WSA1016" s="10"/>
      <c r="WSB1016" s="10"/>
      <c r="WSC1016" s="10"/>
      <c r="WSD1016" s="10"/>
      <c r="WSE1016" s="10"/>
      <c r="WSF1016" s="10"/>
      <c r="WSG1016" s="10"/>
      <c r="WSH1016" s="10"/>
      <c r="WSI1016" s="10"/>
      <c r="WSJ1016" s="10"/>
      <c r="WSK1016" s="10"/>
      <c r="WSL1016" s="10"/>
      <c r="WSM1016" s="10"/>
      <c r="WSN1016" s="10"/>
      <c r="WSO1016" s="10"/>
      <c r="WSP1016" s="10"/>
      <c r="WSQ1016" s="10"/>
      <c r="WSR1016" s="10"/>
      <c r="WSS1016" s="10"/>
      <c r="WST1016" s="10"/>
      <c r="WSU1016" s="10"/>
      <c r="WSV1016" s="10"/>
      <c r="WSW1016" s="10"/>
      <c r="WSX1016" s="10"/>
      <c r="WSY1016" s="10"/>
      <c r="WSZ1016" s="10"/>
      <c r="WTA1016" s="10"/>
      <c r="WTB1016" s="10"/>
      <c r="WTC1016" s="10"/>
      <c r="WTD1016" s="10"/>
      <c r="WTE1016" s="10"/>
      <c r="WTF1016" s="10"/>
      <c r="WTG1016" s="10"/>
      <c r="WTH1016" s="10"/>
      <c r="WTI1016" s="10"/>
      <c r="WTJ1016" s="10"/>
      <c r="WTK1016" s="10"/>
      <c r="WTL1016" s="10"/>
      <c r="WTM1016" s="10"/>
      <c r="WTN1016" s="10"/>
      <c r="WTO1016" s="10"/>
      <c r="WTP1016" s="10"/>
      <c r="WTQ1016" s="10"/>
      <c r="WTR1016" s="10"/>
      <c r="WTS1016" s="10"/>
      <c r="WTT1016" s="10"/>
      <c r="WTU1016" s="10"/>
      <c r="WTV1016" s="10"/>
      <c r="WTW1016" s="10"/>
      <c r="WTX1016" s="10"/>
      <c r="WTY1016" s="10"/>
      <c r="WTZ1016" s="10"/>
      <c r="WUA1016" s="10"/>
      <c r="WUB1016" s="10"/>
      <c r="WUC1016" s="10"/>
      <c r="WUD1016" s="10"/>
      <c r="WUE1016" s="10"/>
      <c r="WUF1016" s="10"/>
      <c r="WUG1016" s="10"/>
      <c r="WUH1016" s="10"/>
      <c r="WUI1016" s="10"/>
      <c r="WUJ1016" s="10"/>
      <c r="WUK1016" s="10"/>
      <c r="WUL1016" s="10"/>
      <c r="WUM1016" s="10"/>
      <c r="WUN1016" s="10"/>
      <c r="WUO1016" s="10"/>
      <c r="WUP1016" s="10"/>
      <c r="WUQ1016" s="10"/>
      <c r="WUR1016" s="10"/>
      <c r="WUS1016" s="10"/>
      <c r="WUT1016" s="10"/>
      <c r="WUU1016" s="10"/>
      <c r="WUV1016" s="10"/>
      <c r="WUW1016" s="10"/>
      <c r="WUX1016" s="10"/>
      <c r="WUY1016" s="10"/>
      <c r="WUZ1016" s="10"/>
      <c r="WVA1016" s="10"/>
      <c r="WVB1016" s="10"/>
      <c r="WVC1016" s="10"/>
      <c r="WVD1016" s="10"/>
      <c r="WVE1016" s="10"/>
      <c r="WVF1016" s="10"/>
      <c r="WVG1016" s="10"/>
      <c r="WVH1016" s="10"/>
      <c r="WVI1016" s="10"/>
      <c r="WVJ1016" s="10"/>
      <c r="WVK1016" s="10"/>
      <c r="WVL1016" s="10"/>
      <c r="WVM1016" s="10"/>
      <c r="WVN1016" s="10"/>
      <c r="WVO1016" s="10"/>
      <c r="WVP1016" s="10"/>
      <c r="WVQ1016" s="10"/>
      <c r="WVR1016" s="10"/>
      <c r="WVS1016" s="10"/>
      <c r="WVT1016" s="10"/>
      <c r="WVU1016" s="10"/>
      <c r="WVV1016" s="10"/>
      <c r="WVW1016" s="10"/>
      <c r="WVX1016" s="10"/>
      <c r="WVY1016" s="10"/>
      <c r="WVZ1016" s="10"/>
      <c r="WWA1016" s="10"/>
      <c r="WWB1016" s="10"/>
      <c r="WWC1016" s="10"/>
      <c r="WWD1016" s="10"/>
      <c r="WWE1016" s="10"/>
      <c r="WWF1016" s="10"/>
      <c r="WWG1016" s="10"/>
      <c r="WWH1016" s="10"/>
      <c r="WWI1016" s="10"/>
      <c r="WWJ1016" s="10"/>
      <c r="WWK1016" s="10"/>
      <c r="WWL1016" s="10"/>
      <c r="WWM1016" s="10"/>
      <c r="WWN1016" s="10"/>
      <c r="WWO1016" s="10"/>
      <c r="WWP1016" s="10"/>
      <c r="WWQ1016" s="10"/>
      <c r="WWR1016" s="10"/>
      <c r="WWS1016" s="10"/>
      <c r="WWT1016" s="10"/>
      <c r="WWU1016" s="10"/>
      <c r="WWV1016" s="10"/>
      <c r="WWW1016" s="10"/>
      <c r="WWX1016" s="10"/>
      <c r="WWY1016" s="10"/>
      <c r="WWZ1016" s="10"/>
      <c r="WXA1016" s="10"/>
      <c r="WXB1016" s="10"/>
      <c r="WXC1016" s="10"/>
      <c r="WXD1016" s="10"/>
      <c r="WXE1016" s="10"/>
      <c r="WXF1016" s="10"/>
      <c r="WXG1016" s="10"/>
      <c r="WXH1016" s="10"/>
      <c r="WXI1016" s="10"/>
      <c r="WXJ1016" s="10"/>
      <c r="WXK1016" s="10"/>
      <c r="WXL1016" s="10"/>
      <c r="WXM1016" s="10"/>
      <c r="WXN1016" s="10"/>
      <c r="WXO1016" s="10"/>
      <c r="WXP1016" s="10"/>
      <c r="WXQ1016" s="10"/>
      <c r="WXR1016" s="10"/>
      <c r="WXS1016" s="10"/>
      <c r="WXT1016" s="10"/>
      <c r="WXU1016" s="10"/>
      <c r="WXV1016" s="10"/>
      <c r="WXW1016" s="10"/>
      <c r="WXX1016" s="10"/>
      <c r="WXY1016" s="10"/>
      <c r="WXZ1016" s="10"/>
      <c r="WYA1016" s="10"/>
      <c r="WYB1016" s="10"/>
      <c r="WYC1016" s="10"/>
      <c r="WYD1016" s="10"/>
      <c r="WYE1016" s="10"/>
      <c r="WYF1016" s="10"/>
      <c r="WYG1016" s="10"/>
      <c r="WYH1016" s="10"/>
      <c r="WYI1016" s="10"/>
      <c r="WYJ1016" s="10"/>
      <c r="WYK1016" s="10"/>
      <c r="WYL1016" s="10"/>
      <c r="WYM1016" s="10"/>
      <c r="WYN1016" s="10"/>
      <c r="WYO1016" s="10"/>
      <c r="WYP1016" s="10"/>
      <c r="WYQ1016" s="10"/>
      <c r="WYR1016" s="10"/>
      <c r="WYS1016" s="10"/>
      <c r="WYT1016" s="10"/>
      <c r="WYU1016" s="10"/>
      <c r="WYV1016" s="10"/>
      <c r="WYW1016" s="10"/>
      <c r="WYX1016" s="10"/>
      <c r="WYY1016" s="10"/>
      <c r="WYZ1016" s="10"/>
      <c r="WZA1016" s="10"/>
      <c r="WZB1016" s="10"/>
      <c r="WZC1016" s="10"/>
      <c r="WZD1016" s="10"/>
      <c r="WZE1016" s="10"/>
      <c r="WZF1016" s="10"/>
      <c r="WZG1016" s="10"/>
      <c r="WZH1016" s="10"/>
      <c r="WZI1016" s="10"/>
      <c r="WZJ1016" s="10"/>
      <c r="WZK1016" s="10"/>
      <c r="WZL1016" s="10"/>
      <c r="WZM1016" s="10"/>
      <c r="WZN1016" s="10"/>
      <c r="WZO1016" s="10"/>
      <c r="WZP1016" s="10"/>
      <c r="WZQ1016" s="10"/>
      <c r="WZR1016" s="10"/>
      <c r="WZS1016" s="10"/>
      <c r="WZT1016" s="10"/>
      <c r="WZU1016" s="10"/>
      <c r="WZV1016" s="10"/>
      <c r="WZW1016" s="10"/>
      <c r="WZX1016" s="10"/>
      <c r="WZY1016" s="10"/>
      <c r="WZZ1016" s="10"/>
      <c r="XAA1016" s="10"/>
      <c r="XAB1016" s="10"/>
      <c r="XAC1016" s="10"/>
      <c r="XAD1016" s="10"/>
      <c r="XAE1016" s="10"/>
      <c r="XAF1016" s="10"/>
      <c r="XAG1016" s="10"/>
      <c r="XAH1016" s="10"/>
      <c r="XAI1016" s="10"/>
      <c r="XAJ1016" s="10"/>
      <c r="XAK1016" s="10"/>
      <c r="XAL1016" s="10"/>
      <c r="XAM1016" s="10"/>
      <c r="XAN1016" s="10"/>
      <c r="XAO1016" s="10"/>
      <c r="XAP1016" s="10"/>
      <c r="XAQ1016" s="10"/>
      <c r="XAR1016" s="10"/>
      <c r="XAS1016" s="10"/>
      <c r="XAT1016" s="10"/>
      <c r="XAU1016" s="10"/>
      <c r="XAV1016" s="10"/>
      <c r="XAW1016" s="10"/>
      <c r="XAX1016" s="10"/>
      <c r="XAY1016" s="10"/>
      <c r="XAZ1016" s="10"/>
      <c r="XBA1016" s="10"/>
      <c r="XBB1016" s="10"/>
      <c r="XBC1016" s="10"/>
      <c r="XBD1016" s="10"/>
      <c r="XBE1016" s="10"/>
      <c r="XBF1016" s="10"/>
      <c r="XBG1016" s="10"/>
      <c r="XBH1016" s="10"/>
      <c r="XBI1016" s="10"/>
      <c r="XBJ1016" s="10"/>
      <c r="XBK1016" s="10"/>
      <c r="XBL1016" s="10"/>
      <c r="XBM1016" s="10"/>
      <c r="XBN1016" s="10"/>
      <c r="XBO1016" s="10"/>
      <c r="XBP1016" s="10"/>
      <c r="XBQ1016" s="10"/>
      <c r="XBR1016" s="10"/>
      <c r="XBS1016" s="10"/>
      <c r="XBT1016" s="10"/>
      <c r="XBU1016" s="10"/>
      <c r="XBV1016" s="10"/>
      <c r="XBW1016" s="10"/>
      <c r="XBX1016" s="10"/>
      <c r="XBY1016" s="10"/>
      <c r="XBZ1016" s="10"/>
      <c r="XCA1016" s="10"/>
      <c r="XCB1016" s="10"/>
      <c r="XCC1016" s="10"/>
      <c r="XCD1016" s="10"/>
      <c r="XCE1016" s="10"/>
      <c r="XCF1016" s="10"/>
      <c r="XCG1016" s="10"/>
      <c r="XCH1016" s="10"/>
      <c r="XCI1016" s="10"/>
      <c r="XCJ1016" s="10"/>
      <c r="XCK1016" s="10"/>
      <c r="XCL1016" s="10"/>
      <c r="XCM1016" s="10"/>
      <c r="XCN1016" s="10"/>
      <c r="XCO1016" s="10"/>
      <c r="XCP1016" s="10"/>
      <c r="XCQ1016" s="10"/>
      <c r="XCR1016" s="10"/>
      <c r="XCS1016" s="10"/>
      <c r="XCT1016" s="10"/>
      <c r="XCU1016" s="10"/>
      <c r="XCV1016" s="10"/>
      <c r="XCW1016" s="10"/>
      <c r="XCX1016" s="10"/>
      <c r="XCY1016" s="10"/>
      <c r="XCZ1016" s="10"/>
      <c r="XDA1016" s="10"/>
      <c r="XDB1016" s="10"/>
      <c r="XDC1016" s="10"/>
      <c r="XDD1016" s="10"/>
      <c r="XDE1016" s="10"/>
      <c r="XDF1016" s="10"/>
      <c r="XDG1016" s="10"/>
      <c r="XDH1016" s="10"/>
      <c r="XDI1016" s="10"/>
      <c r="XDJ1016" s="10"/>
      <c r="XDK1016" s="10"/>
      <c r="XDL1016" s="10"/>
      <c r="XDM1016" s="10"/>
    </row>
    <row r="1017" spans="1:16341" s="151" customFormat="1">
      <c r="A1017" s="17"/>
      <c r="B1017" s="17"/>
      <c r="C1017" s="17" t="s">
        <v>84</v>
      </c>
      <c r="D1017" s="139" t="s">
        <v>428</v>
      </c>
      <c r="E1017" s="17"/>
      <c r="F1017" s="17"/>
      <c r="G1017" s="17"/>
      <c r="H1017" s="17" t="s">
        <v>17</v>
      </c>
      <c r="I1017" s="17" t="s">
        <v>71</v>
      </c>
      <c r="J1017" s="17">
        <v>10</v>
      </c>
      <c r="K1017" s="17"/>
      <c r="L1017" s="17"/>
      <c r="M1017" s="17"/>
      <c r="N1017" s="138"/>
      <c r="O1017" s="257" t="s">
        <v>1947</v>
      </c>
      <c r="P1017" s="257" t="s">
        <v>1864</v>
      </c>
      <c r="Q1017" s="10"/>
      <c r="R1017" s="10"/>
      <c r="S1017" s="10"/>
      <c r="T1017" s="10"/>
      <c r="U1017" s="10"/>
      <c r="V1017" s="10"/>
      <c r="W1017" s="10"/>
      <c r="X1017" s="10"/>
      <c r="Y1017" s="10"/>
      <c r="Z1017" s="10"/>
      <c r="AA1017" s="10"/>
      <c r="AB1017" s="10"/>
      <c r="AC1017" s="10"/>
      <c r="AD1017" s="10"/>
      <c r="AE1017" s="10"/>
      <c r="AF1017" s="10"/>
      <c r="AG1017" s="10"/>
      <c r="AH1017" s="10"/>
      <c r="AI1017" s="10"/>
      <c r="AJ1017" s="10"/>
      <c r="AK1017" s="10"/>
      <c r="AL1017" s="10"/>
      <c r="AM1017" s="10"/>
      <c r="AN1017" s="10"/>
      <c r="AO1017" s="10"/>
      <c r="AP1017" s="10"/>
      <c r="AQ1017" s="10"/>
      <c r="AR1017" s="10"/>
      <c r="AS1017" s="10"/>
      <c r="AT1017" s="10"/>
      <c r="AU1017" s="10"/>
      <c r="AV1017" s="10"/>
      <c r="AW1017" s="10"/>
      <c r="AX1017" s="10"/>
      <c r="AY1017" s="10"/>
      <c r="AZ1017" s="10"/>
      <c r="BA1017" s="10"/>
      <c r="BB1017" s="10"/>
      <c r="BC1017" s="10"/>
      <c r="BD1017" s="10"/>
      <c r="BE1017" s="10"/>
      <c r="BF1017" s="10"/>
      <c r="BG1017" s="10"/>
      <c r="BH1017" s="10"/>
      <c r="BI1017" s="10"/>
      <c r="BJ1017" s="10"/>
      <c r="BK1017" s="10"/>
      <c r="BL1017" s="10"/>
      <c r="BM1017" s="10"/>
      <c r="BN1017" s="10"/>
      <c r="BO1017" s="10"/>
      <c r="BP1017" s="10"/>
      <c r="BQ1017" s="10"/>
      <c r="BR1017" s="10"/>
      <c r="BS1017" s="10"/>
      <c r="BT1017" s="10"/>
      <c r="BU1017" s="10"/>
      <c r="BV1017" s="10"/>
      <c r="BW1017" s="10"/>
      <c r="BX1017" s="10"/>
      <c r="BY1017" s="10"/>
      <c r="BZ1017" s="10"/>
      <c r="CA1017" s="10"/>
      <c r="CB1017" s="10"/>
      <c r="CC1017" s="10"/>
      <c r="CD1017" s="10"/>
      <c r="CE1017" s="10"/>
      <c r="CF1017" s="10"/>
      <c r="CG1017" s="10"/>
      <c r="CH1017" s="10"/>
      <c r="CI1017" s="10"/>
      <c r="CJ1017" s="10"/>
      <c r="CK1017" s="10"/>
      <c r="CL1017" s="10"/>
      <c r="CM1017" s="10"/>
      <c r="CN1017" s="10"/>
      <c r="CO1017" s="10"/>
      <c r="CP1017" s="10"/>
      <c r="CQ1017" s="10"/>
      <c r="CR1017" s="10"/>
      <c r="CS1017" s="10"/>
      <c r="CT1017" s="10"/>
      <c r="CU1017" s="10"/>
      <c r="CV1017" s="10"/>
      <c r="CW1017" s="10"/>
      <c r="CX1017" s="10"/>
      <c r="CY1017" s="10"/>
      <c r="CZ1017" s="10"/>
      <c r="DA1017" s="10"/>
      <c r="DB1017" s="10"/>
      <c r="DC1017" s="10"/>
      <c r="DD1017" s="10"/>
      <c r="DE1017" s="10"/>
      <c r="DF1017" s="10"/>
      <c r="DG1017" s="10"/>
      <c r="DH1017" s="10"/>
      <c r="DI1017" s="10"/>
      <c r="DJ1017" s="10"/>
      <c r="DK1017" s="10"/>
      <c r="DL1017" s="10"/>
      <c r="DM1017" s="10"/>
      <c r="DN1017" s="10"/>
      <c r="DO1017" s="10"/>
      <c r="DP1017" s="10"/>
      <c r="DQ1017" s="10"/>
      <c r="DR1017" s="10"/>
      <c r="DS1017" s="10"/>
      <c r="DT1017" s="10"/>
      <c r="DU1017" s="10"/>
      <c r="DV1017" s="10"/>
      <c r="DW1017" s="10"/>
      <c r="DX1017" s="10"/>
      <c r="DY1017" s="10"/>
      <c r="DZ1017" s="10"/>
      <c r="EA1017" s="10"/>
      <c r="EB1017" s="10"/>
      <c r="EC1017" s="10"/>
      <c r="ED1017" s="10"/>
      <c r="EE1017" s="10"/>
      <c r="EF1017" s="10"/>
      <c r="EG1017" s="10"/>
      <c r="EH1017" s="10"/>
      <c r="EI1017" s="10"/>
      <c r="EJ1017" s="10"/>
      <c r="EK1017" s="10"/>
      <c r="EL1017" s="10"/>
      <c r="EM1017" s="10"/>
      <c r="EN1017" s="10"/>
      <c r="EO1017" s="10"/>
      <c r="EP1017" s="10"/>
      <c r="EQ1017" s="10"/>
      <c r="ER1017" s="10"/>
      <c r="ES1017" s="10"/>
      <c r="ET1017" s="10"/>
      <c r="EU1017" s="10"/>
      <c r="EV1017" s="10"/>
      <c r="EW1017" s="10"/>
      <c r="EX1017" s="10"/>
      <c r="EY1017" s="10"/>
      <c r="EZ1017" s="10"/>
      <c r="FA1017" s="10"/>
      <c r="FB1017" s="10"/>
      <c r="FC1017" s="10"/>
      <c r="FD1017" s="10"/>
      <c r="FE1017" s="10"/>
      <c r="FF1017" s="10"/>
      <c r="FG1017" s="10"/>
      <c r="FH1017" s="10"/>
      <c r="FI1017" s="10"/>
      <c r="FJ1017" s="10"/>
      <c r="FK1017" s="10"/>
      <c r="FL1017" s="10"/>
      <c r="FM1017" s="10"/>
      <c r="FN1017" s="10"/>
      <c r="FO1017" s="10"/>
      <c r="FP1017" s="10"/>
      <c r="FQ1017" s="10"/>
      <c r="FR1017" s="10"/>
      <c r="FS1017" s="10"/>
      <c r="FT1017" s="10"/>
      <c r="FU1017" s="10"/>
      <c r="FV1017" s="10"/>
      <c r="FW1017" s="10"/>
      <c r="FX1017" s="10"/>
      <c r="FY1017" s="10"/>
      <c r="FZ1017" s="10"/>
      <c r="GA1017" s="10"/>
      <c r="GB1017" s="10"/>
      <c r="GC1017" s="10"/>
      <c r="GD1017" s="10"/>
      <c r="GE1017" s="10"/>
      <c r="GF1017" s="10"/>
      <c r="GG1017" s="10"/>
      <c r="GH1017" s="10"/>
      <c r="GI1017" s="10"/>
      <c r="GJ1017" s="10"/>
      <c r="GK1017" s="10"/>
      <c r="GL1017" s="10"/>
      <c r="GM1017" s="10"/>
      <c r="GN1017" s="10"/>
      <c r="GO1017" s="10"/>
      <c r="GP1017" s="10"/>
      <c r="GQ1017" s="10"/>
      <c r="GR1017" s="10"/>
      <c r="GS1017" s="10"/>
      <c r="GT1017" s="10"/>
      <c r="GU1017" s="10"/>
      <c r="GV1017" s="10"/>
      <c r="GW1017" s="10"/>
      <c r="GX1017" s="10"/>
      <c r="GY1017" s="10"/>
      <c r="GZ1017" s="10"/>
      <c r="HA1017" s="10"/>
      <c r="HB1017" s="10"/>
      <c r="HC1017" s="10"/>
      <c r="HD1017" s="10"/>
      <c r="HE1017" s="10"/>
      <c r="HF1017" s="10"/>
      <c r="HG1017" s="10"/>
      <c r="HH1017" s="10"/>
      <c r="HI1017" s="10"/>
      <c r="HJ1017" s="10"/>
      <c r="HK1017" s="10"/>
      <c r="HL1017" s="10"/>
      <c r="HM1017" s="10"/>
      <c r="HN1017" s="10"/>
      <c r="HO1017" s="10"/>
      <c r="HP1017" s="10"/>
      <c r="HQ1017" s="10"/>
      <c r="HR1017" s="10"/>
      <c r="HS1017" s="10"/>
      <c r="HT1017" s="10"/>
      <c r="HU1017" s="10"/>
      <c r="HV1017" s="10"/>
      <c r="HW1017" s="10"/>
      <c r="HX1017" s="10"/>
      <c r="HY1017" s="10"/>
      <c r="HZ1017" s="10"/>
      <c r="IA1017" s="10"/>
      <c r="IB1017" s="10"/>
      <c r="IC1017" s="10"/>
      <c r="ID1017" s="10"/>
      <c r="IE1017" s="10"/>
      <c r="IF1017" s="10"/>
      <c r="IG1017" s="10"/>
      <c r="IH1017" s="10"/>
      <c r="II1017" s="10"/>
      <c r="IJ1017" s="10"/>
      <c r="IK1017" s="10"/>
      <c r="IL1017" s="10"/>
      <c r="IM1017" s="10"/>
      <c r="IN1017" s="10"/>
      <c r="IO1017" s="10"/>
      <c r="IP1017" s="10"/>
      <c r="IQ1017" s="10"/>
      <c r="IR1017" s="10"/>
      <c r="IS1017" s="10"/>
      <c r="IT1017" s="10"/>
      <c r="IU1017" s="10"/>
      <c r="IV1017" s="10"/>
      <c r="IW1017" s="10"/>
      <c r="IX1017" s="10"/>
      <c r="IY1017" s="10"/>
      <c r="IZ1017" s="10"/>
      <c r="JA1017" s="10"/>
      <c r="JB1017" s="10"/>
      <c r="JC1017" s="10"/>
      <c r="JD1017" s="10"/>
      <c r="JE1017" s="10"/>
      <c r="JF1017" s="10"/>
      <c r="JG1017" s="10"/>
      <c r="JH1017" s="10"/>
      <c r="JI1017" s="10"/>
      <c r="JJ1017" s="10"/>
      <c r="JK1017" s="10"/>
      <c r="JL1017" s="10"/>
      <c r="JM1017" s="10"/>
      <c r="JN1017" s="10"/>
      <c r="JO1017" s="10"/>
      <c r="JP1017" s="10"/>
      <c r="JQ1017" s="10"/>
      <c r="JR1017" s="10"/>
      <c r="JS1017" s="10"/>
      <c r="JT1017" s="10"/>
      <c r="JU1017" s="10"/>
      <c r="JV1017" s="10"/>
      <c r="JW1017" s="10"/>
      <c r="JX1017" s="10"/>
      <c r="JY1017" s="10"/>
      <c r="JZ1017" s="10"/>
      <c r="KA1017" s="10"/>
      <c r="KB1017" s="10"/>
      <c r="KC1017" s="10"/>
      <c r="KD1017" s="10"/>
      <c r="KE1017" s="10"/>
      <c r="KF1017" s="10"/>
      <c r="KG1017" s="10"/>
      <c r="KH1017" s="10"/>
      <c r="KI1017" s="10"/>
      <c r="KJ1017" s="10"/>
      <c r="KK1017" s="10"/>
      <c r="KL1017" s="10"/>
      <c r="KM1017" s="10"/>
      <c r="KN1017" s="10"/>
      <c r="KO1017" s="10"/>
      <c r="KP1017" s="10"/>
      <c r="KQ1017" s="10"/>
      <c r="KR1017" s="10"/>
      <c r="KS1017" s="10"/>
      <c r="KT1017" s="10"/>
      <c r="KU1017" s="10"/>
      <c r="KV1017" s="10"/>
      <c r="KW1017" s="10"/>
      <c r="KX1017" s="10"/>
      <c r="KY1017" s="10"/>
      <c r="KZ1017" s="10"/>
      <c r="LA1017" s="10"/>
      <c r="LB1017" s="10"/>
      <c r="LC1017" s="10"/>
      <c r="LD1017" s="10"/>
      <c r="LE1017" s="10"/>
      <c r="LF1017" s="10"/>
      <c r="LG1017" s="10"/>
      <c r="LH1017" s="10"/>
      <c r="LI1017" s="10"/>
      <c r="LJ1017" s="10"/>
      <c r="LK1017" s="10"/>
      <c r="LL1017" s="10"/>
      <c r="LM1017" s="10"/>
      <c r="LN1017" s="10"/>
      <c r="LO1017" s="10"/>
      <c r="LP1017" s="10"/>
      <c r="LQ1017" s="10"/>
      <c r="LR1017" s="10"/>
      <c r="LS1017" s="10"/>
      <c r="LT1017" s="10"/>
      <c r="LU1017" s="10"/>
      <c r="LV1017" s="10"/>
      <c r="LW1017" s="10"/>
      <c r="LX1017" s="10"/>
      <c r="LY1017" s="10"/>
      <c r="LZ1017" s="10"/>
      <c r="MA1017" s="10"/>
      <c r="MB1017" s="10"/>
      <c r="MC1017" s="10"/>
      <c r="MD1017" s="10"/>
      <c r="ME1017" s="10"/>
      <c r="MF1017" s="10"/>
      <c r="MG1017" s="10"/>
      <c r="MH1017" s="10"/>
      <c r="MI1017" s="10"/>
      <c r="MJ1017" s="10"/>
      <c r="MK1017" s="10"/>
      <c r="ML1017" s="10"/>
      <c r="MM1017" s="10"/>
      <c r="MN1017" s="10"/>
      <c r="MO1017" s="10"/>
      <c r="MP1017" s="10"/>
      <c r="MQ1017" s="10"/>
      <c r="MR1017" s="10"/>
      <c r="MS1017" s="10"/>
      <c r="MT1017" s="10"/>
      <c r="MU1017" s="10"/>
      <c r="MV1017" s="10"/>
      <c r="MW1017" s="10"/>
      <c r="MX1017" s="10"/>
      <c r="MY1017" s="10"/>
      <c r="MZ1017" s="10"/>
      <c r="NA1017" s="10"/>
      <c r="NB1017" s="10"/>
      <c r="NC1017" s="10"/>
      <c r="ND1017" s="10"/>
      <c r="NE1017" s="10"/>
      <c r="NF1017" s="10"/>
      <c r="NG1017" s="10"/>
      <c r="NH1017" s="10"/>
      <c r="NI1017" s="10"/>
      <c r="NJ1017" s="10"/>
      <c r="NK1017" s="10"/>
      <c r="NL1017" s="10"/>
      <c r="NM1017" s="10"/>
      <c r="NN1017" s="10"/>
      <c r="NO1017" s="10"/>
      <c r="NP1017" s="10"/>
      <c r="NQ1017" s="10"/>
      <c r="NR1017" s="10"/>
      <c r="NS1017" s="10"/>
      <c r="NT1017" s="10"/>
      <c r="NU1017" s="10"/>
      <c r="NV1017" s="10"/>
      <c r="NW1017" s="10"/>
      <c r="NX1017" s="10"/>
      <c r="NY1017" s="10"/>
      <c r="NZ1017" s="10"/>
      <c r="OA1017" s="10"/>
      <c r="OB1017" s="10"/>
      <c r="OC1017" s="10"/>
      <c r="OD1017" s="10"/>
      <c r="OE1017" s="10"/>
      <c r="OF1017" s="10"/>
      <c r="OG1017" s="10"/>
      <c r="OH1017" s="10"/>
      <c r="OI1017" s="10"/>
      <c r="OJ1017" s="10"/>
      <c r="OK1017" s="10"/>
      <c r="OL1017" s="10"/>
      <c r="OM1017" s="10"/>
      <c r="ON1017" s="10"/>
      <c r="OO1017" s="10"/>
      <c r="OP1017" s="10"/>
      <c r="OQ1017" s="10"/>
      <c r="OR1017" s="10"/>
      <c r="OS1017" s="10"/>
      <c r="OT1017" s="10"/>
      <c r="OU1017" s="10"/>
      <c r="OV1017" s="10"/>
      <c r="OW1017" s="10"/>
      <c r="OX1017" s="10"/>
      <c r="OY1017" s="10"/>
      <c r="OZ1017" s="10"/>
      <c r="PA1017" s="10"/>
      <c r="PB1017" s="10"/>
      <c r="PC1017" s="10"/>
      <c r="PD1017" s="10"/>
      <c r="PE1017" s="10"/>
      <c r="PF1017" s="10"/>
      <c r="PG1017" s="10"/>
      <c r="PH1017" s="10"/>
      <c r="PI1017" s="10"/>
      <c r="PJ1017" s="10"/>
      <c r="PK1017" s="10"/>
      <c r="PL1017" s="10"/>
      <c r="PM1017" s="10"/>
      <c r="PN1017" s="10"/>
      <c r="PO1017" s="10"/>
      <c r="PP1017" s="10"/>
      <c r="PQ1017" s="10"/>
      <c r="PR1017" s="10"/>
      <c r="PS1017" s="10"/>
      <c r="PT1017" s="10"/>
      <c r="PU1017" s="10"/>
      <c r="PV1017" s="10"/>
      <c r="PW1017" s="10"/>
      <c r="PX1017" s="10"/>
      <c r="PY1017" s="10"/>
      <c r="PZ1017" s="10"/>
      <c r="QA1017" s="10"/>
      <c r="QB1017" s="10"/>
      <c r="QC1017" s="10"/>
      <c r="QD1017" s="10"/>
      <c r="QE1017" s="10"/>
      <c r="QF1017" s="10"/>
      <c r="QG1017" s="10"/>
      <c r="QH1017" s="10"/>
      <c r="QI1017" s="10"/>
      <c r="QJ1017" s="10"/>
      <c r="QK1017" s="10"/>
      <c r="QL1017" s="10"/>
      <c r="QM1017" s="10"/>
      <c r="QN1017" s="10"/>
      <c r="QO1017" s="10"/>
      <c r="QP1017" s="10"/>
      <c r="QQ1017" s="10"/>
      <c r="QR1017" s="10"/>
      <c r="QS1017" s="10"/>
      <c r="QT1017" s="10"/>
      <c r="QU1017" s="10"/>
      <c r="QV1017" s="10"/>
      <c r="QW1017" s="10"/>
      <c r="QX1017" s="10"/>
      <c r="QY1017" s="10"/>
      <c r="QZ1017" s="10"/>
      <c r="RA1017" s="10"/>
      <c r="RB1017" s="10"/>
      <c r="RC1017" s="10"/>
      <c r="RD1017" s="10"/>
      <c r="RE1017" s="10"/>
      <c r="RF1017" s="10"/>
      <c r="RG1017" s="10"/>
      <c r="RH1017" s="10"/>
      <c r="RI1017" s="10"/>
      <c r="RJ1017" s="10"/>
      <c r="RK1017" s="10"/>
      <c r="RL1017" s="10"/>
      <c r="RM1017" s="10"/>
      <c r="RN1017" s="10"/>
      <c r="RO1017" s="10"/>
      <c r="RP1017" s="10"/>
      <c r="RQ1017" s="10"/>
      <c r="RR1017" s="10"/>
      <c r="RS1017" s="10"/>
      <c r="RT1017" s="10"/>
      <c r="RU1017" s="10"/>
      <c r="RV1017" s="10"/>
      <c r="RW1017" s="10"/>
      <c r="RX1017" s="10"/>
      <c r="RY1017" s="10"/>
      <c r="RZ1017" s="10"/>
      <c r="SA1017" s="10"/>
      <c r="SB1017" s="10"/>
      <c r="SC1017" s="10"/>
      <c r="SD1017" s="10"/>
      <c r="SE1017" s="10"/>
      <c r="SF1017" s="10"/>
      <c r="SG1017" s="10"/>
      <c r="SH1017" s="10"/>
      <c r="SI1017" s="10"/>
      <c r="SJ1017" s="10"/>
      <c r="SK1017" s="10"/>
      <c r="SL1017" s="10"/>
      <c r="SM1017" s="10"/>
      <c r="SN1017" s="10"/>
      <c r="SO1017" s="10"/>
      <c r="SP1017" s="10"/>
      <c r="SQ1017" s="10"/>
      <c r="SR1017" s="10"/>
      <c r="SS1017" s="10"/>
      <c r="ST1017" s="10"/>
      <c r="SU1017" s="10"/>
      <c r="SV1017" s="10"/>
      <c r="SW1017" s="10"/>
      <c r="SX1017" s="10"/>
      <c r="SY1017" s="10"/>
      <c r="SZ1017" s="10"/>
      <c r="TA1017" s="10"/>
      <c r="TB1017" s="10"/>
      <c r="TC1017" s="10"/>
      <c r="TD1017" s="10"/>
      <c r="TE1017" s="10"/>
      <c r="TF1017" s="10"/>
      <c r="TG1017" s="10"/>
      <c r="TH1017" s="10"/>
      <c r="TI1017" s="10"/>
      <c r="TJ1017" s="10"/>
      <c r="TK1017" s="10"/>
      <c r="TL1017" s="10"/>
      <c r="TM1017" s="10"/>
      <c r="TN1017" s="10"/>
      <c r="TO1017" s="10"/>
      <c r="TP1017" s="10"/>
      <c r="TQ1017" s="10"/>
      <c r="TR1017" s="10"/>
      <c r="TS1017" s="10"/>
      <c r="TT1017" s="10"/>
      <c r="TU1017" s="10"/>
      <c r="TV1017" s="10"/>
      <c r="TW1017" s="10"/>
      <c r="TX1017" s="10"/>
      <c r="TY1017" s="10"/>
      <c r="TZ1017" s="10"/>
      <c r="UA1017" s="10"/>
      <c r="UB1017" s="10"/>
      <c r="UC1017" s="10"/>
      <c r="UD1017" s="10"/>
      <c r="UE1017" s="10"/>
      <c r="UF1017" s="10"/>
      <c r="UG1017" s="10"/>
      <c r="UH1017" s="10"/>
      <c r="UI1017" s="10"/>
      <c r="UJ1017" s="10"/>
      <c r="UK1017" s="10"/>
      <c r="UL1017" s="10"/>
      <c r="UM1017" s="10"/>
      <c r="UN1017" s="10"/>
      <c r="UO1017" s="10"/>
      <c r="UP1017" s="10"/>
      <c r="UQ1017" s="10"/>
      <c r="UR1017" s="10"/>
      <c r="US1017" s="10"/>
      <c r="UT1017" s="10"/>
      <c r="UU1017" s="10"/>
      <c r="UV1017" s="10"/>
      <c r="UW1017" s="10"/>
      <c r="UX1017" s="10"/>
      <c r="UY1017" s="10"/>
      <c r="UZ1017" s="10"/>
      <c r="VA1017" s="10"/>
      <c r="VB1017" s="10"/>
      <c r="VC1017" s="10"/>
      <c r="VD1017" s="10"/>
      <c r="VE1017" s="10"/>
      <c r="VF1017" s="10"/>
      <c r="VG1017" s="10"/>
      <c r="VH1017" s="10"/>
      <c r="VI1017" s="10"/>
      <c r="VJ1017" s="10"/>
      <c r="VK1017" s="10"/>
      <c r="VL1017" s="10"/>
      <c r="VM1017" s="10"/>
      <c r="VN1017" s="10"/>
      <c r="VO1017" s="10"/>
      <c r="VP1017" s="10"/>
      <c r="VQ1017" s="10"/>
      <c r="VR1017" s="10"/>
      <c r="VS1017" s="10"/>
      <c r="VT1017" s="10"/>
      <c r="VU1017" s="10"/>
      <c r="VV1017" s="10"/>
      <c r="VW1017" s="10"/>
      <c r="VX1017" s="10"/>
      <c r="VY1017" s="10"/>
      <c r="VZ1017" s="10"/>
      <c r="WA1017" s="10"/>
      <c r="WB1017" s="10"/>
      <c r="WC1017" s="10"/>
      <c r="WD1017" s="10"/>
      <c r="WE1017" s="10"/>
      <c r="WF1017" s="10"/>
      <c r="WG1017" s="10"/>
      <c r="WH1017" s="10"/>
      <c r="WI1017" s="10"/>
      <c r="WJ1017" s="10"/>
      <c r="WK1017" s="10"/>
      <c r="WL1017" s="10"/>
      <c r="WM1017" s="10"/>
      <c r="WN1017" s="10"/>
      <c r="WO1017" s="10"/>
      <c r="WP1017" s="10"/>
      <c r="WQ1017" s="10"/>
      <c r="WR1017" s="10"/>
      <c r="WS1017" s="10"/>
      <c r="WT1017" s="10"/>
      <c r="WU1017" s="10"/>
      <c r="WV1017" s="10"/>
      <c r="WW1017" s="10"/>
      <c r="WX1017" s="10"/>
      <c r="WY1017" s="10"/>
      <c r="WZ1017" s="10"/>
      <c r="XA1017" s="10"/>
      <c r="XB1017" s="10"/>
      <c r="XC1017" s="10"/>
      <c r="XD1017" s="10"/>
      <c r="XE1017" s="10"/>
      <c r="XF1017" s="10"/>
      <c r="XG1017" s="10"/>
      <c r="XH1017" s="10"/>
      <c r="XI1017" s="10"/>
      <c r="XJ1017" s="10"/>
      <c r="XK1017" s="10"/>
      <c r="XL1017" s="10"/>
      <c r="XM1017" s="10"/>
      <c r="XN1017" s="10"/>
      <c r="XO1017" s="10"/>
      <c r="XP1017" s="10"/>
      <c r="XQ1017" s="10"/>
      <c r="XR1017" s="10"/>
      <c r="XS1017" s="10"/>
      <c r="XT1017" s="10"/>
      <c r="XU1017" s="10"/>
      <c r="XV1017" s="10"/>
      <c r="XW1017" s="10"/>
      <c r="XX1017" s="10"/>
      <c r="XY1017" s="10"/>
      <c r="XZ1017" s="10"/>
      <c r="YA1017" s="10"/>
      <c r="YB1017" s="10"/>
      <c r="YC1017" s="10"/>
      <c r="YD1017" s="10"/>
      <c r="YE1017" s="10"/>
      <c r="YF1017" s="10"/>
      <c r="YG1017" s="10"/>
      <c r="YH1017" s="10"/>
      <c r="YI1017" s="10"/>
      <c r="YJ1017" s="10"/>
      <c r="YK1017" s="10"/>
      <c r="YL1017" s="10"/>
      <c r="YM1017" s="10"/>
      <c r="YN1017" s="10"/>
      <c r="YO1017" s="10"/>
      <c r="YP1017" s="10"/>
      <c r="YQ1017" s="10"/>
      <c r="YR1017" s="10"/>
      <c r="YS1017" s="10"/>
      <c r="YT1017" s="10"/>
      <c r="YU1017" s="10"/>
      <c r="YV1017" s="10"/>
      <c r="YW1017" s="10"/>
      <c r="YX1017" s="10"/>
      <c r="YY1017" s="10"/>
      <c r="YZ1017" s="10"/>
      <c r="ZA1017" s="10"/>
      <c r="ZB1017" s="10"/>
      <c r="ZC1017" s="10"/>
      <c r="ZD1017" s="10"/>
      <c r="ZE1017" s="10"/>
      <c r="ZF1017" s="10"/>
      <c r="ZG1017" s="10"/>
      <c r="ZH1017" s="10"/>
      <c r="ZI1017" s="10"/>
      <c r="ZJ1017" s="10"/>
      <c r="ZK1017" s="10"/>
      <c r="ZL1017" s="10"/>
      <c r="ZM1017" s="10"/>
      <c r="ZN1017" s="10"/>
      <c r="ZO1017" s="10"/>
      <c r="ZP1017" s="10"/>
      <c r="ZQ1017" s="10"/>
      <c r="ZR1017" s="10"/>
      <c r="ZS1017" s="10"/>
      <c r="ZT1017" s="10"/>
      <c r="ZU1017" s="10"/>
      <c r="ZV1017" s="10"/>
      <c r="ZW1017" s="10"/>
      <c r="ZX1017" s="10"/>
      <c r="ZY1017" s="10"/>
      <c r="ZZ1017" s="10"/>
      <c r="AAA1017" s="10"/>
      <c r="AAB1017" s="10"/>
      <c r="AAC1017" s="10"/>
      <c r="AAD1017" s="10"/>
      <c r="AAE1017" s="10"/>
      <c r="AAF1017" s="10"/>
      <c r="AAG1017" s="10"/>
      <c r="AAH1017" s="10"/>
      <c r="AAI1017" s="10"/>
      <c r="AAJ1017" s="10"/>
      <c r="AAK1017" s="10"/>
      <c r="AAL1017" s="10"/>
      <c r="AAM1017" s="10"/>
      <c r="AAN1017" s="10"/>
      <c r="AAO1017" s="10"/>
      <c r="AAP1017" s="10"/>
      <c r="AAQ1017" s="10"/>
      <c r="AAR1017" s="10"/>
      <c r="AAS1017" s="10"/>
      <c r="AAT1017" s="10"/>
      <c r="AAU1017" s="10"/>
      <c r="AAV1017" s="10"/>
      <c r="AAW1017" s="10"/>
      <c r="AAX1017" s="10"/>
      <c r="AAY1017" s="10"/>
      <c r="AAZ1017" s="10"/>
      <c r="ABA1017" s="10"/>
      <c r="ABB1017" s="10"/>
      <c r="ABC1017" s="10"/>
      <c r="ABD1017" s="10"/>
      <c r="ABE1017" s="10"/>
      <c r="ABF1017" s="10"/>
      <c r="ABG1017" s="10"/>
      <c r="ABH1017" s="10"/>
      <c r="ABI1017" s="10"/>
      <c r="ABJ1017" s="10"/>
      <c r="ABK1017" s="10"/>
      <c r="ABL1017" s="10"/>
      <c r="ABM1017" s="10"/>
      <c r="ABN1017" s="10"/>
      <c r="ABO1017" s="10"/>
      <c r="ABP1017" s="10"/>
      <c r="ABQ1017" s="10"/>
      <c r="ABR1017" s="10"/>
      <c r="ABS1017" s="10"/>
      <c r="ABT1017" s="10"/>
      <c r="ABU1017" s="10"/>
      <c r="ABV1017" s="10"/>
      <c r="ABW1017" s="10"/>
      <c r="ABX1017" s="10"/>
      <c r="ABY1017" s="10"/>
      <c r="ABZ1017" s="10"/>
      <c r="ACA1017" s="10"/>
      <c r="ACB1017" s="10"/>
      <c r="ACC1017" s="10"/>
      <c r="ACD1017" s="10"/>
      <c r="ACE1017" s="10"/>
      <c r="ACF1017" s="10"/>
      <c r="ACG1017" s="10"/>
      <c r="ACH1017" s="10"/>
      <c r="ACI1017" s="10"/>
      <c r="ACJ1017" s="10"/>
      <c r="ACK1017" s="10"/>
      <c r="ACL1017" s="10"/>
      <c r="ACM1017" s="10"/>
      <c r="ACN1017" s="10"/>
      <c r="ACO1017" s="10"/>
      <c r="ACP1017" s="10"/>
      <c r="ACQ1017" s="10"/>
      <c r="ACR1017" s="10"/>
      <c r="ACS1017" s="10"/>
      <c r="ACT1017" s="10"/>
      <c r="ACU1017" s="10"/>
      <c r="ACV1017" s="10"/>
      <c r="ACW1017" s="10"/>
      <c r="ACX1017" s="10"/>
      <c r="ACY1017" s="10"/>
      <c r="ACZ1017" s="10"/>
      <c r="ADA1017" s="10"/>
      <c r="ADB1017" s="10"/>
      <c r="ADC1017" s="10"/>
      <c r="ADD1017" s="10"/>
      <c r="ADE1017" s="10"/>
      <c r="ADF1017" s="10"/>
      <c r="ADG1017" s="10"/>
      <c r="ADH1017" s="10"/>
      <c r="ADI1017" s="10"/>
      <c r="ADJ1017" s="10"/>
      <c r="ADK1017" s="10"/>
      <c r="ADL1017" s="10"/>
      <c r="ADM1017" s="10"/>
      <c r="ADN1017" s="10"/>
      <c r="ADO1017" s="10"/>
      <c r="ADP1017" s="10"/>
      <c r="ADQ1017" s="10"/>
      <c r="ADR1017" s="10"/>
      <c r="ADS1017" s="10"/>
      <c r="ADT1017" s="10"/>
      <c r="ADU1017" s="10"/>
      <c r="ADV1017" s="10"/>
      <c r="ADW1017" s="10"/>
      <c r="ADX1017" s="10"/>
      <c r="ADY1017" s="10"/>
      <c r="ADZ1017" s="10"/>
      <c r="AEA1017" s="10"/>
      <c r="AEB1017" s="10"/>
      <c r="AEC1017" s="10"/>
      <c r="AED1017" s="10"/>
      <c r="AEE1017" s="10"/>
      <c r="AEF1017" s="10"/>
      <c r="AEG1017" s="10"/>
      <c r="AEH1017" s="10"/>
      <c r="AEI1017" s="10"/>
      <c r="AEJ1017" s="10"/>
      <c r="AEK1017" s="10"/>
      <c r="AEL1017" s="10"/>
      <c r="AEM1017" s="10"/>
      <c r="AEN1017" s="10"/>
      <c r="AEO1017" s="10"/>
      <c r="AEP1017" s="10"/>
      <c r="AEQ1017" s="10"/>
      <c r="AER1017" s="10"/>
      <c r="AES1017" s="10"/>
      <c r="AET1017" s="10"/>
      <c r="AEU1017" s="10"/>
      <c r="AEV1017" s="10"/>
      <c r="AEW1017" s="10"/>
      <c r="AEX1017" s="10"/>
      <c r="AEY1017" s="10"/>
      <c r="AEZ1017" s="10"/>
      <c r="AFA1017" s="10"/>
      <c r="AFB1017" s="10"/>
      <c r="AFC1017" s="10"/>
      <c r="AFD1017" s="10"/>
      <c r="AFE1017" s="10"/>
      <c r="AFF1017" s="10"/>
      <c r="AFG1017" s="10"/>
      <c r="AFH1017" s="10"/>
      <c r="AFI1017" s="10"/>
      <c r="AFJ1017" s="10"/>
      <c r="AFK1017" s="10"/>
      <c r="AFL1017" s="10"/>
      <c r="AFM1017" s="10"/>
      <c r="AFN1017" s="10"/>
      <c r="AFO1017" s="10"/>
      <c r="AFP1017" s="10"/>
      <c r="AFQ1017" s="10"/>
      <c r="AFR1017" s="10"/>
      <c r="AFS1017" s="10"/>
      <c r="AFT1017" s="10"/>
      <c r="AFU1017" s="10"/>
      <c r="AFV1017" s="10"/>
      <c r="AFW1017" s="10"/>
      <c r="AFX1017" s="10"/>
      <c r="AFY1017" s="10"/>
      <c r="AFZ1017" s="10"/>
      <c r="AGA1017" s="10"/>
      <c r="AGB1017" s="10"/>
      <c r="AGC1017" s="10"/>
      <c r="AGD1017" s="10"/>
      <c r="AGE1017" s="10"/>
      <c r="AGF1017" s="10"/>
      <c r="AGG1017" s="10"/>
      <c r="AGH1017" s="10"/>
      <c r="AGI1017" s="10"/>
      <c r="AGJ1017" s="10"/>
      <c r="AGK1017" s="10"/>
      <c r="AGL1017" s="10"/>
      <c r="AGM1017" s="10"/>
      <c r="AGN1017" s="10"/>
      <c r="AGO1017" s="10"/>
      <c r="AGP1017" s="10"/>
      <c r="AGQ1017" s="10"/>
      <c r="AGR1017" s="10"/>
      <c r="AGS1017" s="10"/>
      <c r="AGT1017" s="10"/>
      <c r="AGU1017" s="10"/>
      <c r="AGV1017" s="10"/>
      <c r="AGW1017" s="10"/>
      <c r="AGX1017" s="10"/>
      <c r="AGY1017" s="10"/>
      <c r="AGZ1017" s="10"/>
      <c r="AHA1017" s="10"/>
      <c r="AHB1017" s="10"/>
      <c r="AHC1017" s="10"/>
      <c r="AHD1017" s="10"/>
      <c r="AHE1017" s="10"/>
      <c r="AHF1017" s="10"/>
      <c r="AHG1017" s="10"/>
      <c r="AHH1017" s="10"/>
      <c r="AHI1017" s="10"/>
      <c r="AHJ1017" s="10"/>
      <c r="AHK1017" s="10"/>
      <c r="AHL1017" s="10"/>
      <c r="AHM1017" s="10"/>
      <c r="AHN1017" s="10"/>
      <c r="AHO1017" s="10"/>
      <c r="AHP1017" s="10"/>
      <c r="AHQ1017" s="10"/>
      <c r="AHR1017" s="10"/>
      <c r="AHS1017" s="10"/>
      <c r="AHT1017" s="10"/>
      <c r="AHU1017" s="10"/>
      <c r="AHV1017" s="10"/>
      <c r="AHW1017" s="10"/>
      <c r="AHX1017" s="10"/>
      <c r="AHY1017" s="10"/>
      <c r="AHZ1017" s="10"/>
      <c r="AIA1017" s="10"/>
      <c r="AIB1017" s="10"/>
      <c r="AIC1017" s="10"/>
      <c r="AID1017" s="10"/>
      <c r="AIE1017" s="10"/>
      <c r="AIF1017" s="10"/>
      <c r="AIG1017" s="10"/>
      <c r="AIH1017" s="10"/>
      <c r="AII1017" s="10"/>
      <c r="AIJ1017" s="10"/>
      <c r="AIK1017" s="10"/>
      <c r="AIL1017" s="10"/>
      <c r="AIM1017" s="10"/>
      <c r="AIN1017" s="10"/>
      <c r="AIO1017" s="10"/>
      <c r="AIP1017" s="10"/>
      <c r="AIQ1017" s="10"/>
      <c r="AIR1017" s="10"/>
      <c r="AIS1017" s="10"/>
      <c r="AIT1017" s="10"/>
      <c r="AIU1017" s="10"/>
      <c r="AIV1017" s="10"/>
      <c r="AIW1017" s="10"/>
      <c r="AIX1017" s="10"/>
      <c r="AIY1017" s="10"/>
      <c r="AIZ1017" s="10"/>
      <c r="AJA1017" s="10"/>
      <c r="AJB1017" s="10"/>
      <c r="AJC1017" s="10"/>
      <c r="AJD1017" s="10"/>
      <c r="AJE1017" s="10"/>
      <c r="AJF1017" s="10"/>
      <c r="AJG1017" s="10"/>
      <c r="AJH1017" s="10"/>
      <c r="AJI1017" s="10"/>
      <c r="AJJ1017" s="10"/>
      <c r="AJK1017" s="10"/>
      <c r="AJL1017" s="10"/>
      <c r="AJM1017" s="10"/>
      <c r="AJN1017" s="10"/>
      <c r="AJO1017" s="10"/>
      <c r="AJP1017" s="10"/>
      <c r="AJQ1017" s="10"/>
      <c r="AJR1017" s="10"/>
      <c r="AJS1017" s="10"/>
      <c r="AJT1017" s="10"/>
      <c r="AJU1017" s="10"/>
      <c r="AJV1017" s="10"/>
      <c r="AJW1017" s="10"/>
      <c r="AJX1017" s="10"/>
      <c r="AJY1017" s="10"/>
      <c r="AJZ1017" s="10"/>
      <c r="AKA1017" s="10"/>
      <c r="AKB1017" s="10"/>
      <c r="AKC1017" s="10"/>
      <c r="AKD1017" s="10"/>
      <c r="AKE1017" s="10"/>
      <c r="AKF1017" s="10"/>
      <c r="AKG1017" s="10"/>
      <c r="AKH1017" s="10"/>
      <c r="AKI1017" s="10"/>
      <c r="AKJ1017" s="10"/>
      <c r="AKK1017" s="10"/>
      <c r="AKL1017" s="10"/>
      <c r="AKM1017" s="10"/>
      <c r="AKN1017" s="10"/>
      <c r="AKO1017" s="10"/>
      <c r="AKP1017" s="10"/>
      <c r="AKQ1017" s="10"/>
      <c r="AKR1017" s="10"/>
      <c r="AKS1017" s="10"/>
      <c r="AKT1017" s="10"/>
      <c r="AKU1017" s="10"/>
      <c r="AKV1017" s="10"/>
      <c r="AKW1017" s="10"/>
      <c r="AKX1017" s="10"/>
      <c r="AKY1017" s="10"/>
      <c r="AKZ1017" s="10"/>
      <c r="ALA1017" s="10"/>
      <c r="ALB1017" s="10"/>
      <c r="ALC1017" s="10"/>
      <c r="ALD1017" s="10"/>
      <c r="ALE1017" s="10"/>
      <c r="ALF1017" s="10"/>
      <c r="ALG1017" s="10"/>
      <c r="ALH1017" s="10"/>
      <c r="ALI1017" s="10"/>
      <c r="ALJ1017" s="10"/>
      <c r="ALK1017" s="10"/>
      <c r="ALL1017" s="10"/>
      <c r="ALM1017" s="10"/>
      <c r="ALN1017" s="10"/>
      <c r="ALO1017" s="10"/>
      <c r="ALP1017" s="10"/>
      <c r="ALQ1017" s="10"/>
      <c r="ALR1017" s="10"/>
      <c r="ALS1017" s="10"/>
      <c r="ALT1017" s="10"/>
      <c r="ALU1017" s="10"/>
      <c r="ALV1017" s="10"/>
      <c r="ALW1017" s="10"/>
      <c r="ALX1017" s="10"/>
      <c r="ALY1017" s="10"/>
      <c r="ALZ1017" s="10"/>
      <c r="AMA1017" s="10"/>
      <c r="AMB1017" s="10"/>
      <c r="AMC1017" s="10"/>
      <c r="AMD1017" s="10"/>
      <c r="AME1017" s="10"/>
      <c r="AMF1017" s="10"/>
      <c r="AMG1017" s="10"/>
      <c r="AMH1017" s="10"/>
      <c r="AMI1017" s="10"/>
      <c r="AMJ1017" s="10"/>
      <c r="AMK1017" s="10"/>
      <c r="AML1017" s="10"/>
      <c r="AMM1017" s="10"/>
      <c r="AMN1017" s="10"/>
      <c r="AMO1017" s="10"/>
      <c r="AMP1017" s="10"/>
      <c r="AMQ1017" s="10"/>
      <c r="AMR1017" s="10"/>
      <c r="AMS1017" s="10"/>
      <c r="AMT1017" s="10"/>
      <c r="AMU1017" s="10"/>
      <c r="AMV1017" s="10"/>
      <c r="AMW1017" s="10"/>
      <c r="AMX1017" s="10"/>
      <c r="AMY1017" s="10"/>
      <c r="AMZ1017" s="10"/>
      <c r="ANA1017" s="10"/>
      <c r="ANB1017" s="10"/>
      <c r="ANC1017" s="10"/>
      <c r="AND1017" s="10"/>
      <c r="ANE1017" s="10"/>
      <c r="ANF1017" s="10"/>
      <c r="ANG1017" s="10"/>
      <c r="ANH1017" s="10"/>
      <c r="ANI1017" s="10"/>
      <c r="ANJ1017" s="10"/>
      <c r="ANK1017" s="10"/>
      <c r="ANL1017" s="10"/>
      <c r="ANM1017" s="10"/>
      <c r="ANN1017" s="10"/>
      <c r="ANO1017" s="10"/>
      <c r="ANP1017" s="10"/>
      <c r="ANQ1017" s="10"/>
      <c r="ANR1017" s="10"/>
      <c r="ANS1017" s="10"/>
      <c r="ANT1017" s="10"/>
      <c r="ANU1017" s="10"/>
      <c r="ANV1017" s="10"/>
      <c r="ANW1017" s="10"/>
      <c r="ANX1017" s="10"/>
      <c r="ANY1017" s="10"/>
      <c r="ANZ1017" s="10"/>
      <c r="AOA1017" s="10"/>
      <c r="AOB1017" s="10"/>
      <c r="AOC1017" s="10"/>
      <c r="AOD1017" s="10"/>
      <c r="AOE1017" s="10"/>
      <c r="AOF1017" s="10"/>
      <c r="AOG1017" s="10"/>
      <c r="AOH1017" s="10"/>
      <c r="AOI1017" s="10"/>
      <c r="AOJ1017" s="10"/>
      <c r="AOK1017" s="10"/>
      <c r="AOL1017" s="10"/>
      <c r="AOM1017" s="10"/>
      <c r="AON1017" s="10"/>
      <c r="AOO1017" s="10"/>
      <c r="AOP1017" s="10"/>
      <c r="AOQ1017" s="10"/>
      <c r="AOR1017" s="10"/>
      <c r="AOS1017" s="10"/>
      <c r="AOT1017" s="10"/>
      <c r="AOU1017" s="10"/>
      <c r="AOV1017" s="10"/>
      <c r="AOW1017" s="10"/>
      <c r="AOX1017" s="10"/>
      <c r="AOY1017" s="10"/>
      <c r="AOZ1017" s="10"/>
      <c r="APA1017" s="10"/>
      <c r="APB1017" s="10"/>
      <c r="APC1017" s="10"/>
      <c r="APD1017" s="10"/>
      <c r="APE1017" s="10"/>
      <c r="APF1017" s="10"/>
      <c r="APG1017" s="10"/>
      <c r="APH1017" s="10"/>
      <c r="API1017" s="10"/>
      <c r="APJ1017" s="10"/>
      <c r="APK1017" s="10"/>
      <c r="APL1017" s="10"/>
      <c r="APM1017" s="10"/>
      <c r="APN1017" s="10"/>
      <c r="APO1017" s="10"/>
      <c r="APP1017" s="10"/>
      <c r="APQ1017" s="10"/>
      <c r="APR1017" s="10"/>
      <c r="APS1017" s="10"/>
      <c r="APT1017" s="10"/>
      <c r="APU1017" s="10"/>
      <c r="APV1017" s="10"/>
      <c r="APW1017" s="10"/>
      <c r="APX1017" s="10"/>
      <c r="APY1017" s="10"/>
      <c r="APZ1017" s="10"/>
      <c r="AQA1017" s="10"/>
      <c r="AQB1017" s="10"/>
      <c r="AQC1017" s="10"/>
      <c r="AQD1017" s="10"/>
      <c r="AQE1017" s="10"/>
      <c r="AQF1017" s="10"/>
      <c r="AQG1017" s="10"/>
      <c r="AQH1017" s="10"/>
      <c r="AQI1017" s="10"/>
      <c r="AQJ1017" s="10"/>
      <c r="AQK1017" s="10"/>
      <c r="AQL1017" s="10"/>
      <c r="AQM1017" s="10"/>
      <c r="AQN1017" s="10"/>
      <c r="AQO1017" s="10"/>
      <c r="AQP1017" s="10"/>
      <c r="AQQ1017" s="10"/>
      <c r="AQR1017" s="10"/>
      <c r="AQS1017" s="10"/>
      <c r="AQT1017" s="10"/>
      <c r="AQU1017" s="10"/>
      <c r="AQV1017" s="10"/>
      <c r="AQW1017" s="10"/>
      <c r="AQX1017" s="10"/>
      <c r="AQY1017" s="10"/>
      <c r="AQZ1017" s="10"/>
      <c r="ARA1017" s="10"/>
      <c r="ARB1017" s="10"/>
      <c r="ARC1017" s="10"/>
      <c r="ARD1017" s="10"/>
      <c r="ARE1017" s="10"/>
      <c r="ARF1017" s="10"/>
      <c r="ARG1017" s="10"/>
      <c r="ARH1017" s="10"/>
      <c r="ARI1017" s="10"/>
      <c r="ARJ1017" s="10"/>
      <c r="ARK1017" s="10"/>
      <c r="ARL1017" s="10"/>
      <c r="ARM1017" s="10"/>
      <c r="ARN1017" s="10"/>
      <c r="ARO1017" s="10"/>
      <c r="ARP1017" s="10"/>
      <c r="ARQ1017" s="10"/>
      <c r="ARR1017" s="10"/>
      <c r="ARS1017" s="10"/>
      <c r="ART1017" s="10"/>
      <c r="ARU1017" s="10"/>
      <c r="ARV1017" s="10"/>
      <c r="ARW1017" s="10"/>
      <c r="ARX1017" s="10"/>
      <c r="ARY1017" s="10"/>
      <c r="ARZ1017" s="10"/>
      <c r="ASA1017" s="10"/>
      <c r="ASB1017" s="10"/>
      <c r="ASC1017" s="10"/>
      <c r="ASD1017" s="10"/>
      <c r="ASE1017" s="10"/>
      <c r="ASF1017" s="10"/>
      <c r="ASG1017" s="10"/>
      <c r="ASH1017" s="10"/>
      <c r="ASI1017" s="10"/>
      <c r="ASJ1017" s="10"/>
      <c r="ASK1017" s="10"/>
      <c r="ASL1017" s="10"/>
      <c r="ASM1017" s="10"/>
      <c r="ASN1017" s="10"/>
      <c r="ASO1017" s="10"/>
      <c r="ASP1017" s="10"/>
      <c r="ASQ1017" s="10"/>
      <c r="ASR1017" s="10"/>
      <c r="ASS1017" s="10"/>
      <c r="AST1017" s="10"/>
      <c r="ASU1017" s="10"/>
      <c r="ASV1017" s="10"/>
      <c r="ASW1017" s="10"/>
      <c r="ASX1017" s="10"/>
      <c r="ASY1017" s="10"/>
      <c r="ASZ1017" s="10"/>
      <c r="ATA1017" s="10"/>
      <c r="ATB1017" s="10"/>
      <c r="ATC1017" s="10"/>
      <c r="ATD1017" s="10"/>
      <c r="ATE1017" s="10"/>
      <c r="ATF1017" s="10"/>
      <c r="ATG1017" s="10"/>
      <c r="ATH1017" s="10"/>
      <c r="ATI1017" s="10"/>
      <c r="ATJ1017" s="10"/>
      <c r="ATK1017" s="10"/>
      <c r="ATL1017" s="10"/>
      <c r="ATM1017" s="10"/>
      <c r="ATN1017" s="10"/>
      <c r="ATO1017" s="10"/>
      <c r="ATP1017" s="10"/>
      <c r="ATQ1017" s="10"/>
      <c r="ATR1017" s="10"/>
      <c r="ATS1017" s="10"/>
      <c r="ATT1017" s="10"/>
      <c r="ATU1017" s="10"/>
      <c r="ATV1017" s="10"/>
      <c r="ATW1017" s="10"/>
      <c r="ATX1017" s="10"/>
      <c r="ATY1017" s="10"/>
      <c r="ATZ1017" s="10"/>
      <c r="AUA1017" s="10"/>
      <c r="AUB1017" s="10"/>
      <c r="AUC1017" s="10"/>
      <c r="AUD1017" s="10"/>
      <c r="AUE1017" s="10"/>
      <c r="AUF1017" s="10"/>
      <c r="AUG1017" s="10"/>
      <c r="AUH1017" s="10"/>
      <c r="AUI1017" s="10"/>
      <c r="AUJ1017" s="10"/>
      <c r="AUK1017" s="10"/>
      <c r="AUL1017" s="10"/>
      <c r="AUM1017" s="10"/>
      <c r="AUN1017" s="10"/>
      <c r="AUO1017" s="10"/>
      <c r="AUP1017" s="10"/>
      <c r="AUQ1017" s="10"/>
      <c r="AUR1017" s="10"/>
      <c r="AUS1017" s="10"/>
      <c r="AUT1017" s="10"/>
      <c r="AUU1017" s="10"/>
      <c r="AUV1017" s="10"/>
      <c r="AUW1017" s="10"/>
      <c r="AUX1017" s="10"/>
      <c r="AUY1017" s="10"/>
      <c r="AUZ1017" s="10"/>
      <c r="AVA1017" s="10"/>
      <c r="AVB1017" s="10"/>
      <c r="AVC1017" s="10"/>
      <c r="AVD1017" s="10"/>
      <c r="AVE1017" s="10"/>
      <c r="AVF1017" s="10"/>
      <c r="AVG1017" s="10"/>
      <c r="AVH1017" s="10"/>
      <c r="AVI1017" s="10"/>
      <c r="AVJ1017" s="10"/>
      <c r="AVK1017" s="10"/>
      <c r="AVL1017" s="10"/>
      <c r="AVM1017" s="10"/>
      <c r="AVN1017" s="10"/>
      <c r="AVO1017" s="10"/>
      <c r="AVP1017" s="10"/>
      <c r="AVQ1017" s="10"/>
      <c r="AVR1017" s="10"/>
      <c r="AVS1017" s="10"/>
      <c r="AVT1017" s="10"/>
      <c r="AVU1017" s="10"/>
      <c r="AVV1017" s="10"/>
      <c r="AVW1017" s="10"/>
      <c r="AVX1017" s="10"/>
      <c r="AVY1017" s="10"/>
      <c r="AVZ1017" s="10"/>
      <c r="AWA1017" s="10"/>
      <c r="AWB1017" s="10"/>
      <c r="AWC1017" s="10"/>
      <c r="AWD1017" s="10"/>
      <c r="AWE1017" s="10"/>
      <c r="AWF1017" s="10"/>
      <c r="AWG1017" s="10"/>
      <c r="AWH1017" s="10"/>
      <c r="AWI1017" s="10"/>
      <c r="AWJ1017" s="10"/>
      <c r="AWK1017" s="10"/>
      <c r="AWL1017" s="10"/>
      <c r="AWM1017" s="10"/>
      <c r="AWN1017" s="10"/>
      <c r="AWO1017" s="10"/>
      <c r="AWP1017" s="10"/>
      <c r="AWQ1017" s="10"/>
      <c r="AWR1017" s="10"/>
      <c r="AWS1017" s="10"/>
      <c r="AWT1017" s="10"/>
      <c r="AWU1017" s="10"/>
      <c r="AWV1017" s="10"/>
      <c r="AWW1017" s="10"/>
      <c r="AWX1017" s="10"/>
      <c r="AWY1017" s="10"/>
      <c r="AWZ1017" s="10"/>
      <c r="AXA1017" s="10"/>
      <c r="AXB1017" s="10"/>
      <c r="AXC1017" s="10"/>
      <c r="AXD1017" s="10"/>
      <c r="AXE1017" s="10"/>
      <c r="AXF1017" s="10"/>
      <c r="AXG1017" s="10"/>
      <c r="AXH1017" s="10"/>
      <c r="AXI1017" s="10"/>
      <c r="AXJ1017" s="10"/>
      <c r="AXK1017" s="10"/>
      <c r="AXL1017" s="10"/>
      <c r="AXM1017" s="10"/>
      <c r="AXN1017" s="10"/>
      <c r="AXO1017" s="10"/>
      <c r="AXP1017" s="10"/>
      <c r="AXQ1017" s="10"/>
      <c r="AXR1017" s="10"/>
      <c r="AXS1017" s="10"/>
      <c r="AXT1017" s="10"/>
      <c r="AXU1017" s="10"/>
      <c r="AXV1017" s="10"/>
      <c r="AXW1017" s="10"/>
      <c r="AXX1017" s="10"/>
      <c r="AXY1017" s="10"/>
      <c r="AXZ1017" s="10"/>
      <c r="AYA1017" s="10"/>
      <c r="AYB1017" s="10"/>
      <c r="AYC1017" s="10"/>
      <c r="AYD1017" s="10"/>
      <c r="AYE1017" s="10"/>
      <c r="AYF1017" s="10"/>
      <c r="AYG1017" s="10"/>
      <c r="AYH1017" s="10"/>
      <c r="AYI1017" s="10"/>
      <c r="AYJ1017" s="10"/>
      <c r="AYK1017" s="10"/>
      <c r="AYL1017" s="10"/>
      <c r="AYM1017" s="10"/>
      <c r="AYN1017" s="10"/>
      <c r="AYO1017" s="10"/>
      <c r="AYP1017" s="10"/>
      <c r="AYQ1017" s="10"/>
      <c r="AYR1017" s="10"/>
      <c r="AYS1017" s="10"/>
      <c r="AYT1017" s="10"/>
      <c r="AYU1017" s="10"/>
      <c r="AYV1017" s="10"/>
      <c r="AYW1017" s="10"/>
      <c r="AYX1017" s="10"/>
      <c r="AYY1017" s="10"/>
      <c r="AYZ1017" s="10"/>
      <c r="AZA1017" s="10"/>
      <c r="AZB1017" s="10"/>
      <c r="AZC1017" s="10"/>
      <c r="AZD1017" s="10"/>
      <c r="AZE1017" s="10"/>
      <c r="AZF1017" s="10"/>
      <c r="AZG1017" s="10"/>
      <c r="AZH1017" s="10"/>
      <c r="AZI1017" s="10"/>
      <c r="AZJ1017" s="10"/>
      <c r="AZK1017" s="10"/>
      <c r="AZL1017" s="10"/>
      <c r="AZM1017" s="10"/>
      <c r="AZN1017" s="10"/>
      <c r="AZO1017" s="10"/>
      <c r="AZP1017" s="10"/>
      <c r="AZQ1017" s="10"/>
      <c r="AZR1017" s="10"/>
      <c r="AZS1017" s="10"/>
      <c r="AZT1017" s="10"/>
      <c r="AZU1017" s="10"/>
      <c r="AZV1017" s="10"/>
      <c r="AZW1017" s="10"/>
      <c r="AZX1017" s="10"/>
      <c r="AZY1017" s="10"/>
      <c r="AZZ1017" s="10"/>
      <c r="BAA1017" s="10"/>
      <c r="BAB1017" s="10"/>
      <c r="BAC1017" s="10"/>
      <c r="BAD1017" s="10"/>
      <c r="BAE1017" s="10"/>
      <c r="BAF1017" s="10"/>
      <c r="BAG1017" s="10"/>
      <c r="BAH1017" s="10"/>
      <c r="BAI1017" s="10"/>
      <c r="BAJ1017" s="10"/>
      <c r="BAK1017" s="10"/>
      <c r="BAL1017" s="10"/>
      <c r="BAM1017" s="10"/>
      <c r="BAN1017" s="10"/>
      <c r="BAO1017" s="10"/>
      <c r="BAP1017" s="10"/>
      <c r="BAQ1017" s="10"/>
      <c r="BAR1017" s="10"/>
      <c r="BAS1017" s="10"/>
      <c r="BAT1017" s="10"/>
      <c r="BAU1017" s="10"/>
      <c r="BAV1017" s="10"/>
      <c r="BAW1017" s="10"/>
      <c r="BAX1017" s="10"/>
      <c r="BAY1017" s="10"/>
      <c r="BAZ1017" s="10"/>
      <c r="BBA1017" s="10"/>
      <c r="BBB1017" s="10"/>
      <c r="BBC1017" s="10"/>
      <c r="BBD1017" s="10"/>
      <c r="BBE1017" s="10"/>
      <c r="BBF1017" s="10"/>
      <c r="BBG1017" s="10"/>
      <c r="BBH1017" s="10"/>
      <c r="BBI1017" s="10"/>
      <c r="BBJ1017" s="10"/>
      <c r="BBK1017" s="10"/>
      <c r="BBL1017" s="10"/>
      <c r="BBM1017" s="10"/>
      <c r="BBN1017" s="10"/>
      <c r="BBO1017" s="10"/>
      <c r="BBP1017" s="10"/>
      <c r="BBQ1017" s="10"/>
      <c r="BBR1017" s="10"/>
      <c r="BBS1017" s="10"/>
      <c r="BBT1017" s="10"/>
      <c r="BBU1017" s="10"/>
      <c r="BBV1017" s="10"/>
      <c r="BBW1017" s="10"/>
      <c r="BBX1017" s="10"/>
      <c r="BBY1017" s="10"/>
      <c r="BBZ1017" s="10"/>
      <c r="BCA1017" s="10"/>
      <c r="BCB1017" s="10"/>
      <c r="BCC1017" s="10"/>
      <c r="BCD1017" s="10"/>
      <c r="BCE1017" s="10"/>
      <c r="BCF1017" s="10"/>
      <c r="BCG1017" s="10"/>
      <c r="BCH1017" s="10"/>
      <c r="BCI1017" s="10"/>
      <c r="BCJ1017" s="10"/>
      <c r="BCK1017" s="10"/>
      <c r="BCL1017" s="10"/>
      <c r="BCM1017" s="10"/>
      <c r="BCN1017" s="10"/>
      <c r="BCO1017" s="10"/>
      <c r="BCP1017" s="10"/>
      <c r="BCQ1017" s="10"/>
      <c r="BCR1017" s="10"/>
      <c r="BCS1017" s="10"/>
      <c r="BCT1017" s="10"/>
      <c r="BCU1017" s="10"/>
      <c r="BCV1017" s="10"/>
      <c r="BCW1017" s="10"/>
      <c r="BCX1017" s="10"/>
      <c r="BCY1017" s="10"/>
      <c r="BCZ1017" s="10"/>
      <c r="BDA1017" s="10"/>
      <c r="BDB1017" s="10"/>
      <c r="BDC1017" s="10"/>
      <c r="BDD1017" s="10"/>
      <c r="BDE1017" s="10"/>
      <c r="BDF1017" s="10"/>
      <c r="BDG1017" s="10"/>
      <c r="BDH1017" s="10"/>
      <c r="BDI1017" s="10"/>
      <c r="BDJ1017" s="10"/>
      <c r="BDK1017" s="10"/>
      <c r="BDL1017" s="10"/>
      <c r="BDM1017" s="10"/>
      <c r="BDN1017" s="10"/>
      <c r="BDO1017" s="10"/>
      <c r="BDP1017" s="10"/>
      <c r="BDQ1017" s="10"/>
      <c r="BDR1017" s="10"/>
      <c r="BDS1017" s="10"/>
      <c r="BDT1017" s="10"/>
      <c r="BDU1017" s="10"/>
      <c r="BDV1017" s="10"/>
      <c r="BDW1017" s="10"/>
      <c r="BDX1017" s="10"/>
      <c r="BDY1017" s="10"/>
      <c r="BDZ1017" s="10"/>
      <c r="BEA1017" s="10"/>
      <c r="BEB1017" s="10"/>
      <c r="BEC1017" s="10"/>
      <c r="BED1017" s="10"/>
      <c r="BEE1017" s="10"/>
      <c r="BEF1017" s="10"/>
      <c r="BEG1017" s="10"/>
      <c r="BEH1017" s="10"/>
      <c r="BEI1017" s="10"/>
      <c r="BEJ1017" s="10"/>
      <c r="BEK1017" s="10"/>
      <c r="BEL1017" s="10"/>
      <c r="BEM1017" s="10"/>
      <c r="BEN1017" s="10"/>
      <c r="BEO1017" s="10"/>
      <c r="BEP1017" s="10"/>
      <c r="BEQ1017" s="10"/>
      <c r="BER1017" s="10"/>
      <c r="BES1017" s="10"/>
      <c r="BET1017" s="10"/>
      <c r="BEU1017" s="10"/>
      <c r="BEV1017" s="10"/>
      <c r="BEW1017" s="10"/>
      <c r="BEX1017" s="10"/>
      <c r="BEY1017" s="10"/>
      <c r="BEZ1017" s="10"/>
      <c r="BFA1017" s="10"/>
      <c r="BFB1017" s="10"/>
      <c r="BFC1017" s="10"/>
      <c r="BFD1017" s="10"/>
      <c r="BFE1017" s="10"/>
      <c r="BFF1017" s="10"/>
      <c r="BFG1017" s="10"/>
      <c r="BFH1017" s="10"/>
      <c r="BFI1017" s="10"/>
      <c r="BFJ1017" s="10"/>
      <c r="BFK1017" s="10"/>
      <c r="BFL1017" s="10"/>
      <c r="BFM1017" s="10"/>
      <c r="BFN1017" s="10"/>
      <c r="BFO1017" s="10"/>
      <c r="BFP1017" s="10"/>
      <c r="BFQ1017" s="10"/>
      <c r="BFR1017" s="10"/>
      <c r="BFS1017" s="10"/>
      <c r="BFT1017" s="10"/>
      <c r="BFU1017" s="10"/>
      <c r="BFV1017" s="10"/>
      <c r="BFW1017" s="10"/>
      <c r="BFX1017" s="10"/>
      <c r="BFY1017" s="10"/>
      <c r="BFZ1017" s="10"/>
      <c r="BGA1017" s="10"/>
      <c r="BGB1017" s="10"/>
      <c r="BGC1017" s="10"/>
      <c r="BGD1017" s="10"/>
      <c r="BGE1017" s="10"/>
      <c r="BGF1017" s="10"/>
      <c r="BGG1017" s="10"/>
      <c r="BGH1017" s="10"/>
      <c r="BGI1017" s="10"/>
      <c r="BGJ1017" s="10"/>
      <c r="BGK1017" s="10"/>
      <c r="BGL1017" s="10"/>
      <c r="BGM1017" s="10"/>
      <c r="BGN1017" s="10"/>
      <c r="BGO1017" s="10"/>
      <c r="BGP1017" s="10"/>
      <c r="BGQ1017" s="10"/>
      <c r="BGR1017" s="10"/>
      <c r="BGS1017" s="10"/>
      <c r="BGT1017" s="10"/>
      <c r="BGU1017" s="10"/>
      <c r="BGV1017" s="10"/>
      <c r="BGW1017" s="10"/>
      <c r="BGX1017" s="10"/>
      <c r="BGY1017" s="10"/>
      <c r="BGZ1017" s="10"/>
      <c r="BHA1017" s="10"/>
      <c r="BHB1017" s="10"/>
      <c r="BHC1017" s="10"/>
      <c r="BHD1017" s="10"/>
      <c r="BHE1017" s="10"/>
      <c r="BHF1017" s="10"/>
      <c r="BHG1017" s="10"/>
      <c r="BHH1017" s="10"/>
      <c r="BHI1017" s="10"/>
      <c r="BHJ1017" s="10"/>
      <c r="BHK1017" s="10"/>
      <c r="BHL1017" s="10"/>
      <c r="BHM1017" s="10"/>
      <c r="BHN1017" s="10"/>
      <c r="BHO1017" s="10"/>
      <c r="BHP1017" s="10"/>
      <c r="BHQ1017" s="10"/>
      <c r="BHR1017" s="10"/>
      <c r="BHS1017" s="10"/>
      <c r="BHT1017" s="10"/>
      <c r="BHU1017" s="10"/>
      <c r="BHV1017" s="10"/>
      <c r="BHW1017" s="10"/>
      <c r="BHX1017" s="10"/>
      <c r="BHY1017" s="10"/>
      <c r="BHZ1017" s="10"/>
      <c r="BIA1017" s="10"/>
      <c r="BIB1017" s="10"/>
      <c r="BIC1017" s="10"/>
      <c r="BID1017" s="10"/>
      <c r="BIE1017" s="10"/>
      <c r="BIF1017" s="10"/>
      <c r="BIG1017" s="10"/>
      <c r="BIH1017" s="10"/>
      <c r="BII1017" s="10"/>
      <c r="BIJ1017" s="10"/>
      <c r="BIK1017" s="10"/>
      <c r="BIL1017" s="10"/>
      <c r="BIM1017" s="10"/>
      <c r="BIN1017" s="10"/>
      <c r="BIO1017" s="10"/>
      <c r="BIP1017" s="10"/>
      <c r="BIQ1017" s="10"/>
      <c r="BIR1017" s="10"/>
      <c r="BIS1017" s="10"/>
      <c r="BIT1017" s="10"/>
      <c r="BIU1017" s="10"/>
      <c r="BIV1017" s="10"/>
      <c r="BIW1017" s="10"/>
      <c r="BIX1017" s="10"/>
      <c r="BIY1017" s="10"/>
      <c r="BIZ1017" s="10"/>
      <c r="BJA1017" s="10"/>
      <c r="BJB1017" s="10"/>
      <c r="BJC1017" s="10"/>
      <c r="BJD1017" s="10"/>
      <c r="BJE1017" s="10"/>
      <c r="BJF1017" s="10"/>
      <c r="BJG1017" s="10"/>
      <c r="BJH1017" s="10"/>
      <c r="BJI1017" s="10"/>
      <c r="BJJ1017" s="10"/>
      <c r="BJK1017" s="10"/>
      <c r="BJL1017" s="10"/>
      <c r="BJM1017" s="10"/>
      <c r="BJN1017" s="10"/>
      <c r="BJO1017" s="10"/>
      <c r="BJP1017" s="10"/>
      <c r="BJQ1017" s="10"/>
      <c r="BJR1017" s="10"/>
      <c r="BJS1017" s="10"/>
      <c r="BJT1017" s="10"/>
      <c r="BJU1017" s="10"/>
      <c r="BJV1017" s="10"/>
      <c r="BJW1017" s="10"/>
      <c r="BJX1017" s="10"/>
      <c r="BJY1017" s="10"/>
      <c r="BJZ1017" s="10"/>
      <c r="BKA1017" s="10"/>
      <c r="BKB1017" s="10"/>
      <c r="BKC1017" s="10"/>
      <c r="BKD1017" s="10"/>
      <c r="BKE1017" s="10"/>
      <c r="BKF1017" s="10"/>
      <c r="BKG1017" s="10"/>
      <c r="BKH1017" s="10"/>
      <c r="BKI1017" s="10"/>
      <c r="BKJ1017" s="10"/>
      <c r="BKK1017" s="10"/>
      <c r="BKL1017" s="10"/>
      <c r="BKM1017" s="10"/>
      <c r="BKN1017" s="10"/>
      <c r="BKO1017" s="10"/>
      <c r="BKP1017" s="10"/>
      <c r="BKQ1017" s="10"/>
      <c r="BKR1017" s="10"/>
      <c r="BKS1017" s="10"/>
      <c r="BKT1017" s="10"/>
      <c r="BKU1017" s="10"/>
      <c r="BKV1017" s="10"/>
      <c r="BKW1017" s="10"/>
      <c r="BKX1017" s="10"/>
      <c r="BKY1017" s="10"/>
      <c r="BKZ1017" s="10"/>
      <c r="BLA1017" s="10"/>
      <c r="BLB1017" s="10"/>
      <c r="BLC1017" s="10"/>
      <c r="BLD1017" s="10"/>
      <c r="BLE1017" s="10"/>
      <c r="BLF1017" s="10"/>
      <c r="BLG1017" s="10"/>
      <c r="BLH1017" s="10"/>
      <c r="BLI1017" s="10"/>
      <c r="BLJ1017" s="10"/>
      <c r="BLK1017" s="10"/>
      <c r="BLL1017" s="10"/>
      <c r="BLM1017" s="10"/>
      <c r="BLN1017" s="10"/>
      <c r="BLO1017" s="10"/>
      <c r="BLP1017" s="10"/>
      <c r="BLQ1017" s="10"/>
      <c r="BLR1017" s="10"/>
      <c r="BLS1017" s="10"/>
      <c r="BLT1017" s="10"/>
      <c r="BLU1017" s="10"/>
      <c r="BLV1017" s="10"/>
      <c r="BLW1017" s="10"/>
      <c r="BLX1017" s="10"/>
      <c r="BLY1017" s="10"/>
      <c r="BLZ1017" s="10"/>
      <c r="BMA1017" s="10"/>
      <c r="BMB1017" s="10"/>
      <c r="BMC1017" s="10"/>
      <c r="BMD1017" s="10"/>
      <c r="BME1017" s="10"/>
      <c r="BMF1017" s="10"/>
      <c r="BMG1017" s="10"/>
      <c r="BMH1017" s="10"/>
      <c r="BMI1017" s="10"/>
      <c r="BMJ1017" s="10"/>
      <c r="BMK1017" s="10"/>
      <c r="BML1017" s="10"/>
      <c r="BMM1017" s="10"/>
      <c r="BMN1017" s="10"/>
      <c r="BMO1017" s="10"/>
      <c r="BMP1017" s="10"/>
      <c r="BMQ1017" s="10"/>
      <c r="BMR1017" s="10"/>
      <c r="BMS1017" s="10"/>
      <c r="BMT1017" s="10"/>
      <c r="BMU1017" s="10"/>
      <c r="BMV1017" s="10"/>
      <c r="BMW1017" s="10"/>
      <c r="BMX1017" s="10"/>
      <c r="BMY1017" s="10"/>
      <c r="BMZ1017" s="10"/>
      <c r="BNA1017" s="10"/>
      <c r="BNB1017" s="10"/>
      <c r="BNC1017" s="10"/>
      <c r="BND1017" s="10"/>
      <c r="BNE1017" s="10"/>
      <c r="BNF1017" s="10"/>
      <c r="BNG1017" s="10"/>
      <c r="BNH1017" s="10"/>
      <c r="BNI1017" s="10"/>
      <c r="BNJ1017" s="10"/>
      <c r="BNK1017" s="10"/>
      <c r="BNL1017" s="10"/>
      <c r="BNM1017" s="10"/>
      <c r="BNN1017" s="10"/>
      <c r="BNO1017" s="10"/>
      <c r="BNP1017" s="10"/>
      <c r="BNQ1017" s="10"/>
      <c r="BNR1017" s="10"/>
      <c r="BNS1017" s="10"/>
      <c r="BNT1017" s="10"/>
      <c r="BNU1017" s="10"/>
      <c r="BNV1017" s="10"/>
      <c r="BNW1017" s="10"/>
      <c r="BNX1017" s="10"/>
      <c r="BNY1017" s="10"/>
      <c r="BNZ1017" s="10"/>
      <c r="BOA1017" s="10"/>
      <c r="BOB1017" s="10"/>
      <c r="BOC1017" s="10"/>
      <c r="BOD1017" s="10"/>
      <c r="BOE1017" s="10"/>
      <c r="BOF1017" s="10"/>
      <c r="BOG1017" s="10"/>
      <c r="BOH1017" s="10"/>
      <c r="BOI1017" s="10"/>
      <c r="BOJ1017" s="10"/>
      <c r="BOK1017" s="10"/>
      <c r="BOL1017" s="10"/>
      <c r="BOM1017" s="10"/>
      <c r="BON1017" s="10"/>
      <c r="BOO1017" s="10"/>
      <c r="BOP1017" s="10"/>
      <c r="BOQ1017" s="10"/>
      <c r="BOR1017" s="10"/>
      <c r="BOS1017" s="10"/>
      <c r="BOT1017" s="10"/>
      <c r="BOU1017" s="10"/>
      <c r="BOV1017" s="10"/>
      <c r="BOW1017" s="10"/>
      <c r="BOX1017" s="10"/>
      <c r="BOY1017" s="10"/>
      <c r="BOZ1017" s="10"/>
      <c r="BPA1017" s="10"/>
      <c r="BPB1017" s="10"/>
      <c r="BPC1017" s="10"/>
      <c r="BPD1017" s="10"/>
      <c r="BPE1017" s="10"/>
      <c r="BPF1017" s="10"/>
      <c r="BPG1017" s="10"/>
      <c r="BPH1017" s="10"/>
      <c r="BPI1017" s="10"/>
      <c r="BPJ1017" s="10"/>
      <c r="BPK1017" s="10"/>
      <c r="BPL1017" s="10"/>
      <c r="BPM1017" s="10"/>
      <c r="BPN1017" s="10"/>
      <c r="BPO1017" s="10"/>
      <c r="BPP1017" s="10"/>
      <c r="BPQ1017" s="10"/>
      <c r="BPR1017" s="10"/>
      <c r="BPS1017" s="10"/>
      <c r="BPT1017" s="10"/>
      <c r="BPU1017" s="10"/>
      <c r="BPV1017" s="10"/>
      <c r="BPW1017" s="10"/>
      <c r="BPX1017" s="10"/>
      <c r="BPY1017" s="10"/>
      <c r="BPZ1017" s="10"/>
      <c r="BQA1017" s="10"/>
      <c r="BQB1017" s="10"/>
      <c r="BQC1017" s="10"/>
      <c r="BQD1017" s="10"/>
      <c r="BQE1017" s="10"/>
      <c r="BQF1017" s="10"/>
      <c r="BQG1017" s="10"/>
      <c r="BQH1017" s="10"/>
      <c r="BQI1017" s="10"/>
      <c r="BQJ1017" s="10"/>
      <c r="BQK1017" s="10"/>
      <c r="BQL1017" s="10"/>
      <c r="BQM1017" s="10"/>
      <c r="BQN1017" s="10"/>
      <c r="BQO1017" s="10"/>
      <c r="BQP1017" s="10"/>
      <c r="BQQ1017" s="10"/>
      <c r="BQR1017" s="10"/>
      <c r="BQS1017" s="10"/>
      <c r="BQT1017" s="10"/>
      <c r="BQU1017" s="10"/>
      <c r="BQV1017" s="10"/>
      <c r="BQW1017" s="10"/>
      <c r="BQX1017" s="10"/>
      <c r="BQY1017" s="10"/>
      <c r="BQZ1017" s="10"/>
      <c r="BRA1017" s="10"/>
      <c r="BRB1017" s="10"/>
      <c r="BRC1017" s="10"/>
      <c r="BRD1017" s="10"/>
      <c r="BRE1017" s="10"/>
      <c r="BRF1017" s="10"/>
      <c r="BRG1017" s="10"/>
      <c r="BRH1017" s="10"/>
      <c r="BRI1017" s="10"/>
      <c r="BRJ1017" s="10"/>
      <c r="BRK1017" s="10"/>
      <c r="BRL1017" s="10"/>
      <c r="BRM1017" s="10"/>
      <c r="BRN1017" s="10"/>
      <c r="BRO1017" s="10"/>
      <c r="BRP1017" s="10"/>
      <c r="BRQ1017" s="10"/>
      <c r="BRR1017" s="10"/>
      <c r="BRS1017" s="10"/>
      <c r="BRT1017" s="10"/>
      <c r="BRU1017" s="10"/>
      <c r="BRV1017" s="10"/>
      <c r="BRW1017" s="10"/>
      <c r="BRX1017" s="10"/>
      <c r="BRY1017" s="10"/>
      <c r="BRZ1017" s="10"/>
      <c r="BSA1017" s="10"/>
      <c r="BSB1017" s="10"/>
      <c r="BSC1017" s="10"/>
      <c r="BSD1017" s="10"/>
      <c r="BSE1017" s="10"/>
      <c r="BSF1017" s="10"/>
      <c r="BSG1017" s="10"/>
      <c r="BSH1017" s="10"/>
      <c r="BSI1017" s="10"/>
      <c r="BSJ1017" s="10"/>
      <c r="BSK1017" s="10"/>
      <c r="BSL1017" s="10"/>
      <c r="BSM1017" s="10"/>
      <c r="BSN1017" s="10"/>
      <c r="BSO1017" s="10"/>
      <c r="BSP1017" s="10"/>
      <c r="BSQ1017" s="10"/>
      <c r="BSR1017" s="10"/>
      <c r="BSS1017" s="10"/>
      <c r="BST1017" s="10"/>
      <c r="BSU1017" s="10"/>
      <c r="BSV1017" s="10"/>
      <c r="BSW1017" s="10"/>
      <c r="BSX1017" s="10"/>
      <c r="BSY1017" s="10"/>
      <c r="BSZ1017" s="10"/>
      <c r="BTA1017" s="10"/>
      <c r="BTB1017" s="10"/>
      <c r="BTC1017" s="10"/>
      <c r="BTD1017" s="10"/>
      <c r="BTE1017" s="10"/>
      <c r="BTF1017" s="10"/>
      <c r="BTG1017" s="10"/>
      <c r="BTH1017" s="10"/>
      <c r="BTI1017" s="10"/>
      <c r="BTJ1017" s="10"/>
      <c r="BTK1017" s="10"/>
      <c r="BTL1017" s="10"/>
      <c r="BTM1017" s="10"/>
      <c r="BTN1017" s="10"/>
      <c r="BTO1017" s="10"/>
      <c r="BTP1017" s="10"/>
      <c r="BTQ1017" s="10"/>
      <c r="BTR1017" s="10"/>
      <c r="BTS1017" s="10"/>
      <c r="BTT1017" s="10"/>
      <c r="BTU1017" s="10"/>
      <c r="BTV1017" s="10"/>
      <c r="BTW1017" s="10"/>
      <c r="BTX1017" s="10"/>
      <c r="BTY1017" s="10"/>
      <c r="BTZ1017" s="10"/>
      <c r="BUA1017" s="10"/>
      <c r="BUB1017" s="10"/>
      <c r="BUC1017" s="10"/>
      <c r="BUD1017" s="10"/>
      <c r="BUE1017" s="10"/>
      <c r="BUF1017" s="10"/>
      <c r="BUG1017" s="10"/>
      <c r="BUH1017" s="10"/>
      <c r="BUI1017" s="10"/>
      <c r="BUJ1017" s="10"/>
      <c r="BUK1017" s="10"/>
      <c r="BUL1017" s="10"/>
      <c r="BUM1017" s="10"/>
      <c r="BUN1017" s="10"/>
      <c r="BUO1017" s="10"/>
      <c r="BUP1017" s="10"/>
      <c r="BUQ1017" s="10"/>
      <c r="BUR1017" s="10"/>
      <c r="BUS1017" s="10"/>
      <c r="BUT1017" s="10"/>
      <c r="BUU1017" s="10"/>
      <c r="BUV1017" s="10"/>
      <c r="BUW1017" s="10"/>
      <c r="BUX1017" s="10"/>
      <c r="BUY1017" s="10"/>
      <c r="BUZ1017" s="10"/>
      <c r="BVA1017" s="10"/>
      <c r="BVB1017" s="10"/>
      <c r="BVC1017" s="10"/>
      <c r="BVD1017" s="10"/>
      <c r="BVE1017" s="10"/>
      <c r="BVF1017" s="10"/>
      <c r="BVG1017" s="10"/>
      <c r="BVH1017" s="10"/>
      <c r="BVI1017" s="10"/>
      <c r="BVJ1017" s="10"/>
      <c r="BVK1017" s="10"/>
      <c r="BVL1017" s="10"/>
      <c r="BVM1017" s="10"/>
      <c r="BVN1017" s="10"/>
      <c r="BVO1017" s="10"/>
      <c r="BVP1017" s="10"/>
      <c r="BVQ1017" s="10"/>
      <c r="BVR1017" s="10"/>
      <c r="BVS1017" s="10"/>
      <c r="BVT1017" s="10"/>
      <c r="BVU1017" s="10"/>
      <c r="BVV1017" s="10"/>
      <c r="BVW1017" s="10"/>
      <c r="BVX1017" s="10"/>
      <c r="BVY1017" s="10"/>
      <c r="BVZ1017" s="10"/>
      <c r="BWA1017" s="10"/>
      <c r="BWB1017" s="10"/>
      <c r="BWC1017" s="10"/>
      <c r="BWD1017" s="10"/>
      <c r="BWE1017" s="10"/>
      <c r="BWF1017" s="10"/>
      <c r="BWG1017" s="10"/>
      <c r="BWH1017" s="10"/>
      <c r="BWI1017" s="10"/>
      <c r="BWJ1017" s="10"/>
      <c r="BWK1017" s="10"/>
      <c r="BWL1017" s="10"/>
      <c r="BWM1017" s="10"/>
      <c r="BWN1017" s="10"/>
      <c r="BWO1017" s="10"/>
      <c r="BWP1017" s="10"/>
      <c r="BWQ1017" s="10"/>
      <c r="BWR1017" s="10"/>
      <c r="BWS1017" s="10"/>
      <c r="BWT1017" s="10"/>
      <c r="BWU1017" s="10"/>
      <c r="BWV1017" s="10"/>
      <c r="BWW1017" s="10"/>
      <c r="BWX1017" s="10"/>
      <c r="BWY1017" s="10"/>
      <c r="BWZ1017" s="10"/>
      <c r="BXA1017" s="10"/>
      <c r="BXB1017" s="10"/>
      <c r="BXC1017" s="10"/>
      <c r="BXD1017" s="10"/>
      <c r="BXE1017" s="10"/>
      <c r="BXF1017" s="10"/>
      <c r="BXG1017" s="10"/>
      <c r="BXH1017" s="10"/>
      <c r="BXI1017" s="10"/>
      <c r="BXJ1017" s="10"/>
      <c r="BXK1017" s="10"/>
      <c r="BXL1017" s="10"/>
      <c r="BXM1017" s="10"/>
      <c r="BXN1017" s="10"/>
      <c r="BXO1017" s="10"/>
      <c r="BXP1017" s="10"/>
      <c r="BXQ1017" s="10"/>
      <c r="BXR1017" s="10"/>
      <c r="BXS1017" s="10"/>
      <c r="BXT1017" s="10"/>
      <c r="BXU1017" s="10"/>
      <c r="BXV1017" s="10"/>
      <c r="BXW1017" s="10"/>
      <c r="BXX1017" s="10"/>
      <c r="BXY1017" s="10"/>
      <c r="BXZ1017" s="10"/>
      <c r="BYA1017" s="10"/>
      <c r="BYB1017" s="10"/>
      <c r="BYC1017" s="10"/>
      <c r="BYD1017" s="10"/>
      <c r="BYE1017" s="10"/>
      <c r="BYF1017" s="10"/>
      <c r="BYG1017" s="10"/>
      <c r="BYH1017" s="10"/>
      <c r="BYI1017" s="10"/>
      <c r="BYJ1017" s="10"/>
      <c r="BYK1017" s="10"/>
      <c r="BYL1017" s="10"/>
      <c r="BYM1017" s="10"/>
      <c r="BYN1017" s="10"/>
      <c r="BYO1017" s="10"/>
      <c r="BYP1017" s="10"/>
      <c r="BYQ1017" s="10"/>
      <c r="BYR1017" s="10"/>
      <c r="BYS1017" s="10"/>
      <c r="BYT1017" s="10"/>
      <c r="BYU1017" s="10"/>
      <c r="BYV1017" s="10"/>
      <c r="BYW1017" s="10"/>
      <c r="BYX1017" s="10"/>
      <c r="BYY1017" s="10"/>
      <c r="BYZ1017" s="10"/>
      <c r="BZA1017" s="10"/>
      <c r="BZB1017" s="10"/>
      <c r="BZC1017" s="10"/>
      <c r="BZD1017" s="10"/>
      <c r="BZE1017" s="10"/>
      <c r="BZF1017" s="10"/>
      <c r="BZG1017" s="10"/>
      <c r="BZH1017" s="10"/>
      <c r="BZI1017" s="10"/>
      <c r="BZJ1017" s="10"/>
      <c r="BZK1017" s="10"/>
      <c r="BZL1017" s="10"/>
      <c r="BZM1017" s="10"/>
      <c r="BZN1017" s="10"/>
      <c r="BZO1017" s="10"/>
      <c r="BZP1017" s="10"/>
      <c r="BZQ1017" s="10"/>
      <c r="BZR1017" s="10"/>
      <c r="BZS1017" s="10"/>
      <c r="BZT1017" s="10"/>
      <c r="BZU1017" s="10"/>
      <c r="BZV1017" s="10"/>
      <c r="BZW1017" s="10"/>
      <c r="BZX1017" s="10"/>
      <c r="BZY1017" s="10"/>
      <c r="BZZ1017" s="10"/>
      <c r="CAA1017" s="10"/>
      <c r="CAB1017" s="10"/>
      <c r="CAC1017" s="10"/>
      <c r="CAD1017" s="10"/>
      <c r="CAE1017" s="10"/>
      <c r="CAF1017" s="10"/>
      <c r="CAG1017" s="10"/>
      <c r="CAH1017" s="10"/>
      <c r="CAI1017" s="10"/>
      <c r="CAJ1017" s="10"/>
      <c r="CAK1017" s="10"/>
      <c r="CAL1017" s="10"/>
      <c r="CAM1017" s="10"/>
      <c r="CAN1017" s="10"/>
      <c r="CAO1017" s="10"/>
      <c r="CAP1017" s="10"/>
      <c r="CAQ1017" s="10"/>
      <c r="CAR1017" s="10"/>
      <c r="CAS1017" s="10"/>
      <c r="CAT1017" s="10"/>
      <c r="CAU1017" s="10"/>
      <c r="CAV1017" s="10"/>
      <c r="CAW1017" s="10"/>
      <c r="CAX1017" s="10"/>
      <c r="CAY1017" s="10"/>
      <c r="CAZ1017" s="10"/>
      <c r="CBA1017" s="10"/>
      <c r="CBB1017" s="10"/>
      <c r="CBC1017" s="10"/>
      <c r="CBD1017" s="10"/>
      <c r="CBE1017" s="10"/>
      <c r="CBF1017" s="10"/>
      <c r="CBG1017" s="10"/>
      <c r="CBH1017" s="10"/>
      <c r="CBI1017" s="10"/>
      <c r="CBJ1017" s="10"/>
      <c r="CBK1017" s="10"/>
      <c r="CBL1017" s="10"/>
      <c r="CBM1017" s="10"/>
      <c r="CBN1017" s="10"/>
      <c r="CBO1017" s="10"/>
      <c r="CBP1017" s="10"/>
      <c r="CBQ1017" s="10"/>
      <c r="CBR1017" s="10"/>
      <c r="CBS1017" s="10"/>
      <c r="CBT1017" s="10"/>
      <c r="CBU1017" s="10"/>
      <c r="CBV1017" s="10"/>
      <c r="CBW1017" s="10"/>
      <c r="CBX1017" s="10"/>
      <c r="CBY1017" s="10"/>
      <c r="CBZ1017" s="10"/>
      <c r="CCA1017" s="10"/>
      <c r="CCB1017" s="10"/>
      <c r="CCC1017" s="10"/>
      <c r="CCD1017" s="10"/>
      <c r="CCE1017" s="10"/>
      <c r="CCF1017" s="10"/>
      <c r="CCG1017" s="10"/>
      <c r="CCH1017" s="10"/>
      <c r="CCI1017" s="10"/>
      <c r="CCJ1017" s="10"/>
      <c r="CCK1017" s="10"/>
      <c r="CCL1017" s="10"/>
      <c r="CCM1017" s="10"/>
      <c r="CCN1017" s="10"/>
      <c r="CCO1017" s="10"/>
      <c r="CCP1017" s="10"/>
      <c r="CCQ1017" s="10"/>
      <c r="CCR1017" s="10"/>
      <c r="CCS1017" s="10"/>
      <c r="CCT1017" s="10"/>
      <c r="CCU1017" s="10"/>
      <c r="CCV1017" s="10"/>
      <c r="CCW1017" s="10"/>
      <c r="CCX1017" s="10"/>
      <c r="CCY1017" s="10"/>
      <c r="CCZ1017" s="10"/>
      <c r="CDA1017" s="10"/>
      <c r="CDB1017" s="10"/>
      <c r="CDC1017" s="10"/>
      <c r="CDD1017" s="10"/>
      <c r="CDE1017" s="10"/>
      <c r="CDF1017" s="10"/>
      <c r="CDG1017" s="10"/>
      <c r="CDH1017" s="10"/>
      <c r="CDI1017" s="10"/>
      <c r="CDJ1017" s="10"/>
      <c r="CDK1017" s="10"/>
      <c r="CDL1017" s="10"/>
      <c r="CDM1017" s="10"/>
      <c r="CDN1017" s="10"/>
      <c r="CDO1017" s="10"/>
      <c r="CDP1017" s="10"/>
      <c r="CDQ1017" s="10"/>
      <c r="CDR1017" s="10"/>
      <c r="CDS1017" s="10"/>
      <c r="CDT1017" s="10"/>
      <c r="CDU1017" s="10"/>
      <c r="CDV1017" s="10"/>
      <c r="CDW1017" s="10"/>
      <c r="CDX1017" s="10"/>
      <c r="CDY1017" s="10"/>
      <c r="CDZ1017" s="10"/>
      <c r="CEA1017" s="10"/>
      <c r="CEB1017" s="10"/>
      <c r="CEC1017" s="10"/>
      <c r="CED1017" s="10"/>
      <c r="CEE1017" s="10"/>
      <c r="CEF1017" s="10"/>
      <c r="CEG1017" s="10"/>
      <c r="CEH1017" s="10"/>
      <c r="CEI1017" s="10"/>
      <c r="CEJ1017" s="10"/>
      <c r="CEK1017" s="10"/>
      <c r="CEL1017" s="10"/>
      <c r="CEM1017" s="10"/>
      <c r="CEN1017" s="10"/>
      <c r="CEO1017" s="10"/>
      <c r="CEP1017" s="10"/>
      <c r="CEQ1017" s="10"/>
      <c r="CER1017" s="10"/>
      <c r="CES1017" s="10"/>
      <c r="CET1017" s="10"/>
      <c r="CEU1017" s="10"/>
      <c r="CEV1017" s="10"/>
      <c r="CEW1017" s="10"/>
      <c r="CEX1017" s="10"/>
      <c r="CEY1017" s="10"/>
      <c r="CEZ1017" s="10"/>
      <c r="CFA1017" s="10"/>
      <c r="CFB1017" s="10"/>
      <c r="CFC1017" s="10"/>
      <c r="CFD1017" s="10"/>
      <c r="CFE1017" s="10"/>
      <c r="CFF1017" s="10"/>
      <c r="CFG1017" s="10"/>
      <c r="CFH1017" s="10"/>
      <c r="CFI1017" s="10"/>
      <c r="CFJ1017" s="10"/>
      <c r="CFK1017" s="10"/>
      <c r="CFL1017" s="10"/>
      <c r="CFM1017" s="10"/>
      <c r="CFN1017" s="10"/>
      <c r="CFO1017" s="10"/>
      <c r="CFP1017" s="10"/>
      <c r="CFQ1017" s="10"/>
      <c r="CFR1017" s="10"/>
      <c r="CFS1017" s="10"/>
      <c r="CFT1017" s="10"/>
      <c r="CFU1017" s="10"/>
      <c r="CFV1017" s="10"/>
      <c r="CFW1017" s="10"/>
      <c r="CFX1017" s="10"/>
      <c r="CFY1017" s="10"/>
      <c r="CFZ1017" s="10"/>
      <c r="CGA1017" s="10"/>
      <c r="CGB1017" s="10"/>
      <c r="CGC1017" s="10"/>
      <c r="CGD1017" s="10"/>
      <c r="CGE1017" s="10"/>
      <c r="CGF1017" s="10"/>
      <c r="CGG1017" s="10"/>
      <c r="CGH1017" s="10"/>
      <c r="CGI1017" s="10"/>
      <c r="CGJ1017" s="10"/>
      <c r="CGK1017" s="10"/>
      <c r="CGL1017" s="10"/>
      <c r="CGM1017" s="10"/>
      <c r="CGN1017" s="10"/>
      <c r="CGO1017" s="10"/>
      <c r="CGP1017" s="10"/>
      <c r="CGQ1017" s="10"/>
      <c r="CGR1017" s="10"/>
      <c r="CGS1017" s="10"/>
      <c r="CGT1017" s="10"/>
      <c r="CGU1017" s="10"/>
      <c r="CGV1017" s="10"/>
      <c r="CGW1017" s="10"/>
      <c r="CGX1017" s="10"/>
      <c r="CGY1017" s="10"/>
      <c r="CGZ1017" s="10"/>
      <c r="CHA1017" s="10"/>
      <c r="CHB1017" s="10"/>
      <c r="CHC1017" s="10"/>
      <c r="CHD1017" s="10"/>
      <c r="CHE1017" s="10"/>
      <c r="CHF1017" s="10"/>
      <c r="CHG1017" s="10"/>
      <c r="CHH1017" s="10"/>
      <c r="CHI1017" s="10"/>
      <c r="CHJ1017" s="10"/>
      <c r="CHK1017" s="10"/>
      <c r="CHL1017" s="10"/>
      <c r="CHM1017" s="10"/>
      <c r="CHN1017" s="10"/>
      <c r="CHO1017" s="10"/>
      <c r="CHP1017" s="10"/>
      <c r="CHQ1017" s="10"/>
      <c r="CHR1017" s="10"/>
      <c r="CHS1017" s="10"/>
      <c r="CHT1017" s="10"/>
      <c r="CHU1017" s="10"/>
      <c r="CHV1017" s="10"/>
      <c r="CHW1017" s="10"/>
      <c r="CHX1017" s="10"/>
      <c r="CHY1017" s="10"/>
      <c r="CHZ1017" s="10"/>
      <c r="CIA1017" s="10"/>
      <c r="CIB1017" s="10"/>
      <c r="CIC1017" s="10"/>
      <c r="CID1017" s="10"/>
      <c r="CIE1017" s="10"/>
      <c r="CIF1017" s="10"/>
      <c r="CIG1017" s="10"/>
      <c r="CIH1017" s="10"/>
      <c r="CII1017" s="10"/>
      <c r="CIJ1017" s="10"/>
      <c r="CIK1017" s="10"/>
      <c r="CIL1017" s="10"/>
      <c r="CIM1017" s="10"/>
      <c r="CIN1017" s="10"/>
      <c r="CIO1017" s="10"/>
      <c r="CIP1017" s="10"/>
      <c r="CIQ1017" s="10"/>
      <c r="CIR1017" s="10"/>
      <c r="CIS1017" s="10"/>
      <c r="CIT1017" s="10"/>
      <c r="CIU1017" s="10"/>
      <c r="CIV1017" s="10"/>
      <c r="CIW1017" s="10"/>
      <c r="CIX1017" s="10"/>
      <c r="CIY1017" s="10"/>
      <c r="CIZ1017" s="10"/>
      <c r="CJA1017" s="10"/>
      <c r="CJB1017" s="10"/>
      <c r="CJC1017" s="10"/>
      <c r="CJD1017" s="10"/>
      <c r="CJE1017" s="10"/>
      <c r="CJF1017" s="10"/>
      <c r="CJG1017" s="10"/>
      <c r="CJH1017" s="10"/>
      <c r="CJI1017" s="10"/>
      <c r="CJJ1017" s="10"/>
      <c r="CJK1017" s="10"/>
      <c r="CJL1017" s="10"/>
      <c r="CJM1017" s="10"/>
      <c r="CJN1017" s="10"/>
      <c r="CJO1017" s="10"/>
      <c r="CJP1017" s="10"/>
      <c r="CJQ1017" s="10"/>
      <c r="CJR1017" s="10"/>
      <c r="CJS1017" s="10"/>
      <c r="CJT1017" s="10"/>
      <c r="CJU1017" s="10"/>
      <c r="CJV1017" s="10"/>
      <c r="CJW1017" s="10"/>
      <c r="CJX1017" s="10"/>
      <c r="CJY1017" s="10"/>
      <c r="CJZ1017" s="10"/>
      <c r="CKA1017" s="10"/>
      <c r="CKB1017" s="10"/>
      <c r="CKC1017" s="10"/>
      <c r="CKD1017" s="10"/>
      <c r="CKE1017" s="10"/>
      <c r="CKF1017" s="10"/>
      <c r="CKG1017" s="10"/>
      <c r="CKH1017" s="10"/>
      <c r="CKI1017" s="10"/>
      <c r="CKJ1017" s="10"/>
      <c r="CKK1017" s="10"/>
      <c r="CKL1017" s="10"/>
      <c r="CKM1017" s="10"/>
      <c r="CKN1017" s="10"/>
      <c r="CKO1017" s="10"/>
      <c r="CKP1017" s="10"/>
      <c r="CKQ1017" s="10"/>
      <c r="CKR1017" s="10"/>
      <c r="CKS1017" s="10"/>
      <c r="CKT1017" s="10"/>
      <c r="CKU1017" s="10"/>
      <c r="CKV1017" s="10"/>
      <c r="CKW1017" s="10"/>
      <c r="CKX1017" s="10"/>
      <c r="CKY1017" s="10"/>
      <c r="CKZ1017" s="10"/>
      <c r="CLA1017" s="10"/>
      <c r="CLB1017" s="10"/>
      <c r="CLC1017" s="10"/>
      <c r="CLD1017" s="10"/>
      <c r="CLE1017" s="10"/>
      <c r="CLF1017" s="10"/>
      <c r="CLG1017" s="10"/>
      <c r="CLH1017" s="10"/>
      <c r="CLI1017" s="10"/>
      <c r="CLJ1017" s="10"/>
      <c r="CLK1017" s="10"/>
      <c r="CLL1017" s="10"/>
      <c r="CLM1017" s="10"/>
      <c r="CLN1017" s="10"/>
      <c r="CLO1017" s="10"/>
      <c r="CLP1017" s="10"/>
      <c r="CLQ1017" s="10"/>
      <c r="CLR1017" s="10"/>
      <c r="CLS1017" s="10"/>
      <c r="CLT1017" s="10"/>
      <c r="CLU1017" s="10"/>
      <c r="CLV1017" s="10"/>
      <c r="CLW1017" s="10"/>
      <c r="CLX1017" s="10"/>
      <c r="CLY1017" s="10"/>
      <c r="CLZ1017" s="10"/>
      <c r="CMA1017" s="10"/>
      <c r="CMB1017" s="10"/>
      <c r="CMC1017" s="10"/>
      <c r="CMD1017" s="10"/>
      <c r="CME1017" s="10"/>
      <c r="CMF1017" s="10"/>
      <c r="CMG1017" s="10"/>
      <c r="CMH1017" s="10"/>
      <c r="CMI1017" s="10"/>
      <c r="CMJ1017" s="10"/>
      <c r="CMK1017" s="10"/>
      <c r="CML1017" s="10"/>
      <c r="CMM1017" s="10"/>
      <c r="CMN1017" s="10"/>
      <c r="CMO1017" s="10"/>
      <c r="CMP1017" s="10"/>
      <c r="CMQ1017" s="10"/>
      <c r="CMR1017" s="10"/>
      <c r="CMS1017" s="10"/>
      <c r="CMT1017" s="10"/>
      <c r="CMU1017" s="10"/>
      <c r="CMV1017" s="10"/>
      <c r="CMW1017" s="10"/>
      <c r="CMX1017" s="10"/>
      <c r="CMY1017" s="10"/>
      <c r="CMZ1017" s="10"/>
      <c r="CNA1017" s="10"/>
      <c r="CNB1017" s="10"/>
      <c r="CNC1017" s="10"/>
      <c r="CND1017" s="10"/>
      <c r="CNE1017" s="10"/>
      <c r="CNF1017" s="10"/>
      <c r="CNG1017" s="10"/>
      <c r="CNH1017" s="10"/>
      <c r="CNI1017" s="10"/>
      <c r="CNJ1017" s="10"/>
      <c r="CNK1017" s="10"/>
      <c r="CNL1017" s="10"/>
      <c r="CNM1017" s="10"/>
      <c r="CNN1017" s="10"/>
      <c r="CNO1017" s="10"/>
      <c r="CNP1017" s="10"/>
      <c r="CNQ1017" s="10"/>
      <c r="CNR1017" s="10"/>
      <c r="CNS1017" s="10"/>
      <c r="CNT1017" s="10"/>
      <c r="CNU1017" s="10"/>
      <c r="CNV1017" s="10"/>
      <c r="CNW1017" s="10"/>
      <c r="CNX1017" s="10"/>
      <c r="CNY1017" s="10"/>
      <c r="CNZ1017" s="10"/>
      <c r="COA1017" s="10"/>
      <c r="COB1017" s="10"/>
      <c r="COC1017" s="10"/>
      <c r="COD1017" s="10"/>
      <c r="COE1017" s="10"/>
      <c r="COF1017" s="10"/>
      <c r="COG1017" s="10"/>
      <c r="COH1017" s="10"/>
      <c r="COI1017" s="10"/>
      <c r="COJ1017" s="10"/>
      <c r="COK1017" s="10"/>
      <c r="COL1017" s="10"/>
      <c r="COM1017" s="10"/>
      <c r="CON1017" s="10"/>
      <c r="COO1017" s="10"/>
      <c r="COP1017" s="10"/>
      <c r="COQ1017" s="10"/>
      <c r="COR1017" s="10"/>
      <c r="COS1017" s="10"/>
      <c r="COT1017" s="10"/>
      <c r="COU1017" s="10"/>
      <c r="COV1017" s="10"/>
      <c r="COW1017" s="10"/>
      <c r="COX1017" s="10"/>
      <c r="COY1017" s="10"/>
      <c r="COZ1017" s="10"/>
      <c r="CPA1017" s="10"/>
      <c r="CPB1017" s="10"/>
      <c r="CPC1017" s="10"/>
      <c r="CPD1017" s="10"/>
      <c r="CPE1017" s="10"/>
      <c r="CPF1017" s="10"/>
      <c r="CPG1017" s="10"/>
      <c r="CPH1017" s="10"/>
      <c r="CPI1017" s="10"/>
      <c r="CPJ1017" s="10"/>
      <c r="CPK1017" s="10"/>
      <c r="CPL1017" s="10"/>
      <c r="CPM1017" s="10"/>
      <c r="CPN1017" s="10"/>
      <c r="CPO1017" s="10"/>
      <c r="CPP1017" s="10"/>
      <c r="CPQ1017" s="10"/>
      <c r="CPR1017" s="10"/>
      <c r="CPS1017" s="10"/>
      <c r="CPT1017" s="10"/>
      <c r="CPU1017" s="10"/>
      <c r="CPV1017" s="10"/>
      <c r="CPW1017" s="10"/>
      <c r="CPX1017" s="10"/>
      <c r="CPY1017" s="10"/>
      <c r="CPZ1017" s="10"/>
      <c r="CQA1017" s="10"/>
      <c r="CQB1017" s="10"/>
      <c r="CQC1017" s="10"/>
      <c r="CQD1017" s="10"/>
      <c r="CQE1017" s="10"/>
      <c r="CQF1017" s="10"/>
      <c r="CQG1017" s="10"/>
      <c r="CQH1017" s="10"/>
      <c r="CQI1017" s="10"/>
      <c r="CQJ1017" s="10"/>
      <c r="CQK1017" s="10"/>
      <c r="CQL1017" s="10"/>
      <c r="CQM1017" s="10"/>
      <c r="CQN1017" s="10"/>
      <c r="CQO1017" s="10"/>
      <c r="CQP1017" s="10"/>
      <c r="CQQ1017" s="10"/>
      <c r="CQR1017" s="10"/>
      <c r="CQS1017" s="10"/>
      <c r="CQT1017" s="10"/>
      <c r="CQU1017" s="10"/>
      <c r="CQV1017" s="10"/>
      <c r="CQW1017" s="10"/>
      <c r="CQX1017" s="10"/>
      <c r="CQY1017" s="10"/>
      <c r="CQZ1017" s="10"/>
      <c r="CRA1017" s="10"/>
      <c r="CRB1017" s="10"/>
      <c r="CRC1017" s="10"/>
      <c r="CRD1017" s="10"/>
      <c r="CRE1017" s="10"/>
      <c r="CRF1017" s="10"/>
      <c r="CRG1017" s="10"/>
      <c r="CRH1017" s="10"/>
      <c r="CRI1017" s="10"/>
      <c r="CRJ1017" s="10"/>
      <c r="CRK1017" s="10"/>
      <c r="CRL1017" s="10"/>
      <c r="CRM1017" s="10"/>
      <c r="CRN1017" s="10"/>
      <c r="CRO1017" s="10"/>
      <c r="CRP1017" s="10"/>
      <c r="CRQ1017" s="10"/>
      <c r="CRR1017" s="10"/>
      <c r="CRS1017" s="10"/>
      <c r="CRT1017" s="10"/>
      <c r="CRU1017" s="10"/>
      <c r="CRV1017" s="10"/>
      <c r="CRW1017" s="10"/>
      <c r="CRX1017" s="10"/>
      <c r="CRY1017" s="10"/>
      <c r="CRZ1017" s="10"/>
      <c r="CSA1017" s="10"/>
      <c r="CSB1017" s="10"/>
      <c r="CSC1017" s="10"/>
      <c r="CSD1017" s="10"/>
      <c r="CSE1017" s="10"/>
      <c r="CSF1017" s="10"/>
      <c r="CSG1017" s="10"/>
      <c r="CSH1017" s="10"/>
      <c r="CSI1017" s="10"/>
      <c r="CSJ1017" s="10"/>
      <c r="CSK1017" s="10"/>
      <c r="CSL1017" s="10"/>
      <c r="CSM1017" s="10"/>
      <c r="CSN1017" s="10"/>
      <c r="CSO1017" s="10"/>
      <c r="CSP1017" s="10"/>
      <c r="CSQ1017" s="10"/>
      <c r="CSR1017" s="10"/>
      <c r="CSS1017" s="10"/>
      <c r="CST1017" s="10"/>
      <c r="CSU1017" s="10"/>
      <c r="CSV1017" s="10"/>
      <c r="CSW1017" s="10"/>
      <c r="CSX1017" s="10"/>
      <c r="CSY1017" s="10"/>
      <c r="CSZ1017" s="10"/>
      <c r="CTA1017" s="10"/>
      <c r="CTB1017" s="10"/>
      <c r="CTC1017" s="10"/>
      <c r="CTD1017" s="10"/>
      <c r="CTE1017" s="10"/>
      <c r="CTF1017" s="10"/>
      <c r="CTG1017" s="10"/>
      <c r="CTH1017" s="10"/>
      <c r="CTI1017" s="10"/>
      <c r="CTJ1017" s="10"/>
      <c r="CTK1017" s="10"/>
      <c r="CTL1017" s="10"/>
      <c r="CTM1017" s="10"/>
      <c r="CTN1017" s="10"/>
      <c r="CTO1017" s="10"/>
      <c r="CTP1017" s="10"/>
      <c r="CTQ1017" s="10"/>
      <c r="CTR1017" s="10"/>
      <c r="CTS1017" s="10"/>
      <c r="CTT1017" s="10"/>
      <c r="CTU1017" s="10"/>
      <c r="CTV1017" s="10"/>
      <c r="CTW1017" s="10"/>
      <c r="CTX1017" s="10"/>
      <c r="CTY1017" s="10"/>
      <c r="CTZ1017" s="10"/>
      <c r="CUA1017" s="10"/>
      <c r="CUB1017" s="10"/>
      <c r="CUC1017" s="10"/>
      <c r="CUD1017" s="10"/>
      <c r="CUE1017" s="10"/>
      <c r="CUF1017" s="10"/>
      <c r="CUG1017" s="10"/>
      <c r="CUH1017" s="10"/>
      <c r="CUI1017" s="10"/>
      <c r="CUJ1017" s="10"/>
      <c r="CUK1017" s="10"/>
      <c r="CUL1017" s="10"/>
      <c r="CUM1017" s="10"/>
      <c r="CUN1017" s="10"/>
      <c r="CUO1017" s="10"/>
      <c r="CUP1017" s="10"/>
      <c r="CUQ1017" s="10"/>
      <c r="CUR1017" s="10"/>
      <c r="CUS1017" s="10"/>
      <c r="CUT1017" s="10"/>
      <c r="CUU1017" s="10"/>
      <c r="CUV1017" s="10"/>
      <c r="CUW1017" s="10"/>
      <c r="CUX1017" s="10"/>
      <c r="CUY1017" s="10"/>
      <c r="CUZ1017" s="10"/>
      <c r="CVA1017" s="10"/>
      <c r="CVB1017" s="10"/>
      <c r="CVC1017" s="10"/>
      <c r="CVD1017" s="10"/>
      <c r="CVE1017" s="10"/>
      <c r="CVF1017" s="10"/>
      <c r="CVG1017" s="10"/>
      <c r="CVH1017" s="10"/>
      <c r="CVI1017" s="10"/>
      <c r="CVJ1017" s="10"/>
      <c r="CVK1017" s="10"/>
      <c r="CVL1017" s="10"/>
      <c r="CVM1017" s="10"/>
      <c r="CVN1017" s="10"/>
      <c r="CVO1017" s="10"/>
      <c r="CVP1017" s="10"/>
      <c r="CVQ1017" s="10"/>
      <c r="CVR1017" s="10"/>
      <c r="CVS1017" s="10"/>
      <c r="CVT1017" s="10"/>
      <c r="CVU1017" s="10"/>
      <c r="CVV1017" s="10"/>
      <c r="CVW1017" s="10"/>
      <c r="CVX1017" s="10"/>
      <c r="CVY1017" s="10"/>
      <c r="CVZ1017" s="10"/>
      <c r="CWA1017" s="10"/>
      <c r="CWB1017" s="10"/>
      <c r="CWC1017" s="10"/>
      <c r="CWD1017" s="10"/>
      <c r="CWE1017" s="10"/>
      <c r="CWF1017" s="10"/>
      <c r="CWG1017" s="10"/>
      <c r="CWH1017" s="10"/>
      <c r="CWI1017" s="10"/>
      <c r="CWJ1017" s="10"/>
      <c r="CWK1017" s="10"/>
      <c r="CWL1017" s="10"/>
      <c r="CWM1017" s="10"/>
      <c r="CWN1017" s="10"/>
      <c r="CWO1017" s="10"/>
      <c r="CWP1017" s="10"/>
      <c r="CWQ1017" s="10"/>
      <c r="CWR1017" s="10"/>
      <c r="CWS1017" s="10"/>
      <c r="CWT1017" s="10"/>
      <c r="CWU1017" s="10"/>
      <c r="CWV1017" s="10"/>
      <c r="CWW1017" s="10"/>
      <c r="CWX1017" s="10"/>
      <c r="CWY1017" s="10"/>
      <c r="CWZ1017" s="10"/>
      <c r="CXA1017" s="10"/>
      <c r="CXB1017" s="10"/>
      <c r="CXC1017" s="10"/>
      <c r="CXD1017" s="10"/>
      <c r="CXE1017" s="10"/>
      <c r="CXF1017" s="10"/>
      <c r="CXG1017" s="10"/>
      <c r="CXH1017" s="10"/>
      <c r="CXI1017" s="10"/>
      <c r="CXJ1017" s="10"/>
      <c r="CXK1017" s="10"/>
      <c r="CXL1017" s="10"/>
      <c r="CXM1017" s="10"/>
      <c r="CXN1017" s="10"/>
      <c r="CXO1017" s="10"/>
      <c r="CXP1017" s="10"/>
      <c r="CXQ1017" s="10"/>
      <c r="CXR1017" s="10"/>
      <c r="CXS1017" s="10"/>
      <c r="CXT1017" s="10"/>
      <c r="CXU1017" s="10"/>
      <c r="CXV1017" s="10"/>
      <c r="CXW1017" s="10"/>
      <c r="CXX1017" s="10"/>
      <c r="CXY1017" s="10"/>
      <c r="CXZ1017" s="10"/>
      <c r="CYA1017" s="10"/>
      <c r="CYB1017" s="10"/>
      <c r="CYC1017" s="10"/>
      <c r="CYD1017" s="10"/>
      <c r="CYE1017" s="10"/>
      <c r="CYF1017" s="10"/>
      <c r="CYG1017" s="10"/>
      <c r="CYH1017" s="10"/>
      <c r="CYI1017" s="10"/>
      <c r="CYJ1017" s="10"/>
      <c r="CYK1017" s="10"/>
      <c r="CYL1017" s="10"/>
      <c r="CYM1017" s="10"/>
      <c r="CYN1017" s="10"/>
      <c r="CYO1017" s="10"/>
      <c r="CYP1017" s="10"/>
      <c r="CYQ1017" s="10"/>
      <c r="CYR1017" s="10"/>
      <c r="CYS1017" s="10"/>
      <c r="CYT1017" s="10"/>
      <c r="CYU1017" s="10"/>
      <c r="CYV1017" s="10"/>
      <c r="CYW1017" s="10"/>
      <c r="CYX1017" s="10"/>
      <c r="CYY1017" s="10"/>
      <c r="CYZ1017" s="10"/>
      <c r="CZA1017" s="10"/>
      <c r="CZB1017" s="10"/>
      <c r="CZC1017" s="10"/>
      <c r="CZD1017" s="10"/>
      <c r="CZE1017" s="10"/>
      <c r="CZF1017" s="10"/>
      <c r="CZG1017" s="10"/>
      <c r="CZH1017" s="10"/>
      <c r="CZI1017" s="10"/>
      <c r="CZJ1017" s="10"/>
      <c r="CZK1017" s="10"/>
      <c r="CZL1017" s="10"/>
      <c r="CZM1017" s="10"/>
      <c r="CZN1017" s="10"/>
      <c r="CZO1017" s="10"/>
      <c r="CZP1017" s="10"/>
      <c r="CZQ1017" s="10"/>
      <c r="CZR1017" s="10"/>
      <c r="CZS1017" s="10"/>
      <c r="CZT1017" s="10"/>
      <c r="CZU1017" s="10"/>
      <c r="CZV1017" s="10"/>
      <c r="CZW1017" s="10"/>
      <c r="CZX1017" s="10"/>
      <c r="CZY1017" s="10"/>
      <c r="CZZ1017" s="10"/>
      <c r="DAA1017" s="10"/>
      <c r="DAB1017" s="10"/>
      <c r="DAC1017" s="10"/>
      <c r="DAD1017" s="10"/>
      <c r="DAE1017" s="10"/>
      <c r="DAF1017" s="10"/>
      <c r="DAG1017" s="10"/>
      <c r="DAH1017" s="10"/>
      <c r="DAI1017" s="10"/>
      <c r="DAJ1017" s="10"/>
      <c r="DAK1017" s="10"/>
      <c r="DAL1017" s="10"/>
      <c r="DAM1017" s="10"/>
      <c r="DAN1017" s="10"/>
      <c r="DAO1017" s="10"/>
      <c r="DAP1017" s="10"/>
      <c r="DAQ1017" s="10"/>
      <c r="DAR1017" s="10"/>
      <c r="DAS1017" s="10"/>
      <c r="DAT1017" s="10"/>
      <c r="DAU1017" s="10"/>
      <c r="DAV1017" s="10"/>
      <c r="DAW1017" s="10"/>
      <c r="DAX1017" s="10"/>
      <c r="DAY1017" s="10"/>
      <c r="DAZ1017" s="10"/>
      <c r="DBA1017" s="10"/>
      <c r="DBB1017" s="10"/>
      <c r="DBC1017" s="10"/>
      <c r="DBD1017" s="10"/>
      <c r="DBE1017" s="10"/>
      <c r="DBF1017" s="10"/>
      <c r="DBG1017" s="10"/>
      <c r="DBH1017" s="10"/>
      <c r="DBI1017" s="10"/>
      <c r="DBJ1017" s="10"/>
      <c r="DBK1017" s="10"/>
      <c r="DBL1017" s="10"/>
      <c r="DBM1017" s="10"/>
      <c r="DBN1017" s="10"/>
      <c r="DBO1017" s="10"/>
      <c r="DBP1017" s="10"/>
      <c r="DBQ1017" s="10"/>
      <c r="DBR1017" s="10"/>
      <c r="DBS1017" s="10"/>
      <c r="DBT1017" s="10"/>
      <c r="DBU1017" s="10"/>
      <c r="DBV1017" s="10"/>
      <c r="DBW1017" s="10"/>
      <c r="DBX1017" s="10"/>
      <c r="DBY1017" s="10"/>
      <c r="DBZ1017" s="10"/>
      <c r="DCA1017" s="10"/>
      <c r="DCB1017" s="10"/>
      <c r="DCC1017" s="10"/>
      <c r="DCD1017" s="10"/>
      <c r="DCE1017" s="10"/>
      <c r="DCF1017" s="10"/>
      <c r="DCG1017" s="10"/>
      <c r="DCH1017" s="10"/>
      <c r="DCI1017" s="10"/>
      <c r="DCJ1017" s="10"/>
      <c r="DCK1017" s="10"/>
      <c r="DCL1017" s="10"/>
      <c r="DCM1017" s="10"/>
      <c r="DCN1017" s="10"/>
      <c r="DCO1017" s="10"/>
      <c r="DCP1017" s="10"/>
      <c r="DCQ1017" s="10"/>
      <c r="DCR1017" s="10"/>
      <c r="DCS1017" s="10"/>
      <c r="DCT1017" s="10"/>
      <c r="DCU1017" s="10"/>
      <c r="DCV1017" s="10"/>
      <c r="DCW1017" s="10"/>
      <c r="DCX1017" s="10"/>
      <c r="DCY1017" s="10"/>
      <c r="DCZ1017" s="10"/>
      <c r="DDA1017" s="10"/>
      <c r="DDB1017" s="10"/>
      <c r="DDC1017" s="10"/>
      <c r="DDD1017" s="10"/>
      <c r="DDE1017" s="10"/>
      <c r="DDF1017" s="10"/>
      <c r="DDG1017" s="10"/>
      <c r="DDH1017" s="10"/>
      <c r="DDI1017" s="10"/>
      <c r="DDJ1017" s="10"/>
      <c r="DDK1017" s="10"/>
      <c r="DDL1017" s="10"/>
      <c r="DDM1017" s="10"/>
      <c r="DDN1017" s="10"/>
      <c r="DDO1017" s="10"/>
      <c r="DDP1017" s="10"/>
      <c r="DDQ1017" s="10"/>
      <c r="DDR1017" s="10"/>
      <c r="DDS1017" s="10"/>
      <c r="DDT1017" s="10"/>
      <c r="DDU1017" s="10"/>
      <c r="DDV1017" s="10"/>
      <c r="DDW1017" s="10"/>
      <c r="DDX1017" s="10"/>
      <c r="DDY1017" s="10"/>
      <c r="DDZ1017" s="10"/>
      <c r="DEA1017" s="10"/>
      <c r="DEB1017" s="10"/>
      <c r="DEC1017" s="10"/>
      <c r="DED1017" s="10"/>
      <c r="DEE1017" s="10"/>
      <c r="DEF1017" s="10"/>
      <c r="DEG1017" s="10"/>
      <c r="DEH1017" s="10"/>
      <c r="DEI1017" s="10"/>
      <c r="DEJ1017" s="10"/>
      <c r="DEK1017" s="10"/>
      <c r="DEL1017" s="10"/>
      <c r="DEM1017" s="10"/>
      <c r="DEN1017" s="10"/>
      <c r="DEO1017" s="10"/>
      <c r="DEP1017" s="10"/>
      <c r="DEQ1017" s="10"/>
      <c r="DER1017" s="10"/>
      <c r="DES1017" s="10"/>
      <c r="DET1017" s="10"/>
      <c r="DEU1017" s="10"/>
      <c r="DEV1017" s="10"/>
      <c r="DEW1017" s="10"/>
      <c r="DEX1017" s="10"/>
      <c r="DEY1017" s="10"/>
      <c r="DEZ1017" s="10"/>
      <c r="DFA1017" s="10"/>
      <c r="DFB1017" s="10"/>
      <c r="DFC1017" s="10"/>
      <c r="DFD1017" s="10"/>
      <c r="DFE1017" s="10"/>
      <c r="DFF1017" s="10"/>
      <c r="DFG1017" s="10"/>
      <c r="DFH1017" s="10"/>
      <c r="DFI1017" s="10"/>
      <c r="DFJ1017" s="10"/>
      <c r="DFK1017" s="10"/>
      <c r="DFL1017" s="10"/>
      <c r="DFM1017" s="10"/>
      <c r="DFN1017" s="10"/>
      <c r="DFO1017" s="10"/>
      <c r="DFP1017" s="10"/>
      <c r="DFQ1017" s="10"/>
      <c r="DFR1017" s="10"/>
      <c r="DFS1017" s="10"/>
      <c r="DFT1017" s="10"/>
      <c r="DFU1017" s="10"/>
      <c r="DFV1017" s="10"/>
      <c r="DFW1017" s="10"/>
      <c r="DFX1017" s="10"/>
      <c r="DFY1017" s="10"/>
      <c r="DFZ1017" s="10"/>
      <c r="DGA1017" s="10"/>
      <c r="DGB1017" s="10"/>
      <c r="DGC1017" s="10"/>
      <c r="DGD1017" s="10"/>
      <c r="DGE1017" s="10"/>
      <c r="DGF1017" s="10"/>
      <c r="DGG1017" s="10"/>
      <c r="DGH1017" s="10"/>
      <c r="DGI1017" s="10"/>
      <c r="DGJ1017" s="10"/>
      <c r="DGK1017" s="10"/>
      <c r="DGL1017" s="10"/>
      <c r="DGM1017" s="10"/>
      <c r="DGN1017" s="10"/>
      <c r="DGO1017" s="10"/>
      <c r="DGP1017" s="10"/>
      <c r="DGQ1017" s="10"/>
      <c r="DGR1017" s="10"/>
      <c r="DGS1017" s="10"/>
      <c r="DGT1017" s="10"/>
      <c r="DGU1017" s="10"/>
      <c r="DGV1017" s="10"/>
      <c r="DGW1017" s="10"/>
      <c r="DGX1017" s="10"/>
      <c r="DGY1017" s="10"/>
      <c r="DGZ1017" s="10"/>
      <c r="DHA1017" s="10"/>
      <c r="DHB1017" s="10"/>
      <c r="DHC1017" s="10"/>
      <c r="DHD1017" s="10"/>
      <c r="DHE1017" s="10"/>
      <c r="DHF1017" s="10"/>
      <c r="DHG1017" s="10"/>
      <c r="DHH1017" s="10"/>
      <c r="DHI1017" s="10"/>
      <c r="DHJ1017" s="10"/>
      <c r="DHK1017" s="10"/>
      <c r="DHL1017" s="10"/>
      <c r="DHM1017" s="10"/>
      <c r="DHN1017" s="10"/>
      <c r="DHO1017" s="10"/>
      <c r="DHP1017" s="10"/>
      <c r="DHQ1017" s="10"/>
      <c r="DHR1017" s="10"/>
      <c r="DHS1017" s="10"/>
      <c r="DHT1017" s="10"/>
      <c r="DHU1017" s="10"/>
      <c r="DHV1017" s="10"/>
      <c r="DHW1017" s="10"/>
      <c r="DHX1017" s="10"/>
      <c r="DHY1017" s="10"/>
      <c r="DHZ1017" s="10"/>
      <c r="DIA1017" s="10"/>
      <c r="DIB1017" s="10"/>
      <c r="DIC1017" s="10"/>
      <c r="DID1017" s="10"/>
      <c r="DIE1017" s="10"/>
      <c r="DIF1017" s="10"/>
      <c r="DIG1017" s="10"/>
      <c r="DIH1017" s="10"/>
      <c r="DII1017" s="10"/>
      <c r="DIJ1017" s="10"/>
      <c r="DIK1017" s="10"/>
      <c r="DIL1017" s="10"/>
      <c r="DIM1017" s="10"/>
      <c r="DIN1017" s="10"/>
      <c r="DIO1017" s="10"/>
      <c r="DIP1017" s="10"/>
      <c r="DIQ1017" s="10"/>
      <c r="DIR1017" s="10"/>
      <c r="DIS1017" s="10"/>
      <c r="DIT1017" s="10"/>
      <c r="DIU1017" s="10"/>
      <c r="DIV1017" s="10"/>
      <c r="DIW1017" s="10"/>
      <c r="DIX1017" s="10"/>
      <c r="DIY1017" s="10"/>
      <c r="DIZ1017" s="10"/>
      <c r="DJA1017" s="10"/>
      <c r="DJB1017" s="10"/>
      <c r="DJC1017" s="10"/>
      <c r="DJD1017" s="10"/>
      <c r="DJE1017" s="10"/>
      <c r="DJF1017" s="10"/>
      <c r="DJG1017" s="10"/>
      <c r="DJH1017" s="10"/>
      <c r="DJI1017" s="10"/>
      <c r="DJJ1017" s="10"/>
      <c r="DJK1017" s="10"/>
      <c r="DJL1017" s="10"/>
      <c r="DJM1017" s="10"/>
      <c r="DJN1017" s="10"/>
      <c r="DJO1017" s="10"/>
      <c r="DJP1017" s="10"/>
      <c r="DJQ1017" s="10"/>
      <c r="DJR1017" s="10"/>
      <c r="DJS1017" s="10"/>
      <c r="DJT1017" s="10"/>
      <c r="DJU1017" s="10"/>
      <c r="DJV1017" s="10"/>
      <c r="DJW1017" s="10"/>
      <c r="DJX1017" s="10"/>
      <c r="DJY1017" s="10"/>
      <c r="DJZ1017" s="10"/>
      <c r="DKA1017" s="10"/>
      <c r="DKB1017" s="10"/>
      <c r="DKC1017" s="10"/>
      <c r="DKD1017" s="10"/>
      <c r="DKE1017" s="10"/>
      <c r="DKF1017" s="10"/>
      <c r="DKG1017" s="10"/>
      <c r="DKH1017" s="10"/>
      <c r="DKI1017" s="10"/>
      <c r="DKJ1017" s="10"/>
      <c r="DKK1017" s="10"/>
      <c r="DKL1017" s="10"/>
      <c r="DKM1017" s="10"/>
      <c r="DKN1017" s="10"/>
      <c r="DKO1017" s="10"/>
      <c r="DKP1017" s="10"/>
      <c r="DKQ1017" s="10"/>
      <c r="DKR1017" s="10"/>
      <c r="DKS1017" s="10"/>
      <c r="DKT1017" s="10"/>
      <c r="DKU1017" s="10"/>
      <c r="DKV1017" s="10"/>
      <c r="DKW1017" s="10"/>
      <c r="DKX1017" s="10"/>
      <c r="DKY1017" s="10"/>
      <c r="DKZ1017" s="10"/>
      <c r="DLA1017" s="10"/>
      <c r="DLB1017" s="10"/>
      <c r="DLC1017" s="10"/>
      <c r="DLD1017" s="10"/>
      <c r="DLE1017" s="10"/>
      <c r="DLF1017" s="10"/>
      <c r="DLG1017" s="10"/>
      <c r="DLH1017" s="10"/>
      <c r="DLI1017" s="10"/>
      <c r="DLJ1017" s="10"/>
      <c r="DLK1017" s="10"/>
      <c r="DLL1017" s="10"/>
      <c r="DLM1017" s="10"/>
      <c r="DLN1017" s="10"/>
      <c r="DLO1017" s="10"/>
      <c r="DLP1017" s="10"/>
      <c r="DLQ1017" s="10"/>
      <c r="DLR1017" s="10"/>
      <c r="DLS1017" s="10"/>
      <c r="DLT1017" s="10"/>
      <c r="DLU1017" s="10"/>
      <c r="DLV1017" s="10"/>
      <c r="DLW1017" s="10"/>
      <c r="DLX1017" s="10"/>
      <c r="DLY1017" s="10"/>
      <c r="DLZ1017" s="10"/>
      <c r="DMA1017" s="10"/>
      <c r="DMB1017" s="10"/>
      <c r="DMC1017" s="10"/>
      <c r="DMD1017" s="10"/>
      <c r="DME1017" s="10"/>
      <c r="DMF1017" s="10"/>
      <c r="DMG1017" s="10"/>
      <c r="DMH1017" s="10"/>
      <c r="DMI1017" s="10"/>
      <c r="DMJ1017" s="10"/>
      <c r="DMK1017" s="10"/>
      <c r="DML1017" s="10"/>
      <c r="DMM1017" s="10"/>
      <c r="DMN1017" s="10"/>
      <c r="DMO1017" s="10"/>
      <c r="DMP1017" s="10"/>
      <c r="DMQ1017" s="10"/>
      <c r="DMR1017" s="10"/>
      <c r="DMS1017" s="10"/>
      <c r="DMT1017" s="10"/>
      <c r="DMU1017" s="10"/>
      <c r="DMV1017" s="10"/>
      <c r="DMW1017" s="10"/>
      <c r="DMX1017" s="10"/>
      <c r="DMY1017" s="10"/>
      <c r="DMZ1017" s="10"/>
      <c r="DNA1017" s="10"/>
      <c r="DNB1017" s="10"/>
      <c r="DNC1017" s="10"/>
      <c r="DND1017" s="10"/>
      <c r="DNE1017" s="10"/>
      <c r="DNF1017" s="10"/>
      <c r="DNG1017" s="10"/>
      <c r="DNH1017" s="10"/>
      <c r="DNI1017" s="10"/>
      <c r="DNJ1017" s="10"/>
      <c r="DNK1017" s="10"/>
      <c r="DNL1017" s="10"/>
      <c r="DNM1017" s="10"/>
      <c r="DNN1017" s="10"/>
      <c r="DNO1017" s="10"/>
      <c r="DNP1017" s="10"/>
      <c r="DNQ1017" s="10"/>
      <c r="DNR1017" s="10"/>
      <c r="DNS1017" s="10"/>
      <c r="DNT1017" s="10"/>
      <c r="DNU1017" s="10"/>
      <c r="DNV1017" s="10"/>
      <c r="DNW1017" s="10"/>
      <c r="DNX1017" s="10"/>
      <c r="DNY1017" s="10"/>
      <c r="DNZ1017" s="10"/>
      <c r="DOA1017" s="10"/>
      <c r="DOB1017" s="10"/>
      <c r="DOC1017" s="10"/>
      <c r="DOD1017" s="10"/>
      <c r="DOE1017" s="10"/>
      <c r="DOF1017" s="10"/>
      <c r="DOG1017" s="10"/>
      <c r="DOH1017" s="10"/>
      <c r="DOI1017" s="10"/>
      <c r="DOJ1017" s="10"/>
      <c r="DOK1017" s="10"/>
      <c r="DOL1017" s="10"/>
      <c r="DOM1017" s="10"/>
      <c r="DON1017" s="10"/>
      <c r="DOO1017" s="10"/>
      <c r="DOP1017" s="10"/>
      <c r="DOQ1017" s="10"/>
      <c r="DOR1017" s="10"/>
      <c r="DOS1017" s="10"/>
      <c r="DOT1017" s="10"/>
      <c r="DOU1017" s="10"/>
      <c r="DOV1017" s="10"/>
      <c r="DOW1017" s="10"/>
      <c r="DOX1017" s="10"/>
      <c r="DOY1017" s="10"/>
      <c r="DOZ1017" s="10"/>
      <c r="DPA1017" s="10"/>
      <c r="DPB1017" s="10"/>
      <c r="DPC1017" s="10"/>
      <c r="DPD1017" s="10"/>
      <c r="DPE1017" s="10"/>
      <c r="DPF1017" s="10"/>
      <c r="DPG1017" s="10"/>
      <c r="DPH1017" s="10"/>
      <c r="DPI1017" s="10"/>
      <c r="DPJ1017" s="10"/>
      <c r="DPK1017" s="10"/>
      <c r="DPL1017" s="10"/>
      <c r="DPM1017" s="10"/>
      <c r="DPN1017" s="10"/>
      <c r="DPO1017" s="10"/>
      <c r="DPP1017" s="10"/>
      <c r="DPQ1017" s="10"/>
      <c r="DPR1017" s="10"/>
      <c r="DPS1017" s="10"/>
      <c r="DPT1017" s="10"/>
      <c r="DPU1017" s="10"/>
      <c r="DPV1017" s="10"/>
      <c r="DPW1017" s="10"/>
      <c r="DPX1017" s="10"/>
      <c r="DPY1017" s="10"/>
      <c r="DPZ1017" s="10"/>
      <c r="DQA1017" s="10"/>
      <c r="DQB1017" s="10"/>
      <c r="DQC1017" s="10"/>
      <c r="DQD1017" s="10"/>
      <c r="DQE1017" s="10"/>
      <c r="DQF1017" s="10"/>
      <c r="DQG1017" s="10"/>
      <c r="DQH1017" s="10"/>
      <c r="DQI1017" s="10"/>
      <c r="DQJ1017" s="10"/>
      <c r="DQK1017" s="10"/>
      <c r="DQL1017" s="10"/>
      <c r="DQM1017" s="10"/>
      <c r="DQN1017" s="10"/>
      <c r="DQO1017" s="10"/>
      <c r="DQP1017" s="10"/>
      <c r="DQQ1017" s="10"/>
      <c r="DQR1017" s="10"/>
      <c r="DQS1017" s="10"/>
      <c r="DQT1017" s="10"/>
      <c r="DQU1017" s="10"/>
      <c r="DQV1017" s="10"/>
      <c r="DQW1017" s="10"/>
      <c r="DQX1017" s="10"/>
      <c r="DQY1017" s="10"/>
      <c r="DQZ1017" s="10"/>
      <c r="DRA1017" s="10"/>
      <c r="DRB1017" s="10"/>
      <c r="DRC1017" s="10"/>
      <c r="DRD1017" s="10"/>
      <c r="DRE1017" s="10"/>
      <c r="DRF1017" s="10"/>
      <c r="DRG1017" s="10"/>
      <c r="DRH1017" s="10"/>
      <c r="DRI1017" s="10"/>
      <c r="DRJ1017" s="10"/>
      <c r="DRK1017" s="10"/>
      <c r="DRL1017" s="10"/>
      <c r="DRM1017" s="10"/>
      <c r="DRN1017" s="10"/>
      <c r="DRO1017" s="10"/>
      <c r="DRP1017" s="10"/>
      <c r="DRQ1017" s="10"/>
      <c r="DRR1017" s="10"/>
      <c r="DRS1017" s="10"/>
      <c r="DRT1017" s="10"/>
      <c r="DRU1017" s="10"/>
      <c r="DRV1017" s="10"/>
      <c r="DRW1017" s="10"/>
      <c r="DRX1017" s="10"/>
      <c r="DRY1017" s="10"/>
      <c r="DRZ1017" s="10"/>
      <c r="DSA1017" s="10"/>
      <c r="DSB1017" s="10"/>
      <c r="DSC1017" s="10"/>
      <c r="DSD1017" s="10"/>
      <c r="DSE1017" s="10"/>
      <c r="DSF1017" s="10"/>
      <c r="DSG1017" s="10"/>
      <c r="DSH1017" s="10"/>
      <c r="DSI1017" s="10"/>
      <c r="DSJ1017" s="10"/>
      <c r="DSK1017" s="10"/>
      <c r="DSL1017" s="10"/>
      <c r="DSM1017" s="10"/>
      <c r="DSN1017" s="10"/>
      <c r="DSO1017" s="10"/>
      <c r="DSP1017" s="10"/>
      <c r="DSQ1017" s="10"/>
      <c r="DSR1017" s="10"/>
      <c r="DSS1017" s="10"/>
      <c r="DST1017" s="10"/>
      <c r="DSU1017" s="10"/>
      <c r="DSV1017" s="10"/>
      <c r="DSW1017" s="10"/>
      <c r="DSX1017" s="10"/>
      <c r="DSY1017" s="10"/>
      <c r="DSZ1017" s="10"/>
      <c r="DTA1017" s="10"/>
      <c r="DTB1017" s="10"/>
      <c r="DTC1017" s="10"/>
      <c r="DTD1017" s="10"/>
      <c r="DTE1017" s="10"/>
      <c r="DTF1017" s="10"/>
      <c r="DTG1017" s="10"/>
      <c r="DTH1017" s="10"/>
      <c r="DTI1017" s="10"/>
      <c r="DTJ1017" s="10"/>
      <c r="DTK1017" s="10"/>
      <c r="DTL1017" s="10"/>
      <c r="DTM1017" s="10"/>
      <c r="DTN1017" s="10"/>
      <c r="DTO1017" s="10"/>
      <c r="DTP1017" s="10"/>
      <c r="DTQ1017" s="10"/>
      <c r="DTR1017" s="10"/>
      <c r="DTS1017" s="10"/>
      <c r="DTT1017" s="10"/>
      <c r="DTU1017" s="10"/>
      <c r="DTV1017" s="10"/>
      <c r="DTW1017" s="10"/>
      <c r="DTX1017" s="10"/>
      <c r="DTY1017" s="10"/>
      <c r="DTZ1017" s="10"/>
      <c r="DUA1017" s="10"/>
      <c r="DUB1017" s="10"/>
      <c r="DUC1017" s="10"/>
      <c r="DUD1017" s="10"/>
      <c r="DUE1017" s="10"/>
      <c r="DUF1017" s="10"/>
      <c r="DUG1017" s="10"/>
      <c r="DUH1017" s="10"/>
      <c r="DUI1017" s="10"/>
      <c r="DUJ1017" s="10"/>
      <c r="DUK1017" s="10"/>
      <c r="DUL1017" s="10"/>
      <c r="DUM1017" s="10"/>
      <c r="DUN1017" s="10"/>
      <c r="DUO1017" s="10"/>
      <c r="DUP1017" s="10"/>
      <c r="DUQ1017" s="10"/>
      <c r="DUR1017" s="10"/>
      <c r="DUS1017" s="10"/>
      <c r="DUT1017" s="10"/>
      <c r="DUU1017" s="10"/>
      <c r="DUV1017" s="10"/>
      <c r="DUW1017" s="10"/>
      <c r="DUX1017" s="10"/>
      <c r="DUY1017" s="10"/>
      <c r="DUZ1017" s="10"/>
      <c r="DVA1017" s="10"/>
      <c r="DVB1017" s="10"/>
      <c r="DVC1017" s="10"/>
      <c r="DVD1017" s="10"/>
      <c r="DVE1017" s="10"/>
      <c r="DVF1017" s="10"/>
      <c r="DVG1017" s="10"/>
      <c r="DVH1017" s="10"/>
      <c r="DVI1017" s="10"/>
      <c r="DVJ1017" s="10"/>
      <c r="DVK1017" s="10"/>
      <c r="DVL1017" s="10"/>
      <c r="DVM1017" s="10"/>
      <c r="DVN1017" s="10"/>
      <c r="DVO1017" s="10"/>
      <c r="DVP1017" s="10"/>
      <c r="DVQ1017" s="10"/>
      <c r="DVR1017" s="10"/>
      <c r="DVS1017" s="10"/>
      <c r="DVT1017" s="10"/>
      <c r="DVU1017" s="10"/>
      <c r="DVV1017" s="10"/>
      <c r="DVW1017" s="10"/>
      <c r="DVX1017" s="10"/>
      <c r="DVY1017" s="10"/>
      <c r="DVZ1017" s="10"/>
      <c r="DWA1017" s="10"/>
      <c r="DWB1017" s="10"/>
      <c r="DWC1017" s="10"/>
      <c r="DWD1017" s="10"/>
      <c r="DWE1017" s="10"/>
      <c r="DWF1017" s="10"/>
      <c r="DWG1017" s="10"/>
      <c r="DWH1017" s="10"/>
      <c r="DWI1017" s="10"/>
      <c r="DWJ1017" s="10"/>
      <c r="DWK1017" s="10"/>
      <c r="DWL1017" s="10"/>
      <c r="DWM1017" s="10"/>
      <c r="DWN1017" s="10"/>
      <c r="DWO1017" s="10"/>
      <c r="DWP1017" s="10"/>
      <c r="DWQ1017" s="10"/>
      <c r="DWR1017" s="10"/>
      <c r="DWS1017" s="10"/>
      <c r="DWT1017" s="10"/>
      <c r="DWU1017" s="10"/>
      <c r="DWV1017" s="10"/>
      <c r="DWW1017" s="10"/>
      <c r="DWX1017" s="10"/>
      <c r="DWY1017" s="10"/>
      <c r="DWZ1017" s="10"/>
      <c r="DXA1017" s="10"/>
      <c r="DXB1017" s="10"/>
      <c r="DXC1017" s="10"/>
      <c r="DXD1017" s="10"/>
      <c r="DXE1017" s="10"/>
      <c r="DXF1017" s="10"/>
      <c r="DXG1017" s="10"/>
      <c r="DXH1017" s="10"/>
      <c r="DXI1017" s="10"/>
      <c r="DXJ1017" s="10"/>
      <c r="DXK1017" s="10"/>
      <c r="DXL1017" s="10"/>
      <c r="DXM1017" s="10"/>
      <c r="DXN1017" s="10"/>
      <c r="DXO1017" s="10"/>
      <c r="DXP1017" s="10"/>
      <c r="DXQ1017" s="10"/>
      <c r="DXR1017" s="10"/>
      <c r="DXS1017" s="10"/>
      <c r="DXT1017" s="10"/>
      <c r="DXU1017" s="10"/>
      <c r="DXV1017" s="10"/>
      <c r="DXW1017" s="10"/>
      <c r="DXX1017" s="10"/>
      <c r="DXY1017" s="10"/>
      <c r="DXZ1017" s="10"/>
      <c r="DYA1017" s="10"/>
      <c r="DYB1017" s="10"/>
      <c r="DYC1017" s="10"/>
      <c r="DYD1017" s="10"/>
      <c r="DYE1017" s="10"/>
      <c r="DYF1017" s="10"/>
      <c r="DYG1017" s="10"/>
      <c r="DYH1017" s="10"/>
      <c r="DYI1017" s="10"/>
      <c r="DYJ1017" s="10"/>
      <c r="DYK1017" s="10"/>
      <c r="DYL1017" s="10"/>
      <c r="DYM1017" s="10"/>
      <c r="DYN1017" s="10"/>
      <c r="DYO1017" s="10"/>
      <c r="DYP1017" s="10"/>
      <c r="DYQ1017" s="10"/>
      <c r="DYR1017" s="10"/>
      <c r="DYS1017" s="10"/>
      <c r="DYT1017" s="10"/>
      <c r="DYU1017" s="10"/>
      <c r="DYV1017" s="10"/>
      <c r="DYW1017" s="10"/>
      <c r="DYX1017" s="10"/>
      <c r="DYY1017" s="10"/>
      <c r="DYZ1017" s="10"/>
      <c r="DZA1017" s="10"/>
      <c r="DZB1017" s="10"/>
      <c r="DZC1017" s="10"/>
      <c r="DZD1017" s="10"/>
      <c r="DZE1017" s="10"/>
      <c r="DZF1017" s="10"/>
      <c r="DZG1017" s="10"/>
      <c r="DZH1017" s="10"/>
      <c r="DZI1017" s="10"/>
      <c r="DZJ1017" s="10"/>
      <c r="DZK1017" s="10"/>
      <c r="DZL1017" s="10"/>
      <c r="DZM1017" s="10"/>
      <c r="DZN1017" s="10"/>
      <c r="DZO1017" s="10"/>
      <c r="DZP1017" s="10"/>
      <c r="DZQ1017" s="10"/>
      <c r="DZR1017" s="10"/>
      <c r="DZS1017" s="10"/>
      <c r="DZT1017" s="10"/>
      <c r="DZU1017" s="10"/>
      <c r="DZV1017" s="10"/>
      <c r="DZW1017" s="10"/>
      <c r="DZX1017" s="10"/>
      <c r="DZY1017" s="10"/>
      <c r="DZZ1017" s="10"/>
      <c r="EAA1017" s="10"/>
      <c r="EAB1017" s="10"/>
      <c r="EAC1017" s="10"/>
      <c r="EAD1017" s="10"/>
      <c r="EAE1017" s="10"/>
      <c r="EAF1017" s="10"/>
      <c r="EAG1017" s="10"/>
      <c r="EAH1017" s="10"/>
      <c r="EAI1017" s="10"/>
      <c r="EAJ1017" s="10"/>
      <c r="EAK1017" s="10"/>
      <c r="EAL1017" s="10"/>
      <c r="EAM1017" s="10"/>
      <c r="EAN1017" s="10"/>
      <c r="EAO1017" s="10"/>
      <c r="EAP1017" s="10"/>
      <c r="EAQ1017" s="10"/>
      <c r="EAR1017" s="10"/>
      <c r="EAS1017" s="10"/>
      <c r="EAT1017" s="10"/>
      <c r="EAU1017" s="10"/>
      <c r="EAV1017" s="10"/>
      <c r="EAW1017" s="10"/>
      <c r="EAX1017" s="10"/>
      <c r="EAY1017" s="10"/>
      <c r="EAZ1017" s="10"/>
      <c r="EBA1017" s="10"/>
      <c r="EBB1017" s="10"/>
      <c r="EBC1017" s="10"/>
      <c r="EBD1017" s="10"/>
      <c r="EBE1017" s="10"/>
      <c r="EBF1017" s="10"/>
      <c r="EBG1017" s="10"/>
      <c r="EBH1017" s="10"/>
      <c r="EBI1017" s="10"/>
      <c r="EBJ1017" s="10"/>
      <c r="EBK1017" s="10"/>
      <c r="EBL1017" s="10"/>
      <c r="EBM1017" s="10"/>
      <c r="EBN1017" s="10"/>
      <c r="EBO1017" s="10"/>
      <c r="EBP1017" s="10"/>
      <c r="EBQ1017" s="10"/>
      <c r="EBR1017" s="10"/>
      <c r="EBS1017" s="10"/>
      <c r="EBT1017" s="10"/>
      <c r="EBU1017" s="10"/>
      <c r="EBV1017" s="10"/>
      <c r="EBW1017" s="10"/>
      <c r="EBX1017" s="10"/>
      <c r="EBY1017" s="10"/>
      <c r="EBZ1017" s="10"/>
      <c r="ECA1017" s="10"/>
      <c r="ECB1017" s="10"/>
      <c r="ECC1017" s="10"/>
      <c r="ECD1017" s="10"/>
      <c r="ECE1017" s="10"/>
      <c r="ECF1017" s="10"/>
      <c r="ECG1017" s="10"/>
      <c r="ECH1017" s="10"/>
      <c r="ECI1017" s="10"/>
      <c r="ECJ1017" s="10"/>
      <c r="ECK1017" s="10"/>
      <c r="ECL1017" s="10"/>
      <c r="ECM1017" s="10"/>
      <c r="ECN1017" s="10"/>
      <c r="ECO1017" s="10"/>
      <c r="ECP1017" s="10"/>
      <c r="ECQ1017" s="10"/>
      <c r="ECR1017" s="10"/>
      <c r="ECS1017" s="10"/>
      <c r="ECT1017" s="10"/>
      <c r="ECU1017" s="10"/>
      <c r="ECV1017" s="10"/>
      <c r="ECW1017" s="10"/>
      <c r="ECX1017" s="10"/>
      <c r="ECY1017" s="10"/>
      <c r="ECZ1017" s="10"/>
      <c r="EDA1017" s="10"/>
      <c r="EDB1017" s="10"/>
      <c r="EDC1017" s="10"/>
      <c r="EDD1017" s="10"/>
      <c r="EDE1017" s="10"/>
      <c r="EDF1017" s="10"/>
      <c r="EDG1017" s="10"/>
      <c r="EDH1017" s="10"/>
      <c r="EDI1017" s="10"/>
      <c r="EDJ1017" s="10"/>
      <c r="EDK1017" s="10"/>
      <c r="EDL1017" s="10"/>
      <c r="EDM1017" s="10"/>
      <c r="EDN1017" s="10"/>
      <c r="EDO1017" s="10"/>
      <c r="EDP1017" s="10"/>
      <c r="EDQ1017" s="10"/>
      <c r="EDR1017" s="10"/>
      <c r="EDS1017" s="10"/>
      <c r="EDT1017" s="10"/>
      <c r="EDU1017" s="10"/>
      <c r="EDV1017" s="10"/>
      <c r="EDW1017" s="10"/>
      <c r="EDX1017" s="10"/>
      <c r="EDY1017" s="10"/>
      <c r="EDZ1017" s="10"/>
      <c r="EEA1017" s="10"/>
      <c r="EEB1017" s="10"/>
      <c r="EEC1017" s="10"/>
      <c r="EED1017" s="10"/>
      <c r="EEE1017" s="10"/>
      <c r="EEF1017" s="10"/>
      <c r="EEG1017" s="10"/>
      <c r="EEH1017" s="10"/>
      <c r="EEI1017" s="10"/>
      <c r="EEJ1017" s="10"/>
      <c r="EEK1017" s="10"/>
      <c r="EEL1017" s="10"/>
      <c r="EEM1017" s="10"/>
      <c r="EEN1017" s="10"/>
      <c r="EEO1017" s="10"/>
      <c r="EEP1017" s="10"/>
      <c r="EEQ1017" s="10"/>
      <c r="EER1017" s="10"/>
      <c r="EES1017" s="10"/>
      <c r="EET1017" s="10"/>
      <c r="EEU1017" s="10"/>
      <c r="EEV1017" s="10"/>
      <c r="EEW1017" s="10"/>
      <c r="EEX1017" s="10"/>
      <c r="EEY1017" s="10"/>
      <c r="EEZ1017" s="10"/>
      <c r="EFA1017" s="10"/>
      <c r="EFB1017" s="10"/>
      <c r="EFC1017" s="10"/>
      <c r="EFD1017" s="10"/>
      <c r="EFE1017" s="10"/>
      <c r="EFF1017" s="10"/>
      <c r="EFG1017" s="10"/>
      <c r="EFH1017" s="10"/>
      <c r="EFI1017" s="10"/>
      <c r="EFJ1017" s="10"/>
      <c r="EFK1017" s="10"/>
      <c r="EFL1017" s="10"/>
      <c r="EFM1017" s="10"/>
      <c r="EFN1017" s="10"/>
      <c r="EFO1017" s="10"/>
      <c r="EFP1017" s="10"/>
      <c r="EFQ1017" s="10"/>
      <c r="EFR1017" s="10"/>
      <c r="EFS1017" s="10"/>
      <c r="EFT1017" s="10"/>
      <c r="EFU1017" s="10"/>
      <c r="EFV1017" s="10"/>
      <c r="EFW1017" s="10"/>
      <c r="EFX1017" s="10"/>
      <c r="EFY1017" s="10"/>
      <c r="EFZ1017" s="10"/>
      <c r="EGA1017" s="10"/>
      <c r="EGB1017" s="10"/>
      <c r="EGC1017" s="10"/>
      <c r="EGD1017" s="10"/>
      <c r="EGE1017" s="10"/>
      <c r="EGF1017" s="10"/>
      <c r="EGG1017" s="10"/>
      <c r="EGH1017" s="10"/>
      <c r="EGI1017" s="10"/>
      <c r="EGJ1017" s="10"/>
      <c r="EGK1017" s="10"/>
      <c r="EGL1017" s="10"/>
      <c r="EGM1017" s="10"/>
      <c r="EGN1017" s="10"/>
      <c r="EGO1017" s="10"/>
      <c r="EGP1017" s="10"/>
      <c r="EGQ1017" s="10"/>
      <c r="EGR1017" s="10"/>
      <c r="EGS1017" s="10"/>
      <c r="EGT1017" s="10"/>
      <c r="EGU1017" s="10"/>
      <c r="EGV1017" s="10"/>
      <c r="EGW1017" s="10"/>
      <c r="EGX1017" s="10"/>
      <c r="EGY1017" s="10"/>
      <c r="EGZ1017" s="10"/>
      <c r="EHA1017" s="10"/>
      <c r="EHB1017" s="10"/>
      <c r="EHC1017" s="10"/>
      <c r="EHD1017" s="10"/>
      <c r="EHE1017" s="10"/>
      <c r="EHF1017" s="10"/>
      <c r="EHG1017" s="10"/>
      <c r="EHH1017" s="10"/>
      <c r="EHI1017" s="10"/>
      <c r="EHJ1017" s="10"/>
      <c r="EHK1017" s="10"/>
      <c r="EHL1017" s="10"/>
      <c r="EHM1017" s="10"/>
      <c r="EHN1017" s="10"/>
      <c r="EHO1017" s="10"/>
      <c r="EHP1017" s="10"/>
      <c r="EHQ1017" s="10"/>
      <c r="EHR1017" s="10"/>
      <c r="EHS1017" s="10"/>
      <c r="EHT1017" s="10"/>
      <c r="EHU1017" s="10"/>
      <c r="EHV1017" s="10"/>
      <c r="EHW1017" s="10"/>
      <c r="EHX1017" s="10"/>
      <c r="EHY1017" s="10"/>
      <c r="EHZ1017" s="10"/>
      <c r="EIA1017" s="10"/>
      <c r="EIB1017" s="10"/>
      <c r="EIC1017" s="10"/>
      <c r="EID1017" s="10"/>
      <c r="EIE1017" s="10"/>
      <c r="EIF1017" s="10"/>
      <c r="EIG1017" s="10"/>
      <c r="EIH1017" s="10"/>
      <c r="EII1017" s="10"/>
      <c r="EIJ1017" s="10"/>
      <c r="EIK1017" s="10"/>
      <c r="EIL1017" s="10"/>
      <c r="EIM1017" s="10"/>
      <c r="EIN1017" s="10"/>
      <c r="EIO1017" s="10"/>
      <c r="EIP1017" s="10"/>
      <c r="EIQ1017" s="10"/>
      <c r="EIR1017" s="10"/>
      <c r="EIS1017" s="10"/>
      <c r="EIT1017" s="10"/>
      <c r="EIU1017" s="10"/>
      <c r="EIV1017" s="10"/>
      <c r="EIW1017" s="10"/>
      <c r="EIX1017" s="10"/>
      <c r="EIY1017" s="10"/>
      <c r="EIZ1017" s="10"/>
      <c r="EJA1017" s="10"/>
      <c r="EJB1017" s="10"/>
      <c r="EJC1017" s="10"/>
      <c r="EJD1017" s="10"/>
      <c r="EJE1017" s="10"/>
      <c r="EJF1017" s="10"/>
      <c r="EJG1017" s="10"/>
      <c r="EJH1017" s="10"/>
      <c r="EJI1017" s="10"/>
      <c r="EJJ1017" s="10"/>
      <c r="EJK1017" s="10"/>
      <c r="EJL1017" s="10"/>
      <c r="EJM1017" s="10"/>
      <c r="EJN1017" s="10"/>
      <c r="EJO1017" s="10"/>
      <c r="EJP1017" s="10"/>
      <c r="EJQ1017" s="10"/>
      <c r="EJR1017" s="10"/>
      <c r="EJS1017" s="10"/>
      <c r="EJT1017" s="10"/>
      <c r="EJU1017" s="10"/>
      <c r="EJV1017" s="10"/>
      <c r="EJW1017" s="10"/>
      <c r="EJX1017" s="10"/>
      <c r="EJY1017" s="10"/>
      <c r="EJZ1017" s="10"/>
      <c r="EKA1017" s="10"/>
      <c r="EKB1017" s="10"/>
      <c r="EKC1017" s="10"/>
      <c r="EKD1017" s="10"/>
      <c r="EKE1017" s="10"/>
      <c r="EKF1017" s="10"/>
      <c r="EKG1017" s="10"/>
      <c r="EKH1017" s="10"/>
      <c r="EKI1017" s="10"/>
      <c r="EKJ1017" s="10"/>
      <c r="EKK1017" s="10"/>
      <c r="EKL1017" s="10"/>
      <c r="EKM1017" s="10"/>
      <c r="EKN1017" s="10"/>
      <c r="EKO1017" s="10"/>
      <c r="EKP1017" s="10"/>
      <c r="EKQ1017" s="10"/>
      <c r="EKR1017" s="10"/>
      <c r="EKS1017" s="10"/>
      <c r="EKT1017" s="10"/>
      <c r="EKU1017" s="10"/>
      <c r="EKV1017" s="10"/>
      <c r="EKW1017" s="10"/>
      <c r="EKX1017" s="10"/>
      <c r="EKY1017" s="10"/>
      <c r="EKZ1017" s="10"/>
      <c r="ELA1017" s="10"/>
      <c r="ELB1017" s="10"/>
      <c r="ELC1017" s="10"/>
      <c r="ELD1017" s="10"/>
      <c r="ELE1017" s="10"/>
      <c r="ELF1017" s="10"/>
      <c r="ELG1017" s="10"/>
      <c r="ELH1017" s="10"/>
      <c r="ELI1017" s="10"/>
      <c r="ELJ1017" s="10"/>
      <c r="ELK1017" s="10"/>
      <c r="ELL1017" s="10"/>
      <c r="ELM1017" s="10"/>
      <c r="ELN1017" s="10"/>
      <c r="ELO1017" s="10"/>
      <c r="ELP1017" s="10"/>
      <c r="ELQ1017" s="10"/>
      <c r="ELR1017" s="10"/>
      <c r="ELS1017" s="10"/>
      <c r="ELT1017" s="10"/>
      <c r="ELU1017" s="10"/>
      <c r="ELV1017" s="10"/>
      <c r="ELW1017" s="10"/>
      <c r="ELX1017" s="10"/>
      <c r="ELY1017" s="10"/>
      <c r="ELZ1017" s="10"/>
      <c r="EMA1017" s="10"/>
      <c r="EMB1017" s="10"/>
      <c r="EMC1017" s="10"/>
      <c r="EMD1017" s="10"/>
      <c r="EME1017" s="10"/>
      <c r="EMF1017" s="10"/>
      <c r="EMG1017" s="10"/>
      <c r="EMH1017" s="10"/>
      <c r="EMI1017" s="10"/>
      <c r="EMJ1017" s="10"/>
      <c r="EMK1017" s="10"/>
      <c r="EML1017" s="10"/>
      <c r="EMM1017" s="10"/>
      <c r="EMN1017" s="10"/>
      <c r="EMO1017" s="10"/>
      <c r="EMP1017" s="10"/>
      <c r="EMQ1017" s="10"/>
      <c r="EMR1017" s="10"/>
      <c r="EMS1017" s="10"/>
      <c r="EMT1017" s="10"/>
      <c r="EMU1017" s="10"/>
      <c r="EMV1017" s="10"/>
      <c r="EMW1017" s="10"/>
      <c r="EMX1017" s="10"/>
      <c r="EMY1017" s="10"/>
      <c r="EMZ1017" s="10"/>
      <c r="ENA1017" s="10"/>
      <c r="ENB1017" s="10"/>
      <c r="ENC1017" s="10"/>
      <c r="END1017" s="10"/>
      <c r="ENE1017" s="10"/>
      <c r="ENF1017" s="10"/>
      <c r="ENG1017" s="10"/>
      <c r="ENH1017" s="10"/>
      <c r="ENI1017" s="10"/>
      <c r="ENJ1017" s="10"/>
      <c r="ENK1017" s="10"/>
      <c r="ENL1017" s="10"/>
      <c r="ENM1017" s="10"/>
      <c r="ENN1017" s="10"/>
      <c r="ENO1017" s="10"/>
      <c r="ENP1017" s="10"/>
      <c r="ENQ1017" s="10"/>
      <c r="ENR1017" s="10"/>
      <c r="ENS1017" s="10"/>
      <c r="ENT1017" s="10"/>
      <c r="ENU1017" s="10"/>
      <c r="ENV1017" s="10"/>
      <c r="ENW1017" s="10"/>
      <c r="ENX1017" s="10"/>
      <c r="ENY1017" s="10"/>
      <c r="ENZ1017" s="10"/>
      <c r="EOA1017" s="10"/>
      <c r="EOB1017" s="10"/>
      <c r="EOC1017" s="10"/>
      <c r="EOD1017" s="10"/>
      <c r="EOE1017" s="10"/>
      <c r="EOF1017" s="10"/>
      <c r="EOG1017" s="10"/>
      <c r="EOH1017" s="10"/>
      <c r="EOI1017" s="10"/>
      <c r="EOJ1017" s="10"/>
      <c r="EOK1017" s="10"/>
      <c r="EOL1017" s="10"/>
      <c r="EOM1017" s="10"/>
      <c r="EON1017" s="10"/>
      <c r="EOO1017" s="10"/>
      <c r="EOP1017" s="10"/>
      <c r="EOQ1017" s="10"/>
      <c r="EOR1017" s="10"/>
      <c r="EOS1017" s="10"/>
      <c r="EOT1017" s="10"/>
      <c r="EOU1017" s="10"/>
      <c r="EOV1017" s="10"/>
      <c r="EOW1017" s="10"/>
      <c r="EOX1017" s="10"/>
      <c r="EOY1017" s="10"/>
      <c r="EOZ1017" s="10"/>
      <c r="EPA1017" s="10"/>
      <c r="EPB1017" s="10"/>
      <c r="EPC1017" s="10"/>
      <c r="EPD1017" s="10"/>
      <c r="EPE1017" s="10"/>
      <c r="EPF1017" s="10"/>
      <c r="EPG1017" s="10"/>
      <c r="EPH1017" s="10"/>
      <c r="EPI1017" s="10"/>
      <c r="EPJ1017" s="10"/>
      <c r="EPK1017" s="10"/>
      <c r="EPL1017" s="10"/>
      <c r="EPM1017" s="10"/>
      <c r="EPN1017" s="10"/>
      <c r="EPO1017" s="10"/>
      <c r="EPP1017" s="10"/>
      <c r="EPQ1017" s="10"/>
      <c r="EPR1017" s="10"/>
      <c r="EPS1017" s="10"/>
      <c r="EPT1017" s="10"/>
      <c r="EPU1017" s="10"/>
      <c r="EPV1017" s="10"/>
      <c r="EPW1017" s="10"/>
      <c r="EPX1017" s="10"/>
      <c r="EPY1017" s="10"/>
      <c r="EPZ1017" s="10"/>
      <c r="EQA1017" s="10"/>
      <c r="EQB1017" s="10"/>
      <c r="EQC1017" s="10"/>
      <c r="EQD1017" s="10"/>
      <c r="EQE1017" s="10"/>
      <c r="EQF1017" s="10"/>
      <c r="EQG1017" s="10"/>
      <c r="EQH1017" s="10"/>
      <c r="EQI1017" s="10"/>
      <c r="EQJ1017" s="10"/>
      <c r="EQK1017" s="10"/>
      <c r="EQL1017" s="10"/>
      <c r="EQM1017" s="10"/>
      <c r="EQN1017" s="10"/>
      <c r="EQO1017" s="10"/>
      <c r="EQP1017" s="10"/>
      <c r="EQQ1017" s="10"/>
      <c r="EQR1017" s="10"/>
      <c r="EQS1017" s="10"/>
      <c r="EQT1017" s="10"/>
      <c r="EQU1017" s="10"/>
      <c r="EQV1017" s="10"/>
      <c r="EQW1017" s="10"/>
      <c r="EQX1017" s="10"/>
      <c r="EQY1017" s="10"/>
      <c r="EQZ1017" s="10"/>
      <c r="ERA1017" s="10"/>
      <c r="ERB1017" s="10"/>
      <c r="ERC1017" s="10"/>
      <c r="ERD1017" s="10"/>
      <c r="ERE1017" s="10"/>
      <c r="ERF1017" s="10"/>
      <c r="ERG1017" s="10"/>
      <c r="ERH1017" s="10"/>
      <c r="ERI1017" s="10"/>
      <c r="ERJ1017" s="10"/>
      <c r="ERK1017" s="10"/>
      <c r="ERL1017" s="10"/>
      <c r="ERM1017" s="10"/>
      <c r="ERN1017" s="10"/>
      <c r="ERO1017" s="10"/>
      <c r="ERP1017" s="10"/>
      <c r="ERQ1017" s="10"/>
      <c r="ERR1017" s="10"/>
      <c r="ERS1017" s="10"/>
      <c r="ERT1017" s="10"/>
      <c r="ERU1017" s="10"/>
      <c r="ERV1017" s="10"/>
      <c r="ERW1017" s="10"/>
      <c r="ERX1017" s="10"/>
      <c r="ERY1017" s="10"/>
      <c r="ERZ1017" s="10"/>
      <c r="ESA1017" s="10"/>
      <c r="ESB1017" s="10"/>
      <c r="ESC1017" s="10"/>
      <c r="ESD1017" s="10"/>
      <c r="ESE1017" s="10"/>
      <c r="ESF1017" s="10"/>
      <c r="ESG1017" s="10"/>
      <c r="ESH1017" s="10"/>
      <c r="ESI1017" s="10"/>
      <c r="ESJ1017" s="10"/>
      <c r="ESK1017" s="10"/>
      <c r="ESL1017" s="10"/>
      <c r="ESM1017" s="10"/>
      <c r="ESN1017" s="10"/>
      <c r="ESO1017" s="10"/>
      <c r="ESP1017" s="10"/>
      <c r="ESQ1017" s="10"/>
      <c r="ESR1017" s="10"/>
      <c r="ESS1017" s="10"/>
      <c r="EST1017" s="10"/>
      <c r="ESU1017" s="10"/>
      <c r="ESV1017" s="10"/>
      <c r="ESW1017" s="10"/>
      <c r="ESX1017" s="10"/>
      <c r="ESY1017" s="10"/>
      <c r="ESZ1017" s="10"/>
      <c r="ETA1017" s="10"/>
      <c r="ETB1017" s="10"/>
      <c r="ETC1017" s="10"/>
      <c r="ETD1017" s="10"/>
      <c r="ETE1017" s="10"/>
      <c r="ETF1017" s="10"/>
      <c r="ETG1017" s="10"/>
      <c r="ETH1017" s="10"/>
      <c r="ETI1017" s="10"/>
      <c r="ETJ1017" s="10"/>
      <c r="ETK1017" s="10"/>
      <c r="ETL1017" s="10"/>
      <c r="ETM1017" s="10"/>
      <c r="ETN1017" s="10"/>
      <c r="ETO1017" s="10"/>
      <c r="ETP1017" s="10"/>
      <c r="ETQ1017" s="10"/>
      <c r="ETR1017" s="10"/>
      <c r="ETS1017" s="10"/>
      <c r="ETT1017" s="10"/>
      <c r="ETU1017" s="10"/>
      <c r="ETV1017" s="10"/>
      <c r="ETW1017" s="10"/>
      <c r="ETX1017" s="10"/>
      <c r="ETY1017" s="10"/>
      <c r="ETZ1017" s="10"/>
      <c r="EUA1017" s="10"/>
      <c r="EUB1017" s="10"/>
      <c r="EUC1017" s="10"/>
      <c r="EUD1017" s="10"/>
      <c r="EUE1017" s="10"/>
      <c r="EUF1017" s="10"/>
      <c r="EUG1017" s="10"/>
      <c r="EUH1017" s="10"/>
      <c r="EUI1017" s="10"/>
      <c r="EUJ1017" s="10"/>
      <c r="EUK1017" s="10"/>
      <c r="EUL1017" s="10"/>
      <c r="EUM1017" s="10"/>
      <c r="EUN1017" s="10"/>
      <c r="EUO1017" s="10"/>
      <c r="EUP1017" s="10"/>
      <c r="EUQ1017" s="10"/>
      <c r="EUR1017" s="10"/>
      <c r="EUS1017" s="10"/>
      <c r="EUT1017" s="10"/>
      <c r="EUU1017" s="10"/>
      <c r="EUV1017" s="10"/>
      <c r="EUW1017" s="10"/>
      <c r="EUX1017" s="10"/>
      <c r="EUY1017" s="10"/>
      <c r="EUZ1017" s="10"/>
      <c r="EVA1017" s="10"/>
      <c r="EVB1017" s="10"/>
      <c r="EVC1017" s="10"/>
      <c r="EVD1017" s="10"/>
      <c r="EVE1017" s="10"/>
      <c r="EVF1017" s="10"/>
      <c r="EVG1017" s="10"/>
      <c r="EVH1017" s="10"/>
      <c r="EVI1017" s="10"/>
      <c r="EVJ1017" s="10"/>
      <c r="EVK1017" s="10"/>
      <c r="EVL1017" s="10"/>
      <c r="EVM1017" s="10"/>
      <c r="EVN1017" s="10"/>
      <c r="EVO1017" s="10"/>
      <c r="EVP1017" s="10"/>
      <c r="EVQ1017" s="10"/>
      <c r="EVR1017" s="10"/>
      <c r="EVS1017" s="10"/>
      <c r="EVT1017" s="10"/>
      <c r="EVU1017" s="10"/>
      <c r="EVV1017" s="10"/>
      <c r="EVW1017" s="10"/>
      <c r="EVX1017" s="10"/>
      <c r="EVY1017" s="10"/>
      <c r="EVZ1017" s="10"/>
      <c r="EWA1017" s="10"/>
      <c r="EWB1017" s="10"/>
      <c r="EWC1017" s="10"/>
      <c r="EWD1017" s="10"/>
      <c r="EWE1017" s="10"/>
      <c r="EWF1017" s="10"/>
      <c r="EWG1017" s="10"/>
      <c r="EWH1017" s="10"/>
      <c r="EWI1017" s="10"/>
      <c r="EWJ1017" s="10"/>
      <c r="EWK1017" s="10"/>
      <c r="EWL1017" s="10"/>
      <c r="EWM1017" s="10"/>
      <c r="EWN1017" s="10"/>
      <c r="EWO1017" s="10"/>
      <c r="EWP1017" s="10"/>
      <c r="EWQ1017" s="10"/>
      <c r="EWR1017" s="10"/>
      <c r="EWS1017" s="10"/>
      <c r="EWT1017" s="10"/>
      <c r="EWU1017" s="10"/>
      <c r="EWV1017" s="10"/>
      <c r="EWW1017" s="10"/>
      <c r="EWX1017" s="10"/>
      <c r="EWY1017" s="10"/>
      <c r="EWZ1017" s="10"/>
      <c r="EXA1017" s="10"/>
      <c r="EXB1017" s="10"/>
      <c r="EXC1017" s="10"/>
      <c r="EXD1017" s="10"/>
      <c r="EXE1017" s="10"/>
      <c r="EXF1017" s="10"/>
      <c r="EXG1017" s="10"/>
      <c r="EXH1017" s="10"/>
      <c r="EXI1017" s="10"/>
      <c r="EXJ1017" s="10"/>
      <c r="EXK1017" s="10"/>
      <c r="EXL1017" s="10"/>
      <c r="EXM1017" s="10"/>
      <c r="EXN1017" s="10"/>
      <c r="EXO1017" s="10"/>
      <c r="EXP1017" s="10"/>
      <c r="EXQ1017" s="10"/>
      <c r="EXR1017" s="10"/>
      <c r="EXS1017" s="10"/>
      <c r="EXT1017" s="10"/>
      <c r="EXU1017" s="10"/>
      <c r="EXV1017" s="10"/>
      <c r="EXW1017" s="10"/>
      <c r="EXX1017" s="10"/>
      <c r="EXY1017" s="10"/>
      <c r="EXZ1017" s="10"/>
      <c r="EYA1017" s="10"/>
      <c r="EYB1017" s="10"/>
      <c r="EYC1017" s="10"/>
      <c r="EYD1017" s="10"/>
      <c r="EYE1017" s="10"/>
      <c r="EYF1017" s="10"/>
      <c r="EYG1017" s="10"/>
      <c r="EYH1017" s="10"/>
      <c r="EYI1017" s="10"/>
      <c r="EYJ1017" s="10"/>
      <c r="EYK1017" s="10"/>
      <c r="EYL1017" s="10"/>
      <c r="EYM1017" s="10"/>
      <c r="EYN1017" s="10"/>
      <c r="EYO1017" s="10"/>
      <c r="EYP1017" s="10"/>
      <c r="EYQ1017" s="10"/>
      <c r="EYR1017" s="10"/>
      <c r="EYS1017" s="10"/>
      <c r="EYT1017" s="10"/>
      <c r="EYU1017" s="10"/>
      <c r="EYV1017" s="10"/>
      <c r="EYW1017" s="10"/>
      <c r="EYX1017" s="10"/>
      <c r="EYY1017" s="10"/>
      <c r="EYZ1017" s="10"/>
      <c r="EZA1017" s="10"/>
      <c r="EZB1017" s="10"/>
      <c r="EZC1017" s="10"/>
      <c r="EZD1017" s="10"/>
      <c r="EZE1017" s="10"/>
      <c r="EZF1017" s="10"/>
      <c r="EZG1017" s="10"/>
      <c r="EZH1017" s="10"/>
      <c r="EZI1017" s="10"/>
      <c r="EZJ1017" s="10"/>
      <c r="EZK1017" s="10"/>
      <c r="EZL1017" s="10"/>
      <c r="EZM1017" s="10"/>
      <c r="EZN1017" s="10"/>
      <c r="EZO1017" s="10"/>
      <c r="EZP1017" s="10"/>
      <c r="EZQ1017" s="10"/>
      <c r="EZR1017" s="10"/>
      <c r="EZS1017" s="10"/>
      <c r="EZT1017" s="10"/>
      <c r="EZU1017" s="10"/>
      <c r="EZV1017" s="10"/>
      <c r="EZW1017" s="10"/>
      <c r="EZX1017" s="10"/>
      <c r="EZY1017" s="10"/>
      <c r="EZZ1017" s="10"/>
      <c r="FAA1017" s="10"/>
      <c r="FAB1017" s="10"/>
      <c r="FAC1017" s="10"/>
      <c r="FAD1017" s="10"/>
      <c r="FAE1017" s="10"/>
      <c r="FAF1017" s="10"/>
      <c r="FAG1017" s="10"/>
      <c r="FAH1017" s="10"/>
      <c r="FAI1017" s="10"/>
      <c r="FAJ1017" s="10"/>
      <c r="FAK1017" s="10"/>
      <c r="FAL1017" s="10"/>
      <c r="FAM1017" s="10"/>
      <c r="FAN1017" s="10"/>
      <c r="FAO1017" s="10"/>
      <c r="FAP1017" s="10"/>
      <c r="FAQ1017" s="10"/>
      <c r="FAR1017" s="10"/>
      <c r="FAS1017" s="10"/>
      <c r="FAT1017" s="10"/>
      <c r="FAU1017" s="10"/>
      <c r="FAV1017" s="10"/>
      <c r="FAW1017" s="10"/>
      <c r="FAX1017" s="10"/>
      <c r="FAY1017" s="10"/>
      <c r="FAZ1017" s="10"/>
      <c r="FBA1017" s="10"/>
      <c r="FBB1017" s="10"/>
      <c r="FBC1017" s="10"/>
      <c r="FBD1017" s="10"/>
      <c r="FBE1017" s="10"/>
      <c r="FBF1017" s="10"/>
      <c r="FBG1017" s="10"/>
      <c r="FBH1017" s="10"/>
      <c r="FBI1017" s="10"/>
      <c r="FBJ1017" s="10"/>
      <c r="FBK1017" s="10"/>
      <c r="FBL1017" s="10"/>
      <c r="FBM1017" s="10"/>
      <c r="FBN1017" s="10"/>
      <c r="FBO1017" s="10"/>
      <c r="FBP1017" s="10"/>
      <c r="FBQ1017" s="10"/>
      <c r="FBR1017" s="10"/>
      <c r="FBS1017" s="10"/>
      <c r="FBT1017" s="10"/>
      <c r="FBU1017" s="10"/>
      <c r="FBV1017" s="10"/>
      <c r="FBW1017" s="10"/>
      <c r="FBX1017" s="10"/>
      <c r="FBY1017" s="10"/>
      <c r="FBZ1017" s="10"/>
      <c r="FCA1017" s="10"/>
      <c r="FCB1017" s="10"/>
      <c r="FCC1017" s="10"/>
      <c r="FCD1017" s="10"/>
      <c r="FCE1017" s="10"/>
      <c r="FCF1017" s="10"/>
      <c r="FCG1017" s="10"/>
      <c r="FCH1017" s="10"/>
      <c r="FCI1017" s="10"/>
      <c r="FCJ1017" s="10"/>
      <c r="FCK1017" s="10"/>
      <c r="FCL1017" s="10"/>
      <c r="FCM1017" s="10"/>
      <c r="FCN1017" s="10"/>
      <c r="FCO1017" s="10"/>
      <c r="FCP1017" s="10"/>
      <c r="FCQ1017" s="10"/>
      <c r="FCR1017" s="10"/>
      <c r="FCS1017" s="10"/>
      <c r="FCT1017" s="10"/>
      <c r="FCU1017" s="10"/>
      <c r="FCV1017" s="10"/>
      <c r="FCW1017" s="10"/>
      <c r="FCX1017" s="10"/>
      <c r="FCY1017" s="10"/>
      <c r="FCZ1017" s="10"/>
      <c r="FDA1017" s="10"/>
      <c r="FDB1017" s="10"/>
      <c r="FDC1017" s="10"/>
      <c r="FDD1017" s="10"/>
      <c r="FDE1017" s="10"/>
      <c r="FDF1017" s="10"/>
      <c r="FDG1017" s="10"/>
      <c r="FDH1017" s="10"/>
      <c r="FDI1017" s="10"/>
      <c r="FDJ1017" s="10"/>
      <c r="FDK1017" s="10"/>
      <c r="FDL1017" s="10"/>
      <c r="FDM1017" s="10"/>
      <c r="FDN1017" s="10"/>
      <c r="FDO1017" s="10"/>
      <c r="FDP1017" s="10"/>
      <c r="FDQ1017" s="10"/>
      <c r="FDR1017" s="10"/>
      <c r="FDS1017" s="10"/>
      <c r="FDT1017" s="10"/>
      <c r="FDU1017" s="10"/>
      <c r="FDV1017" s="10"/>
      <c r="FDW1017" s="10"/>
      <c r="FDX1017" s="10"/>
      <c r="FDY1017" s="10"/>
      <c r="FDZ1017" s="10"/>
      <c r="FEA1017" s="10"/>
      <c r="FEB1017" s="10"/>
      <c r="FEC1017" s="10"/>
      <c r="FED1017" s="10"/>
      <c r="FEE1017" s="10"/>
      <c r="FEF1017" s="10"/>
      <c r="FEG1017" s="10"/>
      <c r="FEH1017" s="10"/>
      <c r="FEI1017" s="10"/>
      <c r="FEJ1017" s="10"/>
      <c r="FEK1017" s="10"/>
      <c r="FEL1017" s="10"/>
      <c r="FEM1017" s="10"/>
      <c r="FEN1017" s="10"/>
      <c r="FEO1017" s="10"/>
      <c r="FEP1017" s="10"/>
      <c r="FEQ1017" s="10"/>
      <c r="FER1017" s="10"/>
      <c r="FES1017" s="10"/>
      <c r="FET1017" s="10"/>
      <c r="FEU1017" s="10"/>
      <c r="FEV1017" s="10"/>
      <c r="FEW1017" s="10"/>
      <c r="FEX1017" s="10"/>
      <c r="FEY1017" s="10"/>
      <c r="FEZ1017" s="10"/>
      <c r="FFA1017" s="10"/>
      <c r="FFB1017" s="10"/>
      <c r="FFC1017" s="10"/>
      <c r="FFD1017" s="10"/>
      <c r="FFE1017" s="10"/>
      <c r="FFF1017" s="10"/>
      <c r="FFG1017" s="10"/>
      <c r="FFH1017" s="10"/>
      <c r="FFI1017" s="10"/>
      <c r="FFJ1017" s="10"/>
      <c r="FFK1017" s="10"/>
      <c r="FFL1017" s="10"/>
      <c r="FFM1017" s="10"/>
      <c r="FFN1017" s="10"/>
      <c r="FFO1017" s="10"/>
      <c r="FFP1017" s="10"/>
      <c r="FFQ1017" s="10"/>
      <c r="FFR1017" s="10"/>
      <c r="FFS1017" s="10"/>
      <c r="FFT1017" s="10"/>
      <c r="FFU1017" s="10"/>
      <c r="FFV1017" s="10"/>
      <c r="FFW1017" s="10"/>
      <c r="FFX1017" s="10"/>
      <c r="FFY1017" s="10"/>
      <c r="FFZ1017" s="10"/>
      <c r="FGA1017" s="10"/>
      <c r="FGB1017" s="10"/>
      <c r="FGC1017" s="10"/>
      <c r="FGD1017" s="10"/>
      <c r="FGE1017" s="10"/>
      <c r="FGF1017" s="10"/>
      <c r="FGG1017" s="10"/>
      <c r="FGH1017" s="10"/>
      <c r="FGI1017" s="10"/>
      <c r="FGJ1017" s="10"/>
      <c r="FGK1017" s="10"/>
      <c r="FGL1017" s="10"/>
      <c r="FGM1017" s="10"/>
      <c r="FGN1017" s="10"/>
      <c r="FGO1017" s="10"/>
      <c r="FGP1017" s="10"/>
      <c r="FGQ1017" s="10"/>
      <c r="FGR1017" s="10"/>
      <c r="FGS1017" s="10"/>
      <c r="FGT1017" s="10"/>
      <c r="FGU1017" s="10"/>
      <c r="FGV1017" s="10"/>
      <c r="FGW1017" s="10"/>
      <c r="FGX1017" s="10"/>
      <c r="FGY1017" s="10"/>
      <c r="FGZ1017" s="10"/>
      <c r="FHA1017" s="10"/>
      <c r="FHB1017" s="10"/>
      <c r="FHC1017" s="10"/>
      <c r="FHD1017" s="10"/>
      <c r="FHE1017" s="10"/>
      <c r="FHF1017" s="10"/>
      <c r="FHG1017" s="10"/>
      <c r="FHH1017" s="10"/>
      <c r="FHI1017" s="10"/>
      <c r="FHJ1017" s="10"/>
      <c r="FHK1017" s="10"/>
      <c r="FHL1017" s="10"/>
      <c r="FHM1017" s="10"/>
      <c r="FHN1017" s="10"/>
      <c r="FHO1017" s="10"/>
      <c r="FHP1017" s="10"/>
      <c r="FHQ1017" s="10"/>
      <c r="FHR1017" s="10"/>
      <c r="FHS1017" s="10"/>
      <c r="FHT1017" s="10"/>
      <c r="FHU1017" s="10"/>
      <c r="FHV1017" s="10"/>
      <c r="FHW1017" s="10"/>
      <c r="FHX1017" s="10"/>
      <c r="FHY1017" s="10"/>
      <c r="FHZ1017" s="10"/>
      <c r="FIA1017" s="10"/>
      <c r="FIB1017" s="10"/>
      <c r="FIC1017" s="10"/>
      <c r="FID1017" s="10"/>
      <c r="FIE1017" s="10"/>
      <c r="FIF1017" s="10"/>
      <c r="FIG1017" s="10"/>
      <c r="FIH1017" s="10"/>
      <c r="FII1017" s="10"/>
      <c r="FIJ1017" s="10"/>
      <c r="FIK1017" s="10"/>
      <c r="FIL1017" s="10"/>
      <c r="FIM1017" s="10"/>
      <c r="FIN1017" s="10"/>
      <c r="FIO1017" s="10"/>
      <c r="FIP1017" s="10"/>
      <c r="FIQ1017" s="10"/>
      <c r="FIR1017" s="10"/>
      <c r="FIS1017" s="10"/>
      <c r="FIT1017" s="10"/>
      <c r="FIU1017" s="10"/>
      <c r="FIV1017" s="10"/>
      <c r="FIW1017" s="10"/>
      <c r="FIX1017" s="10"/>
      <c r="FIY1017" s="10"/>
      <c r="FIZ1017" s="10"/>
      <c r="FJA1017" s="10"/>
      <c r="FJB1017" s="10"/>
      <c r="FJC1017" s="10"/>
      <c r="FJD1017" s="10"/>
      <c r="FJE1017" s="10"/>
      <c r="FJF1017" s="10"/>
      <c r="FJG1017" s="10"/>
      <c r="FJH1017" s="10"/>
      <c r="FJI1017" s="10"/>
      <c r="FJJ1017" s="10"/>
      <c r="FJK1017" s="10"/>
      <c r="FJL1017" s="10"/>
      <c r="FJM1017" s="10"/>
      <c r="FJN1017" s="10"/>
      <c r="FJO1017" s="10"/>
      <c r="FJP1017" s="10"/>
      <c r="FJQ1017" s="10"/>
      <c r="FJR1017" s="10"/>
      <c r="FJS1017" s="10"/>
      <c r="FJT1017" s="10"/>
      <c r="FJU1017" s="10"/>
      <c r="FJV1017" s="10"/>
      <c r="FJW1017" s="10"/>
      <c r="FJX1017" s="10"/>
      <c r="FJY1017" s="10"/>
      <c r="FJZ1017" s="10"/>
      <c r="FKA1017" s="10"/>
      <c r="FKB1017" s="10"/>
      <c r="FKC1017" s="10"/>
      <c r="FKD1017" s="10"/>
      <c r="FKE1017" s="10"/>
      <c r="FKF1017" s="10"/>
      <c r="FKG1017" s="10"/>
      <c r="FKH1017" s="10"/>
      <c r="FKI1017" s="10"/>
      <c r="FKJ1017" s="10"/>
      <c r="FKK1017" s="10"/>
      <c r="FKL1017" s="10"/>
      <c r="FKM1017" s="10"/>
      <c r="FKN1017" s="10"/>
      <c r="FKO1017" s="10"/>
      <c r="FKP1017" s="10"/>
      <c r="FKQ1017" s="10"/>
      <c r="FKR1017" s="10"/>
      <c r="FKS1017" s="10"/>
      <c r="FKT1017" s="10"/>
      <c r="FKU1017" s="10"/>
      <c r="FKV1017" s="10"/>
      <c r="FKW1017" s="10"/>
      <c r="FKX1017" s="10"/>
      <c r="FKY1017" s="10"/>
      <c r="FKZ1017" s="10"/>
      <c r="FLA1017" s="10"/>
      <c r="FLB1017" s="10"/>
      <c r="FLC1017" s="10"/>
      <c r="FLD1017" s="10"/>
      <c r="FLE1017" s="10"/>
      <c r="FLF1017" s="10"/>
      <c r="FLG1017" s="10"/>
      <c r="FLH1017" s="10"/>
      <c r="FLI1017" s="10"/>
      <c r="FLJ1017" s="10"/>
      <c r="FLK1017" s="10"/>
      <c r="FLL1017" s="10"/>
      <c r="FLM1017" s="10"/>
      <c r="FLN1017" s="10"/>
      <c r="FLO1017" s="10"/>
      <c r="FLP1017" s="10"/>
      <c r="FLQ1017" s="10"/>
      <c r="FLR1017" s="10"/>
      <c r="FLS1017" s="10"/>
      <c r="FLT1017" s="10"/>
      <c r="FLU1017" s="10"/>
      <c r="FLV1017" s="10"/>
      <c r="FLW1017" s="10"/>
      <c r="FLX1017" s="10"/>
      <c r="FLY1017" s="10"/>
      <c r="FLZ1017" s="10"/>
      <c r="FMA1017" s="10"/>
      <c r="FMB1017" s="10"/>
      <c r="FMC1017" s="10"/>
      <c r="FMD1017" s="10"/>
      <c r="FME1017" s="10"/>
      <c r="FMF1017" s="10"/>
      <c r="FMG1017" s="10"/>
      <c r="FMH1017" s="10"/>
      <c r="FMI1017" s="10"/>
      <c r="FMJ1017" s="10"/>
      <c r="FMK1017" s="10"/>
      <c r="FML1017" s="10"/>
      <c r="FMM1017" s="10"/>
      <c r="FMN1017" s="10"/>
      <c r="FMO1017" s="10"/>
      <c r="FMP1017" s="10"/>
      <c r="FMQ1017" s="10"/>
      <c r="FMR1017" s="10"/>
      <c r="FMS1017" s="10"/>
      <c r="FMT1017" s="10"/>
      <c r="FMU1017" s="10"/>
      <c r="FMV1017" s="10"/>
      <c r="FMW1017" s="10"/>
      <c r="FMX1017" s="10"/>
      <c r="FMY1017" s="10"/>
      <c r="FMZ1017" s="10"/>
      <c r="FNA1017" s="10"/>
      <c r="FNB1017" s="10"/>
      <c r="FNC1017" s="10"/>
      <c r="FND1017" s="10"/>
      <c r="FNE1017" s="10"/>
      <c r="FNF1017" s="10"/>
      <c r="FNG1017" s="10"/>
      <c r="FNH1017" s="10"/>
      <c r="FNI1017" s="10"/>
      <c r="FNJ1017" s="10"/>
      <c r="FNK1017" s="10"/>
      <c r="FNL1017" s="10"/>
      <c r="FNM1017" s="10"/>
      <c r="FNN1017" s="10"/>
      <c r="FNO1017" s="10"/>
      <c r="FNP1017" s="10"/>
      <c r="FNQ1017" s="10"/>
      <c r="FNR1017" s="10"/>
      <c r="FNS1017" s="10"/>
      <c r="FNT1017" s="10"/>
      <c r="FNU1017" s="10"/>
      <c r="FNV1017" s="10"/>
      <c r="FNW1017" s="10"/>
      <c r="FNX1017" s="10"/>
      <c r="FNY1017" s="10"/>
      <c r="FNZ1017" s="10"/>
      <c r="FOA1017" s="10"/>
      <c r="FOB1017" s="10"/>
      <c r="FOC1017" s="10"/>
      <c r="FOD1017" s="10"/>
      <c r="FOE1017" s="10"/>
      <c r="FOF1017" s="10"/>
      <c r="FOG1017" s="10"/>
      <c r="FOH1017" s="10"/>
      <c r="FOI1017" s="10"/>
      <c r="FOJ1017" s="10"/>
      <c r="FOK1017" s="10"/>
      <c r="FOL1017" s="10"/>
      <c r="FOM1017" s="10"/>
      <c r="FON1017" s="10"/>
      <c r="FOO1017" s="10"/>
      <c r="FOP1017" s="10"/>
      <c r="FOQ1017" s="10"/>
      <c r="FOR1017" s="10"/>
      <c r="FOS1017" s="10"/>
      <c r="FOT1017" s="10"/>
      <c r="FOU1017" s="10"/>
      <c r="FOV1017" s="10"/>
      <c r="FOW1017" s="10"/>
      <c r="FOX1017" s="10"/>
      <c r="FOY1017" s="10"/>
      <c r="FOZ1017" s="10"/>
      <c r="FPA1017" s="10"/>
      <c r="FPB1017" s="10"/>
      <c r="FPC1017" s="10"/>
      <c r="FPD1017" s="10"/>
      <c r="FPE1017" s="10"/>
      <c r="FPF1017" s="10"/>
      <c r="FPG1017" s="10"/>
      <c r="FPH1017" s="10"/>
      <c r="FPI1017" s="10"/>
      <c r="FPJ1017" s="10"/>
      <c r="FPK1017" s="10"/>
      <c r="FPL1017" s="10"/>
      <c r="FPM1017" s="10"/>
      <c r="FPN1017" s="10"/>
      <c r="FPO1017" s="10"/>
      <c r="FPP1017" s="10"/>
      <c r="FPQ1017" s="10"/>
      <c r="FPR1017" s="10"/>
      <c r="FPS1017" s="10"/>
      <c r="FPT1017" s="10"/>
      <c r="FPU1017" s="10"/>
      <c r="FPV1017" s="10"/>
      <c r="FPW1017" s="10"/>
      <c r="FPX1017" s="10"/>
      <c r="FPY1017" s="10"/>
      <c r="FPZ1017" s="10"/>
      <c r="FQA1017" s="10"/>
      <c r="FQB1017" s="10"/>
      <c r="FQC1017" s="10"/>
      <c r="FQD1017" s="10"/>
      <c r="FQE1017" s="10"/>
      <c r="FQF1017" s="10"/>
      <c r="FQG1017" s="10"/>
      <c r="FQH1017" s="10"/>
      <c r="FQI1017" s="10"/>
      <c r="FQJ1017" s="10"/>
      <c r="FQK1017" s="10"/>
      <c r="FQL1017" s="10"/>
      <c r="FQM1017" s="10"/>
      <c r="FQN1017" s="10"/>
      <c r="FQO1017" s="10"/>
      <c r="FQP1017" s="10"/>
      <c r="FQQ1017" s="10"/>
      <c r="FQR1017" s="10"/>
      <c r="FQS1017" s="10"/>
      <c r="FQT1017" s="10"/>
      <c r="FQU1017" s="10"/>
      <c r="FQV1017" s="10"/>
      <c r="FQW1017" s="10"/>
      <c r="FQX1017" s="10"/>
      <c r="FQY1017" s="10"/>
      <c r="FQZ1017" s="10"/>
      <c r="FRA1017" s="10"/>
      <c r="FRB1017" s="10"/>
      <c r="FRC1017" s="10"/>
      <c r="FRD1017" s="10"/>
      <c r="FRE1017" s="10"/>
      <c r="FRF1017" s="10"/>
      <c r="FRG1017" s="10"/>
      <c r="FRH1017" s="10"/>
      <c r="FRI1017" s="10"/>
      <c r="FRJ1017" s="10"/>
      <c r="FRK1017" s="10"/>
      <c r="FRL1017" s="10"/>
      <c r="FRM1017" s="10"/>
      <c r="FRN1017" s="10"/>
      <c r="FRO1017" s="10"/>
      <c r="FRP1017" s="10"/>
      <c r="FRQ1017" s="10"/>
      <c r="FRR1017" s="10"/>
      <c r="FRS1017" s="10"/>
      <c r="FRT1017" s="10"/>
      <c r="FRU1017" s="10"/>
      <c r="FRV1017" s="10"/>
      <c r="FRW1017" s="10"/>
      <c r="FRX1017" s="10"/>
      <c r="FRY1017" s="10"/>
      <c r="FRZ1017" s="10"/>
      <c r="FSA1017" s="10"/>
      <c r="FSB1017" s="10"/>
      <c r="FSC1017" s="10"/>
      <c r="FSD1017" s="10"/>
      <c r="FSE1017" s="10"/>
      <c r="FSF1017" s="10"/>
      <c r="FSG1017" s="10"/>
      <c r="FSH1017" s="10"/>
      <c r="FSI1017" s="10"/>
      <c r="FSJ1017" s="10"/>
      <c r="FSK1017" s="10"/>
      <c r="FSL1017" s="10"/>
      <c r="FSM1017" s="10"/>
      <c r="FSN1017" s="10"/>
      <c r="FSO1017" s="10"/>
      <c r="FSP1017" s="10"/>
      <c r="FSQ1017" s="10"/>
      <c r="FSR1017" s="10"/>
      <c r="FSS1017" s="10"/>
      <c r="FST1017" s="10"/>
      <c r="FSU1017" s="10"/>
      <c r="FSV1017" s="10"/>
      <c r="FSW1017" s="10"/>
      <c r="FSX1017" s="10"/>
      <c r="FSY1017" s="10"/>
      <c r="FSZ1017" s="10"/>
      <c r="FTA1017" s="10"/>
      <c r="FTB1017" s="10"/>
      <c r="FTC1017" s="10"/>
      <c r="FTD1017" s="10"/>
      <c r="FTE1017" s="10"/>
      <c r="FTF1017" s="10"/>
      <c r="FTG1017" s="10"/>
      <c r="FTH1017" s="10"/>
      <c r="FTI1017" s="10"/>
      <c r="FTJ1017" s="10"/>
      <c r="FTK1017" s="10"/>
      <c r="FTL1017" s="10"/>
      <c r="FTM1017" s="10"/>
      <c r="FTN1017" s="10"/>
      <c r="FTO1017" s="10"/>
      <c r="FTP1017" s="10"/>
      <c r="FTQ1017" s="10"/>
      <c r="FTR1017" s="10"/>
      <c r="FTS1017" s="10"/>
      <c r="FTT1017" s="10"/>
      <c r="FTU1017" s="10"/>
      <c r="FTV1017" s="10"/>
      <c r="FTW1017" s="10"/>
      <c r="FTX1017" s="10"/>
      <c r="FTY1017" s="10"/>
      <c r="FTZ1017" s="10"/>
      <c r="FUA1017" s="10"/>
      <c r="FUB1017" s="10"/>
      <c r="FUC1017" s="10"/>
      <c r="FUD1017" s="10"/>
      <c r="FUE1017" s="10"/>
      <c r="FUF1017" s="10"/>
      <c r="FUG1017" s="10"/>
      <c r="FUH1017" s="10"/>
      <c r="FUI1017" s="10"/>
      <c r="FUJ1017" s="10"/>
      <c r="FUK1017" s="10"/>
      <c r="FUL1017" s="10"/>
      <c r="FUM1017" s="10"/>
      <c r="FUN1017" s="10"/>
      <c r="FUO1017" s="10"/>
      <c r="FUP1017" s="10"/>
      <c r="FUQ1017" s="10"/>
      <c r="FUR1017" s="10"/>
      <c r="FUS1017" s="10"/>
      <c r="FUT1017" s="10"/>
      <c r="FUU1017" s="10"/>
      <c r="FUV1017" s="10"/>
      <c r="FUW1017" s="10"/>
      <c r="FUX1017" s="10"/>
      <c r="FUY1017" s="10"/>
      <c r="FUZ1017" s="10"/>
      <c r="FVA1017" s="10"/>
      <c r="FVB1017" s="10"/>
      <c r="FVC1017" s="10"/>
      <c r="FVD1017" s="10"/>
      <c r="FVE1017" s="10"/>
      <c r="FVF1017" s="10"/>
      <c r="FVG1017" s="10"/>
      <c r="FVH1017" s="10"/>
      <c r="FVI1017" s="10"/>
      <c r="FVJ1017" s="10"/>
      <c r="FVK1017" s="10"/>
      <c r="FVL1017" s="10"/>
      <c r="FVM1017" s="10"/>
      <c r="FVN1017" s="10"/>
      <c r="FVO1017" s="10"/>
      <c r="FVP1017" s="10"/>
      <c r="FVQ1017" s="10"/>
      <c r="FVR1017" s="10"/>
      <c r="FVS1017" s="10"/>
      <c r="FVT1017" s="10"/>
      <c r="FVU1017" s="10"/>
      <c r="FVV1017" s="10"/>
      <c r="FVW1017" s="10"/>
      <c r="FVX1017" s="10"/>
      <c r="FVY1017" s="10"/>
      <c r="FVZ1017" s="10"/>
      <c r="FWA1017" s="10"/>
      <c r="FWB1017" s="10"/>
      <c r="FWC1017" s="10"/>
      <c r="FWD1017" s="10"/>
      <c r="FWE1017" s="10"/>
      <c r="FWF1017" s="10"/>
      <c r="FWG1017" s="10"/>
      <c r="FWH1017" s="10"/>
      <c r="FWI1017" s="10"/>
      <c r="FWJ1017" s="10"/>
      <c r="FWK1017" s="10"/>
      <c r="FWL1017" s="10"/>
      <c r="FWM1017" s="10"/>
      <c r="FWN1017" s="10"/>
      <c r="FWO1017" s="10"/>
      <c r="FWP1017" s="10"/>
      <c r="FWQ1017" s="10"/>
      <c r="FWR1017" s="10"/>
      <c r="FWS1017" s="10"/>
      <c r="FWT1017" s="10"/>
      <c r="FWU1017" s="10"/>
      <c r="FWV1017" s="10"/>
      <c r="FWW1017" s="10"/>
      <c r="FWX1017" s="10"/>
      <c r="FWY1017" s="10"/>
      <c r="FWZ1017" s="10"/>
      <c r="FXA1017" s="10"/>
      <c r="FXB1017" s="10"/>
      <c r="FXC1017" s="10"/>
      <c r="FXD1017" s="10"/>
      <c r="FXE1017" s="10"/>
      <c r="FXF1017" s="10"/>
      <c r="FXG1017" s="10"/>
      <c r="FXH1017" s="10"/>
      <c r="FXI1017" s="10"/>
      <c r="FXJ1017" s="10"/>
      <c r="FXK1017" s="10"/>
      <c r="FXL1017" s="10"/>
      <c r="FXM1017" s="10"/>
      <c r="FXN1017" s="10"/>
      <c r="FXO1017" s="10"/>
      <c r="FXP1017" s="10"/>
      <c r="FXQ1017" s="10"/>
      <c r="FXR1017" s="10"/>
      <c r="FXS1017" s="10"/>
      <c r="FXT1017" s="10"/>
      <c r="FXU1017" s="10"/>
      <c r="FXV1017" s="10"/>
      <c r="FXW1017" s="10"/>
      <c r="FXX1017" s="10"/>
      <c r="FXY1017" s="10"/>
      <c r="FXZ1017" s="10"/>
      <c r="FYA1017" s="10"/>
      <c r="FYB1017" s="10"/>
      <c r="FYC1017" s="10"/>
      <c r="FYD1017" s="10"/>
      <c r="FYE1017" s="10"/>
      <c r="FYF1017" s="10"/>
      <c r="FYG1017" s="10"/>
      <c r="FYH1017" s="10"/>
      <c r="FYI1017" s="10"/>
      <c r="FYJ1017" s="10"/>
      <c r="FYK1017" s="10"/>
      <c r="FYL1017" s="10"/>
      <c r="FYM1017" s="10"/>
      <c r="FYN1017" s="10"/>
      <c r="FYO1017" s="10"/>
      <c r="FYP1017" s="10"/>
      <c r="FYQ1017" s="10"/>
      <c r="FYR1017" s="10"/>
      <c r="FYS1017" s="10"/>
      <c r="FYT1017" s="10"/>
      <c r="FYU1017" s="10"/>
      <c r="FYV1017" s="10"/>
      <c r="FYW1017" s="10"/>
      <c r="FYX1017" s="10"/>
      <c r="FYY1017" s="10"/>
      <c r="FYZ1017" s="10"/>
      <c r="FZA1017" s="10"/>
      <c r="FZB1017" s="10"/>
      <c r="FZC1017" s="10"/>
      <c r="FZD1017" s="10"/>
      <c r="FZE1017" s="10"/>
      <c r="FZF1017" s="10"/>
      <c r="FZG1017" s="10"/>
      <c r="FZH1017" s="10"/>
      <c r="FZI1017" s="10"/>
      <c r="FZJ1017" s="10"/>
      <c r="FZK1017" s="10"/>
      <c r="FZL1017" s="10"/>
      <c r="FZM1017" s="10"/>
      <c r="FZN1017" s="10"/>
      <c r="FZO1017" s="10"/>
      <c r="FZP1017" s="10"/>
      <c r="FZQ1017" s="10"/>
      <c r="FZR1017" s="10"/>
      <c r="FZS1017" s="10"/>
      <c r="FZT1017" s="10"/>
      <c r="FZU1017" s="10"/>
      <c r="FZV1017" s="10"/>
      <c r="FZW1017" s="10"/>
      <c r="FZX1017" s="10"/>
      <c r="FZY1017" s="10"/>
      <c r="FZZ1017" s="10"/>
      <c r="GAA1017" s="10"/>
      <c r="GAB1017" s="10"/>
      <c r="GAC1017" s="10"/>
      <c r="GAD1017" s="10"/>
      <c r="GAE1017" s="10"/>
      <c r="GAF1017" s="10"/>
      <c r="GAG1017" s="10"/>
      <c r="GAH1017" s="10"/>
      <c r="GAI1017" s="10"/>
      <c r="GAJ1017" s="10"/>
      <c r="GAK1017" s="10"/>
      <c r="GAL1017" s="10"/>
      <c r="GAM1017" s="10"/>
      <c r="GAN1017" s="10"/>
      <c r="GAO1017" s="10"/>
      <c r="GAP1017" s="10"/>
      <c r="GAQ1017" s="10"/>
      <c r="GAR1017" s="10"/>
      <c r="GAS1017" s="10"/>
      <c r="GAT1017" s="10"/>
      <c r="GAU1017" s="10"/>
      <c r="GAV1017" s="10"/>
      <c r="GAW1017" s="10"/>
      <c r="GAX1017" s="10"/>
      <c r="GAY1017" s="10"/>
      <c r="GAZ1017" s="10"/>
      <c r="GBA1017" s="10"/>
      <c r="GBB1017" s="10"/>
      <c r="GBC1017" s="10"/>
      <c r="GBD1017" s="10"/>
      <c r="GBE1017" s="10"/>
      <c r="GBF1017" s="10"/>
      <c r="GBG1017" s="10"/>
      <c r="GBH1017" s="10"/>
      <c r="GBI1017" s="10"/>
      <c r="GBJ1017" s="10"/>
      <c r="GBK1017" s="10"/>
      <c r="GBL1017" s="10"/>
      <c r="GBM1017" s="10"/>
      <c r="GBN1017" s="10"/>
      <c r="GBO1017" s="10"/>
      <c r="GBP1017" s="10"/>
      <c r="GBQ1017" s="10"/>
      <c r="GBR1017" s="10"/>
      <c r="GBS1017" s="10"/>
      <c r="GBT1017" s="10"/>
      <c r="GBU1017" s="10"/>
      <c r="GBV1017" s="10"/>
      <c r="GBW1017" s="10"/>
      <c r="GBX1017" s="10"/>
      <c r="GBY1017" s="10"/>
      <c r="GBZ1017" s="10"/>
      <c r="GCA1017" s="10"/>
      <c r="GCB1017" s="10"/>
      <c r="GCC1017" s="10"/>
      <c r="GCD1017" s="10"/>
      <c r="GCE1017" s="10"/>
      <c r="GCF1017" s="10"/>
      <c r="GCG1017" s="10"/>
      <c r="GCH1017" s="10"/>
      <c r="GCI1017" s="10"/>
      <c r="GCJ1017" s="10"/>
      <c r="GCK1017" s="10"/>
      <c r="GCL1017" s="10"/>
      <c r="GCM1017" s="10"/>
      <c r="GCN1017" s="10"/>
      <c r="GCO1017" s="10"/>
      <c r="GCP1017" s="10"/>
      <c r="GCQ1017" s="10"/>
      <c r="GCR1017" s="10"/>
      <c r="GCS1017" s="10"/>
      <c r="GCT1017" s="10"/>
      <c r="GCU1017" s="10"/>
      <c r="GCV1017" s="10"/>
      <c r="GCW1017" s="10"/>
      <c r="GCX1017" s="10"/>
      <c r="GCY1017" s="10"/>
      <c r="GCZ1017" s="10"/>
      <c r="GDA1017" s="10"/>
      <c r="GDB1017" s="10"/>
      <c r="GDC1017" s="10"/>
      <c r="GDD1017" s="10"/>
      <c r="GDE1017" s="10"/>
      <c r="GDF1017" s="10"/>
      <c r="GDG1017" s="10"/>
      <c r="GDH1017" s="10"/>
      <c r="GDI1017" s="10"/>
      <c r="GDJ1017" s="10"/>
      <c r="GDK1017" s="10"/>
      <c r="GDL1017" s="10"/>
      <c r="GDM1017" s="10"/>
      <c r="GDN1017" s="10"/>
      <c r="GDO1017" s="10"/>
      <c r="GDP1017" s="10"/>
      <c r="GDQ1017" s="10"/>
      <c r="GDR1017" s="10"/>
      <c r="GDS1017" s="10"/>
      <c r="GDT1017" s="10"/>
      <c r="GDU1017" s="10"/>
      <c r="GDV1017" s="10"/>
      <c r="GDW1017" s="10"/>
      <c r="GDX1017" s="10"/>
      <c r="GDY1017" s="10"/>
      <c r="GDZ1017" s="10"/>
      <c r="GEA1017" s="10"/>
      <c r="GEB1017" s="10"/>
      <c r="GEC1017" s="10"/>
      <c r="GED1017" s="10"/>
      <c r="GEE1017" s="10"/>
      <c r="GEF1017" s="10"/>
      <c r="GEG1017" s="10"/>
      <c r="GEH1017" s="10"/>
      <c r="GEI1017" s="10"/>
      <c r="GEJ1017" s="10"/>
      <c r="GEK1017" s="10"/>
      <c r="GEL1017" s="10"/>
      <c r="GEM1017" s="10"/>
      <c r="GEN1017" s="10"/>
      <c r="GEO1017" s="10"/>
      <c r="GEP1017" s="10"/>
      <c r="GEQ1017" s="10"/>
      <c r="GER1017" s="10"/>
      <c r="GES1017" s="10"/>
      <c r="GET1017" s="10"/>
      <c r="GEU1017" s="10"/>
      <c r="GEV1017" s="10"/>
      <c r="GEW1017" s="10"/>
      <c r="GEX1017" s="10"/>
      <c r="GEY1017" s="10"/>
      <c r="GEZ1017" s="10"/>
      <c r="GFA1017" s="10"/>
      <c r="GFB1017" s="10"/>
      <c r="GFC1017" s="10"/>
      <c r="GFD1017" s="10"/>
      <c r="GFE1017" s="10"/>
      <c r="GFF1017" s="10"/>
      <c r="GFG1017" s="10"/>
      <c r="GFH1017" s="10"/>
      <c r="GFI1017" s="10"/>
      <c r="GFJ1017" s="10"/>
      <c r="GFK1017" s="10"/>
      <c r="GFL1017" s="10"/>
      <c r="GFM1017" s="10"/>
      <c r="GFN1017" s="10"/>
      <c r="GFO1017" s="10"/>
      <c r="GFP1017" s="10"/>
      <c r="GFQ1017" s="10"/>
      <c r="GFR1017" s="10"/>
      <c r="GFS1017" s="10"/>
      <c r="GFT1017" s="10"/>
      <c r="GFU1017" s="10"/>
      <c r="GFV1017" s="10"/>
      <c r="GFW1017" s="10"/>
      <c r="GFX1017" s="10"/>
      <c r="GFY1017" s="10"/>
      <c r="GFZ1017" s="10"/>
      <c r="GGA1017" s="10"/>
      <c r="GGB1017" s="10"/>
      <c r="GGC1017" s="10"/>
      <c r="GGD1017" s="10"/>
      <c r="GGE1017" s="10"/>
      <c r="GGF1017" s="10"/>
      <c r="GGG1017" s="10"/>
      <c r="GGH1017" s="10"/>
      <c r="GGI1017" s="10"/>
      <c r="GGJ1017" s="10"/>
      <c r="GGK1017" s="10"/>
      <c r="GGL1017" s="10"/>
      <c r="GGM1017" s="10"/>
      <c r="GGN1017" s="10"/>
      <c r="GGO1017" s="10"/>
      <c r="GGP1017" s="10"/>
      <c r="GGQ1017" s="10"/>
      <c r="GGR1017" s="10"/>
      <c r="GGS1017" s="10"/>
      <c r="GGT1017" s="10"/>
      <c r="GGU1017" s="10"/>
      <c r="GGV1017" s="10"/>
      <c r="GGW1017" s="10"/>
      <c r="GGX1017" s="10"/>
      <c r="GGY1017" s="10"/>
      <c r="GGZ1017" s="10"/>
      <c r="GHA1017" s="10"/>
      <c r="GHB1017" s="10"/>
      <c r="GHC1017" s="10"/>
      <c r="GHD1017" s="10"/>
      <c r="GHE1017" s="10"/>
      <c r="GHF1017" s="10"/>
      <c r="GHG1017" s="10"/>
      <c r="GHH1017" s="10"/>
      <c r="GHI1017" s="10"/>
      <c r="GHJ1017" s="10"/>
      <c r="GHK1017" s="10"/>
      <c r="GHL1017" s="10"/>
      <c r="GHM1017" s="10"/>
      <c r="GHN1017" s="10"/>
      <c r="GHO1017" s="10"/>
      <c r="GHP1017" s="10"/>
      <c r="GHQ1017" s="10"/>
      <c r="GHR1017" s="10"/>
      <c r="GHS1017" s="10"/>
      <c r="GHT1017" s="10"/>
      <c r="GHU1017" s="10"/>
      <c r="GHV1017" s="10"/>
      <c r="GHW1017" s="10"/>
      <c r="GHX1017" s="10"/>
      <c r="GHY1017" s="10"/>
      <c r="GHZ1017" s="10"/>
      <c r="GIA1017" s="10"/>
      <c r="GIB1017" s="10"/>
      <c r="GIC1017" s="10"/>
      <c r="GID1017" s="10"/>
      <c r="GIE1017" s="10"/>
      <c r="GIF1017" s="10"/>
      <c r="GIG1017" s="10"/>
      <c r="GIH1017" s="10"/>
      <c r="GII1017" s="10"/>
      <c r="GIJ1017" s="10"/>
      <c r="GIK1017" s="10"/>
      <c r="GIL1017" s="10"/>
      <c r="GIM1017" s="10"/>
      <c r="GIN1017" s="10"/>
      <c r="GIO1017" s="10"/>
      <c r="GIP1017" s="10"/>
      <c r="GIQ1017" s="10"/>
      <c r="GIR1017" s="10"/>
      <c r="GIS1017" s="10"/>
      <c r="GIT1017" s="10"/>
      <c r="GIU1017" s="10"/>
      <c r="GIV1017" s="10"/>
      <c r="GIW1017" s="10"/>
      <c r="GIX1017" s="10"/>
      <c r="GIY1017" s="10"/>
      <c r="GIZ1017" s="10"/>
      <c r="GJA1017" s="10"/>
      <c r="GJB1017" s="10"/>
      <c r="GJC1017" s="10"/>
      <c r="GJD1017" s="10"/>
      <c r="GJE1017" s="10"/>
      <c r="GJF1017" s="10"/>
      <c r="GJG1017" s="10"/>
      <c r="GJH1017" s="10"/>
      <c r="GJI1017" s="10"/>
      <c r="GJJ1017" s="10"/>
      <c r="GJK1017" s="10"/>
      <c r="GJL1017" s="10"/>
      <c r="GJM1017" s="10"/>
      <c r="GJN1017" s="10"/>
      <c r="GJO1017" s="10"/>
      <c r="GJP1017" s="10"/>
      <c r="GJQ1017" s="10"/>
      <c r="GJR1017" s="10"/>
      <c r="GJS1017" s="10"/>
      <c r="GJT1017" s="10"/>
      <c r="GJU1017" s="10"/>
      <c r="GJV1017" s="10"/>
      <c r="GJW1017" s="10"/>
      <c r="GJX1017" s="10"/>
      <c r="GJY1017" s="10"/>
      <c r="GJZ1017" s="10"/>
      <c r="GKA1017" s="10"/>
      <c r="GKB1017" s="10"/>
      <c r="GKC1017" s="10"/>
      <c r="GKD1017" s="10"/>
      <c r="GKE1017" s="10"/>
      <c r="GKF1017" s="10"/>
      <c r="GKG1017" s="10"/>
      <c r="GKH1017" s="10"/>
      <c r="GKI1017" s="10"/>
      <c r="GKJ1017" s="10"/>
      <c r="GKK1017" s="10"/>
      <c r="GKL1017" s="10"/>
      <c r="GKM1017" s="10"/>
      <c r="GKN1017" s="10"/>
      <c r="GKO1017" s="10"/>
      <c r="GKP1017" s="10"/>
      <c r="GKQ1017" s="10"/>
      <c r="GKR1017" s="10"/>
      <c r="GKS1017" s="10"/>
      <c r="GKT1017" s="10"/>
      <c r="GKU1017" s="10"/>
      <c r="GKV1017" s="10"/>
      <c r="GKW1017" s="10"/>
      <c r="GKX1017" s="10"/>
      <c r="GKY1017" s="10"/>
      <c r="GKZ1017" s="10"/>
      <c r="GLA1017" s="10"/>
      <c r="GLB1017" s="10"/>
      <c r="GLC1017" s="10"/>
      <c r="GLD1017" s="10"/>
      <c r="GLE1017" s="10"/>
      <c r="GLF1017" s="10"/>
      <c r="GLG1017" s="10"/>
      <c r="GLH1017" s="10"/>
      <c r="GLI1017" s="10"/>
      <c r="GLJ1017" s="10"/>
      <c r="GLK1017" s="10"/>
      <c r="GLL1017" s="10"/>
      <c r="GLM1017" s="10"/>
      <c r="GLN1017" s="10"/>
      <c r="GLO1017" s="10"/>
      <c r="GLP1017" s="10"/>
      <c r="GLQ1017" s="10"/>
      <c r="GLR1017" s="10"/>
      <c r="GLS1017" s="10"/>
      <c r="GLT1017" s="10"/>
      <c r="GLU1017" s="10"/>
      <c r="GLV1017" s="10"/>
      <c r="GLW1017" s="10"/>
      <c r="GLX1017" s="10"/>
      <c r="GLY1017" s="10"/>
      <c r="GLZ1017" s="10"/>
      <c r="GMA1017" s="10"/>
      <c r="GMB1017" s="10"/>
      <c r="GMC1017" s="10"/>
      <c r="GMD1017" s="10"/>
      <c r="GME1017" s="10"/>
      <c r="GMF1017" s="10"/>
      <c r="GMG1017" s="10"/>
      <c r="GMH1017" s="10"/>
      <c r="GMI1017" s="10"/>
      <c r="GMJ1017" s="10"/>
      <c r="GMK1017" s="10"/>
      <c r="GML1017" s="10"/>
      <c r="GMM1017" s="10"/>
      <c r="GMN1017" s="10"/>
      <c r="GMO1017" s="10"/>
      <c r="GMP1017" s="10"/>
      <c r="GMQ1017" s="10"/>
      <c r="GMR1017" s="10"/>
      <c r="GMS1017" s="10"/>
      <c r="GMT1017" s="10"/>
      <c r="GMU1017" s="10"/>
      <c r="GMV1017" s="10"/>
      <c r="GMW1017" s="10"/>
      <c r="GMX1017" s="10"/>
      <c r="GMY1017" s="10"/>
      <c r="GMZ1017" s="10"/>
      <c r="GNA1017" s="10"/>
      <c r="GNB1017" s="10"/>
      <c r="GNC1017" s="10"/>
      <c r="GND1017" s="10"/>
      <c r="GNE1017" s="10"/>
      <c r="GNF1017" s="10"/>
      <c r="GNG1017" s="10"/>
      <c r="GNH1017" s="10"/>
      <c r="GNI1017" s="10"/>
      <c r="GNJ1017" s="10"/>
      <c r="GNK1017" s="10"/>
      <c r="GNL1017" s="10"/>
      <c r="GNM1017" s="10"/>
      <c r="GNN1017" s="10"/>
      <c r="GNO1017" s="10"/>
      <c r="GNP1017" s="10"/>
      <c r="GNQ1017" s="10"/>
      <c r="GNR1017" s="10"/>
      <c r="GNS1017" s="10"/>
      <c r="GNT1017" s="10"/>
      <c r="GNU1017" s="10"/>
      <c r="GNV1017" s="10"/>
      <c r="GNW1017" s="10"/>
      <c r="GNX1017" s="10"/>
      <c r="GNY1017" s="10"/>
      <c r="GNZ1017" s="10"/>
      <c r="GOA1017" s="10"/>
      <c r="GOB1017" s="10"/>
      <c r="GOC1017" s="10"/>
      <c r="GOD1017" s="10"/>
      <c r="GOE1017" s="10"/>
      <c r="GOF1017" s="10"/>
      <c r="GOG1017" s="10"/>
      <c r="GOH1017" s="10"/>
      <c r="GOI1017" s="10"/>
      <c r="GOJ1017" s="10"/>
      <c r="GOK1017" s="10"/>
      <c r="GOL1017" s="10"/>
      <c r="GOM1017" s="10"/>
      <c r="GON1017" s="10"/>
      <c r="GOO1017" s="10"/>
      <c r="GOP1017" s="10"/>
      <c r="GOQ1017" s="10"/>
      <c r="GOR1017" s="10"/>
      <c r="GOS1017" s="10"/>
      <c r="GOT1017" s="10"/>
      <c r="GOU1017" s="10"/>
      <c r="GOV1017" s="10"/>
      <c r="GOW1017" s="10"/>
      <c r="GOX1017" s="10"/>
      <c r="GOY1017" s="10"/>
      <c r="GOZ1017" s="10"/>
      <c r="GPA1017" s="10"/>
      <c r="GPB1017" s="10"/>
      <c r="GPC1017" s="10"/>
      <c r="GPD1017" s="10"/>
      <c r="GPE1017" s="10"/>
      <c r="GPF1017" s="10"/>
      <c r="GPG1017" s="10"/>
      <c r="GPH1017" s="10"/>
      <c r="GPI1017" s="10"/>
      <c r="GPJ1017" s="10"/>
      <c r="GPK1017" s="10"/>
      <c r="GPL1017" s="10"/>
      <c r="GPM1017" s="10"/>
      <c r="GPN1017" s="10"/>
      <c r="GPO1017" s="10"/>
      <c r="GPP1017" s="10"/>
      <c r="GPQ1017" s="10"/>
      <c r="GPR1017" s="10"/>
      <c r="GPS1017" s="10"/>
      <c r="GPT1017" s="10"/>
      <c r="GPU1017" s="10"/>
      <c r="GPV1017" s="10"/>
      <c r="GPW1017" s="10"/>
      <c r="GPX1017" s="10"/>
      <c r="GPY1017" s="10"/>
      <c r="GPZ1017" s="10"/>
      <c r="GQA1017" s="10"/>
      <c r="GQB1017" s="10"/>
      <c r="GQC1017" s="10"/>
      <c r="GQD1017" s="10"/>
      <c r="GQE1017" s="10"/>
      <c r="GQF1017" s="10"/>
      <c r="GQG1017" s="10"/>
      <c r="GQH1017" s="10"/>
      <c r="GQI1017" s="10"/>
      <c r="GQJ1017" s="10"/>
      <c r="GQK1017" s="10"/>
      <c r="GQL1017" s="10"/>
      <c r="GQM1017" s="10"/>
      <c r="GQN1017" s="10"/>
      <c r="GQO1017" s="10"/>
      <c r="GQP1017" s="10"/>
      <c r="GQQ1017" s="10"/>
      <c r="GQR1017" s="10"/>
      <c r="GQS1017" s="10"/>
      <c r="GQT1017" s="10"/>
      <c r="GQU1017" s="10"/>
      <c r="GQV1017" s="10"/>
      <c r="GQW1017" s="10"/>
      <c r="GQX1017" s="10"/>
      <c r="GQY1017" s="10"/>
      <c r="GQZ1017" s="10"/>
      <c r="GRA1017" s="10"/>
      <c r="GRB1017" s="10"/>
      <c r="GRC1017" s="10"/>
      <c r="GRD1017" s="10"/>
      <c r="GRE1017" s="10"/>
      <c r="GRF1017" s="10"/>
      <c r="GRG1017" s="10"/>
      <c r="GRH1017" s="10"/>
      <c r="GRI1017" s="10"/>
      <c r="GRJ1017" s="10"/>
      <c r="GRK1017" s="10"/>
      <c r="GRL1017" s="10"/>
      <c r="GRM1017" s="10"/>
      <c r="GRN1017" s="10"/>
      <c r="GRO1017" s="10"/>
      <c r="GRP1017" s="10"/>
      <c r="GRQ1017" s="10"/>
      <c r="GRR1017" s="10"/>
      <c r="GRS1017" s="10"/>
      <c r="GRT1017" s="10"/>
      <c r="GRU1017" s="10"/>
      <c r="GRV1017" s="10"/>
      <c r="GRW1017" s="10"/>
      <c r="GRX1017" s="10"/>
      <c r="GRY1017" s="10"/>
      <c r="GRZ1017" s="10"/>
      <c r="GSA1017" s="10"/>
      <c r="GSB1017" s="10"/>
      <c r="GSC1017" s="10"/>
      <c r="GSD1017" s="10"/>
      <c r="GSE1017" s="10"/>
      <c r="GSF1017" s="10"/>
      <c r="GSG1017" s="10"/>
      <c r="GSH1017" s="10"/>
      <c r="GSI1017" s="10"/>
      <c r="GSJ1017" s="10"/>
      <c r="GSK1017" s="10"/>
      <c r="GSL1017" s="10"/>
      <c r="GSM1017" s="10"/>
      <c r="GSN1017" s="10"/>
      <c r="GSO1017" s="10"/>
      <c r="GSP1017" s="10"/>
      <c r="GSQ1017" s="10"/>
      <c r="GSR1017" s="10"/>
      <c r="GSS1017" s="10"/>
      <c r="GST1017" s="10"/>
      <c r="GSU1017" s="10"/>
      <c r="GSV1017" s="10"/>
      <c r="GSW1017" s="10"/>
      <c r="GSX1017" s="10"/>
      <c r="GSY1017" s="10"/>
      <c r="GSZ1017" s="10"/>
      <c r="GTA1017" s="10"/>
      <c r="GTB1017" s="10"/>
      <c r="GTC1017" s="10"/>
      <c r="GTD1017" s="10"/>
      <c r="GTE1017" s="10"/>
      <c r="GTF1017" s="10"/>
      <c r="GTG1017" s="10"/>
      <c r="GTH1017" s="10"/>
      <c r="GTI1017" s="10"/>
      <c r="GTJ1017" s="10"/>
      <c r="GTK1017" s="10"/>
      <c r="GTL1017" s="10"/>
      <c r="GTM1017" s="10"/>
      <c r="GTN1017" s="10"/>
      <c r="GTO1017" s="10"/>
      <c r="GTP1017" s="10"/>
      <c r="GTQ1017" s="10"/>
      <c r="GTR1017" s="10"/>
      <c r="GTS1017" s="10"/>
      <c r="GTT1017" s="10"/>
      <c r="GTU1017" s="10"/>
      <c r="GTV1017" s="10"/>
      <c r="GTW1017" s="10"/>
      <c r="GTX1017" s="10"/>
      <c r="GTY1017" s="10"/>
      <c r="GTZ1017" s="10"/>
      <c r="GUA1017" s="10"/>
      <c r="GUB1017" s="10"/>
      <c r="GUC1017" s="10"/>
      <c r="GUD1017" s="10"/>
      <c r="GUE1017" s="10"/>
      <c r="GUF1017" s="10"/>
      <c r="GUG1017" s="10"/>
      <c r="GUH1017" s="10"/>
      <c r="GUI1017" s="10"/>
      <c r="GUJ1017" s="10"/>
      <c r="GUK1017" s="10"/>
      <c r="GUL1017" s="10"/>
      <c r="GUM1017" s="10"/>
      <c r="GUN1017" s="10"/>
      <c r="GUO1017" s="10"/>
      <c r="GUP1017" s="10"/>
      <c r="GUQ1017" s="10"/>
      <c r="GUR1017" s="10"/>
      <c r="GUS1017" s="10"/>
      <c r="GUT1017" s="10"/>
      <c r="GUU1017" s="10"/>
      <c r="GUV1017" s="10"/>
      <c r="GUW1017" s="10"/>
      <c r="GUX1017" s="10"/>
      <c r="GUY1017" s="10"/>
      <c r="GUZ1017" s="10"/>
      <c r="GVA1017" s="10"/>
      <c r="GVB1017" s="10"/>
      <c r="GVC1017" s="10"/>
      <c r="GVD1017" s="10"/>
      <c r="GVE1017" s="10"/>
      <c r="GVF1017" s="10"/>
      <c r="GVG1017" s="10"/>
      <c r="GVH1017" s="10"/>
      <c r="GVI1017" s="10"/>
      <c r="GVJ1017" s="10"/>
      <c r="GVK1017" s="10"/>
      <c r="GVL1017" s="10"/>
      <c r="GVM1017" s="10"/>
      <c r="GVN1017" s="10"/>
      <c r="GVO1017" s="10"/>
      <c r="GVP1017" s="10"/>
      <c r="GVQ1017" s="10"/>
      <c r="GVR1017" s="10"/>
      <c r="GVS1017" s="10"/>
      <c r="GVT1017" s="10"/>
      <c r="GVU1017" s="10"/>
      <c r="GVV1017" s="10"/>
      <c r="GVW1017" s="10"/>
      <c r="GVX1017" s="10"/>
      <c r="GVY1017" s="10"/>
      <c r="GVZ1017" s="10"/>
      <c r="GWA1017" s="10"/>
      <c r="GWB1017" s="10"/>
      <c r="GWC1017" s="10"/>
      <c r="GWD1017" s="10"/>
      <c r="GWE1017" s="10"/>
      <c r="GWF1017" s="10"/>
      <c r="GWG1017" s="10"/>
      <c r="GWH1017" s="10"/>
      <c r="GWI1017" s="10"/>
      <c r="GWJ1017" s="10"/>
      <c r="GWK1017" s="10"/>
      <c r="GWL1017" s="10"/>
      <c r="GWM1017" s="10"/>
      <c r="GWN1017" s="10"/>
      <c r="GWO1017" s="10"/>
      <c r="GWP1017" s="10"/>
      <c r="GWQ1017" s="10"/>
      <c r="GWR1017" s="10"/>
      <c r="GWS1017" s="10"/>
      <c r="GWT1017" s="10"/>
      <c r="GWU1017" s="10"/>
      <c r="GWV1017" s="10"/>
      <c r="GWW1017" s="10"/>
      <c r="GWX1017" s="10"/>
      <c r="GWY1017" s="10"/>
      <c r="GWZ1017" s="10"/>
      <c r="GXA1017" s="10"/>
      <c r="GXB1017" s="10"/>
      <c r="GXC1017" s="10"/>
      <c r="GXD1017" s="10"/>
      <c r="GXE1017" s="10"/>
      <c r="GXF1017" s="10"/>
      <c r="GXG1017" s="10"/>
      <c r="GXH1017" s="10"/>
      <c r="GXI1017" s="10"/>
      <c r="GXJ1017" s="10"/>
      <c r="GXK1017" s="10"/>
      <c r="GXL1017" s="10"/>
      <c r="GXM1017" s="10"/>
      <c r="GXN1017" s="10"/>
      <c r="GXO1017" s="10"/>
      <c r="GXP1017" s="10"/>
      <c r="GXQ1017" s="10"/>
      <c r="GXR1017" s="10"/>
      <c r="GXS1017" s="10"/>
      <c r="GXT1017" s="10"/>
      <c r="GXU1017" s="10"/>
      <c r="GXV1017" s="10"/>
      <c r="GXW1017" s="10"/>
      <c r="GXX1017" s="10"/>
      <c r="GXY1017" s="10"/>
      <c r="GXZ1017" s="10"/>
      <c r="GYA1017" s="10"/>
      <c r="GYB1017" s="10"/>
      <c r="GYC1017" s="10"/>
      <c r="GYD1017" s="10"/>
      <c r="GYE1017" s="10"/>
      <c r="GYF1017" s="10"/>
      <c r="GYG1017" s="10"/>
      <c r="GYH1017" s="10"/>
      <c r="GYI1017" s="10"/>
      <c r="GYJ1017" s="10"/>
      <c r="GYK1017" s="10"/>
      <c r="GYL1017" s="10"/>
      <c r="GYM1017" s="10"/>
      <c r="GYN1017" s="10"/>
      <c r="GYO1017" s="10"/>
      <c r="GYP1017" s="10"/>
      <c r="GYQ1017" s="10"/>
      <c r="GYR1017" s="10"/>
      <c r="GYS1017" s="10"/>
      <c r="GYT1017" s="10"/>
      <c r="GYU1017" s="10"/>
      <c r="GYV1017" s="10"/>
      <c r="GYW1017" s="10"/>
      <c r="GYX1017" s="10"/>
      <c r="GYY1017" s="10"/>
      <c r="GYZ1017" s="10"/>
      <c r="GZA1017" s="10"/>
      <c r="GZB1017" s="10"/>
      <c r="GZC1017" s="10"/>
      <c r="GZD1017" s="10"/>
      <c r="GZE1017" s="10"/>
      <c r="GZF1017" s="10"/>
      <c r="GZG1017" s="10"/>
      <c r="GZH1017" s="10"/>
      <c r="GZI1017" s="10"/>
      <c r="GZJ1017" s="10"/>
      <c r="GZK1017" s="10"/>
      <c r="GZL1017" s="10"/>
      <c r="GZM1017" s="10"/>
      <c r="GZN1017" s="10"/>
      <c r="GZO1017" s="10"/>
      <c r="GZP1017" s="10"/>
      <c r="GZQ1017" s="10"/>
      <c r="GZR1017" s="10"/>
      <c r="GZS1017" s="10"/>
      <c r="GZT1017" s="10"/>
      <c r="GZU1017" s="10"/>
      <c r="GZV1017" s="10"/>
      <c r="GZW1017" s="10"/>
      <c r="GZX1017" s="10"/>
      <c r="GZY1017" s="10"/>
      <c r="GZZ1017" s="10"/>
      <c r="HAA1017" s="10"/>
      <c r="HAB1017" s="10"/>
      <c r="HAC1017" s="10"/>
      <c r="HAD1017" s="10"/>
      <c r="HAE1017" s="10"/>
      <c r="HAF1017" s="10"/>
      <c r="HAG1017" s="10"/>
      <c r="HAH1017" s="10"/>
      <c r="HAI1017" s="10"/>
      <c r="HAJ1017" s="10"/>
      <c r="HAK1017" s="10"/>
      <c r="HAL1017" s="10"/>
      <c r="HAM1017" s="10"/>
      <c r="HAN1017" s="10"/>
      <c r="HAO1017" s="10"/>
      <c r="HAP1017" s="10"/>
      <c r="HAQ1017" s="10"/>
      <c r="HAR1017" s="10"/>
      <c r="HAS1017" s="10"/>
      <c r="HAT1017" s="10"/>
      <c r="HAU1017" s="10"/>
      <c r="HAV1017" s="10"/>
      <c r="HAW1017" s="10"/>
      <c r="HAX1017" s="10"/>
      <c r="HAY1017" s="10"/>
      <c r="HAZ1017" s="10"/>
      <c r="HBA1017" s="10"/>
      <c r="HBB1017" s="10"/>
      <c r="HBC1017" s="10"/>
      <c r="HBD1017" s="10"/>
      <c r="HBE1017" s="10"/>
      <c r="HBF1017" s="10"/>
      <c r="HBG1017" s="10"/>
      <c r="HBH1017" s="10"/>
      <c r="HBI1017" s="10"/>
      <c r="HBJ1017" s="10"/>
      <c r="HBK1017" s="10"/>
      <c r="HBL1017" s="10"/>
      <c r="HBM1017" s="10"/>
      <c r="HBN1017" s="10"/>
      <c r="HBO1017" s="10"/>
      <c r="HBP1017" s="10"/>
      <c r="HBQ1017" s="10"/>
      <c r="HBR1017" s="10"/>
      <c r="HBS1017" s="10"/>
      <c r="HBT1017" s="10"/>
      <c r="HBU1017" s="10"/>
      <c r="HBV1017" s="10"/>
      <c r="HBW1017" s="10"/>
      <c r="HBX1017" s="10"/>
      <c r="HBY1017" s="10"/>
      <c r="HBZ1017" s="10"/>
      <c r="HCA1017" s="10"/>
      <c r="HCB1017" s="10"/>
      <c r="HCC1017" s="10"/>
      <c r="HCD1017" s="10"/>
      <c r="HCE1017" s="10"/>
      <c r="HCF1017" s="10"/>
      <c r="HCG1017" s="10"/>
      <c r="HCH1017" s="10"/>
      <c r="HCI1017" s="10"/>
      <c r="HCJ1017" s="10"/>
      <c r="HCK1017" s="10"/>
      <c r="HCL1017" s="10"/>
      <c r="HCM1017" s="10"/>
      <c r="HCN1017" s="10"/>
      <c r="HCO1017" s="10"/>
      <c r="HCP1017" s="10"/>
      <c r="HCQ1017" s="10"/>
      <c r="HCR1017" s="10"/>
      <c r="HCS1017" s="10"/>
      <c r="HCT1017" s="10"/>
      <c r="HCU1017" s="10"/>
      <c r="HCV1017" s="10"/>
      <c r="HCW1017" s="10"/>
      <c r="HCX1017" s="10"/>
      <c r="HCY1017" s="10"/>
      <c r="HCZ1017" s="10"/>
      <c r="HDA1017" s="10"/>
      <c r="HDB1017" s="10"/>
      <c r="HDC1017" s="10"/>
      <c r="HDD1017" s="10"/>
      <c r="HDE1017" s="10"/>
      <c r="HDF1017" s="10"/>
      <c r="HDG1017" s="10"/>
      <c r="HDH1017" s="10"/>
      <c r="HDI1017" s="10"/>
      <c r="HDJ1017" s="10"/>
      <c r="HDK1017" s="10"/>
      <c r="HDL1017" s="10"/>
      <c r="HDM1017" s="10"/>
      <c r="HDN1017" s="10"/>
      <c r="HDO1017" s="10"/>
      <c r="HDP1017" s="10"/>
      <c r="HDQ1017" s="10"/>
      <c r="HDR1017" s="10"/>
      <c r="HDS1017" s="10"/>
      <c r="HDT1017" s="10"/>
      <c r="HDU1017" s="10"/>
      <c r="HDV1017" s="10"/>
      <c r="HDW1017" s="10"/>
      <c r="HDX1017" s="10"/>
      <c r="HDY1017" s="10"/>
      <c r="HDZ1017" s="10"/>
      <c r="HEA1017" s="10"/>
      <c r="HEB1017" s="10"/>
      <c r="HEC1017" s="10"/>
      <c r="HED1017" s="10"/>
      <c r="HEE1017" s="10"/>
      <c r="HEF1017" s="10"/>
      <c r="HEG1017" s="10"/>
      <c r="HEH1017" s="10"/>
      <c r="HEI1017" s="10"/>
      <c r="HEJ1017" s="10"/>
      <c r="HEK1017" s="10"/>
      <c r="HEL1017" s="10"/>
      <c r="HEM1017" s="10"/>
      <c r="HEN1017" s="10"/>
      <c r="HEO1017" s="10"/>
      <c r="HEP1017" s="10"/>
      <c r="HEQ1017" s="10"/>
      <c r="HER1017" s="10"/>
      <c r="HES1017" s="10"/>
      <c r="HET1017" s="10"/>
      <c r="HEU1017" s="10"/>
      <c r="HEV1017" s="10"/>
      <c r="HEW1017" s="10"/>
      <c r="HEX1017" s="10"/>
      <c r="HEY1017" s="10"/>
      <c r="HEZ1017" s="10"/>
      <c r="HFA1017" s="10"/>
      <c r="HFB1017" s="10"/>
      <c r="HFC1017" s="10"/>
      <c r="HFD1017" s="10"/>
      <c r="HFE1017" s="10"/>
      <c r="HFF1017" s="10"/>
      <c r="HFG1017" s="10"/>
      <c r="HFH1017" s="10"/>
      <c r="HFI1017" s="10"/>
      <c r="HFJ1017" s="10"/>
      <c r="HFK1017" s="10"/>
      <c r="HFL1017" s="10"/>
      <c r="HFM1017" s="10"/>
      <c r="HFN1017" s="10"/>
      <c r="HFO1017" s="10"/>
      <c r="HFP1017" s="10"/>
      <c r="HFQ1017" s="10"/>
      <c r="HFR1017" s="10"/>
      <c r="HFS1017" s="10"/>
      <c r="HFT1017" s="10"/>
      <c r="HFU1017" s="10"/>
      <c r="HFV1017" s="10"/>
      <c r="HFW1017" s="10"/>
      <c r="HFX1017" s="10"/>
      <c r="HFY1017" s="10"/>
      <c r="HFZ1017" s="10"/>
      <c r="HGA1017" s="10"/>
      <c r="HGB1017" s="10"/>
      <c r="HGC1017" s="10"/>
      <c r="HGD1017" s="10"/>
      <c r="HGE1017" s="10"/>
      <c r="HGF1017" s="10"/>
      <c r="HGG1017" s="10"/>
      <c r="HGH1017" s="10"/>
      <c r="HGI1017" s="10"/>
      <c r="HGJ1017" s="10"/>
      <c r="HGK1017" s="10"/>
      <c r="HGL1017" s="10"/>
      <c r="HGM1017" s="10"/>
      <c r="HGN1017" s="10"/>
      <c r="HGO1017" s="10"/>
      <c r="HGP1017" s="10"/>
      <c r="HGQ1017" s="10"/>
      <c r="HGR1017" s="10"/>
      <c r="HGS1017" s="10"/>
      <c r="HGT1017" s="10"/>
      <c r="HGU1017" s="10"/>
      <c r="HGV1017" s="10"/>
      <c r="HGW1017" s="10"/>
      <c r="HGX1017" s="10"/>
      <c r="HGY1017" s="10"/>
      <c r="HGZ1017" s="10"/>
      <c r="HHA1017" s="10"/>
      <c r="HHB1017" s="10"/>
      <c r="HHC1017" s="10"/>
      <c r="HHD1017" s="10"/>
      <c r="HHE1017" s="10"/>
      <c r="HHF1017" s="10"/>
      <c r="HHG1017" s="10"/>
      <c r="HHH1017" s="10"/>
      <c r="HHI1017" s="10"/>
      <c r="HHJ1017" s="10"/>
      <c r="HHK1017" s="10"/>
      <c r="HHL1017" s="10"/>
      <c r="HHM1017" s="10"/>
      <c r="HHN1017" s="10"/>
      <c r="HHO1017" s="10"/>
      <c r="HHP1017" s="10"/>
      <c r="HHQ1017" s="10"/>
      <c r="HHR1017" s="10"/>
      <c r="HHS1017" s="10"/>
      <c r="HHT1017" s="10"/>
      <c r="HHU1017" s="10"/>
      <c r="HHV1017" s="10"/>
      <c r="HHW1017" s="10"/>
      <c r="HHX1017" s="10"/>
      <c r="HHY1017" s="10"/>
      <c r="HHZ1017" s="10"/>
      <c r="HIA1017" s="10"/>
      <c r="HIB1017" s="10"/>
      <c r="HIC1017" s="10"/>
      <c r="HID1017" s="10"/>
      <c r="HIE1017" s="10"/>
      <c r="HIF1017" s="10"/>
      <c r="HIG1017" s="10"/>
      <c r="HIH1017" s="10"/>
      <c r="HII1017" s="10"/>
      <c r="HIJ1017" s="10"/>
      <c r="HIK1017" s="10"/>
      <c r="HIL1017" s="10"/>
      <c r="HIM1017" s="10"/>
      <c r="HIN1017" s="10"/>
      <c r="HIO1017" s="10"/>
      <c r="HIP1017" s="10"/>
      <c r="HIQ1017" s="10"/>
      <c r="HIR1017" s="10"/>
      <c r="HIS1017" s="10"/>
      <c r="HIT1017" s="10"/>
      <c r="HIU1017" s="10"/>
      <c r="HIV1017" s="10"/>
      <c r="HIW1017" s="10"/>
      <c r="HIX1017" s="10"/>
      <c r="HIY1017" s="10"/>
      <c r="HIZ1017" s="10"/>
      <c r="HJA1017" s="10"/>
      <c r="HJB1017" s="10"/>
      <c r="HJC1017" s="10"/>
      <c r="HJD1017" s="10"/>
      <c r="HJE1017" s="10"/>
      <c r="HJF1017" s="10"/>
      <c r="HJG1017" s="10"/>
      <c r="HJH1017" s="10"/>
      <c r="HJI1017" s="10"/>
      <c r="HJJ1017" s="10"/>
      <c r="HJK1017" s="10"/>
      <c r="HJL1017" s="10"/>
      <c r="HJM1017" s="10"/>
      <c r="HJN1017" s="10"/>
      <c r="HJO1017" s="10"/>
      <c r="HJP1017" s="10"/>
      <c r="HJQ1017" s="10"/>
      <c r="HJR1017" s="10"/>
      <c r="HJS1017" s="10"/>
      <c r="HJT1017" s="10"/>
      <c r="HJU1017" s="10"/>
      <c r="HJV1017" s="10"/>
      <c r="HJW1017" s="10"/>
      <c r="HJX1017" s="10"/>
      <c r="HJY1017" s="10"/>
      <c r="HJZ1017" s="10"/>
      <c r="HKA1017" s="10"/>
      <c r="HKB1017" s="10"/>
      <c r="HKC1017" s="10"/>
      <c r="HKD1017" s="10"/>
      <c r="HKE1017" s="10"/>
      <c r="HKF1017" s="10"/>
      <c r="HKG1017" s="10"/>
      <c r="HKH1017" s="10"/>
      <c r="HKI1017" s="10"/>
      <c r="HKJ1017" s="10"/>
      <c r="HKK1017" s="10"/>
      <c r="HKL1017" s="10"/>
      <c r="HKM1017" s="10"/>
      <c r="HKN1017" s="10"/>
      <c r="HKO1017" s="10"/>
      <c r="HKP1017" s="10"/>
      <c r="HKQ1017" s="10"/>
      <c r="HKR1017" s="10"/>
      <c r="HKS1017" s="10"/>
      <c r="HKT1017" s="10"/>
      <c r="HKU1017" s="10"/>
      <c r="HKV1017" s="10"/>
      <c r="HKW1017" s="10"/>
      <c r="HKX1017" s="10"/>
      <c r="HKY1017" s="10"/>
      <c r="HKZ1017" s="10"/>
      <c r="HLA1017" s="10"/>
      <c r="HLB1017" s="10"/>
      <c r="HLC1017" s="10"/>
      <c r="HLD1017" s="10"/>
      <c r="HLE1017" s="10"/>
      <c r="HLF1017" s="10"/>
      <c r="HLG1017" s="10"/>
      <c r="HLH1017" s="10"/>
      <c r="HLI1017" s="10"/>
      <c r="HLJ1017" s="10"/>
      <c r="HLK1017" s="10"/>
      <c r="HLL1017" s="10"/>
      <c r="HLM1017" s="10"/>
      <c r="HLN1017" s="10"/>
      <c r="HLO1017" s="10"/>
      <c r="HLP1017" s="10"/>
      <c r="HLQ1017" s="10"/>
      <c r="HLR1017" s="10"/>
      <c r="HLS1017" s="10"/>
      <c r="HLT1017" s="10"/>
      <c r="HLU1017" s="10"/>
      <c r="HLV1017" s="10"/>
      <c r="HLW1017" s="10"/>
      <c r="HLX1017" s="10"/>
      <c r="HLY1017" s="10"/>
      <c r="HLZ1017" s="10"/>
      <c r="HMA1017" s="10"/>
      <c r="HMB1017" s="10"/>
      <c r="HMC1017" s="10"/>
      <c r="HMD1017" s="10"/>
      <c r="HME1017" s="10"/>
      <c r="HMF1017" s="10"/>
      <c r="HMG1017" s="10"/>
      <c r="HMH1017" s="10"/>
      <c r="HMI1017" s="10"/>
      <c r="HMJ1017" s="10"/>
      <c r="HMK1017" s="10"/>
      <c r="HML1017" s="10"/>
      <c r="HMM1017" s="10"/>
      <c r="HMN1017" s="10"/>
      <c r="HMO1017" s="10"/>
      <c r="HMP1017" s="10"/>
      <c r="HMQ1017" s="10"/>
      <c r="HMR1017" s="10"/>
      <c r="HMS1017" s="10"/>
      <c r="HMT1017" s="10"/>
      <c r="HMU1017" s="10"/>
      <c r="HMV1017" s="10"/>
      <c r="HMW1017" s="10"/>
      <c r="HMX1017" s="10"/>
      <c r="HMY1017" s="10"/>
      <c r="HMZ1017" s="10"/>
      <c r="HNA1017" s="10"/>
      <c r="HNB1017" s="10"/>
      <c r="HNC1017" s="10"/>
      <c r="HND1017" s="10"/>
      <c r="HNE1017" s="10"/>
      <c r="HNF1017" s="10"/>
      <c r="HNG1017" s="10"/>
      <c r="HNH1017" s="10"/>
      <c r="HNI1017" s="10"/>
      <c r="HNJ1017" s="10"/>
      <c r="HNK1017" s="10"/>
      <c r="HNL1017" s="10"/>
      <c r="HNM1017" s="10"/>
      <c r="HNN1017" s="10"/>
      <c r="HNO1017" s="10"/>
      <c r="HNP1017" s="10"/>
      <c r="HNQ1017" s="10"/>
      <c r="HNR1017" s="10"/>
      <c r="HNS1017" s="10"/>
      <c r="HNT1017" s="10"/>
      <c r="HNU1017" s="10"/>
      <c r="HNV1017" s="10"/>
      <c r="HNW1017" s="10"/>
      <c r="HNX1017" s="10"/>
      <c r="HNY1017" s="10"/>
      <c r="HNZ1017" s="10"/>
      <c r="HOA1017" s="10"/>
      <c r="HOB1017" s="10"/>
      <c r="HOC1017" s="10"/>
      <c r="HOD1017" s="10"/>
      <c r="HOE1017" s="10"/>
      <c r="HOF1017" s="10"/>
      <c r="HOG1017" s="10"/>
      <c r="HOH1017" s="10"/>
      <c r="HOI1017" s="10"/>
      <c r="HOJ1017" s="10"/>
      <c r="HOK1017" s="10"/>
      <c r="HOL1017" s="10"/>
      <c r="HOM1017" s="10"/>
      <c r="HON1017" s="10"/>
      <c r="HOO1017" s="10"/>
      <c r="HOP1017" s="10"/>
      <c r="HOQ1017" s="10"/>
      <c r="HOR1017" s="10"/>
      <c r="HOS1017" s="10"/>
      <c r="HOT1017" s="10"/>
      <c r="HOU1017" s="10"/>
      <c r="HOV1017" s="10"/>
      <c r="HOW1017" s="10"/>
      <c r="HOX1017" s="10"/>
      <c r="HOY1017" s="10"/>
      <c r="HOZ1017" s="10"/>
      <c r="HPA1017" s="10"/>
      <c r="HPB1017" s="10"/>
      <c r="HPC1017" s="10"/>
      <c r="HPD1017" s="10"/>
      <c r="HPE1017" s="10"/>
      <c r="HPF1017" s="10"/>
      <c r="HPG1017" s="10"/>
      <c r="HPH1017" s="10"/>
      <c r="HPI1017" s="10"/>
      <c r="HPJ1017" s="10"/>
      <c r="HPK1017" s="10"/>
      <c r="HPL1017" s="10"/>
      <c r="HPM1017" s="10"/>
      <c r="HPN1017" s="10"/>
      <c r="HPO1017" s="10"/>
      <c r="HPP1017" s="10"/>
      <c r="HPQ1017" s="10"/>
      <c r="HPR1017" s="10"/>
      <c r="HPS1017" s="10"/>
      <c r="HPT1017" s="10"/>
      <c r="HPU1017" s="10"/>
      <c r="HPV1017" s="10"/>
      <c r="HPW1017" s="10"/>
      <c r="HPX1017" s="10"/>
      <c r="HPY1017" s="10"/>
      <c r="HPZ1017" s="10"/>
      <c r="HQA1017" s="10"/>
      <c r="HQB1017" s="10"/>
      <c r="HQC1017" s="10"/>
      <c r="HQD1017" s="10"/>
      <c r="HQE1017" s="10"/>
      <c r="HQF1017" s="10"/>
      <c r="HQG1017" s="10"/>
      <c r="HQH1017" s="10"/>
      <c r="HQI1017" s="10"/>
      <c r="HQJ1017" s="10"/>
      <c r="HQK1017" s="10"/>
      <c r="HQL1017" s="10"/>
      <c r="HQM1017" s="10"/>
      <c r="HQN1017" s="10"/>
      <c r="HQO1017" s="10"/>
      <c r="HQP1017" s="10"/>
      <c r="HQQ1017" s="10"/>
      <c r="HQR1017" s="10"/>
      <c r="HQS1017" s="10"/>
      <c r="HQT1017" s="10"/>
      <c r="HQU1017" s="10"/>
      <c r="HQV1017" s="10"/>
      <c r="HQW1017" s="10"/>
      <c r="HQX1017" s="10"/>
      <c r="HQY1017" s="10"/>
      <c r="HQZ1017" s="10"/>
      <c r="HRA1017" s="10"/>
      <c r="HRB1017" s="10"/>
      <c r="HRC1017" s="10"/>
      <c r="HRD1017" s="10"/>
      <c r="HRE1017" s="10"/>
      <c r="HRF1017" s="10"/>
      <c r="HRG1017" s="10"/>
      <c r="HRH1017" s="10"/>
      <c r="HRI1017" s="10"/>
      <c r="HRJ1017" s="10"/>
      <c r="HRK1017" s="10"/>
      <c r="HRL1017" s="10"/>
      <c r="HRM1017" s="10"/>
      <c r="HRN1017" s="10"/>
      <c r="HRO1017" s="10"/>
      <c r="HRP1017" s="10"/>
      <c r="HRQ1017" s="10"/>
      <c r="HRR1017" s="10"/>
      <c r="HRS1017" s="10"/>
      <c r="HRT1017" s="10"/>
      <c r="HRU1017" s="10"/>
      <c r="HRV1017" s="10"/>
      <c r="HRW1017" s="10"/>
      <c r="HRX1017" s="10"/>
      <c r="HRY1017" s="10"/>
      <c r="HRZ1017" s="10"/>
      <c r="HSA1017" s="10"/>
      <c r="HSB1017" s="10"/>
      <c r="HSC1017" s="10"/>
      <c r="HSD1017" s="10"/>
      <c r="HSE1017" s="10"/>
      <c r="HSF1017" s="10"/>
      <c r="HSG1017" s="10"/>
      <c r="HSH1017" s="10"/>
      <c r="HSI1017" s="10"/>
      <c r="HSJ1017" s="10"/>
      <c r="HSK1017" s="10"/>
      <c r="HSL1017" s="10"/>
      <c r="HSM1017" s="10"/>
      <c r="HSN1017" s="10"/>
      <c r="HSO1017" s="10"/>
      <c r="HSP1017" s="10"/>
      <c r="HSQ1017" s="10"/>
      <c r="HSR1017" s="10"/>
      <c r="HSS1017" s="10"/>
      <c r="HST1017" s="10"/>
      <c r="HSU1017" s="10"/>
      <c r="HSV1017" s="10"/>
      <c r="HSW1017" s="10"/>
      <c r="HSX1017" s="10"/>
      <c r="HSY1017" s="10"/>
      <c r="HSZ1017" s="10"/>
      <c r="HTA1017" s="10"/>
      <c r="HTB1017" s="10"/>
      <c r="HTC1017" s="10"/>
      <c r="HTD1017" s="10"/>
      <c r="HTE1017" s="10"/>
      <c r="HTF1017" s="10"/>
      <c r="HTG1017" s="10"/>
      <c r="HTH1017" s="10"/>
      <c r="HTI1017" s="10"/>
      <c r="HTJ1017" s="10"/>
      <c r="HTK1017" s="10"/>
      <c r="HTL1017" s="10"/>
      <c r="HTM1017" s="10"/>
      <c r="HTN1017" s="10"/>
      <c r="HTO1017" s="10"/>
      <c r="HTP1017" s="10"/>
      <c r="HTQ1017" s="10"/>
      <c r="HTR1017" s="10"/>
      <c r="HTS1017" s="10"/>
      <c r="HTT1017" s="10"/>
      <c r="HTU1017" s="10"/>
      <c r="HTV1017" s="10"/>
      <c r="HTW1017" s="10"/>
      <c r="HTX1017" s="10"/>
      <c r="HTY1017" s="10"/>
      <c r="HTZ1017" s="10"/>
      <c r="HUA1017" s="10"/>
      <c r="HUB1017" s="10"/>
      <c r="HUC1017" s="10"/>
      <c r="HUD1017" s="10"/>
      <c r="HUE1017" s="10"/>
      <c r="HUF1017" s="10"/>
      <c r="HUG1017" s="10"/>
      <c r="HUH1017" s="10"/>
      <c r="HUI1017" s="10"/>
      <c r="HUJ1017" s="10"/>
      <c r="HUK1017" s="10"/>
      <c r="HUL1017" s="10"/>
      <c r="HUM1017" s="10"/>
      <c r="HUN1017" s="10"/>
      <c r="HUO1017" s="10"/>
      <c r="HUP1017" s="10"/>
      <c r="HUQ1017" s="10"/>
      <c r="HUR1017" s="10"/>
      <c r="HUS1017" s="10"/>
      <c r="HUT1017" s="10"/>
      <c r="HUU1017" s="10"/>
      <c r="HUV1017" s="10"/>
      <c r="HUW1017" s="10"/>
      <c r="HUX1017" s="10"/>
      <c r="HUY1017" s="10"/>
      <c r="HUZ1017" s="10"/>
      <c r="HVA1017" s="10"/>
      <c r="HVB1017" s="10"/>
      <c r="HVC1017" s="10"/>
      <c r="HVD1017" s="10"/>
      <c r="HVE1017" s="10"/>
      <c r="HVF1017" s="10"/>
      <c r="HVG1017" s="10"/>
      <c r="HVH1017" s="10"/>
      <c r="HVI1017" s="10"/>
      <c r="HVJ1017" s="10"/>
      <c r="HVK1017" s="10"/>
      <c r="HVL1017" s="10"/>
      <c r="HVM1017" s="10"/>
      <c r="HVN1017" s="10"/>
      <c r="HVO1017" s="10"/>
      <c r="HVP1017" s="10"/>
      <c r="HVQ1017" s="10"/>
      <c r="HVR1017" s="10"/>
      <c r="HVS1017" s="10"/>
      <c r="HVT1017" s="10"/>
      <c r="HVU1017" s="10"/>
      <c r="HVV1017" s="10"/>
      <c r="HVW1017" s="10"/>
      <c r="HVX1017" s="10"/>
      <c r="HVY1017" s="10"/>
      <c r="HVZ1017" s="10"/>
      <c r="HWA1017" s="10"/>
      <c r="HWB1017" s="10"/>
      <c r="HWC1017" s="10"/>
      <c r="HWD1017" s="10"/>
      <c r="HWE1017" s="10"/>
      <c r="HWF1017" s="10"/>
      <c r="HWG1017" s="10"/>
      <c r="HWH1017" s="10"/>
      <c r="HWI1017" s="10"/>
      <c r="HWJ1017" s="10"/>
      <c r="HWK1017" s="10"/>
      <c r="HWL1017" s="10"/>
      <c r="HWM1017" s="10"/>
      <c r="HWN1017" s="10"/>
      <c r="HWO1017" s="10"/>
      <c r="HWP1017" s="10"/>
      <c r="HWQ1017" s="10"/>
      <c r="HWR1017" s="10"/>
      <c r="HWS1017" s="10"/>
      <c r="HWT1017" s="10"/>
      <c r="HWU1017" s="10"/>
      <c r="HWV1017" s="10"/>
      <c r="HWW1017" s="10"/>
      <c r="HWX1017" s="10"/>
      <c r="HWY1017" s="10"/>
      <c r="HWZ1017" s="10"/>
      <c r="HXA1017" s="10"/>
      <c r="HXB1017" s="10"/>
      <c r="HXC1017" s="10"/>
      <c r="HXD1017" s="10"/>
      <c r="HXE1017" s="10"/>
      <c r="HXF1017" s="10"/>
      <c r="HXG1017" s="10"/>
      <c r="HXH1017" s="10"/>
      <c r="HXI1017" s="10"/>
      <c r="HXJ1017" s="10"/>
      <c r="HXK1017" s="10"/>
      <c r="HXL1017" s="10"/>
      <c r="HXM1017" s="10"/>
      <c r="HXN1017" s="10"/>
      <c r="HXO1017" s="10"/>
      <c r="HXP1017" s="10"/>
      <c r="HXQ1017" s="10"/>
      <c r="HXR1017" s="10"/>
      <c r="HXS1017" s="10"/>
      <c r="HXT1017" s="10"/>
      <c r="HXU1017" s="10"/>
      <c r="HXV1017" s="10"/>
      <c r="HXW1017" s="10"/>
      <c r="HXX1017" s="10"/>
      <c r="HXY1017" s="10"/>
      <c r="HXZ1017" s="10"/>
      <c r="HYA1017" s="10"/>
      <c r="HYB1017" s="10"/>
      <c r="HYC1017" s="10"/>
      <c r="HYD1017" s="10"/>
      <c r="HYE1017" s="10"/>
      <c r="HYF1017" s="10"/>
      <c r="HYG1017" s="10"/>
      <c r="HYH1017" s="10"/>
      <c r="HYI1017" s="10"/>
      <c r="HYJ1017" s="10"/>
      <c r="HYK1017" s="10"/>
      <c r="HYL1017" s="10"/>
      <c r="HYM1017" s="10"/>
      <c r="HYN1017" s="10"/>
      <c r="HYO1017" s="10"/>
      <c r="HYP1017" s="10"/>
      <c r="HYQ1017" s="10"/>
      <c r="HYR1017" s="10"/>
      <c r="HYS1017" s="10"/>
      <c r="HYT1017" s="10"/>
      <c r="HYU1017" s="10"/>
      <c r="HYV1017" s="10"/>
      <c r="HYW1017" s="10"/>
      <c r="HYX1017" s="10"/>
      <c r="HYY1017" s="10"/>
      <c r="HYZ1017" s="10"/>
      <c r="HZA1017" s="10"/>
      <c r="HZB1017" s="10"/>
      <c r="HZC1017" s="10"/>
      <c r="HZD1017" s="10"/>
      <c r="HZE1017" s="10"/>
      <c r="HZF1017" s="10"/>
      <c r="HZG1017" s="10"/>
      <c r="HZH1017" s="10"/>
      <c r="HZI1017" s="10"/>
      <c r="HZJ1017" s="10"/>
      <c r="HZK1017" s="10"/>
      <c r="HZL1017" s="10"/>
      <c r="HZM1017" s="10"/>
      <c r="HZN1017" s="10"/>
      <c r="HZO1017" s="10"/>
      <c r="HZP1017" s="10"/>
      <c r="HZQ1017" s="10"/>
      <c r="HZR1017" s="10"/>
      <c r="HZS1017" s="10"/>
      <c r="HZT1017" s="10"/>
      <c r="HZU1017" s="10"/>
      <c r="HZV1017" s="10"/>
      <c r="HZW1017" s="10"/>
      <c r="HZX1017" s="10"/>
      <c r="HZY1017" s="10"/>
      <c r="HZZ1017" s="10"/>
      <c r="IAA1017" s="10"/>
      <c r="IAB1017" s="10"/>
      <c r="IAC1017" s="10"/>
      <c r="IAD1017" s="10"/>
      <c r="IAE1017" s="10"/>
      <c r="IAF1017" s="10"/>
      <c r="IAG1017" s="10"/>
      <c r="IAH1017" s="10"/>
      <c r="IAI1017" s="10"/>
      <c r="IAJ1017" s="10"/>
      <c r="IAK1017" s="10"/>
      <c r="IAL1017" s="10"/>
      <c r="IAM1017" s="10"/>
      <c r="IAN1017" s="10"/>
      <c r="IAO1017" s="10"/>
      <c r="IAP1017" s="10"/>
      <c r="IAQ1017" s="10"/>
      <c r="IAR1017" s="10"/>
      <c r="IAS1017" s="10"/>
      <c r="IAT1017" s="10"/>
      <c r="IAU1017" s="10"/>
      <c r="IAV1017" s="10"/>
      <c r="IAW1017" s="10"/>
      <c r="IAX1017" s="10"/>
      <c r="IAY1017" s="10"/>
      <c r="IAZ1017" s="10"/>
      <c r="IBA1017" s="10"/>
      <c r="IBB1017" s="10"/>
      <c r="IBC1017" s="10"/>
      <c r="IBD1017" s="10"/>
      <c r="IBE1017" s="10"/>
      <c r="IBF1017" s="10"/>
      <c r="IBG1017" s="10"/>
      <c r="IBH1017" s="10"/>
      <c r="IBI1017" s="10"/>
      <c r="IBJ1017" s="10"/>
      <c r="IBK1017" s="10"/>
      <c r="IBL1017" s="10"/>
      <c r="IBM1017" s="10"/>
      <c r="IBN1017" s="10"/>
      <c r="IBO1017" s="10"/>
      <c r="IBP1017" s="10"/>
      <c r="IBQ1017" s="10"/>
      <c r="IBR1017" s="10"/>
      <c r="IBS1017" s="10"/>
      <c r="IBT1017" s="10"/>
      <c r="IBU1017" s="10"/>
      <c r="IBV1017" s="10"/>
      <c r="IBW1017" s="10"/>
      <c r="IBX1017" s="10"/>
      <c r="IBY1017" s="10"/>
      <c r="IBZ1017" s="10"/>
      <c r="ICA1017" s="10"/>
      <c r="ICB1017" s="10"/>
      <c r="ICC1017" s="10"/>
      <c r="ICD1017" s="10"/>
      <c r="ICE1017" s="10"/>
      <c r="ICF1017" s="10"/>
      <c r="ICG1017" s="10"/>
      <c r="ICH1017" s="10"/>
      <c r="ICI1017" s="10"/>
      <c r="ICJ1017" s="10"/>
      <c r="ICK1017" s="10"/>
      <c r="ICL1017" s="10"/>
      <c r="ICM1017" s="10"/>
      <c r="ICN1017" s="10"/>
      <c r="ICO1017" s="10"/>
      <c r="ICP1017" s="10"/>
      <c r="ICQ1017" s="10"/>
      <c r="ICR1017" s="10"/>
      <c r="ICS1017" s="10"/>
      <c r="ICT1017" s="10"/>
      <c r="ICU1017" s="10"/>
      <c r="ICV1017" s="10"/>
      <c r="ICW1017" s="10"/>
      <c r="ICX1017" s="10"/>
      <c r="ICY1017" s="10"/>
      <c r="ICZ1017" s="10"/>
      <c r="IDA1017" s="10"/>
      <c r="IDB1017" s="10"/>
      <c r="IDC1017" s="10"/>
      <c r="IDD1017" s="10"/>
      <c r="IDE1017" s="10"/>
      <c r="IDF1017" s="10"/>
      <c r="IDG1017" s="10"/>
      <c r="IDH1017" s="10"/>
      <c r="IDI1017" s="10"/>
      <c r="IDJ1017" s="10"/>
      <c r="IDK1017" s="10"/>
      <c r="IDL1017" s="10"/>
      <c r="IDM1017" s="10"/>
      <c r="IDN1017" s="10"/>
      <c r="IDO1017" s="10"/>
      <c r="IDP1017" s="10"/>
      <c r="IDQ1017" s="10"/>
      <c r="IDR1017" s="10"/>
      <c r="IDS1017" s="10"/>
      <c r="IDT1017" s="10"/>
      <c r="IDU1017" s="10"/>
      <c r="IDV1017" s="10"/>
      <c r="IDW1017" s="10"/>
      <c r="IDX1017" s="10"/>
      <c r="IDY1017" s="10"/>
      <c r="IDZ1017" s="10"/>
      <c r="IEA1017" s="10"/>
      <c r="IEB1017" s="10"/>
      <c r="IEC1017" s="10"/>
      <c r="IED1017" s="10"/>
      <c r="IEE1017" s="10"/>
      <c r="IEF1017" s="10"/>
      <c r="IEG1017" s="10"/>
      <c r="IEH1017" s="10"/>
      <c r="IEI1017" s="10"/>
      <c r="IEJ1017" s="10"/>
      <c r="IEK1017" s="10"/>
      <c r="IEL1017" s="10"/>
      <c r="IEM1017" s="10"/>
      <c r="IEN1017" s="10"/>
      <c r="IEO1017" s="10"/>
      <c r="IEP1017" s="10"/>
      <c r="IEQ1017" s="10"/>
      <c r="IER1017" s="10"/>
      <c r="IES1017" s="10"/>
      <c r="IET1017" s="10"/>
      <c r="IEU1017" s="10"/>
      <c r="IEV1017" s="10"/>
      <c r="IEW1017" s="10"/>
      <c r="IEX1017" s="10"/>
      <c r="IEY1017" s="10"/>
      <c r="IEZ1017" s="10"/>
      <c r="IFA1017" s="10"/>
      <c r="IFB1017" s="10"/>
      <c r="IFC1017" s="10"/>
      <c r="IFD1017" s="10"/>
      <c r="IFE1017" s="10"/>
      <c r="IFF1017" s="10"/>
      <c r="IFG1017" s="10"/>
      <c r="IFH1017" s="10"/>
      <c r="IFI1017" s="10"/>
      <c r="IFJ1017" s="10"/>
      <c r="IFK1017" s="10"/>
      <c r="IFL1017" s="10"/>
      <c r="IFM1017" s="10"/>
      <c r="IFN1017" s="10"/>
      <c r="IFO1017" s="10"/>
      <c r="IFP1017" s="10"/>
      <c r="IFQ1017" s="10"/>
      <c r="IFR1017" s="10"/>
      <c r="IFS1017" s="10"/>
      <c r="IFT1017" s="10"/>
      <c r="IFU1017" s="10"/>
      <c r="IFV1017" s="10"/>
      <c r="IFW1017" s="10"/>
      <c r="IFX1017" s="10"/>
      <c r="IFY1017" s="10"/>
      <c r="IFZ1017" s="10"/>
      <c r="IGA1017" s="10"/>
      <c r="IGB1017" s="10"/>
      <c r="IGC1017" s="10"/>
      <c r="IGD1017" s="10"/>
      <c r="IGE1017" s="10"/>
      <c r="IGF1017" s="10"/>
      <c r="IGG1017" s="10"/>
      <c r="IGH1017" s="10"/>
      <c r="IGI1017" s="10"/>
      <c r="IGJ1017" s="10"/>
      <c r="IGK1017" s="10"/>
      <c r="IGL1017" s="10"/>
      <c r="IGM1017" s="10"/>
      <c r="IGN1017" s="10"/>
      <c r="IGO1017" s="10"/>
      <c r="IGP1017" s="10"/>
      <c r="IGQ1017" s="10"/>
      <c r="IGR1017" s="10"/>
      <c r="IGS1017" s="10"/>
      <c r="IGT1017" s="10"/>
      <c r="IGU1017" s="10"/>
      <c r="IGV1017" s="10"/>
      <c r="IGW1017" s="10"/>
      <c r="IGX1017" s="10"/>
      <c r="IGY1017" s="10"/>
      <c r="IGZ1017" s="10"/>
      <c r="IHA1017" s="10"/>
      <c r="IHB1017" s="10"/>
      <c r="IHC1017" s="10"/>
      <c r="IHD1017" s="10"/>
      <c r="IHE1017" s="10"/>
      <c r="IHF1017" s="10"/>
      <c r="IHG1017" s="10"/>
      <c r="IHH1017" s="10"/>
      <c r="IHI1017" s="10"/>
      <c r="IHJ1017" s="10"/>
      <c r="IHK1017" s="10"/>
      <c r="IHL1017" s="10"/>
      <c r="IHM1017" s="10"/>
      <c r="IHN1017" s="10"/>
      <c r="IHO1017" s="10"/>
      <c r="IHP1017" s="10"/>
      <c r="IHQ1017" s="10"/>
      <c r="IHR1017" s="10"/>
      <c r="IHS1017" s="10"/>
      <c r="IHT1017" s="10"/>
      <c r="IHU1017" s="10"/>
      <c r="IHV1017" s="10"/>
      <c r="IHW1017" s="10"/>
      <c r="IHX1017" s="10"/>
      <c r="IHY1017" s="10"/>
      <c r="IHZ1017" s="10"/>
      <c r="IIA1017" s="10"/>
      <c r="IIB1017" s="10"/>
      <c r="IIC1017" s="10"/>
      <c r="IID1017" s="10"/>
      <c r="IIE1017" s="10"/>
      <c r="IIF1017" s="10"/>
      <c r="IIG1017" s="10"/>
      <c r="IIH1017" s="10"/>
      <c r="III1017" s="10"/>
      <c r="IIJ1017" s="10"/>
      <c r="IIK1017" s="10"/>
      <c r="IIL1017" s="10"/>
      <c r="IIM1017" s="10"/>
      <c r="IIN1017" s="10"/>
      <c r="IIO1017" s="10"/>
      <c r="IIP1017" s="10"/>
      <c r="IIQ1017" s="10"/>
      <c r="IIR1017" s="10"/>
      <c r="IIS1017" s="10"/>
      <c r="IIT1017" s="10"/>
      <c r="IIU1017" s="10"/>
      <c r="IIV1017" s="10"/>
      <c r="IIW1017" s="10"/>
      <c r="IIX1017" s="10"/>
      <c r="IIY1017" s="10"/>
      <c r="IIZ1017" s="10"/>
      <c r="IJA1017" s="10"/>
      <c r="IJB1017" s="10"/>
      <c r="IJC1017" s="10"/>
      <c r="IJD1017" s="10"/>
      <c r="IJE1017" s="10"/>
      <c r="IJF1017" s="10"/>
      <c r="IJG1017" s="10"/>
      <c r="IJH1017" s="10"/>
      <c r="IJI1017" s="10"/>
      <c r="IJJ1017" s="10"/>
      <c r="IJK1017" s="10"/>
      <c r="IJL1017" s="10"/>
      <c r="IJM1017" s="10"/>
      <c r="IJN1017" s="10"/>
      <c r="IJO1017" s="10"/>
      <c r="IJP1017" s="10"/>
      <c r="IJQ1017" s="10"/>
      <c r="IJR1017" s="10"/>
      <c r="IJS1017" s="10"/>
      <c r="IJT1017" s="10"/>
      <c r="IJU1017" s="10"/>
      <c r="IJV1017" s="10"/>
      <c r="IJW1017" s="10"/>
      <c r="IJX1017" s="10"/>
      <c r="IJY1017" s="10"/>
      <c r="IJZ1017" s="10"/>
      <c r="IKA1017" s="10"/>
      <c r="IKB1017" s="10"/>
      <c r="IKC1017" s="10"/>
      <c r="IKD1017" s="10"/>
      <c r="IKE1017" s="10"/>
      <c r="IKF1017" s="10"/>
      <c r="IKG1017" s="10"/>
      <c r="IKH1017" s="10"/>
      <c r="IKI1017" s="10"/>
      <c r="IKJ1017" s="10"/>
      <c r="IKK1017" s="10"/>
      <c r="IKL1017" s="10"/>
      <c r="IKM1017" s="10"/>
      <c r="IKN1017" s="10"/>
      <c r="IKO1017" s="10"/>
      <c r="IKP1017" s="10"/>
      <c r="IKQ1017" s="10"/>
      <c r="IKR1017" s="10"/>
      <c r="IKS1017" s="10"/>
      <c r="IKT1017" s="10"/>
      <c r="IKU1017" s="10"/>
      <c r="IKV1017" s="10"/>
      <c r="IKW1017" s="10"/>
      <c r="IKX1017" s="10"/>
      <c r="IKY1017" s="10"/>
      <c r="IKZ1017" s="10"/>
      <c r="ILA1017" s="10"/>
      <c r="ILB1017" s="10"/>
      <c r="ILC1017" s="10"/>
      <c r="ILD1017" s="10"/>
      <c r="ILE1017" s="10"/>
      <c r="ILF1017" s="10"/>
      <c r="ILG1017" s="10"/>
      <c r="ILH1017" s="10"/>
      <c r="ILI1017" s="10"/>
      <c r="ILJ1017" s="10"/>
      <c r="ILK1017" s="10"/>
      <c r="ILL1017" s="10"/>
      <c r="ILM1017" s="10"/>
      <c r="ILN1017" s="10"/>
      <c r="ILO1017" s="10"/>
      <c r="ILP1017" s="10"/>
      <c r="ILQ1017" s="10"/>
      <c r="ILR1017" s="10"/>
      <c r="ILS1017" s="10"/>
      <c r="ILT1017" s="10"/>
      <c r="ILU1017" s="10"/>
      <c r="ILV1017" s="10"/>
      <c r="ILW1017" s="10"/>
      <c r="ILX1017" s="10"/>
      <c r="ILY1017" s="10"/>
      <c r="ILZ1017" s="10"/>
      <c r="IMA1017" s="10"/>
      <c r="IMB1017" s="10"/>
      <c r="IMC1017" s="10"/>
      <c r="IMD1017" s="10"/>
      <c r="IME1017" s="10"/>
      <c r="IMF1017" s="10"/>
      <c r="IMG1017" s="10"/>
      <c r="IMH1017" s="10"/>
      <c r="IMI1017" s="10"/>
      <c r="IMJ1017" s="10"/>
      <c r="IMK1017" s="10"/>
      <c r="IML1017" s="10"/>
      <c r="IMM1017" s="10"/>
      <c r="IMN1017" s="10"/>
      <c r="IMO1017" s="10"/>
      <c r="IMP1017" s="10"/>
      <c r="IMQ1017" s="10"/>
      <c r="IMR1017" s="10"/>
      <c r="IMS1017" s="10"/>
      <c r="IMT1017" s="10"/>
      <c r="IMU1017" s="10"/>
      <c r="IMV1017" s="10"/>
      <c r="IMW1017" s="10"/>
      <c r="IMX1017" s="10"/>
      <c r="IMY1017" s="10"/>
      <c r="IMZ1017" s="10"/>
      <c r="INA1017" s="10"/>
      <c r="INB1017" s="10"/>
      <c r="INC1017" s="10"/>
      <c r="IND1017" s="10"/>
      <c r="INE1017" s="10"/>
      <c r="INF1017" s="10"/>
      <c r="ING1017" s="10"/>
      <c r="INH1017" s="10"/>
      <c r="INI1017" s="10"/>
      <c r="INJ1017" s="10"/>
      <c r="INK1017" s="10"/>
      <c r="INL1017" s="10"/>
      <c r="INM1017" s="10"/>
      <c r="INN1017" s="10"/>
      <c r="INO1017" s="10"/>
      <c r="INP1017" s="10"/>
      <c r="INQ1017" s="10"/>
      <c r="INR1017" s="10"/>
      <c r="INS1017" s="10"/>
      <c r="INT1017" s="10"/>
      <c r="INU1017" s="10"/>
      <c r="INV1017" s="10"/>
      <c r="INW1017" s="10"/>
      <c r="INX1017" s="10"/>
      <c r="INY1017" s="10"/>
      <c r="INZ1017" s="10"/>
      <c r="IOA1017" s="10"/>
      <c r="IOB1017" s="10"/>
      <c r="IOC1017" s="10"/>
      <c r="IOD1017" s="10"/>
      <c r="IOE1017" s="10"/>
      <c r="IOF1017" s="10"/>
      <c r="IOG1017" s="10"/>
      <c r="IOH1017" s="10"/>
      <c r="IOI1017" s="10"/>
      <c r="IOJ1017" s="10"/>
      <c r="IOK1017" s="10"/>
      <c r="IOL1017" s="10"/>
      <c r="IOM1017" s="10"/>
      <c r="ION1017" s="10"/>
      <c r="IOO1017" s="10"/>
      <c r="IOP1017" s="10"/>
      <c r="IOQ1017" s="10"/>
      <c r="IOR1017" s="10"/>
      <c r="IOS1017" s="10"/>
      <c r="IOT1017" s="10"/>
      <c r="IOU1017" s="10"/>
      <c r="IOV1017" s="10"/>
      <c r="IOW1017" s="10"/>
      <c r="IOX1017" s="10"/>
      <c r="IOY1017" s="10"/>
      <c r="IOZ1017" s="10"/>
      <c r="IPA1017" s="10"/>
      <c r="IPB1017" s="10"/>
      <c r="IPC1017" s="10"/>
      <c r="IPD1017" s="10"/>
      <c r="IPE1017" s="10"/>
      <c r="IPF1017" s="10"/>
      <c r="IPG1017" s="10"/>
      <c r="IPH1017" s="10"/>
      <c r="IPI1017" s="10"/>
      <c r="IPJ1017" s="10"/>
      <c r="IPK1017" s="10"/>
      <c r="IPL1017" s="10"/>
      <c r="IPM1017" s="10"/>
      <c r="IPN1017" s="10"/>
      <c r="IPO1017" s="10"/>
      <c r="IPP1017" s="10"/>
      <c r="IPQ1017" s="10"/>
      <c r="IPR1017" s="10"/>
      <c r="IPS1017" s="10"/>
      <c r="IPT1017" s="10"/>
      <c r="IPU1017" s="10"/>
      <c r="IPV1017" s="10"/>
      <c r="IPW1017" s="10"/>
      <c r="IPX1017" s="10"/>
      <c r="IPY1017" s="10"/>
      <c r="IPZ1017" s="10"/>
      <c r="IQA1017" s="10"/>
      <c r="IQB1017" s="10"/>
      <c r="IQC1017" s="10"/>
      <c r="IQD1017" s="10"/>
      <c r="IQE1017" s="10"/>
      <c r="IQF1017" s="10"/>
      <c r="IQG1017" s="10"/>
      <c r="IQH1017" s="10"/>
      <c r="IQI1017" s="10"/>
      <c r="IQJ1017" s="10"/>
      <c r="IQK1017" s="10"/>
      <c r="IQL1017" s="10"/>
      <c r="IQM1017" s="10"/>
      <c r="IQN1017" s="10"/>
      <c r="IQO1017" s="10"/>
      <c r="IQP1017" s="10"/>
      <c r="IQQ1017" s="10"/>
      <c r="IQR1017" s="10"/>
      <c r="IQS1017" s="10"/>
      <c r="IQT1017" s="10"/>
      <c r="IQU1017" s="10"/>
      <c r="IQV1017" s="10"/>
      <c r="IQW1017" s="10"/>
      <c r="IQX1017" s="10"/>
      <c r="IQY1017" s="10"/>
      <c r="IQZ1017" s="10"/>
      <c r="IRA1017" s="10"/>
      <c r="IRB1017" s="10"/>
      <c r="IRC1017" s="10"/>
      <c r="IRD1017" s="10"/>
      <c r="IRE1017" s="10"/>
      <c r="IRF1017" s="10"/>
      <c r="IRG1017" s="10"/>
      <c r="IRH1017" s="10"/>
      <c r="IRI1017" s="10"/>
      <c r="IRJ1017" s="10"/>
      <c r="IRK1017" s="10"/>
      <c r="IRL1017" s="10"/>
      <c r="IRM1017" s="10"/>
      <c r="IRN1017" s="10"/>
      <c r="IRO1017" s="10"/>
      <c r="IRP1017" s="10"/>
      <c r="IRQ1017" s="10"/>
      <c r="IRR1017" s="10"/>
      <c r="IRS1017" s="10"/>
      <c r="IRT1017" s="10"/>
      <c r="IRU1017" s="10"/>
      <c r="IRV1017" s="10"/>
      <c r="IRW1017" s="10"/>
      <c r="IRX1017" s="10"/>
      <c r="IRY1017" s="10"/>
      <c r="IRZ1017" s="10"/>
      <c r="ISA1017" s="10"/>
      <c r="ISB1017" s="10"/>
      <c r="ISC1017" s="10"/>
      <c r="ISD1017" s="10"/>
      <c r="ISE1017" s="10"/>
      <c r="ISF1017" s="10"/>
      <c r="ISG1017" s="10"/>
      <c r="ISH1017" s="10"/>
      <c r="ISI1017" s="10"/>
      <c r="ISJ1017" s="10"/>
      <c r="ISK1017" s="10"/>
      <c r="ISL1017" s="10"/>
      <c r="ISM1017" s="10"/>
      <c r="ISN1017" s="10"/>
      <c r="ISO1017" s="10"/>
      <c r="ISP1017" s="10"/>
      <c r="ISQ1017" s="10"/>
      <c r="ISR1017" s="10"/>
      <c r="ISS1017" s="10"/>
      <c r="IST1017" s="10"/>
      <c r="ISU1017" s="10"/>
      <c r="ISV1017" s="10"/>
      <c r="ISW1017" s="10"/>
      <c r="ISX1017" s="10"/>
      <c r="ISY1017" s="10"/>
      <c r="ISZ1017" s="10"/>
      <c r="ITA1017" s="10"/>
      <c r="ITB1017" s="10"/>
      <c r="ITC1017" s="10"/>
      <c r="ITD1017" s="10"/>
      <c r="ITE1017" s="10"/>
      <c r="ITF1017" s="10"/>
      <c r="ITG1017" s="10"/>
      <c r="ITH1017" s="10"/>
      <c r="ITI1017" s="10"/>
      <c r="ITJ1017" s="10"/>
      <c r="ITK1017" s="10"/>
      <c r="ITL1017" s="10"/>
      <c r="ITM1017" s="10"/>
      <c r="ITN1017" s="10"/>
      <c r="ITO1017" s="10"/>
      <c r="ITP1017" s="10"/>
      <c r="ITQ1017" s="10"/>
      <c r="ITR1017" s="10"/>
      <c r="ITS1017" s="10"/>
      <c r="ITT1017" s="10"/>
      <c r="ITU1017" s="10"/>
      <c r="ITV1017" s="10"/>
      <c r="ITW1017" s="10"/>
      <c r="ITX1017" s="10"/>
      <c r="ITY1017" s="10"/>
      <c r="ITZ1017" s="10"/>
      <c r="IUA1017" s="10"/>
      <c r="IUB1017" s="10"/>
      <c r="IUC1017" s="10"/>
      <c r="IUD1017" s="10"/>
      <c r="IUE1017" s="10"/>
      <c r="IUF1017" s="10"/>
      <c r="IUG1017" s="10"/>
      <c r="IUH1017" s="10"/>
      <c r="IUI1017" s="10"/>
      <c r="IUJ1017" s="10"/>
      <c r="IUK1017" s="10"/>
      <c r="IUL1017" s="10"/>
      <c r="IUM1017" s="10"/>
      <c r="IUN1017" s="10"/>
      <c r="IUO1017" s="10"/>
      <c r="IUP1017" s="10"/>
      <c r="IUQ1017" s="10"/>
      <c r="IUR1017" s="10"/>
      <c r="IUS1017" s="10"/>
      <c r="IUT1017" s="10"/>
      <c r="IUU1017" s="10"/>
      <c r="IUV1017" s="10"/>
      <c r="IUW1017" s="10"/>
      <c r="IUX1017" s="10"/>
      <c r="IUY1017" s="10"/>
      <c r="IUZ1017" s="10"/>
      <c r="IVA1017" s="10"/>
      <c r="IVB1017" s="10"/>
      <c r="IVC1017" s="10"/>
      <c r="IVD1017" s="10"/>
      <c r="IVE1017" s="10"/>
      <c r="IVF1017" s="10"/>
      <c r="IVG1017" s="10"/>
      <c r="IVH1017" s="10"/>
      <c r="IVI1017" s="10"/>
      <c r="IVJ1017" s="10"/>
      <c r="IVK1017" s="10"/>
      <c r="IVL1017" s="10"/>
      <c r="IVM1017" s="10"/>
      <c r="IVN1017" s="10"/>
      <c r="IVO1017" s="10"/>
      <c r="IVP1017" s="10"/>
      <c r="IVQ1017" s="10"/>
      <c r="IVR1017" s="10"/>
      <c r="IVS1017" s="10"/>
      <c r="IVT1017" s="10"/>
      <c r="IVU1017" s="10"/>
      <c r="IVV1017" s="10"/>
      <c r="IVW1017" s="10"/>
      <c r="IVX1017" s="10"/>
      <c r="IVY1017" s="10"/>
      <c r="IVZ1017" s="10"/>
      <c r="IWA1017" s="10"/>
      <c r="IWB1017" s="10"/>
      <c r="IWC1017" s="10"/>
      <c r="IWD1017" s="10"/>
      <c r="IWE1017" s="10"/>
      <c r="IWF1017" s="10"/>
      <c r="IWG1017" s="10"/>
      <c r="IWH1017" s="10"/>
      <c r="IWI1017" s="10"/>
      <c r="IWJ1017" s="10"/>
      <c r="IWK1017" s="10"/>
      <c r="IWL1017" s="10"/>
      <c r="IWM1017" s="10"/>
      <c r="IWN1017" s="10"/>
      <c r="IWO1017" s="10"/>
      <c r="IWP1017" s="10"/>
      <c r="IWQ1017" s="10"/>
      <c r="IWR1017" s="10"/>
      <c r="IWS1017" s="10"/>
      <c r="IWT1017" s="10"/>
      <c r="IWU1017" s="10"/>
      <c r="IWV1017" s="10"/>
      <c r="IWW1017" s="10"/>
      <c r="IWX1017" s="10"/>
      <c r="IWY1017" s="10"/>
      <c r="IWZ1017" s="10"/>
      <c r="IXA1017" s="10"/>
      <c r="IXB1017" s="10"/>
      <c r="IXC1017" s="10"/>
      <c r="IXD1017" s="10"/>
      <c r="IXE1017" s="10"/>
      <c r="IXF1017" s="10"/>
      <c r="IXG1017" s="10"/>
      <c r="IXH1017" s="10"/>
      <c r="IXI1017" s="10"/>
      <c r="IXJ1017" s="10"/>
      <c r="IXK1017" s="10"/>
      <c r="IXL1017" s="10"/>
      <c r="IXM1017" s="10"/>
      <c r="IXN1017" s="10"/>
      <c r="IXO1017" s="10"/>
      <c r="IXP1017" s="10"/>
      <c r="IXQ1017" s="10"/>
      <c r="IXR1017" s="10"/>
      <c r="IXS1017" s="10"/>
      <c r="IXT1017" s="10"/>
      <c r="IXU1017" s="10"/>
      <c r="IXV1017" s="10"/>
      <c r="IXW1017" s="10"/>
      <c r="IXX1017" s="10"/>
      <c r="IXY1017" s="10"/>
      <c r="IXZ1017" s="10"/>
      <c r="IYA1017" s="10"/>
      <c r="IYB1017" s="10"/>
      <c r="IYC1017" s="10"/>
      <c r="IYD1017" s="10"/>
      <c r="IYE1017" s="10"/>
      <c r="IYF1017" s="10"/>
      <c r="IYG1017" s="10"/>
      <c r="IYH1017" s="10"/>
      <c r="IYI1017" s="10"/>
      <c r="IYJ1017" s="10"/>
      <c r="IYK1017" s="10"/>
      <c r="IYL1017" s="10"/>
      <c r="IYM1017" s="10"/>
      <c r="IYN1017" s="10"/>
      <c r="IYO1017" s="10"/>
      <c r="IYP1017" s="10"/>
      <c r="IYQ1017" s="10"/>
      <c r="IYR1017" s="10"/>
      <c r="IYS1017" s="10"/>
      <c r="IYT1017" s="10"/>
      <c r="IYU1017" s="10"/>
      <c r="IYV1017" s="10"/>
      <c r="IYW1017" s="10"/>
      <c r="IYX1017" s="10"/>
      <c r="IYY1017" s="10"/>
      <c r="IYZ1017" s="10"/>
      <c r="IZA1017" s="10"/>
      <c r="IZB1017" s="10"/>
      <c r="IZC1017" s="10"/>
      <c r="IZD1017" s="10"/>
      <c r="IZE1017" s="10"/>
      <c r="IZF1017" s="10"/>
      <c r="IZG1017" s="10"/>
      <c r="IZH1017" s="10"/>
      <c r="IZI1017" s="10"/>
      <c r="IZJ1017" s="10"/>
      <c r="IZK1017" s="10"/>
      <c r="IZL1017" s="10"/>
      <c r="IZM1017" s="10"/>
      <c r="IZN1017" s="10"/>
      <c r="IZO1017" s="10"/>
      <c r="IZP1017" s="10"/>
      <c r="IZQ1017" s="10"/>
      <c r="IZR1017" s="10"/>
      <c r="IZS1017" s="10"/>
      <c r="IZT1017" s="10"/>
      <c r="IZU1017" s="10"/>
      <c r="IZV1017" s="10"/>
      <c r="IZW1017" s="10"/>
      <c r="IZX1017" s="10"/>
      <c r="IZY1017" s="10"/>
      <c r="IZZ1017" s="10"/>
      <c r="JAA1017" s="10"/>
      <c r="JAB1017" s="10"/>
      <c r="JAC1017" s="10"/>
      <c r="JAD1017" s="10"/>
      <c r="JAE1017" s="10"/>
      <c r="JAF1017" s="10"/>
      <c r="JAG1017" s="10"/>
      <c r="JAH1017" s="10"/>
      <c r="JAI1017" s="10"/>
      <c r="JAJ1017" s="10"/>
      <c r="JAK1017" s="10"/>
      <c r="JAL1017" s="10"/>
      <c r="JAM1017" s="10"/>
      <c r="JAN1017" s="10"/>
      <c r="JAO1017" s="10"/>
      <c r="JAP1017" s="10"/>
      <c r="JAQ1017" s="10"/>
      <c r="JAR1017" s="10"/>
      <c r="JAS1017" s="10"/>
      <c r="JAT1017" s="10"/>
      <c r="JAU1017" s="10"/>
      <c r="JAV1017" s="10"/>
      <c r="JAW1017" s="10"/>
      <c r="JAX1017" s="10"/>
      <c r="JAY1017" s="10"/>
      <c r="JAZ1017" s="10"/>
      <c r="JBA1017" s="10"/>
      <c r="JBB1017" s="10"/>
      <c r="JBC1017" s="10"/>
      <c r="JBD1017" s="10"/>
      <c r="JBE1017" s="10"/>
      <c r="JBF1017" s="10"/>
      <c r="JBG1017" s="10"/>
      <c r="JBH1017" s="10"/>
      <c r="JBI1017" s="10"/>
      <c r="JBJ1017" s="10"/>
      <c r="JBK1017" s="10"/>
      <c r="JBL1017" s="10"/>
      <c r="JBM1017" s="10"/>
      <c r="JBN1017" s="10"/>
      <c r="JBO1017" s="10"/>
      <c r="JBP1017" s="10"/>
      <c r="JBQ1017" s="10"/>
      <c r="JBR1017" s="10"/>
      <c r="JBS1017" s="10"/>
      <c r="JBT1017" s="10"/>
      <c r="JBU1017" s="10"/>
      <c r="JBV1017" s="10"/>
      <c r="JBW1017" s="10"/>
      <c r="JBX1017" s="10"/>
      <c r="JBY1017" s="10"/>
      <c r="JBZ1017" s="10"/>
      <c r="JCA1017" s="10"/>
      <c r="JCB1017" s="10"/>
      <c r="JCC1017" s="10"/>
      <c r="JCD1017" s="10"/>
      <c r="JCE1017" s="10"/>
      <c r="JCF1017" s="10"/>
      <c r="JCG1017" s="10"/>
      <c r="JCH1017" s="10"/>
      <c r="JCI1017" s="10"/>
      <c r="JCJ1017" s="10"/>
      <c r="JCK1017" s="10"/>
      <c r="JCL1017" s="10"/>
      <c r="JCM1017" s="10"/>
      <c r="JCN1017" s="10"/>
      <c r="JCO1017" s="10"/>
      <c r="JCP1017" s="10"/>
      <c r="JCQ1017" s="10"/>
      <c r="JCR1017" s="10"/>
      <c r="JCS1017" s="10"/>
      <c r="JCT1017" s="10"/>
      <c r="JCU1017" s="10"/>
      <c r="JCV1017" s="10"/>
      <c r="JCW1017" s="10"/>
      <c r="JCX1017" s="10"/>
      <c r="JCY1017" s="10"/>
      <c r="JCZ1017" s="10"/>
      <c r="JDA1017" s="10"/>
      <c r="JDB1017" s="10"/>
      <c r="JDC1017" s="10"/>
      <c r="JDD1017" s="10"/>
      <c r="JDE1017" s="10"/>
      <c r="JDF1017" s="10"/>
      <c r="JDG1017" s="10"/>
      <c r="JDH1017" s="10"/>
      <c r="JDI1017" s="10"/>
      <c r="JDJ1017" s="10"/>
      <c r="JDK1017" s="10"/>
      <c r="JDL1017" s="10"/>
      <c r="JDM1017" s="10"/>
      <c r="JDN1017" s="10"/>
      <c r="JDO1017" s="10"/>
      <c r="JDP1017" s="10"/>
      <c r="JDQ1017" s="10"/>
      <c r="JDR1017" s="10"/>
      <c r="JDS1017" s="10"/>
      <c r="JDT1017" s="10"/>
      <c r="JDU1017" s="10"/>
      <c r="JDV1017" s="10"/>
      <c r="JDW1017" s="10"/>
      <c r="JDX1017" s="10"/>
      <c r="JDY1017" s="10"/>
      <c r="JDZ1017" s="10"/>
      <c r="JEA1017" s="10"/>
      <c r="JEB1017" s="10"/>
      <c r="JEC1017" s="10"/>
      <c r="JED1017" s="10"/>
      <c r="JEE1017" s="10"/>
      <c r="JEF1017" s="10"/>
      <c r="JEG1017" s="10"/>
      <c r="JEH1017" s="10"/>
      <c r="JEI1017" s="10"/>
      <c r="JEJ1017" s="10"/>
      <c r="JEK1017" s="10"/>
      <c r="JEL1017" s="10"/>
      <c r="JEM1017" s="10"/>
      <c r="JEN1017" s="10"/>
      <c r="JEO1017" s="10"/>
      <c r="JEP1017" s="10"/>
      <c r="JEQ1017" s="10"/>
      <c r="JER1017" s="10"/>
      <c r="JES1017" s="10"/>
      <c r="JET1017" s="10"/>
      <c r="JEU1017" s="10"/>
      <c r="JEV1017" s="10"/>
      <c r="JEW1017" s="10"/>
      <c r="JEX1017" s="10"/>
      <c r="JEY1017" s="10"/>
      <c r="JEZ1017" s="10"/>
      <c r="JFA1017" s="10"/>
      <c r="JFB1017" s="10"/>
      <c r="JFC1017" s="10"/>
      <c r="JFD1017" s="10"/>
      <c r="JFE1017" s="10"/>
      <c r="JFF1017" s="10"/>
      <c r="JFG1017" s="10"/>
      <c r="JFH1017" s="10"/>
      <c r="JFI1017" s="10"/>
      <c r="JFJ1017" s="10"/>
      <c r="JFK1017" s="10"/>
      <c r="JFL1017" s="10"/>
      <c r="JFM1017" s="10"/>
      <c r="JFN1017" s="10"/>
      <c r="JFO1017" s="10"/>
      <c r="JFP1017" s="10"/>
      <c r="JFQ1017" s="10"/>
      <c r="JFR1017" s="10"/>
      <c r="JFS1017" s="10"/>
      <c r="JFT1017" s="10"/>
      <c r="JFU1017" s="10"/>
      <c r="JFV1017" s="10"/>
      <c r="JFW1017" s="10"/>
      <c r="JFX1017" s="10"/>
      <c r="JFY1017" s="10"/>
      <c r="JFZ1017" s="10"/>
      <c r="JGA1017" s="10"/>
      <c r="JGB1017" s="10"/>
      <c r="JGC1017" s="10"/>
      <c r="JGD1017" s="10"/>
      <c r="JGE1017" s="10"/>
      <c r="JGF1017" s="10"/>
      <c r="JGG1017" s="10"/>
      <c r="JGH1017" s="10"/>
      <c r="JGI1017" s="10"/>
      <c r="JGJ1017" s="10"/>
      <c r="JGK1017" s="10"/>
      <c r="JGL1017" s="10"/>
      <c r="JGM1017" s="10"/>
      <c r="JGN1017" s="10"/>
      <c r="JGO1017" s="10"/>
      <c r="JGP1017" s="10"/>
      <c r="JGQ1017" s="10"/>
      <c r="JGR1017" s="10"/>
      <c r="JGS1017" s="10"/>
      <c r="JGT1017" s="10"/>
      <c r="JGU1017" s="10"/>
      <c r="JGV1017" s="10"/>
      <c r="JGW1017" s="10"/>
      <c r="JGX1017" s="10"/>
      <c r="JGY1017" s="10"/>
      <c r="JGZ1017" s="10"/>
      <c r="JHA1017" s="10"/>
      <c r="JHB1017" s="10"/>
      <c r="JHC1017" s="10"/>
      <c r="JHD1017" s="10"/>
      <c r="JHE1017" s="10"/>
      <c r="JHF1017" s="10"/>
      <c r="JHG1017" s="10"/>
      <c r="JHH1017" s="10"/>
      <c r="JHI1017" s="10"/>
      <c r="JHJ1017" s="10"/>
      <c r="JHK1017" s="10"/>
      <c r="JHL1017" s="10"/>
      <c r="JHM1017" s="10"/>
      <c r="JHN1017" s="10"/>
      <c r="JHO1017" s="10"/>
      <c r="JHP1017" s="10"/>
      <c r="JHQ1017" s="10"/>
      <c r="JHR1017" s="10"/>
      <c r="JHS1017" s="10"/>
      <c r="JHT1017" s="10"/>
      <c r="JHU1017" s="10"/>
      <c r="JHV1017" s="10"/>
      <c r="JHW1017" s="10"/>
      <c r="JHX1017" s="10"/>
      <c r="JHY1017" s="10"/>
      <c r="JHZ1017" s="10"/>
      <c r="JIA1017" s="10"/>
      <c r="JIB1017" s="10"/>
      <c r="JIC1017" s="10"/>
      <c r="JID1017" s="10"/>
      <c r="JIE1017" s="10"/>
      <c r="JIF1017" s="10"/>
      <c r="JIG1017" s="10"/>
      <c r="JIH1017" s="10"/>
      <c r="JII1017" s="10"/>
      <c r="JIJ1017" s="10"/>
      <c r="JIK1017" s="10"/>
      <c r="JIL1017" s="10"/>
      <c r="JIM1017" s="10"/>
      <c r="JIN1017" s="10"/>
      <c r="JIO1017" s="10"/>
      <c r="JIP1017" s="10"/>
      <c r="JIQ1017" s="10"/>
      <c r="JIR1017" s="10"/>
      <c r="JIS1017" s="10"/>
      <c r="JIT1017" s="10"/>
      <c r="JIU1017" s="10"/>
      <c r="JIV1017" s="10"/>
      <c r="JIW1017" s="10"/>
      <c r="JIX1017" s="10"/>
      <c r="JIY1017" s="10"/>
      <c r="JIZ1017" s="10"/>
      <c r="JJA1017" s="10"/>
      <c r="JJB1017" s="10"/>
      <c r="JJC1017" s="10"/>
      <c r="JJD1017" s="10"/>
      <c r="JJE1017" s="10"/>
      <c r="JJF1017" s="10"/>
      <c r="JJG1017" s="10"/>
      <c r="JJH1017" s="10"/>
      <c r="JJI1017" s="10"/>
      <c r="JJJ1017" s="10"/>
      <c r="JJK1017" s="10"/>
      <c r="JJL1017" s="10"/>
      <c r="JJM1017" s="10"/>
      <c r="JJN1017" s="10"/>
      <c r="JJO1017" s="10"/>
      <c r="JJP1017" s="10"/>
      <c r="JJQ1017" s="10"/>
      <c r="JJR1017" s="10"/>
      <c r="JJS1017" s="10"/>
      <c r="JJT1017" s="10"/>
      <c r="JJU1017" s="10"/>
      <c r="JJV1017" s="10"/>
      <c r="JJW1017" s="10"/>
      <c r="JJX1017" s="10"/>
      <c r="JJY1017" s="10"/>
      <c r="JJZ1017" s="10"/>
      <c r="JKA1017" s="10"/>
      <c r="JKB1017" s="10"/>
      <c r="JKC1017" s="10"/>
      <c r="JKD1017" s="10"/>
      <c r="JKE1017" s="10"/>
      <c r="JKF1017" s="10"/>
      <c r="JKG1017" s="10"/>
      <c r="JKH1017" s="10"/>
      <c r="JKI1017" s="10"/>
      <c r="JKJ1017" s="10"/>
      <c r="JKK1017" s="10"/>
      <c r="JKL1017" s="10"/>
      <c r="JKM1017" s="10"/>
      <c r="JKN1017" s="10"/>
      <c r="JKO1017" s="10"/>
      <c r="JKP1017" s="10"/>
      <c r="JKQ1017" s="10"/>
      <c r="JKR1017" s="10"/>
      <c r="JKS1017" s="10"/>
      <c r="JKT1017" s="10"/>
      <c r="JKU1017" s="10"/>
      <c r="JKV1017" s="10"/>
      <c r="JKW1017" s="10"/>
      <c r="JKX1017" s="10"/>
      <c r="JKY1017" s="10"/>
      <c r="JKZ1017" s="10"/>
      <c r="JLA1017" s="10"/>
      <c r="JLB1017" s="10"/>
      <c r="JLC1017" s="10"/>
      <c r="JLD1017" s="10"/>
      <c r="JLE1017" s="10"/>
      <c r="JLF1017" s="10"/>
      <c r="JLG1017" s="10"/>
      <c r="JLH1017" s="10"/>
      <c r="JLI1017" s="10"/>
      <c r="JLJ1017" s="10"/>
      <c r="JLK1017" s="10"/>
      <c r="JLL1017" s="10"/>
      <c r="JLM1017" s="10"/>
      <c r="JLN1017" s="10"/>
      <c r="JLO1017" s="10"/>
      <c r="JLP1017" s="10"/>
      <c r="JLQ1017" s="10"/>
      <c r="JLR1017" s="10"/>
      <c r="JLS1017" s="10"/>
      <c r="JLT1017" s="10"/>
      <c r="JLU1017" s="10"/>
      <c r="JLV1017" s="10"/>
      <c r="JLW1017" s="10"/>
      <c r="JLX1017" s="10"/>
      <c r="JLY1017" s="10"/>
      <c r="JLZ1017" s="10"/>
      <c r="JMA1017" s="10"/>
      <c r="JMB1017" s="10"/>
      <c r="JMC1017" s="10"/>
      <c r="JMD1017" s="10"/>
      <c r="JME1017" s="10"/>
      <c r="JMF1017" s="10"/>
      <c r="JMG1017" s="10"/>
      <c r="JMH1017" s="10"/>
      <c r="JMI1017" s="10"/>
      <c r="JMJ1017" s="10"/>
      <c r="JMK1017" s="10"/>
      <c r="JML1017" s="10"/>
      <c r="JMM1017" s="10"/>
      <c r="JMN1017" s="10"/>
      <c r="JMO1017" s="10"/>
      <c r="JMP1017" s="10"/>
      <c r="JMQ1017" s="10"/>
      <c r="JMR1017" s="10"/>
      <c r="JMS1017" s="10"/>
      <c r="JMT1017" s="10"/>
      <c r="JMU1017" s="10"/>
      <c r="JMV1017" s="10"/>
      <c r="JMW1017" s="10"/>
      <c r="JMX1017" s="10"/>
      <c r="JMY1017" s="10"/>
      <c r="JMZ1017" s="10"/>
      <c r="JNA1017" s="10"/>
      <c r="JNB1017" s="10"/>
      <c r="JNC1017" s="10"/>
      <c r="JND1017" s="10"/>
      <c r="JNE1017" s="10"/>
      <c r="JNF1017" s="10"/>
      <c r="JNG1017" s="10"/>
      <c r="JNH1017" s="10"/>
      <c r="JNI1017" s="10"/>
      <c r="JNJ1017" s="10"/>
      <c r="JNK1017" s="10"/>
      <c r="JNL1017" s="10"/>
      <c r="JNM1017" s="10"/>
      <c r="JNN1017" s="10"/>
      <c r="JNO1017" s="10"/>
      <c r="JNP1017" s="10"/>
      <c r="JNQ1017" s="10"/>
      <c r="JNR1017" s="10"/>
      <c r="JNS1017" s="10"/>
      <c r="JNT1017" s="10"/>
      <c r="JNU1017" s="10"/>
      <c r="JNV1017" s="10"/>
      <c r="JNW1017" s="10"/>
      <c r="JNX1017" s="10"/>
      <c r="JNY1017" s="10"/>
      <c r="JNZ1017" s="10"/>
      <c r="JOA1017" s="10"/>
      <c r="JOB1017" s="10"/>
      <c r="JOC1017" s="10"/>
      <c r="JOD1017" s="10"/>
      <c r="JOE1017" s="10"/>
      <c r="JOF1017" s="10"/>
      <c r="JOG1017" s="10"/>
      <c r="JOH1017" s="10"/>
      <c r="JOI1017" s="10"/>
      <c r="JOJ1017" s="10"/>
      <c r="JOK1017" s="10"/>
      <c r="JOL1017" s="10"/>
      <c r="JOM1017" s="10"/>
      <c r="JON1017" s="10"/>
      <c r="JOO1017" s="10"/>
      <c r="JOP1017" s="10"/>
      <c r="JOQ1017" s="10"/>
      <c r="JOR1017" s="10"/>
      <c r="JOS1017" s="10"/>
      <c r="JOT1017" s="10"/>
      <c r="JOU1017" s="10"/>
      <c r="JOV1017" s="10"/>
      <c r="JOW1017" s="10"/>
      <c r="JOX1017" s="10"/>
      <c r="JOY1017" s="10"/>
      <c r="JOZ1017" s="10"/>
      <c r="JPA1017" s="10"/>
      <c r="JPB1017" s="10"/>
      <c r="JPC1017" s="10"/>
      <c r="JPD1017" s="10"/>
      <c r="JPE1017" s="10"/>
      <c r="JPF1017" s="10"/>
      <c r="JPG1017" s="10"/>
      <c r="JPH1017" s="10"/>
      <c r="JPI1017" s="10"/>
      <c r="JPJ1017" s="10"/>
      <c r="JPK1017" s="10"/>
      <c r="JPL1017" s="10"/>
      <c r="JPM1017" s="10"/>
      <c r="JPN1017" s="10"/>
      <c r="JPO1017" s="10"/>
      <c r="JPP1017" s="10"/>
      <c r="JPQ1017" s="10"/>
      <c r="JPR1017" s="10"/>
      <c r="JPS1017" s="10"/>
      <c r="JPT1017" s="10"/>
      <c r="JPU1017" s="10"/>
      <c r="JPV1017" s="10"/>
      <c r="JPW1017" s="10"/>
      <c r="JPX1017" s="10"/>
      <c r="JPY1017" s="10"/>
      <c r="JPZ1017" s="10"/>
      <c r="JQA1017" s="10"/>
      <c r="JQB1017" s="10"/>
      <c r="JQC1017" s="10"/>
      <c r="JQD1017" s="10"/>
      <c r="JQE1017" s="10"/>
      <c r="JQF1017" s="10"/>
      <c r="JQG1017" s="10"/>
      <c r="JQH1017" s="10"/>
      <c r="JQI1017" s="10"/>
      <c r="JQJ1017" s="10"/>
      <c r="JQK1017" s="10"/>
      <c r="JQL1017" s="10"/>
      <c r="JQM1017" s="10"/>
      <c r="JQN1017" s="10"/>
      <c r="JQO1017" s="10"/>
      <c r="JQP1017" s="10"/>
      <c r="JQQ1017" s="10"/>
      <c r="JQR1017" s="10"/>
      <c r="JQS1017" s="10"/>
      <c r="JQT1017" s="10"/>
      <c r="JQU1017" s="10"/>
      <c r="JQV1017" s="10"/>
      <c r="JQW1017" s="10"/>
      <c r="JQX1017" s="10"/>
      <c r="JQY1017" s="10"/>
      <c r="JQZ1017" s="10"/>
      <c r="JRA1017" s="10"/>
      <c r="JRB1017" s="10"/>
      <c r="JRC1017" s="10"/>
      <c r="JRD1017" s="10"/>
      <c r="JRE1017" s="10"/>
      <c r="JRF1017" s="10"/>
      <c r="JRG1017" s="10"/>
      <c r="JRH1017" s="10"/>
      <c r="JRI1017" s="10"/>
      <c r="JRJ1017" s="10"/>
      <c r="JRK1017" s="10"/>
      <c r="JRL1017" s="10"/>
      <c r="JRM1017" s="10"/>
      <c r="JRN1017" s="10"/>
      <c r="JRO1017" s="10"/>
      <c r="JRP1017" s="10"/>
      <c r="JRQ1017" s="10"/>
      <c r="JRR1017" s="10"/>
      <c r="JRS1017" s="10"/>
      <c r="JRT1017" s="10"/>
      <c r="JRU1017" s="10"/>
      <c r="JRV1017" s="10"/>
      <c r="JRW1017" s="10"/>
      <c r="JRX1017" s="10"/>
      <c r="JRY1017" s="10"/>
      <c r="JRZ1017" s="10"/>
      <c r="JSA1017" s="10"/>
      <c r="JSB1017" s="10"/>
      <c r="JSC1017" s="10"/>
      <c r="JSD1017" s="10"/>
      <c r="JSE1017" s="10"/>
      <c r="JSF1017" s="10"/>
      <c r="JSG1017" s="10"/>
      <c r="JSH1017" s="10"/>
      <c r="JSI1017" s="10"/>
      <c r="JSJ1017" s="10"/>
      <c r="JSK1017" s="10"/>
      <c r="JSL1017" s="10"/>
      <c r="JSM1017" s="10"/>
      <c r="JSN1017" s="10"/>
      <c r="JSO1017" s="10"/>
      <c r="JSP1017" s="10"/>
      <c r="JSQ1017" s="10"/>
      <c r="JSR1017" s="10"/>
      <c r="JSS1017" s="10"/>
      <c r="JST1017" s="10"/>
      <c r="JSU1017" s="10"/>
      <c r="JSV1017" s="10"/>
      <c r="JSW1017" s="10"/>
      <c r="JSX1017" s="10"/>
      <c r="JSY1017" s="10"/>
      <c r="JSZ1017" s="10"/>
      <c r="JTA1017" s="10"/>
      <c r="JTB1017" s="10"/>
      <c r="JTC1017" s="10"/>
      <c r="JTD1017" s="10"/>
      <c r="JTE1017" s="10"/>
      <c r="JTF1017" s="10"/>
      <c r="JTG1017" s="10"/>
      <c r="JTH1017" s="10"/>
      <c r="JTI1017" s="10"/>
      <c r="JTJ1017" s="10"/>
      <c r="JTK1017" s="10"/>
      <c r="JTL1017" s="10"/>
      <c r="JTM1017" s="10"/>
      <c r="JTN1017" s="10"/>
      <c r="JTO1017" s="10"/>
      <c r="JTP1017" s="10"/>
      <c r="JTQ1017" s="10"/>
      <c r="JTR1017" s="10"/>
      <c r="JTS1017" s="10"/>
      <c r="JTT1017" s="10"/>
      <c r="JTU1017" s="10"/>
      <c r="JTV1017" s="10"/>
      <c r="JTW1017" s="10"/>
      <c r="JTX1017" s="10"/>
      <c r="JTY1017" s="10"/>
      <c r="JTZ1017" s="10"/>
      <c r="JUA1017" s="10"/>
      <c r="JUB1017" s="10"/>
      <c r="JUC1017" s="10"/>
      <c r="JUD1017" s="10"/>
      <c r="JUE1017" s="10"/>
      <c r="JUF1017" s="10"/>
      <c r="JUG1017" s="10"/>
      <c r="JUH1017" s="10"/>
      <c r="JUI1017" s="10"/>
      <c r="JUJ1017" s="10"/>
      <c r="JUK1017" s="10"/>
      <c r="JUL1017" s="10"/>
      <c r="JUM1017" s="10"/>
      <c r="JUN1017" s="10"/>
      <c r="JUO1017" s="10"/>
      <c r="JUP1017" s="10"/>
      <c r="JUQ1017" s="10"/>
      <c r="JUR1017" s="10"/>
      <c r="JUS1017" s="10"/>
      <c r="JUT1017" s="10"/>
      <c r="JUU1017" s="10"/>
      <c r="JUV1017" s="10"/>
      <c r="JUW1017" s="10"/>
      <c r="JUX1017" s="10"/>
      <c r="JUY1017" s="10"/>
      <c r="JUZ1017" s="10"/>
      <c r="JVA1017" s="10"/>
      <c r="JVB1017" s="10"/>
      <c r="JVC1017" s="10"/>
      <c r="JVD1017" s="10"/>
      <c r="JVE1017" s="10"/>
      <c r="JVF1017" s="10"/>
      <c r="JVG1017" s="10"/>
      <c r="JVH1017" s="10"/>
      <c r="JVI1017" s="10"/>
      <c r="JVJ1017" s="10"/>
      <c r="JVK1017" s="10"/>
      <c r="JVL1017" s="10"/>
      <c r="JVM1017" s="10"/>
      <c r="JVN1017" s="10"/>
      <c r="JVO1017" s="10"/>
      <c r="JVP1017" s="10"/>
      <c r="JVQ1017" s="10"/>
      <c r="JVR1017" s="10"/>
      <c r="JVS1017" s="10"/>
      <c r="JVT1017" s="10"/>
      <c r="JVU1017" s="10"/>
      <c r="JVV1017" s="10"/>
      <c r="JVW1017" s="10"/>
      <c r="JVX1017" s="10"/>
      <c r="JVY1017" s="10"/>
      <c r="JVZ1017" s="10"/>
      <c r="JWA1017" s="10"/>
      <c r="JWB1017" s="10"/>
      <c r="JWC1017" s="10"/>
      <c r="JWD1017" s="10"/>
      <c r="JWE1017" s="10"/>
      <c r="JWF1017" s="10"/>
      <c r="JWG1017" s="10"/>
      <c r="JWH1017" s="10"/>
      <c r="JWI1017" s="10"/>
      <c r="JWJ1017" s="10"/>
      <c r="JWK1017" s="10"/>
      <c r="JWL1017" s="10"/>
      <c r="JWM1017" s="10"/>
      <c r="JWN1017" s="10"/>
      <c r="JWO1017" s="10"/>
      <c r="JWP1017" s="10"/>
      <c r="JWQ1017" s="10"/>
      <c r="JWR1017" s="10"/>
      <c r="JWS1017" s="10"/>
      <c r="JWT1017" s="10"/>
      <c r="JWU1017" s="10"/>
      <c r="JWV1017" s="10"/>
      <c r="JWW1017" s="10"/>
      <c r="JWX1017" s="10"/>
      <c r="JWY1017" s="10"/>
      <c r="JWZ1017" s="10"/>
      <c r="JXA1017" s="10"/>
      <c r="JXB1017" s="10"/>
      <c r="JXC1017" s="10"/>
      <c r="JXD1017" s="10"/>
      <c r="JXE1017" s="10"/>
      <c r="JXF1017" s="10"/>
      <c r="JXG1017" s="10"/>
      <c r="JXH1017" s="10"/>
      <c r="JXI1017" s="10"/>
      <c r="JXJ1017" s="10"/>
      <c r="JXK1017" s="10"/>
      <c r="JXL1017" s="10"/>
      <c r="JXM1017" s="10"/>
      <c r="JXN1017" s="10"/>
      <c r="JXO1017" s="10"/>
      <c r="JXP1017" s="10"/>
      <c r="JXQ1017" s="10"/>
      <c r="JXR1017" s="10"/>
      <c r="JXS1017" s="10"/>
      <c r="JXT1017" s="10"/>
      <c r="JXU1017" s="10"/>
      <c r="JXV1017" s="10"/>
      <c r="JXW1017" s="10"/>
      <c r="JXX1017" s="10"/>
      <c r="JXY1017" s="10"/>
      <c r="JXZ1017" s="10"/>
      <c r="JYA1017" s="10"/>
      <c r="JYB1017" s="10"/>
      <c r="JYC1017" s="10"/>
      <c r="JYD1017" s="10"/>
      <c r="JYE1017" s="10"/>
      <c r="JYF1017" s="10"/>
      <c r="JYG1017" s="10"/>
      <c r="JYH1017" s="10"/>
      <c r="JYI1017" s="10"/>
      <c r="JYJ1017" s="10"/>
      <c r="JYK1017" s="10"/>
      <c r="JYL1017" s="10"/>
      <c r="JYM1017" s="10"/>
      <c r="JYN1017" s="10"/>
      <c r="JYO1017" s="10"/>
      <c r="JYP1017" s="10"/>
      <c r="JYQ1017" s="10"/>
      <c r="JYR1017" s="10"/>
      <c r="JYS1017" s="10"/>
      <c r="JYT1017" s="10"/>
      <c r="JYU1017" s="10"/>
      <c r="JYV1017" s="10"/>
      <c r="JYW1017" s="10"/>
      <c r="JYX1017" s="10"/>
      <c r="JYY1017" s="10"/>
      <c r="JYZ1017" s="10"/>
      <c r="JZA1017" s="10"/>
      <c r="JZB1017" s="10"/>
      <c r="JZC1017" s="10"/>
      <c r="JZD1017" s="10"/>
      <c r="JZE1017" s="10"/>
      <c r="JZF1017" s="10"/>
      <c r="JZG1017" s="10"/>
      <c r="JZH1017" s="10"/>
      <c r="JZI1017" s="10"/>
      <c r="JZJ1017" s="10"/>
      <c r="JZK1017" s="10"/>
      <c r="JZL1017" s="10"/>
      <c r="JZM1017" s="10"/>
      <c r="JZN1017" s="10"/>
      <c r="JZO1017" s="10"/>
      <c r="JZP1017" s="10"/>
      <c r="JZQ1017" s="10"/>
      <c r="JZR1017" s="10"/>
      <c r="JZS1017" s="10"/>
      <c r="JZT1017" s="10"/>
      <c r="JZU1017" s="10"/>
      <c r="JZV1017" s="10"/>
      <c r="JZW1017" s="10"/>
      <c r="JZX1017" s="10"/>
      <c r="JZY1017" s="10"/>
      <c r="JZZ1017" s="10"/>
      <c r="KAA1017" s="10"/>
      <c r="KAB1017" s="10"/>
      <c r="KAC1017" s="10"/>
      <c r="KAD1017" s="10"/>
      <c r="KAE1017" s="10"/>
      <c r="KAF1017" s="10"/>
      <c r="KAG1017" s="10"/>
      <c r="KAH1017" s="10"/>
      <c r="KAI1017" s="10"/>
      <c r="KAJ1017" s="10"/>
      <c r="KAK1017" s="10"/>
      <c r="KAL1017" s="10"/>
      <c r="KAM1017" s="10"/>
      <c r="KAN1017" s="10"/>
      <c r="KAO1017" s="10"/>
      <c r="KAP1017" s="10"/>
      <c r="KAQ1017" s="10"/>
      <c r="KAR1017" s="10"/>
      <c r="KAS1017" s="10"/>
      <c r="KAT1017" s="10"/>
      <c r="KAU1017" s="10"/>
      <c r="KAV1017" s="10"/>
      <c r="KAW1017" s="10"/>
      <c r="KAX1017" s="10"/>
      <c r="KAY1017" s="10"/>
      <c r="KAZ1017" s="10"/>
      <c r="KBA1017" s="10"/>
      <c r="KBB1017" s="10"/>
      <c r="KBC1017" s="10"/>
      <c r="KBD1017" s="10"/>
      <c r="KBE1017" s="10"/>
      <c r="KBF1017" s="10"/>
      <c r="KBG1017" s="10"/>
      <c r="KBH1017" s="10"/>
      <c r="KBI1017" s="10"/>
      <c r="KBJ1017" s="10"/>
      <c r="KBK1017" s="10"/>
      <c r="KBL1017" s="10"/>
      <c r="KBM1017" s="10"/>
      <c r="KBN1017" s="10"/>
      <c r="KBO1017" s="10"/>
      <c r="KBP1017" s="10"/>
      <c r="KBQ1017" s="10"/>
      <c r="KBR1017" s="10"/>
      <c r="KBS1017" s="10"/>
      <c r="KBT1017" s="10"/>
      <c r="KBU1017" s="10"/>
      <c r="KBV1017" s="10"/>
      <c r="KBW1017" s="10"/>
      <c r="KBX1017" s="10"/>
      <c r="KBY1017" s="10"/>
      <c r="KBZ1017" s="10"/>
      <c r="KCA1017" s="10"/>
      <c r="KCB1017" s="10"/>
      <c r="KCC1017" s="10"/>
      <c r="KCD1017" s="10"/>
      <c r="KCE1017" s="10"/>
      <c r="KCF1017" s="10"/>
      <c r="KCG1017" s="10"/>
      <c r="KCH1017" s="10"/>
      <c r="KCI1017" s="10"/>
      <c r="KCJ1017" s="10"/>
      <c r="KCK1017" s="10"/>
      <c r="KCL1017" s="10"/>
      <c r="KCM1017" s="10"/>
      <c r="KCN1017" s="10"/>
      <c r="KCO1017" s="10"/>
      <c r="KCP1017" s="10"/>
      <c r="KCQ1017" s="10"/>
      <c r="KCR1017" s="10"/>
      <c r="KCS1017" s="10"/>
      <c r="KCT1017" s="10"/>
      <c r="KCU1017" s="10"/>
      <c r="KCV1017" s="10"/>
      <c r="KCW1017" s="10"/>
      <c r="KCX1017" s="10"/>
      <c r="KCY1017" s="10"/>
      <c r="KCZ1017" s="10"/>
      <c r="KDA1017" s="10"/>
      <c r="KDB1017" s="10"/>
      <c r="KDC1017" s="10"/>
      <c r="KDD1017" s="10"/>
      <c r="KDE1017" s="10"/>
      <c r="KDF1017" s="10"/>
      <c r="KDG1017" s="10"/>
      <c r="KDH1017" s="10"/>
      <c r="KDI1017" s="10"/>
      <c r="KDJ1017" s="10"/>
      <c r="KDK1017" s="10"/>
      <c r="KDL1017" s="10"/>
      <c r="KDM1017" s="10"/>
      <c r="KDN1017" s="10"/>
      <c r="KDO1017" s="10"/>
      <c r="KDP1017" s="10"/>
      <c r="KDQ1017" s="10"/>
      <c r="KDR1017" s="10"/>
      <c r="KDS1017" s="10"/>
      <c r="KDT1017" s="10"/>
      <c r="KDU1017" s="10"/>
      <c r="KDV1017" s="10"/>
      <c r="KDW1017" s="10"/>
      <c r="KDX1017" s="10"/>
      <c r="KDY1017" s="10"/>
      <c r="KDZ1017" s="10"/>
      <c r="KEA1017" s="10"/>
      <c r="KEB1017" s="10"/>
      <c r="KEC1017" s="10"/>
      <c r="KED1017" s="10"/>
      <c r="KEE1017" s="10"/>
      <c r="KEF1017" s="10"/>
      <c r="KEG1017" s="10"/>
      <c r="KEH1017" s="10"/>
      <c r="KEI1017" s="10"/>
      <c r="KEJ1017" s="10"/>
      <c r="KEK1017" s="10"/>
      <c r="KEL1017" s="10"/>
      <c r="KEM1017" s="10"/>
      <c r="KEN1017" s="10"/>
      <c r="KEO1017" s="10"/>
      <c r="KEP1017" s="10"/>
      <c r="KEQ1017" s="10"/>
      <c r="KER1017" s="10"/>
      <c r="KES1017" s="10"/>
      <c r="KET1017" s="10"/>
      <c r="KEU1017" s="10"/>
      <c r="KEV1017" s="10"/>
      <c r="KEW1017" s="10"/>
      <c r="KEX1017" s="10"/>
      <c r="KEY1017" s="10"/>
      <c r="KEZ1017" s="10"/>
      <c r="KFA1017" s="10"/>
      <c r="KFB1017" s="10"/>
      <c r="KFC1017" s="10"/>
      <c r="KFD1017" s="10"/>
      <c r="KFE1017" s="10"/>
      <c r="KFF1017" s="10"/>
      <c r="KFG1017" s="10"/>
      <c r="KFH1017" s="10"/>
      <c r="KFI1017" s="10"/>
      <c r="KFJ1017" s="10"/>
      <c r="KFK1017" s="10"/>
      <c r="KFL1017" s="10"/>
      <c r="KFM1017" s="10"/>
      <c r="KFN1017" s="10"/>
      <c r="KFO1017" s="10"/>
      <c r="KFP1017" s="10"/>
      <c r="KFQ1017" s="10"/>
      <c r="KFR1017" s="10"/>
      <c r="KFS1017" s="10"/>
      <c r="KFT1017" s="10"/>
      <c r="KFU1017" s="10"/>
      <c r="KFV1017" s="10"/>
      <c r="KFW1017" s="10"/>
      <c r="KFX1017" s="10"/>
      <c r="KFY1017" s="10"/>
      <c r="KFZ1017" s="10"/>
      <c r="KGA1017" s="10"/>
      <c r="KGB1017" s="10"/>
      <c r="KGC1017" s="10"/>
      <c r="KGD1017" s="10"/>
      <c r="KGE1017" s="10"/>
      <c r="KGF1017" s="10"/>
      <c r="KGG1017" s="10"/>
      <c r="KGH1017" s="10"/>
      <c r="KGI1017" s="10"/>
      <c r="KGJ1017" s="10"/>
      <c r="KGK1017" s="10"/>
      <c r="KGL1017" s="10"/>
      <c r="KGM1017" s="10"/>
      <c r="KGN1017" s="10"/>
      <c r="KGO1017" s="10"/>
      <c r="KGP1017" s="10"/>
      <c r="KGQ1017" s="10"/>
      <c r="KGR1017" s="10"/>
      <c r="KGS1017" s="10"/>
      <c r="KGT1017" s="10"/>
      <c r="KGU1017" s="10"/>
      <c r="KGV1017" s="10"/>
      <c r="KGW1017" s="10"/>
      <c r="KGX1017" s="10"/>
      <c r="KGY1017" s="10"/>
      <c r="KGZ1017" s="10"/>
      <c r="KHA1017" s="10"/>
      <c r="KHB1017" s="10"/>
      <c r="KHC1017" s="10"/>
      <c r="KHD1017" s="10"/>
      <c r="KHE1017" s="10"/>
      <c r="KHF1017" s="10"/>
      <c r="KHG1017" s="10"/>
      <c r="KHH1017" s="10"/>
      <c r="KHI1017" s="10"/>
      <c r="KHJ1017" s="10"/>
      <c r="KHK1017" s="10"/>
      <c r="KHL1017" s="10"/>
      <c r="KHM1017" s="10"/>
      <c r="KHN1017" s="10"/>
      <c r="KHO1017" s="10"/>
      <c r="KHP1017" s="10"/>
      <c r="KHQ1017" s="10"/>
      <c r="KHR1017" s="10"/>
      <c r="KHS1017" s="10"/>
      <c r="KHT1017" s="10"/>
      <c r="KHU1017" s="10"/>
      <c r="KHV1017" s="10"/>
      <c r="KHW1017" s="10"/>
      <c r="KHX1017" s="10"/>
      <c r="KHY1017" s="10"/>
      <c r="KHZ1017" s="10"/>
      <c r="KIA1017" s="10"/>
      <c r="KIB1017" s="10"/>
      <c r="KIC1017" s="10"/>
      <c r="KID1017" s="10"/>
      <c r="KIE1017" s="10"/>
      <c r="KIF1017" s="10"/>
      <c r="KIG1017" s="10"/>
      <c r="KIH1017" s="10"/>
      <c r="KII1017" s="10"/>
      <c r="KIJ1017" s="10"/>
      <c r="KIK1017" s="10"/>
      <c r="KIL1017" s="10"/>
      <c r="KIM1017" s="10"/>
      <c r="KIN1017" s="10"/>
      <c r="KIO1017" s="10"/>
      <c r="KIP1017" s="10"/>
      <c r="KIQ1017" s="10"/>
      <c r="KIR1017" s="10"/>
      <c r="KIS1017" s="10"/>
      <c r="KIT1017" s="10"/>
      <c r="KIU1017" s="10"/>
      <c r="KIV1017" s="10"/>
      <c r="KIW1017" s="10"/>
      <c r="KIX1017" s="10"/>
      <c r="KIY1017" s="10"/>
      <c r="KIZ1017" s="10"/>
      <c r="KJA1017" s="10"/>
      <c r="KJB1017" s="10"/>
      <c r="KJC1017" s="10"/>
      <c r="KJD1017" s="10"/>
      <c r="KJE1017" s="10"/>
      <c r="KJF1017" s="10"/>
      <c r="KJG1017" s="10"/>
      <c r="KJH1017" s="10"/>
      <c r="KJI1017" s="10"/>
      <c r="KJJ1017" s="10"/>
      <c r="KJK1017" s="10"/>
      <c r="KJL1017" s="10"/>
      <c r="KJM1017" s="10"/>
      <c r="KJN1017" s="10"/>
      <c r="KJO1017" s="10"/>
      <c r="KJP1017" s="10"/>
      <c r="KJQ1017" s="10"/>
      <c r="KJR1017" s="10"/>
      <c r="KJS1017" s="10"/>
      <c r="KJT1017" s="10"/>
      <c r="KJU1017" s="10"/>
      <c r="KJV1017" s="10"/>
      <c r="KJW1017" s="10"/>
      <c r="KJX1017" s="10"/>
      <c r="KJY1017" s="10"/>
      <c r="KJZ1017" s="10"/>
      <c r="KKA1017" s="10"/>
      <c r="KKB1017" s="10"/>
      <c r="KKC1017" s="10"/>
      <c r="KKD1017" s="10"/>
      <c r="KKE1017" s="10"/>
      <c r="KKF1017" s="10"/>
      <c r="KKG1017" s="10"/>
      <c r="KKH1017" s="10"/>
      <c r="KKI1017" s="10"/>
      <c r="KKJ1017" s="10"/>
      <c r="KKK1017" s="10"/>
      <c r="KKL1017" s="10"/>
      <c r="KKM1017" s="10"/>
      <c r="KKN1017" s="10"/>
      <c r="KKO1017" s="10"/>
      <c r="KKP1017" s="10"/>
      <c r="KKQ1017" s="10"/>
      <c r="KKR1017" s="10"/>
      <c r="KKS1017" s="10"/>
      <c r="KKT1017" s="10"/>
      <c r="KKU1017" s="10"/>
      <c r="KKV1017" s="10"/>
      <c r="KKW1017" s="10"/>
      <c r="KKX1017" s="10"/>
      <c r="KKY1017" s="10"/>
      <c r="KKZ1017" s="10"/>
      <c r="KLA1017" s="10"/>
      <c r="KLB1017" s="10"/>
      <c r="KLC1017" s="10"/>
      <c r="KLD1017" s="10"/>
      <c r="KLE1017" s="10"/>
      <c r="KLF1017" s="10"/>
      <c r="KLG1017" s="10"/>
      <c r="KLH1017" s="10"/>
      <c r="KLI1017" s="10"/>
      <c r="KLJ1017" s="10"/>
      <c r="KLK1017" s="10"/>
      <c r="KLL1017" s="10"/>
      <c r="KLM1017" s="10"/>
      <c r="KLN1017" s="10"/>
      <c r="KLO1017" s="10"/>
      <c r="KLP1017" s="10"/>
      <c r="KLQ1017" s="10"/>
      <c r="KLR1017" s="10"/>
      <c r="KLS1017" s="10"/>
      <c r="KLT1017" s="10"/>
      <c r="KLU1017" s="10"/>
      <c r="KLV1017" s="10"/>
      <c r="KLW1017" s="10"/>
      <c r="KLX1017" s="10"/>
      <c r="KLY1017" s="10"/>
      <c r="KLZ1017" s="10"/>
      <c r="KMA1017" s="10"/>
      <c r="KMB1017" s="10"/>
      <c r="KMC1017" s="10"/>
      <c r="KMD1017" s="10"/>
      <c r="KME1017" s="10"/>
      <c r="KMF1017" s="10"/>
      <c r="KMG1017" s="10"/>
      <c r="KMH1017" s="10"/>
      <c r="KMI1017" s="10"/>
      <c r="KMJ1017" s="10"/>
      <c r="KMK1017" s="10"/>
      <c r="KML1017" s="10"/>
      <c r="KMM1017" s="10"/>
      <c r="KMN1017" s="10"/>
      <c r="KMO1017" s="10"/>
      <c r="KMP1017" s="10"/>
      <c r="KMQ1017" s="10"/>
      <c r="KMR1017" s="10"/>
      <c r="KMS1017" s="10"/>
      <c r="KMT1017" s="10"/>
      <c r="KMU1017" s="10"/>
      <c r="KMV1017" s="10"/>
      <c r="KMW1017" s="10"/>
      <c r="KMX1017" s="10"/>
      <c r="KMY1017" s="10"/>
      <c r="KMZ1017" s="10"/>
      <c r="KNA1017" s="10"/>
      <c r="KNB1017" s="10"/>
      <c r="KNC1017" s="10"/>
      <c r="KND1017" s="10"/>
      <c r="KNE1017" s="10"/>
      <c r="KNF1017" s="10"/>
      <c r="KNG1017" s="10"/>
      <c r="KNH1017" s="10"/>
      <c r="KNI1017" s="10"/>
      <c r="KNJ1017" s="10"/>
      <c r="KNK1017" s="10"/>
      <c r="KNL1017" s="10"/>
      <c r="KNM1017" s="10"/>
      <c r="KNN1017" s="10"/>
      <c r="KNO1017" s="10"/>
      <c r="KNP1017" s="10"/>
      <c r="KNQ1017" s="10"/>
      <c r="KNR1017" s="10"/>
      <c r="KNS1017" s="10"/>
      <c r="KNT1017" s="10"/>
      <c r="KNU1017" s="10"/>
      <c r="KNV1017" s="10"/>
      <c r="KNW1017" s="10"/>
      <c r="KNX1017" s="10"/>
      <c r="KNY1017" s="10"/>
      <c r="KNZ1017" s="10"/>
      <c r="KOA1017" s="10"/>
      <c r="KOB1017" s="10"/>
      <c r="KOC1017" s="10"/>
      <c r="KOD1017" s="10"/>
      <c r="KOE1017" s="10"/>
      <c r="KOF1017" s="10"/>
      <c r="KOG1017" s="10"/>
      <c r="KOH1017" s="10"/>
      <c r="KOI1017" s="10"/>
      <c r="KOJ1017" s="10"/>
      <c r="KOK1017" s="10"/>
      <c r="KOL1017" s="10"/>
      <c r="KOM1017" s="10"/>
      <c r="KON1017" s="10"/>
      <c r="KOO1017" s="10"/>
      <c r="KOP1017" s="10"/>
      <c r="KOQ1017" s="10"/>
      <c r="KOR1017" s="10"/>
      <c r="KOS1017" s="10"/>
      <c r="KOT1017" s="10"/>
      <c r="KOU1017" s="10"/>
      <c r="KOV1017" s="10"/>
      <c r="KOW1017" s="10"/>
      <c r="KOX1017" s="10"/>
      <c r="KOY1017" s="10"/>
      <c r="KOZ1017" s="10"/>
      <c r="KPA1017" s="10"/>
      <c r="KPB1017" s="10"/>
      <c r="KPC1017" s="10"/>
      <c r="KPD1017" s="10"/>
      <c r="KPE1017" s="10"/>
      <c r="KPF1017" s="10"/>
      <c r="KPG1017" s="10"/>
      <c r="KPH1017" s="10"/>
      <c r="KPI1017" s="10"/>
      <c r="KPJ1017" s="10"/>
      <c r="KPK1017" s="10"/>
      <c r="KPL1017" s="10"/>
      <c r="KPM1017" s="10"/>
      <c r="KPN1017" s="10"/>
      <c r="KPO1017" s="10"/>
      <c r="KPP1017" s="10"/>
      <c r="KPQ1017" s="10"/>
      <c r="KPR1017" s="10"/>
      <c r="KPS1017" s="10"/>
      <c r="KPT1017" s="10"/>
      <c r="KPU1017" s="10"/>
      <c r="KPV1017" s="10"/>
      <c r="KPW1017" s="10"/>
      <c r="KPX1017" s="10"/>
      <c r="KPY1017" s="10"/>
      <c r="KPZ1017" s="10"/>
      <c r="KQA1017" s="10"/>
      <c r="KQB1017" s="10"/>
      <c r="KQC1017" s="10"/>
      <c r="KQD1017" s="10"/>
      <c r="KQE1017" s="10"/>
      <c r="KQF1017" s="10"/>
      <c r="KQG1017" s="10"/>
      <c r="KQH1017" s="10"/>
      <c r="KQI1017" s="10"/>
      <c r="KQJ1017" s="10"/>
      <c r="KQK1017" s="10"/>
      <c r="KQL1017" s="10"/>
      <c r="KQM1017" s="10"/>
      <c r="KQN1017" s="10"/>
      <c r="KQO1017" s="10"/>
      <c r="KQP1017" s="10"/>
      <c r="KQQ1017" s="10"/>
      <c r="KQR1017" s="10"/>
      <c r="KQS1017" s="10"/>
      <c r="KQT1017" s="10"/>
      <c r="KQU1017" s="10"/>
      <c r="KQV1017" s="10"/>
      <c r="KQW1017" s="10"/>
      <c r="KQX1017" s="10"/>
      <c r="KQY1017" s="10"/>
      <c r="KQZ1017" s="10"/>
      <c r="KRA1017" s="10"/>
      <c r="KRB1017" s="10"/>
      <c r="KRC1017" s="10"/>
      <c r="KRD1017" s="10"/>
      <c r="KRE1017" s="10"/>
      <c r="KRF1017" s="10"/>
      <c r="KRG1017" s="10"/>
      <c r="KRH1017" s="10"/>
      <c r="KRI1017" s="10"/>
      <c r="KRJ1017" s="10"/>
      <c r="KRK1017" s="10"/>
      <c r="KRL1017" s="10"/>
      <c r="KRM1017" s="10"/>
      <c r="KRN1017" s="10"/>
      <c r="KRO1017" s="10"/>
      <c r="KRP1017" s="10"/>
      <c r="KRQ1017" s="10"/>
      <c r="KRR1017" s="10"/>
      <c r="KRS1017" s="10"/>
      <c r="KRT1017" s="10"/>
      <c r="KRU1017" s="10"/>
      <c r="KRV1017" s="10"/>
      <c r="KRW1017" s="10"/>
      <c r="KRX1017" s="10"/>
      <c r="KRY1017" s="10"/>
      <c r="KRZ1017" s="10"/>
      <c r="KSA1017" s="10"/>
      <c r="KSB1017" s="10"/>
      <c r="KSC1017" s="10"/>
      <c r="KSD1017" s="10"/>
      <c r="KSE1017" s="10"/>
      <c r="KSF1017" s="10"/>
      <c r="KSG1017" s="10"/>
      <c r="KSH1017" s="10"/>
      <c r="KSI1017" s="10"/>
      <c r="KSJ1017" s="10"/>
      <c r="KSK1017" s="10"/>
      <c r="KSL1017" s="10"/>
      <c r="KSM1017" s="10"/>
      <c r="KSN1017" s="10"/>
      <c r="KSO1017" s="10"/>
      <c r="KSP1017" s="10"/>
      <c r="KSQ1017" s="10"/>
      <c r="KSR1017" s="10"/>
      <c r="KSS1017" s="10"/>
      <c r="KST1017" s="10"/>
      <c r="KSU1017" s="10"/>
      <c r="KSV1017" s="10"/>
      <c r="KSW1017" s="10"/>
      <c r="KSX1017" s="10"/>
      <c r="KSY1017" s="10"/>
      <c r="KSZ1017" s="10"/>
      <c r="KTA1017" s="10"/>
      <c r="KTB1017" s="10"/>
      <c r="KTC1017" s="10"/>
      <c r="KTD1017" s="10"/>
      <c r="KTE1017" s="10"/>
      <c r="KTF1017" s="10"/>
      <c r="KTG1017" s="10"/>
      <c r="KTH1017" s="10"/>
      <c r="KTI1017" s="10"/>
      <c r="KTJ1017" s="10"/>
      <c r="KTK1017" s="10"/>
      <c r="KTL1017" s="10"/>
      <c r="KTM1017" s="10"/>
      <c r="KTN1017" s="10"/>
      <c r="KTO1017" s="10"/>
      <c r="KTP1017" s="10"/>
      <c r="KTQ1017" s="10"/>
      <c r="KTR1017" s="10"/>
      <c r="KTS1017" s="10"/>
      <c r="KTT1017" s="10"/>
      <c r="KTU1017" s="10"/>
      <c r="KTV1017" s="10"/>
      <c r="KTW1017" s="10"/>
      <c r="KTX1017" s="10"/>
      <c r="KTY1017" s="10"/>
      <c r="KTZ1017" s="10"/>
      <c r="KUA1017" s="10"/>
      <c r="KUB1017" s="10"/>
      <c r="KUC1017" s="10"/>
      <c r="KUD1017" s="10"/>
      <c r="KUE1017" s="10"/>
      <c r="KUF1017" s="10"/>
      <c r="KUG1017" s="10"/>
      <c r="KUH1017" s="10"/>
      <c r="KUI1017" s="10"/>
      <c r="KUJ1017" s="10"/>
      <c r="KUK1017" s="10"/>
      <c r="KUL1017" s="10"/>
      <c r="KUM1017" s="10"/>
      <c r="KUN1017" s="10"/>
      <c r="KUO1017" s="10"/>
      <c r="KUP1017" s="10"/>
      <c r="KUQ1017" s="10"/>
      <c r="KUR1017" s="10"/>
      <c r="KUS1017" s="10"/>
      <c r="KUT1017" s="10"/>
      <c r="KUU1017" s="10"/>
      <c r="KUV1017" s="10"/>
      <c r="KUW1017" s="10"/>
      <c r="KUX1017" s="10"/>
      <c r="KUY1017" s="10"/>
      <c r="KUZ1017" s="10"/>
      <c r="KVA1017" s="10"/>
      <c r="KVB1017" s="10"/>
      <c r="KVC1017" s="10"/>
      <c r="KVD1017" s="10"/>
      <c r="KVE1017" s="10"/>
      <c r="KVF1017" s="10"/>
      <c r="KVG1017" s="10"/>
      <c r="KVH1017" s="10"/>
      <c r="KVI1017" s="10"/>
      <c r="KVJ1017" s="10"/>
      <c r="KVK1017" s="10"/>
      <c r="KVL1017" s="10"/>
      <c r="KVM1017" s="10"/>
      <c r="KVN1017" s="10"/>
      <c r="KVO1017" s="10"/>
      <c r="KVP1017" s="10"/>
      <c r="KVQ1017" s="10"/>
      <c r="KVR1017" s="10"/>
      <c r="KVS1017" s="10"/>
      <c r="KVT1017" s="10"/>
      <c r="KVU1017" s="10"/>
      <c r="KVV1017" s="10"/>
      <c r="KVW1017" s="10"/>
      <c r="KVX1017" s="10"/>
      <c r="KVY1017" s="10"/>
      <c r="KVZ1017" s="10"/>
      <c r="KWA1017" s="10"/>
      <c r="KWB1017" s="10"/>
      <c r="KWC1017" s="10"/>
      <c r="KWD1017" s="10"/>
      <c r="KWE1017" s="10"/>
      <c r="KWF1017" s="10"/>
      <c r="KWG1017" s="10"/>
      <c r="KWH1017" s="10"/>
      <c r="KWI1017" s="10"/>
      <c r="KWJ1017" s="10"/>
      <c r="KWK1017" s="10"/>
      <c r="KWL1017" s="10"/>
      <c r="KWM1017" s="10"/>
      <c r="KWN1017" s="10"/>
      <c r="KWO1017" s="10"/>
      <c r="KWP1017" s="10"/>
      <c r="KWQ1017" s="10"/>
      <c r="KWR1017" s="10"/>
      <c r="KWS1017" s="10"/>
      <c r="KWT1017" s="10"/>
      <c r="KWU1017" s="10"/>
      <c r="KWV1017" s="10"/>
      <c r="KWW1017" s="10"/>
      <c r="KWX1017" s="10"/>
      <c r="KWY1017" s="10"/>
      <c r="KWZ1017" s="10"/>
      <c r="KXA1017" s="10"/>
      <c r="KXB1017" s="10"/>
      <c r="KXC1017" s="10"/>
      <c r="KXD1017" s="10"/>
      <c r="KXE1017" s="10"/>
      <c r="KXF1017" s="10"/>
      <c r="KXG1017" s="10"/>
      <c r="KXH1017" s="10"/>
      <c r="KXI1017" s="10"/>
      <c r="KXJ1017" s="10"/>
      <c r="KXK1017" s="10"/>
      <c r="KXL1017" s="10"/>
      <c r="KXM1017" s="10"/>
      <c r="KXN1017" s="10"/>
      <c r="KXO1017" s="10"/>
      <c r="KXP1017" s="10"/>
      <c r="KXQ1017" s="10"/>
      <c r="KXR1017" s="10"/>
      <c r="KXS1017" s="10"/>
      <c r="KXT1017" s="10"/>
      <c r="KXU1017" s="10"/>
      <c r="KXV1017" s="10"/>
      <c r="KXW1017" s="10"/>
      <c r="KXX1017" s="10"/>
      <c r="KXY1017" s="10"/>
      <c r="KXZ1017" s="10"/>
      <c r="KYA1017" s="10"/>
      <c r="KYB1017" s="10"/>
      <c r="KYC1017" s="10"/>
      <c r="KYD1017" s="10"/>
      <c r="KYE1017" s="10"/>
      <c r="KYF1017" s="10"/>
      <c r="KYG1017" s="10"/>
      <c r="KYH1017" s="10"/>
      <c r="KYI1017" s="10"/>
      <c r="KYJ1017" s="10"/>
      <c r="KYK1017" s="10"/>
      <c r="KYL1017" s="10"/>
      <c r="KYM1017" s="10"/>
      <c r="KYN1017" s="10"/>
      <c r="KYO1017" s="10"/>
      <c r="KYP1017" s="10"/>
      <c r="KYQ1017" s="10"/>
      <c r="KYR1017" s="10"/>
      <c r="KYS1017" s="10"/>
      <c r="KYT1017" s="10"/>
      <c r="KYU1017" s="10"/>
      <c r="KYV1017" s="10"/>
      <c r="KYW1017" s="10"/>
      <c r="KYX1017" s="10"/>
      <c r="KYY1017" s="10"/>
      <c r="KYZ1017" s="10"/>
      <c r="KZA1017" s="10"/>
      <c r="KZB1017" s="10"/>
      <c r="KZC1017" s="10"/>
      <c r="KZD1017" s="10"/>
      <c r="KZE1017" s="10"/>
      <c r="KZF1017" s="10"/>
      <c r="KZG1017" s="10"/>
      <c r="KZH1017" s="10"/>
      <c r="KZI1017" s="10"/>
      <c r="KZJ1017" s="10"/>
      <c r="KZK1017" s="10"/>
      <c r="KZL1017" s="10"/>
      <c r="KZM1017" s="10"/>
      <c r="KZN1017" s="10"/>
      <c r="KZO1017" s="10"/>
      <c r="KZP1017" s="10"/>
      <c r="KZQ1017" s="10"/>
      <c r="KZR1017" s="10"/>
      <c r="KZS1017" s="10"/>
      <c r="KZT1017" s="10"/>
      <c r="KZU1017" s="10"/>
      <c r="KZV1017" s="10"/>
      <c r="KZW1017" s="10"/>
      <c r="KZX1017" s="10"/>
      <c r="KZY1017" s="10"/>
      <c r="KZZ1017" s="10"/>
      <c r="LAA1017" s="10"/>
      <c r="LAB1017" s="10"/>
      <c r="LAC1017" s="10"/>
      <c r="LAD1017" s="10"/>
      <c r="LAE1017" s="10"/>
      <c r="LAF1017" s="10"/>
      <c r="LAG1017" s="10"/>
      <c r="LAH1017" s="10"/>
      <c r="LAI1017" s="10"/>
      <c r="LAJ1017" s="10"/>
      <c r="LAK1017" s="10"/>
      <c r="LAL1017" s="10"/>
      <c r="LAM1017" s="10"/>
      <c r="LAN1017" s="10"/>
      <c r="LAO1017" s="10"/>
      <c r="LAP1017" s="10"/>
      <c r="LAQ1017" s="10"/>
      <c r="LAR1017" s="10"/>
      <c r="LAS1017" s="10"/>
      <c r="LAT1017" s="10"/>
      <c r="LAU1017" s="10"/>
      <c r="LAV1017" s="10"/>
      <c r="LAW1017" s="10"/>
      <c r="LAX1017" s="10"/>
      <c r="LAY1017" s="10"/>
      <c r="LAZ1017" s="10"/>
      <c r="LBA1017" s="10"/>
      <c r="LBB1017" s="10"/>
      <c r="LBC1017" s="10"/>
      <c r="LBD1017" s="10"/>
      <c r="LBE1017" s="10"/>
      <c r="LBF1017" s="10"/>
      <c r="LBG1017" s="10"/>
      <c r="LBH1017" s="10"/>
      <c r="LBI1017" s="10"/>
      <c r="LBJ1017" s="10"/>
      <c r="LBK1017" s="10"/>
      <c r="LBL1017" s="10"/>
      <c r="LBM1017" s="10"/>
      <c r="LBN1017" s="10"/>
      <c r="LBO1017" s="10"/>
      <c r="LBP1017" s="10"/>
      <c r="LBQ1017" s="10"/>
      <c r="LBR1017" s="10"/>
      <c r="LBS1017" s="10"/>
      <c r="LBT1017" s="10"/>
      <c r="LBU1017" s="10"/>
      <c r="LBV1017" s="10"/>
      <c r="LBW1017" s="10"/>
      <c r="LBX1017" s="10"/>
      <c r="LBY1017" s="10"/>
      <c r="LBZ1017" s="10"/>
      <c r="LCA1017" s="10"/>
      <c r="LCB1017" s="10"/>
      <c r="LCC1017" s="10"/>
      <c r="LCD1017" s="10"/>
      <c r="LCE1017" s="10"/>
      <c r="LCF1017" s="10"/>
      <c r="LCG1017" s="10"/>
      <c r="LCH1017" s="10"/>
      <c r="LCI1017" s="10"/>
      <c r="LCJ1017" s="10"/>
      <c r="LCK1017" s="10"/>
      <c r="LCL1017" s="10"/>
      <c r="LCM1017" s="10"/>
      <c r="LCN1017" s="10"/>
      <c r="LCO1017" s="10"/>
      <c r="LCP1017" s="10"/>
      <c r="LCQ1017" s="10"/>
      <c r="LCR1017" s="10"/>
      <c r="LCS1017" s="10"/>
      <c r="LCT1017" s="10"/>
      <c r="LCU1017" s="10"/>
      <c r="LCV1017" s="10"/>
      <c r="LCW1017" s="10"/>
      <c r="LCX1017" s="10"/>
      <c r="LCY1017" s="10"/>
      <c r="LCZ1017" s="10"/>
      <c r="LDA1017" s="10"/>
      <c r="LDB1017" s="10"/>
      <c r="LDC1017" s="10"/>
      <c r="LDD1017" s="10"/>
      <c r="LDE1017" s="10"/>
      <c r="LDF1017" s="10"/>
      <c r="LDG1017" s="10"/>
      <c r="LDH1017" s="10"/>
      <c r="LDI1017" s="10"/>
      <c r="LDJ1017" s="10"/>
      <c r="LDK1017" s="10"/>
      <c r="LDL1017" s="10"/>
      <c r="LDM1017" s="10"/>
      <c r="LDN1017" s="10"/>
      <c r="LDO1017" s="10"/>
      <c r="LDP1017" s="10"/>
      <c r="LDQ1017" s="10"/>
      <c r="LDR1017" s="10"/>
      <c r="LDS1017" s="10"/>
      <c r="LDT1017" s="10"/>
      <c r="LDU1017" s="10"/>
      <c r="LDV1017" s="10"/>
      <c r="LDW1017" s="10"/>
      <c r="LDX1017" s="10"/>
      <c r="LDY1017" s="10"/>
      <c r="LDZ1017" s="10"/>
      <c r="LEA1017" s="10"/>
      <c r="LEB1017" s="10"/>
      <c r="LEC1017" s="10"/>
      <c r="LED1017" s="10"/>
      <c r="LEE1017" s="10"/>
      <c r="LEF1017" s="10"/>
      <c r="LEG1017" s="10"/>
      <c r="LEH1017" s="10"/>
      <c r="LEI1017" s="10"/>
      <c r="LEJ1017" s="10"/>
      <c r="LEK1017" s="10"/>
      <c r="LEL1017" s="10"/>
      <c r="LEM1017" s="10"/>
      <c r="LEN1017" s="10"/>
      <c r="LEO1017" s="10"/>
      <c r="LEP1017" s="10"/>
      <c r="LEQ1017" s="10"/>
      <c r="LER1017" s="10"/>
      <c r="LES1017" s="10"/>
      <c r="LET1017" s="10"/>
      <c r="LEU1017" s="10"/>
      <c r="LEV1017" s="10"/>
      <c r="LEW1017" s="10"/>
      <c r="LEX1017" s="10"/>
      <c r="LEY1017" s="10"/>
      <c r="LEZ1017" s="10"/>
      <c r="LFA1017" s="10"/>
      <c r="LFB1017" s="10"/>
      <c r="LFC1017" s="10"/>
      <c r="LFD1017" s="10"/>
      <c r="LFE1017" s="10"/>
      <c r="LFF1017" s="10"/>
      <c r="LFG1017" s="10"/>
      <c r="LFH1017" s="10"/>
      <c r="LFI1017" s="10"/>
      <c r="LFJ1017" s="10"/>
      <c r="LFK1017" s="10"/>
      <c r="LFL1017" s="10"/>
      <c r="LFM1017" s="10"/>
      <c r="LFN1017" s="10"/>
      <c r="LFO1017" s="10"/>
      <c r="LFP1017" s="10"/>
      <c r="LFQ1017" s="10"/>
      <c r="LFR1017" s="10"/>
      <c r="LFS1017" s="10"/>
      <c r="LFT1017" s="10"/>
      <c r="LFU1017" s="10"/>
      <c r="LFV1017" s="10"/>
      <c r="LFW1017" s="10"/>
      <c r="LFX1017" s="10"/>
      <c r="LFY1017" s="10"/>
      <c r="LFZ1017" s="10"/>
      <c r="LGA1017" s="10"/>
      <c r="LGB1017" s="10"/>
      <c r="LGC1017" s="10"/>
      <c r="LGD1017" s="10"/>
      <c r="LGE1017" s="10"/>
      <c r="LGF1017" s="10"/>
      <c r="LGG1017" s="10"/>
      <c r="LGH1017" s="10"/>
      <c r="LGI1017" s="10"/>
      <c r="LGJ1017" s="10"/>
      <c r="LGK1017" s="10"/>
      <c r="LGL1017" s="10"/>
      <c r="LGM1017" s="10"/>
      <c r="LGN1017" s="10"/>
      <c r="LGO1017" s="10"/>
      <c r="LGP1017" s="10"/>
      <c r="LGQ1017" s="10"/>
      <c r="LGR1017" s="10"/>
      <c r="LGS1017" s="10"/>
      <c r="LGT1017" s="10"/>
      <c r="LGU1017" s="10"/>
      <c r="LGV1017" s="10"/>
      <c r="LGW1017" s="10"/>
      <c r="LGX1017" s="10"/>
      <c r="LGY1017" s="10"/>
      <c r="LGZ1017" s="10"/>
      <c r="LHA1017" s="10"/>
      <c r="LHB1017" s="10"/>
      <c r="LHC1017" s="10"/>
      <c r="LHD1017" s="10"/>
      <c r="LHE1017" s="10"/>
      <c r="LHF1017" s="10"/>
      <c r="LHG1017" s="10"/>
      <c r="LHH1017" s="10"/>
      <c r="LHI1017" s="10"/>
      <c r="LHJ1017" s="10"/>
      <c r="LHK1017" s="10"/>
      <c r="LHL1017" s="10"/>
      <c r="LHM1017" s="10"/>
      <c r="LHN1017" s="10"/>
      <c r="LHO1017" s="10"/>
      <c r="LHP1017" s="10"/>
      <c r="LHQ1017" s="10"/>
      <c r="LHR1017" s="10"/>
      <c r="LHS1017" s="10"/>
      <c r="LHT1017" s="10"/>
      <c r="LHU1017" s="10"/>
      <c r="LHV1017" s="10"/>
      <c r="LHW1017" s="10"/>
      <c r="LHX1017" s="10"/>
      <c r="LHY1017" s="10"/>
      <c r="LHZ1017" s="10"/>
      <c r="LIA1017" s="10"/>
      <c r="LIB1017" s="10"/>
      <c r="LIC1017" s="10"/>
      <c r="LID1017" s="10"/>
      <c r="LIE1017" s="10"/>
      <c r="LIF1017" s="10"/>
      <c r="LIG1017" s="10"/>
      <c r="LIH1017" s="10"/>
      <c r="LII1017" s="10"/>
      <c r="LIJ1017" s="10"/>
      <c r="LIK1017" s="10"/>
      <c r="LIL1017" s="10"/>
      <c r="LIM1017" s="10"/>
      <c r="LIN1017" s="10"/>
      <c r="LIO1017" s="10"/>
      <c r="LIP1017" s="10"/>
      <c r="LIQ1017" s="10"/>
      <c r="LIR1017" s="10"/>
      <c r="LIS1017" s="10"/>
      <c r="LIT1017" s="10"/>
      <c r="LIU1017" s="10"/>
      <c r="LIV1017" s="10"/>
      <c r="LIW1017" s="10"/>
      <c r="LIX1017" s="10"/>
      <c r="LIY1017" s="10"/>
      <c r="LIZ1017" s="10"/>
      <c r="LJA1017" s="10"/>
      <c r="LJB1017" s="10"/>
      <c r="LJC1017" s="10"/>
      <c r="LJD1017" s="10"/>
      <c r="LJE1017" s="10"/>
      <c r="LJF1017" s="10"/>
      <c r="LJG1017" s="10"/>
      <c r="LJH1017" s="10"/>
      <c r="LJI1017" s="10"/>
      <c r="LJJ1017" s="10"/>
      <c r="LJK1017" s="10"/>
      <c r="LJL1017" s="10"/>
      <c r="LJM1017" s="10"/>
      <c r="LJN1017" s="10"/>
      <c r="LJO1017" s="10"/>
      <c r="LJP1017" s="10"/>
      <c r="LJQ1017" s="10"/>
      <c r="LJR1017" s="10"/>
      <c r="LJS1017" s="10"/>
      <c r="LJT1017" s="10"/>
      <c r="LJU1017" s="10"/>
      <c r="LJV1017" s="10"/>
      <c r="LJW1017" s="10"/>
      <c r="LJX1017" s="10"/>
      <c r="LJY1017" s="10"/>
      <c r="LJZ1017" s="10"/>
      <c r="LKA1017" s="10"/>
      <c r="LKB1017" s="10"/>
      <c r="LKC1017" s="10"/>
      <c r="LKD1017" s="10"/>
      <c r="LKE1017" s="10"/>
      <c r="LKF1017" s="10"/>
      <c r="LKG1017" s="10"/>
      <c r="LKH1017" s="10"/>
      <c r="LKI1017" s="10"/>
      <c r="LKJ1017" s="10"/>
      <c r="LKK1017" s="10"/>
      <c r="LKL1017" s="10"/>
      <c r="LKM1017" s="10"/>
      <c r="LKN1017" s="10"/>
      <c r="LKO1017" s="10"/>
      <c r="LKP1017" s="10"/>
      <c r="LKQ1017" s="10"/>
      <c r="LKR1017" s="10"/>
      <c r="LKS1017" s="10"/>
      <c r="LKT1017" s="10"/>
      <c r="LKU1017" s="10"/>
      <c r="LKV1017" s="10"/>
      <c r="LKW1017" s="10"/>
      <c r="LKX1017" s="10"/>
      <c r="LKY1017" s="10"/>
      <c r="LKZ1017" s="10"/>
      <c r="LLA1017" s="10"/>
      <c r="LLB1017" s="10"/>
      <c r="LLC1017" s="10"/>
      <c r="LLD1017" s="10"/>
      <c r="LLE1017" s="10"/>
      <c r="LLF1017" s="10"/>
      <c r="LLG1017" s="10"/>
      <c r="LLH1017" s="10"/>
      <c r="LLI1017" s="10"/>
      <c r="LLJ1017" s="10"/>
      <c r="LLK1017" s="10"/>
      <c r="LLL1017" s="10"/>
      <c r="LLM1017" s="10"/>
      <c r="LLN1017" s="10"/>
      <c r="LLO1017" s="10"/>
      <c r="LLP1017" s="10"/>
      <c r="LLQ1017" s="10"/>
      <c r="LLR1017" s="10"/>
      <c r="LLS1017" s="10"/>
      <c r="LLT1017" s="10"/>
      <c r="LLU1017" s="10"/>
      <c r="LLV1017" s="10"/>
      <c r="LLW1017" s="10"/>
      <c r="LLX1017" s="10"/>
      <c r="LLY1017" s="10"/>
      <c r="LLZ1017" s="10"/>
      <c r="LMA1017" s="10"/>
      <c r="LMB1017" s="10"/>
      <c r="LMC1017" s="10"/>
      <c r="LMD1017" s="10"/>
      <c r="LME1017" s="10"/>
      <c r="LMF1017" s="10"/>
      <c r="LMG1017" s="10"/>
      <c r="LMH1017" s="10"/>
      <c r="LMI1017" s="10"/>
      <c r="LMJ1017" s="10"/>
      <c r="LMK1017" s="10"/>
      <c r="LML1017" s="10"/>
      <c r="LMM1017" s="10"/>
      <c r="LMN1017" s="10"/>
      <c r="LMO1017" s="10"/>
      <c r="LMP1017" s="10"/>
      <c r="LMQ1017" s="10"/>
      <c r="LMR1017" s="10"/>
      <c r="LMS1017" s="10"/>
      <c r="LMT1017" s="10"/>
      <c r="LMU1017" s="10"/>
      <c r="LMV1017" s="10"/>
      <c r="LMW1017" s="10"/>
      <c r="LMX1017" s="10"/>
      <c r="LMY1017" s="10"/>
      <c r="LMZ1017" s="10"/>
      <c r="LNA1017" s="10"/>
      <c r="LNB1017" s="10"/>
      <c r="LNC1017" s="10"/>
      <c r="LND1017" s="10"/>
      <c r="LNE1017" s="10"/>
      <c r="LNF1017" s="10"/>
      <c r="LNG1017" s="10"/>
      <c r="LNH1017" s="10"/>
      <c r="LNI1017" s="10"/>
      <c r="LNJ1017" s="10"/>
      <c r="LNK1017" s="10"/>
      <c r="LNL1017" s="10"/>
      <c r="LNM1017" s="10"/>
      <c r="LNN1017" s="10"/>
      <c r="LNO1017" s="10"/>
      <c r="LNP1017" s="10"/>
      <c r="LNQ1017" s="10"/>
      <c r="LNR1017" s="10"/>
      <c r="LNS1017" s="10"/>
      <c r="LNT1017" s="10"/>
      <c r="LNU1017" s="10"/>
      <c r="LNV1017" s="10"/>
      <c r="LNW1017" s="10"/>
      <c r="LNX1017" s="10"/>
      <c r="LNY1017" s="10"/>
      <c r="LNZ1017" s="10"/>
      <c r="LOA1017" s="10"/>
      <c r="LOB1017" s="10"/>
      <c r="LOC1017" s="10"/>
      <c r="LOD1017" s="10"/>
      <c r="LOE1017" s="10"/>
      <c r="LOF1017" s="10"/>
      <c r="LOG1017" s="10"/>
      <c r="LOH1017" s="10"/>
      <c r="LOI1017" s="10"/>
      <c r="LOJ1017" s="10"/>
      <c r="LOK1017" s="10"/>
      <c r="LOL1017" s="10"/>
      <c r="LOM1017" s="10"/>
      <c r="LON1017" s="10"/>
      <c r="LOO1017" s="10"/>
      <c r="LOP1017" s="10"/>
      <c r="LOQ1017" s="10"/>
      <c r="LOR1017" s="10"/>
      <c r="LOS1017" s="10"/>
      <c r="LOT1017" s="10"/>
      <c r="LOU1017" s="10"/>
      <c r="LOV1017" s="10"/>
      <c r="LOW1017" s="10"/>
      <c r="LOX1017" s="10"/>
      <c r="LOY1017" s="10"/>
      <c r="LOZ1017" s="10"/>
      <c r="LPA1017" s="10"/>
      <c r="LPB1017" s="10"/>
      <c r="LPC1017" s="10"/>
      <c r="LPD1017" s="10"/>
      <c r="LPE1017" s="10"/>
      <c r="LPF1017" s="10"/>
      <c r="LPG1017" s="10"/>
      <c r="LPH1017" s="10"/>
      <c r="LPI1017" s="10"/>
      <c r="LPJ1017" s="10"/>
      <c r="LPK1017" s="10"/>
      <c r="LPL1017" s="10"/>
      <c r="LPM1017" s="10"/>
      <c r="LPN1017" s="10"/>
      <c r="LPO1017" s="10"/>
      <c r="LPP1017" s="10"/>
      <c r="LPQ1017" s="10"/>
      <c r="LPR1017" s="10"/>
      <c r="LPS1017" s="10"/>
      <c r="LPT1017" s="10"/>
      <c r="LPU1017" s="10"/>
      <c r="LPV1017" s="10"/>
      <c r="LPW1017" s="10"/>
      <c r="LPX1017" s="10"/>
      <c r="LPY1017" s="10"/>
      <c r="LPZ1017" s="10"/>
      <c r="LQA1017" s="10"/>
      <c r="LQB1017" s="10"/>
      <c r="LQC1017" s="10"/>
      <c r="LQD1017" s="10"/>
      <c r="LQE1017" s="10"/>
      <c r="LQF1017" s="10"/>
      <c r="LQG1017" s="10"/>
      <c r="LQH1017" s="10"/>
      <c r="LQI1017" s="10"/>
      <c r="LQJ1017" s="10"/>
      <c r="LQK1017" s="10"/>
      <c r="LQL1017" s="10"/>
      <c r="LQM1017" s="10"/>
      <c r="LQN1017" s="10"/>
      <c r="LQO1017" s="10"/>
      <c r="LQP1017" s="10"/>
      <c r="LQQ1017" s="10"/>
      <c r="LQR1017" s="10"/>
      <c r="LQS1017" s="10"/>
      <c r="LQT1017" s="10"/>
      <c r="LQU1017" s="10"/>
      <c r="LQV1017" s="10"/>
      <c r="LQW1017" s="10"/>
      <c r="LQX1017" s="10"/>
      <c r="LQY1017" s="10"/>
      <c r="LQZ1017" s="10"/>
      <c r="LRA1017" s="10"/>
      <c r="LRB1017" s="10"/>
      <c r="LRC1017" s="10"/>
      <c r="LRD1017" s="10"/>
      <c r="LRE1017" s="10"/>
      <c r="LRF1017" s="10"/>
      <c r="LRG1017" s="10"/>
      <c r="LRH1017" s="10"/>
      <c r="LRI1017" s="10"/>
      <c r="LRJ1017" s="10"/>
      <c r="LRK1017" s="10"/>
      <c r="LRL1017" s="10"/>
      <c r="LRM1017" s="10"/>
      <c r="LRN1017" s="10"/>
      <c r="LRO1017" s="10"/>
      <c r="LRP1017" s="10"/>
      <c r="LRQ1017" s="10"/>
      <c r="LRR1017" s="10"/>
      <c r="LRS1017" s="10"/>
      <c r="LRT1017" s="10"/>
      <c r="LRU1017" s="10"/>
      <c r="LRV1017" s="10"/>
      <c r="LRW1017" s="10"/>
      <c r="LRX1017" s="10"/>
      <c r="LRY1017" s="10"/>
      <c r="LRZ1017" s="10"/>
      <c r="LSA1017" s="10"/>
      <c r="LSB1017" s="10"/>
      <c r="LSC1017" s="10"/>
      <c r="LSD1017" s="10"/>
      <c r="LSE1017" s="10"/>
      <c r="LSF1017" s="10"/>
      <c r="LSG1017" s="10"/>
      <c r="LSH1017" s="10"/>
      <c r="LSI1017" s="10"/>
      <c r="LSJ1017" s="10"/>
      <c r="LSK1017" s="10"/>
      <c r="LSL1017" s="10"/>
      <c r="LSM1017" s="10"/>
      <c r="LSN1017" s="10"/>
      <c r="LSO1017" s="10"/>
      <c r="LSP1017" s="10"/>
      <c r="LSQ1017" s="10"/>
      <c r="LSR1017" s="10"/>
      <c r="LSS1017" s="10"/>
      <c r="LST1017" s="10"/>
      <c r="LSU1017" s="10"/>
      <c r="LSV1017" s="10"/>
      <c r="LSW1017" s="10"/>
      <c r="LSX1017" s="10"/>
      <c r="LSY1017" s="10"/>
      <c r="LSZ1017" s="10"/>
      <c r="LTA1017" s="10"/>
      <c r="LTB1017" s="10"/>
      <c r="LTC1017" s="10"/>
      <c r="LTD1017" s="10"/>
      <c r="LTE1017" s="10"/>
      <c r="LTF1017" s="10"/>
      <c r="LTG1017" s="10"/>
      <c r="LTH1017" s="10"/>
      <c r="LTI1017" s="10"/>
      <c r="LTJ1017" s="10"/>
      <c r="LTK1017" s="10"/>
      <c r="LTL1017" s="10"/>
      <c r="LTM1017" s="10"/>
      <c r="LTN1017" s="10"/>
      <c r="LTO1017" s="10"/>
      <c r="LTP1017" s="10"/>
      <c r="LTQ1017" s="10"/>
      <c r="LTR1017" s="10"/>
      <c r="LTS1017" s="10"/>
      <c r="LTT1017" s="10"/>
      <c r="LTU1017" s="10"/>
      <c r="LTV1017" s="10"/>
      <c r="LTW1017" s="10"/>
      <c r="LTX1017" s="10"/>
      <c r="LTY1017" s="10"/>
      <c r="LTZ1017" s="10"/>
      <c r="LUA1017" s="10"/>
      <c r="LUB1017" s="10"/>
      <c r="LUC1017" s="10"/>
      <c r="LUD1017" s="10"/>
      <c r="LUE1017" s="10"/>
      <c r="LUF1017" s="10"/>
      <c r="LUG1017" s="10"/>
      <c r="LUH1017" s="10"/>
      <c r="LUI1017" s="10"/>
      <c r="LUJ1017" s="10"/>
      <c r="LUK1017" s="10"/>
      <c r="LUL1017" s="10"/>
      <c r="LUM1017" s="10"/>
      <c r="LUN1017" s="10"/>
      <c r="LUO1017" s="10"/>
      <c r="LUP1017" s="10"/>
      <c r="LUQ1017" s="10"/>
      <c r="LUR1017" s="10"/>
      <c r="LUS1017" s="10"/>
      <c r="LUT1017" s="10"/>
      <c r="LUU1017" s="10"/>
      <c r="LUV1017" s="10"/>
      <c r="LUW1017" s="10"/>
      <c r="LUX1017" s="10"/>
      <c r="LUY1017" s="10"/>
      <c r="LUZ1017" s="10"/>
      <c r="LVA1017" s="10"/>
      <c r="LVB1017" s="10"/>
      <c r="LVC1017" s="10"/>
      <c r="LVD1017" s="10"/>
      <c r="LVE1017" s="10"/>
      <c r="LVF1017" s="10"/>
      <c r="LVG1017" s="10"/>
      <c r="LVH1017" s="10"/>
      <c r="LVI1017" s="10"/>
      <c r="LVJ1017" s="10"/>
      <c r="LVK1017" s="10"/>
      <c r="LVL1017" s="10"/>
      <c r="LVM1017" s="10"/>
      <c r="LVN1017" s="10"/>
      <c r="LVO1017" s="10"/>
      <c r="LVP1017" s="10"/>
      <c r="LVQ1017" s="10"/>
      <c r="LVR1017" s="10"/>
      <c r="LVS1017" s="10"/>
      <c r="LVT1017" s="10"/>
      <c r="LVU1017" s="10"/>
      <c r="LVV1017" s="10"/>
      <c r="LVW1017" s="10"/>
      <c r="LVX1017" s="10"/>
      <c r="LVY1017" s="10"/>
      <c r="LVZ1017" s="10"/>
      <c r="LWA1017" s="10"/>
      <c r="LWB1017" s="10"/>
      <c r="LWC1017" s="10"/>
      <c r="LWD1017" s="10"/>
      <c r="LWE1017" s="10"/>
      <c r="LWF1017" s="10"/>
      <c r="LWG1017" s="10"/>
      <c r="LWH1017" s="10"/>
      <c r="LWI1017" s="10"/>
      <c r="LWJ1017" s="10"/>
      <c r="LWK1017" s="10"/>
      <c r="LWL1017" s="10"/>
      <c r="LWM1017" s="10"/>
      <c r="LWN1017" s="10"/>
      <c r="LWO1017" s="10"/>
      <c r="LWP1017" s="10"/>
      <c r="LWQ1017" s="10"/>
      <c r="LWR1017" s="10"/>
      <c r="LWS1017" s="10"/>
      <c r="LWT1017" s="10"/>
      <c r="LWU1017" s="10"/>
      <c r="LWV1017" s="10"/>
      <c r="LWW1017" s="10"/>
      <c r="LWX1017" s="10"/>
      <c r="LWY1017" s="10"/>
      <c r="LWZ1017" s="10"/>
      <c r="LXA1017" s="10"/>
      <c r="LXB1017" s="10"/>
      <c r="LXC1017" s="10"/>
      <c r="LXD1017" s="10"/>
      <c r="LXE1017" s="10"/>
      <c r="LXF1017" s="10"/>
      <c r="LXG1017" s="10"/>
      <c r="LXH1017" s="10"/>
      <c r="LXI1017" s="10"/>
      <c r="LXJ1017" s="10"/>
      <c r="LXK1017" s="10"/>
      <c r="LXL1017" s="10"/>
      <c r="LXM1017" s="10"/>
      <c r="LXN1017" s="10"/>
      <c r="LXO1017" s="10"/>
      <c r="LXP1017" s="10"/>
      <c r="LXQ1017" s="10"/>
      <c r="LXR1017" s="10"/>
      <c r="LXS1017" s="10"/>
      <c r="LXT1017" s="10"/>
      <c r="LXU1017" s="10"/>
      <c r="LXV1017" s="10"/>
      <c r="LXW1017" s="10"/>
      <c r="LXX1017" s="10"/>
      <c r="LXY1017" s="10"/>
      <c r="LXZ1017" s="10"/>
      <c r="LYA1017" s="10"/>
      <c r="LYB1017" s="10"/>
      <c r="LYC1017" s="10"/>
      <c r="LYD1017" s="10"/>
      <c r="LYE1017" s="10"/>
      <c r="LYF1017" s="10"/>
      <c r="LYG1017" s="10"/>
      <c r="LYH1017" s="10"/>
      <c r="LYI1017" s="10"/>
      <c r="LYJ1017" s="10"/>
      <c r="LYK1017" s="10"/>
      <c r="LYL1017" s="10"/>
      <c r="LYM1017" s="10"/>
      <c r="LYN1017" s="10"/>
      <c r="LYO1017" s="10"/>
      <c r="LYP1017" s="10"/>
      <c r="LYQ1017" s="10"/>
      <c r="LYR1017" s="10"/>
      <c r="LYS1017" s="10"/>
      <c r="LYT1017" s="10"/>
      <c r="LYU1017" s="10"/>
      <c r="LYV1017" s="10"/>
      <c r="LYW1017" s="10"/>
      <c r="LYX1017" s="10"/>
      <c r="LYY1017" s="10"/>
      <c r="LYZ1017" s="10"/>
      <c r="LZA1017" s="10"/>
      <c r="LZB1017" s="10"/>
      <c r="LZC1017" s="10"/>
      <c r="LZD1017" s="10"/>
      <c r="LZE1017" s="10"/>
      <c r="LZF1017" s="10"/>
      <c r="LZG1017" s="10"/>
      <c r="LZH1017" s="10"/>
      <c r="LZI1017" s="10"/>
      <c r="LZJ1017" s="10"/>
      <c r="LZK1017" s="10"/>
      <c r="LZL1017" s="10"/>
      <c r="LZM1017" s="10"/>
      <c r="LZN1017" s="10"/>
      <c r="LZO1017" s="10"/>
      <c r="LZP1017" s="10"/>
      <c r="LZQ1017" s="10"/>
      <c r="LZR1017" s="10"/>
      <c r="LZS1017" s="10"/>
      <c r="LZT1017" s="10"/>
      <c r="LZU1017" s="10"/>
      <c r="LZV1017" s="10"/>
      <c r="LZW1017" s="10"/>
      <c r="LZX1017" s="10"/>
      <c r="LZY1017" s="10"/>
      <c r="LZZ1017" s="10"/>
      <c r="MAA1017" s="10"/>
      <c r="MAB1017" s="10"/>
      <c r="MAC1017" s="10"/>
      <c r="MAD1017" s="10"/>
      <c r="MAE1017" s="10"/>
      <c r="MAF1017" s="10"/>
      <c r="MAG1017" s="10"/>
      <c r="MAH1017" s="10"/>
      <c r="MAI1017" s="10"/>
      <c r="MAJ1017" s="10"/>
      <c r="MAK1017" s="10"/>
      <c r="MAL1017" s="10"/>
      <c r="MAM1017" s="10"/>
      <c r="MAN1017" s="10"/>
      <c r="MAO1017" s="10"/>
      <c r="MAP1017" s="10"/>
      <c r="MAQ1017" s="10"/>
      <c r="MAR1017" s="10"/>
      <c r="MAS1017" s="10"/>
      <c r="MAT1017" s="10"/>
      <c r="MAU1017" s="10"/>
      <c r="MAV1017" s="10"/>
      <c r="MAW1017" s="10"/>
      <c r="MAX1017" s="10"/>
      <c r="MAY1017" s="10"/>
      <c r="MAZ1017" s="10"/>
      <c r="MBA1017" s="10"/>
      <c r="MBB1017" s="10"/>
      <c r="MBC1017" s="10"/>
      <c r="MBD1017" s="10"/>
      <c r="MBE1017" s="10"/>
      <c r="MBF1017" s="10"/>
      <c r="MBG1017" s="10"/>
      <c r="MBH1017" s="10"/>
      <c r="MBI1017" s="10"/>
      <c r="MBJ1017" s="10"/>
      <c r="MBK1017" s="10"/>
      <c r="MBL1017" s="10"/>
      <c r="MBM1017" s="10"/>
      <c r="MBN1017" s="10"/>
      <c r="MBO1017" s="10"/>
      <c r="MBP1017" s="10"/>
      <c r="MBQ1017" s="10"/>
      <c r="MBR1017" s="10"/>
      <c r="MBS1017" s="10"/>
      <c r="MBT1017" s="10"/>
      <c r="MBU1017" s="10"/>
      <c r="MBV1017" s="10"/>
      <c r="MBW1017" s="10"/>
      <c r="MBX1017" s="10"/>
      <c r="MBY1017" s="10"/>
      <c r="MBZ1017" s="10"/>
      <c r="MCA1017" s="10"/>
      <c r="MCB1017" s="10"/>
      <c r="MCC1017" s="10"/>
      <c r="MCD1017" s="10"/>
      <c r="MCE1017" s="10"/>
      <c r="MCF1017" s="10"/>
      <c r="MCG1017" s="10"/>
      <c r="MCH1017" s="10"/>
      <c r="MCI1017" s="10"/>
      <c r="MCJ1017" s="10"/>
      <c r="MCK1017" s="10"/>
      <c r="MCL1017" s="10"/>
      <c r="MCM1017" s="10"/>
      <c r="MCN1017" s="10"/>
      <c r="MCO1017" s="10"/>
      <c r="MCP1017" s="10"/>
      <c r="MCQ1017" s="10"/>
      <c r="MCR1017" s="10"/>
      <c r="MCS1017" s="10"/>
      <c r="MCT1017" s="10"/>
      <c r="MCU1017" s="10"/>
      <c r="MCV1017" s="10"/>
      <c r="MCW1017" s="10"/>
      <c r="MCX1017" s="10"/>
      <c r="MCY1017" s="10"/>
      <c r="MCZ1017" s="10"/>
      <c r="MDA1017" s="10"/>
      <c r="MDB1017" s="10"/>
      <c r="MDC1017" s="10"/>
      <c r="MDD1017" s="10"/>
      <c r="MDE1017" s="10"/>
      <c r="MDF1017" s="10"/>
      <c r="MDG1017" s="10"/>
      <c r="MDH1017" s="10"/>
      <c r="MDI1017" s="10"/>
      <c r="MDJ1017" s="10"/>
      <c r="MDK1017" s="10"/>
      <c r="MDL1017" s="10"/>
      <c r="MDM1017" s="10"/>
      <c r="MDN1017" s="10"/>
      <c r="MDO1017" s="10"/>
      <c r="MDP1017" s="10"/>
      <c r="MDQ1017" s="10"/>
      <c r="MDR1017" s="10"/>
      <c r="MDS1017" s="10"/>
      <c r="MDT1017" s="10"/>
      <c r="MDU1017" s="10"/>
      <c r="MDV1017" s="10"/>
      <c r="MDW1017" s="10"/>
      <c r="MDX1017" s="10"/>
      <c r="MDY1017" s="10"/>
      <c r="MDZ1017" s="10"/>
      <c r="MEA1017" s="10"/>
      <c r="MEB1017" s="10"/>
      <c r="MEC1017" s="10"/>
      <c r="MED1017" s="10"/>
      <c r="MEE1017" s="10"/>
      <c r="MEF1017" s="10"/>
      <c r="MEG1017" s="10"/>
      <c r="MEH1017" s="10"/>
      <c r="MEI1017" s="10"/>
      <c r="MEJ1017" s="10"/>
      <c r="MEK1017" s="10"/>
      <c r="MEL1017" s="10"/>
      <c r="MEM1017" s="10"/>
      <c r="MEN1017" s="10"/>
      <c r="MEO1017" s="10"/>
      <c r="MEP1017" s="10"/>
      <c r="MEQ1017" s="10"/>
      <c r="MER1017" s="10"/>
      <c r="MES1017" s="10"/>
      <c r="MET1017" s="10"/>
      <c r="MEU1017" s="10"/>
      <c r="MEV1017" s="10"/>
      <c r="MEW1017" s="10"/>
      <c r="MEX1017" s="10"/>
      <c r="MEY1017" s="10"/>
      <c r="MEZ1017" s="10"/>
      <c r="MFA1017" s="10"/>
      <c r="MFB1017" s="10"/>
      <c r="MFC1017" s="10"/>
      <c r="MFD1017" s="10"/>
      <c r="MFE1017" s="10"/>
      <c r="MFF1017" s="10"/>
      <c r="MFG1017" s="10"/>
      <c r="MFH1017" s="10"/>
      <c r="MFI1017" s="10"/>
      <c r="MFJ1017" s="10"/>
      <c r="MFK1017" s="10"/>
      <c r="MFL1017" s="10"/>
      <c r="MFM1017" s="10"/>
      <c r="MFN1017" s="10"/>
      <c r="MFO1017" s="10"/>
      <c r="MFP1017" s="10"/>
      <c r="MFQ1017" s="10"/>
      <c r="MFR1017" s="10"/>
      <c r="MFS1017" s="10"/>
      <c r="MFT1017" s="10"/>
      <c r="MFU1017" s="10"/>
      <c r="MFV1017" s="10"/>
      <c r="MFW1017" s="10"/>
      <c r="MFX1017" s="10"/>
      <c r="MFY1017" s="10"/>
      <c r="MFZ1017" s="10"/>
      <c r="MGA1017" s="10"/>
      <c r="MGB1017" s="10"/>
      <c r="MGC1017" s="10"/>
      <c r="MGD1017" s="10"/>
      <c r="MGE1017" s="10"/>
      <c r="MGF1017" s="10"/>
      <c r="MGG1017" s="10"/>
      <c r="MGH1017" s="10"/>
      <c r="MGI1017" s="10"/>
      <c r="MGJ1017" s="10"/>
      <c r="MGK1017" s="10"/>
      <c r="MGL1017" s="10"/>
      <c r="MGM1017" s="10"/>
      <c r="MGN1017" s="10"/>
      <c r="MGO1017" s="10"/>
      <c r="MGP1017" s="10"/>
      <c r="MGQ1017" s="10"/>
      <c r="MGR1017" s="10"/>
      <c r="MGS1017" s="10"/>
      <c r="MGT1017" s="10"/>
      <c r="MGU1017" s="10"/>
      <c r="MGV1017" s="10"/>
      <c r="MGW1017" s="10"/>
      <c r="MGX1017" s="10"/>
      <c r="MGY1017" s="10"/>
      <c r="MGZ1017" s="10"/>
      <c r="MHA1017" s="10"/>
      <c r="MHB1017" s="10"/>
      <c r="MHC1017" s="10"/>
      <c r="MHD1017" s="10"/>
      <c r="MHE1017" s="10"/>
      <c r="MHF1017" s="10"/>
      <c r="MHG1017" s="10"/>
      <c r="MHH1017" s="10"/>
      <c r="MHI1017" s="10"/>
      <c r="MHJ1017" s="10"/>
      <c r="MHK1017" s="10"/>
      <c r="MHL1017" s="10"/>
      <c r="MHM1017" s="10"/>
      <c r="MHN1017" s="10"/>
      <c r="MHO1017" s="10"/>
      <c r="MHP1017" s="10"/>
      <c r="MHQ1017" s="10"/>
      <c r="MHR1017" s="10"/>
      <c r="MHS1017" s="10"/>
      <c r="MHT1017" s="10"/>
      <c r="MHU1017" s="10"/>
      <c r="MHV1017" s="10"/>
      <c r="MHW1017" s="10"/>
      <c r="MHX1017" s="10"/>
      <c r="MHY1017" s="10"/>
      <c r="MHZ1017" s="10"/>
      <c r="MIA1017" s="10"/>
      <c r="MIB1017" s="10"/>
      <c r="MIC1017" s="10"/>
      <c r="MID1017" s="10"/>
      <c r="MIE1017" s="10"/>
      <c r="MIF1017" s="10"/>
      <c r="MIG1017" s="10"/>
      <c r="MIH1017" s="10"/>
      <c r="MII1017" s="10"/>
      <c r="MIJ1017" s="10"/>
      <c r="MIK1017" s="10"/>
      <c r="MIL1017" s="10"/>
      <c r="MIM1017" s="10"/>
      <c r="MIN1017" s="10"/>
      <c r="MIO1017" s="10"/>
      <c r="MIP1017" s="10"/>
      <c r="MIQ1017" s="10"/>
      <c r="MIR1017" s="10"/>
      <c r="MIS1017" s="10"/>
      <c r="MIT1017" s="10"/>
      <c r="MIU1017" s="10"/>
      <c r="MIV1017" s="10"/>
      <c r="MIW1017" s="10"/>
      <c r="MIX1017" s="10"/>
      <c r="MIY1017" s="10"/>
      <c r="MIZ1017" s="10"/>
      <c r="MJA1017" s="10"/>
      <c r="MJB1017" s="10"/>
      <c r="MJC1017" s="10"/>
      <c r="MJD1017" s="10"/>
      <c r="MJE1017" s="10"/>
      <c r="MJF1017" s="10"/>
      <c r="MJG1017" s="10"/>
      <c r="MJH1017" s="10"/>
      <c r="MJI1017" s="10"/>
      <c r="MJJ1017" s="10"/>
      <c r="MJK1017" s="10"/>
      <c r="MJL1017" s="10"/>
      <c r="MJM1017" s="10"/>
      <c r="MJN1017" s="10"/>
      <c r="MJO1017" s="10"/>
      <c r="MJP1017" s="10"/>
      <c r="MJQ1017" s="10"/>
      <c r="MJR1017" s="10"/>
      <c r="MJS1017" s="10"/>
      <c r="MJT1017" s="10"/>
      <c r="MJU1017" s="10"/>
      <c r="MJV1017" s="10"/>
      <c r="MJW1017" s="10"/>
      <c r="MJX1017" s="10"/>
      <c r="MJY1017" s="10"/>
      <c r="MJZ1017" s="10"/>
      <c r="MKA1017" s="10"/>
      <c r="MKB1017" s="10"/>
      <c r="MKC1017" s="10"/>
      <c r="MKD1017" s="10"/>
      <c r="MKE1017" s="10"/>
      <c r="MKF1017" s="10"/>
      <c r="MKG1017" s="10"/>
      <c r="MKH1017" s="10"/>
      <c r="MKI1017" s="10"/>
      <c r="MKJ1017" s="10"/>
      <c r="MKK1017" s="10"/>
      <c r="MKL1017" s="10"/>
      <c r="MKM1017" s="10"/>
      <c r="MKN1017" s="10"/>
      <c r="MKO1017" s="10"/>
      <c r="MKP1017" s="10"/>
      <c r="MKQ1017" s="10"/>
      <c r="MKR1017" s="10"/>
      <c r="MKS1017" s="10"/>
      <c r="MKT1017" s="10"/>
      <c r="MKU1017" s="10"/>
      <c r="MKV1017" s="10"/>
      <c r="MKW1017" s="10"/>
      <c r="MKX1017" s="10"/>
      <c r="MKY1017" s="10"/>
      <c r="MKZ1017" s="10"/>
      <c r="MLA1017" s="10"/>
      <c r="MLB1017" s="10"/>
      <c r="MLC1017" s="10"/>
      <c r="MLD1017" s="10"/>
      <c r="MLE1017" s="10"/>
      <c r="MLF1017" s="10"/>
      <c r="MLG1017" s="10"/>
      <c r="MLH1017" s="10"/>
      <c r="MLI1017" s="10"/>
      <c r="MLJ1017" s="10"/>
      <c r="MLK1017" s="10"/>
      <c r="MLL1017" s="10"/>
      <c r="MLM1017" s="10"/>
      <c r="MLN1017" s="10"/>
      <c r="MLO1017" s="10"/>
      <c r="MLP1017" s="10"/>
      <c r="MLQ1017" s="10"/>
      <c r="MLR1017" s="10"/>
      <c r="MLS1017" s="10"/>
      <c r="MLT1017" s="10"/>
      <c r="MLU1017" s="10"/>
      <c r="MLV1017" s="10"/>
      <c r="MLW1017" s="10"/>
      <c r="MLX1017" s="10"/>
      <c r="MLY1017" s="10"/>
      <c r="MLZ1017" s="10"/>
      <c r="MMA1017" s="10"/>
      <c r="MMB1017" s="10"/>
      <c r="MMC1017" s="10"/>
      <c r="MMD1017" s="10"/>
      <c r="MME1017" s="10"/>
      <c r="MMF1017" s="10"/>
      <c r="MMG1017" s="10"/>
      <c r="MMH1017" s="10"/>
      <c r="MMI1017" s="10"/>
      <c r="MMJ1017" s="10"/>
      <c r="MMK1017" s="10"/>
      <c r="MML1017" s="10"/>
      <c r="MMM1017" s="10"/>
      <c r="MMN1017" s="10"/>
      <c r="MMO1017" s="10"/>
      <c r="MMP1017" s="10"/>
      <c r="MMQ1017" s="10"/>
      <c r="MMR1017" s="10"/>
      <c r="MMS1017" s="10"/>
      <c r="MMT1017" s="10"/>
      <c r="MMU1017" s="10"/>
      <c r="MMV1017" s="10"/>
      <c r="MMW1017" s="10"/>
      <c r="MMX1017" s="10"/>
      <c r="MMY1017" s="10"/>
      <c r="MMZ1017" s="10"/>
      <c r="MNA1017" s="10"/>
      <c r="MNB1017" s="10"/>
      <c r="MNC1017" s="10"/>
      <c r="MND1017" s="10"/>
      <c r="MNE1017" s="10"/>
      <c r="MNF1017" s="10"/>
      <c r="MNG1017" s="10"/>
      <c r="MNH1017" s="10"/>
      <c r="MNI1017" s="10"/>
      <c r="MNJ1017" s="10"/>
      <c r="MNK1017" s="10"/>
      <c r="MNL1017" s="10"/>
      <c r="MNM1017" s="10"/>
      <c r="MNN1017" s="10"/>
      <c r="MNO1017" s="10"/>
      <c r="MNP1017" s="10"/>
      <c r="MNQ1017" s="10"/>
      <c r="MNR1017" s="10"/>
      <c r="MNS1017" s="10"/>
      <c r="MNT1017" s="10"/>
      <c r="MNU1017" s="10"/>
      <c r="MNV1017" s="10"/>
      <c r="MNW1017" s="10"/>
      <c r="MNX1017" s="10"/>
      <c r="MNY1017" s="10"/>
      <c r="MNZ1017" s="10"/>
      <c r="MOA1017" s="10"/>
      <c r="MOB1017" s="10"/>
      <c r="MOC1017" s="10"/>
      <c r="MOD1017" s="10"/>
      <c r="MOE1017" s="10"/>
      <c r="MOF1017" s="10"/>
      <c r="MOG1017" s="10"/>
      <c r="MOH1017" s="10"/>
      <c r="MOI1017" s="10"/>
      <c r="MOJ1017" s="10"/>
      <c r="MOK1017" s="10"/>
      <c r="MOL1017" s="10"/>
      <c r="MOM1017" s="10"/>
      <c r="MON1017" s="10"/>
      <c r="MOO1017" s="10"/>
      <c r="MOP1017" s="10"/>
      <c r="MOQ1017" s="10"/>
      <c r="MOR1017" s="10"/>
      <c r="MOS1017" s="10"/>
      <c r="MOT1017" s="10"/>
      <c r="MOU1017" s="10"/>
      <c r="MOV1017" s="10"/>
      <c r="MOW1017" s="10"/>
      <c r="MOX1017" s="10"/>
      <c r="MOY1017" s="10"/>
      <c r="MOZ1017" s="10"/>
      <c r="MPA1017" s="10"/>
      <c r="MPB1017" s="10"/>
      <c r="MPC1017" s="10"/>
      <c r="MPD1017" s="10"/>
      <c r="MPE1017" s="10"/>
      <c r="MPF1017" s="10"/>
      <c r="MPG1017" s="10"/>
      <c r="MPH1017" s="10"/>
      <c r="MPI1017" s="10"/>
      <c r="MPJ1017" s="10"/>
      <c r="MPK1017" s="10"/>
      <c r="MPL1017" s="10"/>
      <c r="MPM1017" s="10"/>
      <c r="MPN1017" s="10"/>
      <c r="MPO1017" s="10"/>
      <c r="MPP1017" s="10"/>
      <c r="MPQ1017" s="10"/>
      <c r="MPR1017" s="10"/>
      <c r="MPS1017" s="10"/>
      <c r="MPT1017" s="10"/>
      <c r="MPU1017" s="10"/>
      <c r="MPV1017" s="10"/>
      <c r="MPW1017" s="10"/>
      <c r="MPX1017" s="10"/>
      <c r="MPY1017" s="10"/>
      <c r="MPZ1017" s="10"/>
      <c r="MQA1017" s="10"/>
      <c r="MQB1017" s="10"/>
      <c r="MQC1017" s="10"/>
      <c r="MQD1017" s="10"/>
      <c r="MQE1017" s="10"/>
      <c r="MQF1017" s="10"/>
      <c r="MQG1017" s="10"/>
      <c r="MQH1017" s="10"/>
      <c r="MQI1017" s="10"/>
      <c r="MQJ1017" s="10"/>
      <c r="MQK1017" s="10"/>
      <c r="MQL1017" s="10"/>
      <c r="MQM1017" s="10"/>
      <c r="MQN1017" s="10"/>
      <c r="MQO1017" s="10"/>
      <c r="MQP1017" s="10"/>
      <c r="MQQ1017" s="10"/>
      <c r="MQR1017" s="10"/>
      <c r="MQS1017" s="10"/>
      <c r="MQT1017" s="10"/>
      <c r="MQU1017" s="10"/>
      <c r="MQV1017" s="10"/>
      <c r="MQW1017" s="10"/>
      <c r="MQX1017" s="10"/>
      <c r="MQY1017" s="10"/>
      <c r="MQZ1017" s="10"/>
      <c r="MRA1017" s="10"/>
      <c r="MRB1017" s="10"/>
      <c r="MRC1017" s="10"/>
      <c r="MRD1017" s="10"/>
      <c r="MRE1017" s="10"/>
      <c r="MRF1017" s="10"/>
      <c r="MRG1017" s="10"/>
      <c r="MRH1017" s="10"/>
      <c r="MRI1017" s="10"/>
      <c r="MRJ1017" s="10"/>
      <c r="MRK1017" s="10"/>
      <c r="MRL1017" s="10"/>
      <c r="MRM1017" s="10"/>
      <c r="MRN1017" s="10"/>
      <c r="MRO1017" s="10"/>
      <c r="MRP1017" s="10"/>
      <c r="MRQ1017" s="10"/>
      <c r="MRR1017" s="10"/>
      <c r="MRS1017" s="10"/>
      <c r="MRT1017" s="10"/>
      <c r="MRU1017" s="10"/>
      <c r="MRV1017" s="10"/>
      <c r="MRW1017" s="10"/>
      <c r="MRX1017" s="10"/>
      <c r="MRY1017" s="10"/>
      <c r="MRZ1017" s="10"/>
      <c r="MSA1017" s="10"/>
      <c r="MSB1017" s="10"/>
      <c r="MSC1017" s="10"/>
      <c r="MSD1017" s="10"/>
      <c r="MSE1017" s="10"/>
      <c r="MSF1017" s="10"/>
      <c r="MSG1017" s="10"/>
      <c r="MSH1017" s="10"/>
      <c r="MSI1017" s="10"/>
      <c r="MSJ1017" s="10"/>
      <c r="MSK1017" s="10"/>
      <c r="MSL1017" s="10"/>
      <c r="MSM1017" s="10"/>
      <c r="MSN1017" s="10"/>
      <c r="MSO1017" s="10"/>
      <c r="MSP1017" s="10"/>
      <c r="MSQ1017" s="10"/>
      <c r="MSR1017" s="10"/>
      <c r="MSS1017" s="10"/>
      <c r="MST1017" s="10"/>
      <c r="MSU1017" s="10"/>
      <c r="MSV1017" s="10"/>
      <c r="MSW1017" s="10"/>
      <c r="MSX1017" s="10"/>
      <c r="MSY1017" s="10"/>
      <c r="MSZ1017" s="10"/>
      <c r="MTA1017" s="10"/>
      <c r="MTB1017" s="10"/>
      <c r="MTC1017" s="10"/>
      <c r="MTD1017" s="10"/>
      <c r="MTE1017" s="10"/>
      <c r="MTF1017" s="10"/>
      <c r="MTG1017" s="10"/>
      <c r="MTH1017" s="10"/>
      <c r="MTI1017" s="10"/>
      <c r="MTJ1017" s="10"/>
      <c r="MTK1017" s="10"/>
      <c r="MTL1017" s="10"/>
      <c r="MTM1017" s="10"/>
      <c r="MTN1017" s="10"/>
      <c r="MTO1017" s="10"/>
      <c r="MTP1017" s="10"/>
      <c r="MTQ1017" s="10"/>
      <c r="MTR1017" s="10"/>
      <c r="MTS1017" s="10"/>
      <c r="MTT1017" s="10"/>
      <c r="MTU1017" s="10"/>
      <c r="MTV1017" s="10"/>
      <c r="MTW1017" s="10"/>
      <c r="MTX1017" s="10"/>
      <c r="MTY1017" s="10"/>
      <c r="MTZ1017" s="10"/>
      <c r="MUA1017" s="10"/>
      <c r="MUB1017" s="10"/>
      <c r="MUC1017" s="10"/>
      <c r="MUD1017" s="10"/>
      <c r="MUE1017" s="10"/>
      <c r="MUF1017" s="10"/>
      <c r="MUG1017" s="10"/>
      <c r="MUH1017" s="10"/>
      <c r="MUI1017" s="10"/>
      <c r="MUJ1017" s="10"/>
      <c r="MUK1017" s="10"/>
      <c r="MUL1017" s="10"/>
      <c r="MUM1017" s="10"/>
      <c r="MUN1017" s="10"/>
      <c r="MUO1017" s="10"/>
      <c r="MUP1017" s="10"/>
      <c r="MUQ1017" s="10"/>
      <c r="MUR1017" s="10"/>
      <c r="MUS1017" s="10"/>
      <c r="MUT1017" s="10"/>
      <c r="MUU1017" s="10"/>
      <c r="MUV1017" s="10"/>
      <c r="MUW1017" s="10"/>
      <c r="MUX1017" s="10"/>
      <c r="MUY1017" s="10"/>
      <c r="MUZ1017" s="10"/>
      <c r="MVA1017" s="10"/>
      <c r="MVB1017" s="10"/>
      <c r="MVC1017" s="10"/>
      <c r="MVD1017" s="10"/>
      <c r="MVE1017" s="10"/>
      <c r="MVF1017" s="10"/>
      <c r="MVG1017" s="10"/>
      <c r="MVH1017" s="10"/>
      <c r="MVI1017" s="10"/>
      <c r="MVJ1017" s="10"/>
      <c r="MVK1017" s="10"/>
      <c r="MVL1017" s="10"/>
      <c r="MVM1017" s="10"/>
      <c r="MVN1017" s="10"/>
      <c r="MVO1017" s="10"/>
      <c r="MVP1017" s="10"/>
      <c r="MVQ1017" s="10"/>
      <c r="MVR1017" s="10"/>
      <c r="MVS1017" s="10"/>
      <c r="MVT1017" s="10"/>
      <c r="MVU1017" s="10"/>
      <c r="MVV1017" s="10"/>
      <c r="MVW1017" s="10"/>
      <c r="MVX1017" s="10"/>
      <c r="MVY1017" s="10"/>
      <c r="MVZ1017" s="10"/>
      <c r="MWA1017" s="10"/>
      <c r="MWB1017" s="10"/>
      <c r="MWC1017" s="10"/>
      <c r="MWD1017" s="10"/>
      <c r="MWE1017" s="10"/>
      <c r="MWF1017" s="10"/>
      <c r="MWG1017" s="10"/>
      <c r="MWH1017" s="10"/>
      <c r="MWI1017" s="10"/>
      <c r="MWJ1017" s="10"/>
      <c r="MWK1017" s="10"/>
      <c r="MWL1017" s="10"/>
      <c r="MWM1017" s="10"/>
      <c r="MWN1017" s="10"/>
      <c r="MWO1017" s="10"/>
      <c r="MWP1017" s="10"/>
      <c r="MWQ1017" s="10"/>
      <c r="MWR1017" s="10"/>
      <c r="MWS1017" s="10"/>
      <c r="MWT1017" s="10"/>
      <c r="MWU1017" s="10"/>
      <c r="MWV1017" s="10"/>
      <c r="MWW1017" s="10"/>
      <c r="MWX1017" s="10"/>
      <c r="MWY1017" s="10"/>
      <c r="MWZ1017" s="10"/>
      <c r="MXA1017" s="10"/>
      <c r="MXB1017" s="10"/>
      <c r="MXC1017" s="10"/>
      <c r="MXD1017" s="10"/>
      <c r="MXE1017" s="10"/>
      <c r="MXF1017" s="10"/>
      <c r="MXG1017" s="10"/>
      <c r="MXH1017" s="10"/>
      <c r="MXI1017" s="10"/>
      <c r="MXJ1017" s="10"/>
      <c r="MXK1017" s="10"/>
      <c r="MXL1017" s="10"/>
      <c r="MXM1017" s="10"/>
      <c r="MXN1017" s="10"/>
      <c r="MXO1017" s="10"/>
      <c r="MXP1017" s="10"/>
      <c r="MXQ1017" s="10"/>
      <c r="MXR1017" s="10"/>
      <c r="MXS1017" s="10"/>
      <c r="MXT1017" s="10"/>
      <c r="MXU1017" s="10"/>
      <c r="MXV1017" s="10"/>
      <c r="MXW1017" s="10"/>
      <c r="MXX1017" s="10"/>
      <c r="MXY1017" s="10"/>
      <c r="MXZ1017" s="10"/>
      <c r="MYA1017" s="10"/>
      <c r="MYB1017" s="10"/>
      <c r="MYC1017" s="10"/>
      <c r="MYD1017" s="10"/>
      <c r="MYE1017" s="10"/>
      <c r="MYF1017" s="10"/>
      <c r="MYG1017" s="10"/>
      <c r="MYH1017" s="10"/>
      <c r="MYI1017" s="10"/>
      <c r="MYJ1017" s="10"/>
      <c r="MYK1017" s="10"/>
      <c r="MYL1017" s="10"/>
      <c r="MYM1017" s="10"/>
      <c r="MYN1017" s="10"/>
      <c r="MYO1017" s="10"/>
      <c r="MYP1017" s="10"/>
      <c r="MYQ1017" s="10"/>
      <c r="MYR1017" s="10"/>
      <c r="MYS1017" s="10"/>
      <c r="MYT1017" s="10"/>
      <c r="MYU1017" s="10"/>
      <c r="MYV1017" s="10"/>
      <c r="MYW1017" s="10"/>
      <c r="MYX1017" s="10"/>
      <c r="MYY1017" s="10"/>
      <c r="MYZ1017" s="10"/>
      <c r="MZA1017" s="10"/>
      <c r="MZB1017" s="10"/>
      <c r="MZC1017" s="10"/>
      <c r="MZD1017" s="10"/>
      <c r="MZE1017" s="10"/>
      <c r="MZF1017" s="10"/>
      <c r="MZG1017" s="10"/>
      <c r="MZH1017" s="10"/>
      <c r="MZI1017" s="10"/>
      <c r="MZJ1017" s="10"/>
      <c r="MZK1017" s="10"/>
      <c r="MZL1017" s="10"/>
      <c r="MZM1017" s="10"/>
      <c r="MZN1017" s="10"/>
      <c r="MZO1017" s="10"/>
      <c r="MZP1017" s="10"/>
      <c r="MZQ1017" s="10"/>
      <c r="MZR1017" s="10"/>
      <c r="MZS1017" s="10"/>
      <c r="MZT1017" s="10"/>
      <c r="MZU1017" s="10"/>
      <c r="MZV1017" s="10"/>
      <c r="MZW1017" s="10"/>
      <c r="MZX1017" s="10"/>
      <c r="MZY1017" s="10"/>
      <c r="MZZ1017" s="10"/>
      <c r="NAA1017" s="10"/>
      <c r="NAB1017" s="10"/>
      <c r="NAC1017" s="10"/>
      <c r="NAD1017" s="10"/>
      <c r="NAE1017" s="10"/>
      <c r="NAF1017" s="10"/>
      <c r="NAG1017" s="10"/>
      <c r="NAH1017" s="10"/>
      <c r="NAI1017" s="10"/>
      <c r="NAJ1017" s="10"/>
      <c r="NAK1017" s="10"/>
      <c r="NAL1017" s="10"/>
      <c r="NAM1017" s="10"/>
      <c r="NAN1017" s="10"/>
      <c r="NAO1017" s="10"/>
      <c r="NAP1017" s="10"/>
      <c r="NAQ1017" s="10"/>
      <c r="NAR1017" s="10"/>
      <c r="NAS1017" s="10"/>
      <c r="NAT1017" s="10"/>
      <c r="NAU1017" s="10"/>
      <c r="NAV1017" s="10"/>
      <c r="NAW1017" s="10"/>
      <c r="NAX1017" s="10"/>
      <c r="NAY1017" s="10"/>
      <c r="NAZ1017" s="10"/>
      <c r="NBA1017" s="10"/>
      <c r="NBB1017" s="10"/>
      <c r="NBC1017" s="10"/>
      <c r="NBD1017" s="10"/>
      <c r="NBE1017" s="10"/>
      <c r="NBF1017" s="10"/>
      <c r="NBG1017" s="10"/>
      <c r="NBH1017" s="10"/>
      <c r="NBI1017" s="10"/>
      <c r="NBJ1017" s="10"/>
      <c r="NBK1017" s="10"/>
      <c r="NBL1017" s="10"/>
      <c r="NBM1017" s="10"/>
      <c r="NBN1017" s="10"/>
      <c r="NBO1017" s="10"/>
      <c r="NBP1017" s="10"/>
      <c r="NBQ1017" s="10"/>
      <c r="NBR1017" s="10"/>
      <c r="NBS1017" s="10"/>
      <c r="NBT1017" s="10"/>
      <c r="NBU1017" s="10"/>
      <c r="NBV1017" s="10"/>
      <c r="NBW1017" s="10"/>
      <c r="NBX1017" s="10"/>
      <c r="NBY1017" s="10"/>
      <c r="NBZ1017" s="10"/>
      <c r="NCA1017" s="10"/>
      <c r="NCB1017" s="10"/>
      <c r="NCC1017" s="10"/>
      <c r="NCD1017" s="10"/>
      <c r="NCE1017" s="10"/>
      <c r="NCF1017" s="10"/>
      <c r="NCG1017" s="10"/>
      <c r="NCH1017" s="10"/>
      <c r="NCI1017" s="10"/>
      <c r="NCJ1017" s="10"/>
      <c r="NCK1017" s="10"/>
      <c r="NCL1017" s="10"/>
      <c r="NCM1017" s="10"/>
      <c r="NCN1017" s="10"/>
      <c r="NCO1017" s="10"/>
      <c r="NCP1017" s="10"/>
      <c r="NCQ1017" s="10"/>
      <c r="NCR1017" s="10"/>
      <c r="NCS1017" s="10"/>
      <c r="NCT1017" s="10"/>
      <c r="NCU1017" s="10"/>
      <c r="NCV1017" s="10"/>
      <c r="NCW1017" s="10"/>
      <c r="NCX1017" s="10"/>
      <c r="NCY1017" s="10"/>
      <c r="NCZ1017" s="10"/>
      <c r="NDA1017" s="10"/>
      <c r="NDB1017" s="10"/>
      <c r="NDC1017" s="10"/>
      <c r="NDD1017" s="10"/>
      <c r="NDE1017" s="10"/>
      <c r="NDF1017" s="10"/>
      <c r="NDG1017" s="10"/>
      <c r="NDH1017" s="10"/>
      <c r="NDI1017" s="10"/>
      <c r="NDJ1017" s="10"/>
      <c r="NDK1017" s="10"/>
      <c r="NDL1017" s="10"/>
      <c r="NDM1017" s="10"/>
      <c r="NDN1017" s="10"/>
      <c r="NDO1017" s="10"/>
      <c r="NDP1017" s="10"/>
      <c r="NDQ1017" s="10"/>
      <c r="NDR1017" s="10"/>
      <c r="NDS1017" s="10"/>
      <c r="NDT1017" s="10"/>
      <c r="NDU1017" s="10"/>
      <c r="NDV1017" s="10"/>
      <c r="NDW1017" s="10"/>
      <c r="NDX1017" s="10"/>
      <c r="NDY1017" s="10"/>
      <c r="NDZ1017" s="10"/>
      <c r="NEA1017" s="10"/>
      <c r="NEB1017" s="10"/>
      <c r="NEC1017" s="10"/>
      <c r="NED1017" s="10"/>
      <c r="NEE1017" s="10"/>
      <c r="NEF1017" s="10"/>
      <c r="NEG1017" s="10"/>
      <c r="NEH1017" s="10"/>
      <c r="NEI1017" s="10"/>
      <c r="NEJ1017" s="10"/>
      <c r="NEK1017" s="10"/>
      <c r="NEL1017" s="10"/>
      <c r="NEM1017" s="10"/>
      <c r="NEN1017" s="10"/>
      <c r="NEO1017" s="10"/>
      <c r="NEP1017" s="10"/>
      <c r="NEQ1017" s="10"/>
      <c r="NER1017" s="10"/>
      <c r="NES1017" s="10"/>
      <c r="NET1017" s="10"/>
      <c r="NEU1017" s="10"/>
      <c r="NEV1017" s="10"/>
      <c r="NEW1017" s="10"/>
      <c r="NEX1017" s="10"/>
      <c r="NEY1017" s="10"/>
      <c r="NEZ1017" s="10"/>
      <c r="NFA1017" s="10"/>
      <c r="NFB1017" s="10"/>
      <c r="NFC1017" s="10"/>
      <c r="NFD1017" s="10"/>
      <c r="NFE1017" s="10"/>
      <c r="NFF1017" s="10"/>
      <c r="NFG1017" s="10"/>
      <c r="NFH1017" s="10"/>
      <c r="NFI1017" s="10"/>
      <c r="NFJ1017" s="10"/>
      <c r="NFK1017" s="10"/>
      <c r="NFL1017" s="10"/>
      <c r="NFM1017" s="10"/>
      <c r="NFN1017" s="10"/>
      <c r="NFO1017" s="10"/>
      <c r="NFP1017" s="10"/>
      <c r="NFQ1017" s="10"/>
      <c r="NFR1017" s="10"/>
      <c r="NFS1017" s="10"/>
      <c r="NFT1017" s="10"/>
      <c r="NFU1017" s="10"/>
      <c r="NFV1017" s="10"/>
      <c r="NFW1017" s="10"/>
      <c r="NFX1017" s="10"/>
      <c r="NFY1017" s="10"/>
      <c r="NFZ1017" s="10"/>
      <c r="NGA1017" s="10"/>
      <c r="NGB1017" s="10"/>
      <c r="NGC1017" s="10"/>
      <c r="NGD1017" s="10"/>
      <c r="NGE1017" s="10"/>
      <c r="NGF1017" s="10"/>
      <c r="NGG1017" s="10"/>
      <c r="NGH1017" s="10"/>
      <c r="NGI1017" s="10"/>
      <c r="NGJ1017" s="10"/>
      <c r="NGK1017" s="10"/>
      <c r="NGL1017" s="10"/>
      <c r="NGM1017" s="10"/>
      <c r="NGN1017" s="10"/>
      <c r="NGO1017" s="10"/>
      <c r="NGP1017" s="10"/>
      <c r="NGQ1017" s="10"/>
      <c r="NGR1017" s="10"/>
      <c r="NGS1017" s="10"/>
      <c r="NGT1017" s="10"/>
      <c r="NGU1017" s="10"/>
      <c r="NGV1017" s="10"/>
      <c r="NGW1017" s="10"/>
      <c r="NGX1017" s="10"/>
      <c r="NGY1017" s="10"/>
      <c r="NGZ1017" s="10"/>
      <c r="NHA1017" s="10"/>
      <c r="NHB1017" s="10"/>
      <c r="NHC1017" s="10"/>
      <c r="NHD1017" s="10"/>
      <c r="NHE1017" s="10"/>
      <c r="NHF1017" s="10"/>
      <c r="NHG1017" s="10"/>
      <c r="NHH1017" s="10"/>
      <c r="NHI1017" s="10"/>
      <c r="NHJ1017" s="10"/>
      <c r="NHK1017" s="10"/>
      <c r="NHL1017" s="10"/>
      <c r="NHM1017" s="10"/>
      <c r="NHN1017" s="10"/>
      <c r="NHO1017" s="10"/>
      <c r="NHP1017" s="10"/>
      <c r="NHQ1017" s="10"/>
      <c r="NHR1017" s="10"/>
      <c r="NHS1017" s="10"/>
      <c r="NHT1017" s="10"/>
      <c r="NHU1017" s="10"/>
      <c r="NHV1017" s="10"/>
      <c r="NHW1017" s="10"/>
      <c r="NHX1017" s="10"/>
      <c r="NHY1017" s="10"/>
      <c r="NHZ1017" s="10"/>
      <c r="NIA1017" s="10"/>
      <c r="NIB1017" s="10"/>
      <c r="NIC1017" s="10"/>
      <c r="NID1017" s="10"/>
      <c r="NIE1017" s="10"/>
      <c r="NIF1017" s="10"/>
      <c r="NIG1017" s="10"/>
      <c r="NIH1017" s="10"/>
      <c r="NII1017" s="10"/>
      <c r="NIJ1017" s="10"/>
      <c r="NIK1017" s="10"/>
      <c r="NIL1017" s="10"/>
      <c r="NIM1017" s="10"/>
      <c r="NIN1017" s="10"/>
      <c r="NIO1017" s="10"/>
      <c r="NIP1017" s="10"/>
      <c r="NIQ1017" s="10"/>
      <c r="NIR1017" s="10"/>
      <c r="NIS1017" s="10"/>
      <c r="NIT1017" s="10"/>
      <c r="NIU1017" s="10"/>
      <c r="NIV1017" s="10"/>
      <c r="NIW1017" s="10"/>
      <c r="NIX1017" s="10"/>
      <c r="NIY1017" s="10"/>
      <c r="NIZ1017" s="10"/>
      <c r="NJA1017" s="10"/>
      <c r="NJB1017" s="10"/>
      <c r="NJC1017" s="10"/>
      <c r="NJD1017" s="10"/>
      <c r="NJE1017" s="10"/>
      <c r="NJF1017" s="10"/>
      <c r="NJG1017" s="10"/>
      <c r="NJH1017" s="10"/>
      <c r="NJI1017" s="10"/>
      <c r="NJJ1017" s="10"/>
      <c r="NJK1017" s="10"/>
      <c r="NJL1017" s="10"/>
      <c r="NJM1017" s="10"/>
      <c r="NJN1017" s="10"/>
      <c r="NJO1017" s="10"/>
      <c r="NJP1017" s="10"/>
      <c r="NJQ1017" s="10"/>
      <c r="NJR1017" s="10"/>
      <c r="NJS1017" s="10"/>
      <c r="NJT1017" s="10"/>
      <c r="NJU1017" s="10"/>
      <c r="NJV1017" s="10"/>
      <c r="NJW1017" s="10"/>
      <c r="NJX1017" s="10"/>
      <c r="NJY1017" s="10"/>
      <c r="NJZ1017" s="10"/>
      <c r="NKA1017" s="10"/>
      <c r="NKB1017" s="10"/>
      <c r="NKC1017" s="10"/>
      <c r="NKD1017" s="10"/>
      <c r="NKE1017" s="10"/>
      <c r="NKF1017" s="10"/>
      <c r="NKG1017" s="10"/>
      <c r="NKH1017" s="10"/>
      <c r="NKI1017" s="10"/>
      <c r="NKJ1017" s="10"/>
      <c r="NKK1017" s="10"/>
      <c r="NKL1017" s="10"/>
      <c r="NKM1017" s="10"/>
      <c r="NKN1017" s="10"/>
      <c r="NKO1017" s="10"/>
      <c r="NKP1017" s="10"/>
      <c r="NKQ1017" s="10"/>
      <c r="NKR1017" s="10"/>
      <c r="NKS1017" s="10"/>
      <c r="NKT1017" s="10"/>
      <c r="NKU1017" s="10"/>
      <c r="NKV1017" s="10"/>
      <c r="NKW1017" s="10"/>
      <c r="NKX1017" s="10"/>
      <c r="NKY1017" s="10"/>
      <c r="NKZ1017" s="10"/>
      <c r="NLA1017" s="10"/>
      <c r="NLB1017" s="10"/>
      <c r="NLC1017" s="10"/>
      <c r="NLD1017" s="10"/>
      <c r="NLE1017" s="10"/>
      <c r="NLF1017" s="10"/>
      <c r="NLG1017" s="10"/>
      <c r="NLH1017" s="10"/>
      <c r="NLI1017" s="10"/>
      <c r="NLJ1017" s="10"/>
      <c r="NLK1017" s="10"/>
      <c r="NLL1017" s="10"/>
      <c r="NLM1017" s="10"/>
      <c r="NLN1017" s="10"/>
      <c r="NLO1017" s="10"/>
      <c r="NLP1017" s="10"/>
      <c r="NLQ1017" s="10"/>
      <c r="NLR1017" s="10"/>
      <c r="NLS1017" s="10"/>
      <c r="NLT1017" s="10"/>
      <c r="NLU1017" s="10"/>
      <c r="NLV1017" s="10"/>
      <c r="NLW1017" s="10"/>
      <c r="NLX1017" s="10"/>
      <c r="NLY1017" s="10"/>
      <c r="NLZ1017" s="10"/>
      <c r="NMA1017" s="10"/>
      <c r="NMB1017" s="10"/>
      <c r="NMC1017" s="10"/>
      <c r="NMD1017" s="10"/>
      <c r="NME1017" s="10"/>
      <c r="NMF1017" s="10"/>
      <c r="NMG1017" s="10"/>
      <c r="NMH1017" s="10"/>
      <c r="NMI1017" s="10"/>
      <c r="NMJ1017" s="10"/>
      <c r="NMK1017" s="10"/>
      <c r="NML1017" s="10"/>
      <c r="NMM1017" s="10"/>
      <c r="NMN1017" s="10"/>
      <c r="NMO1017" s="10"/>
      <c r="NMP1017" s="10"/>
      <c r="NMQ1017" s="10"/>
      <c r="NMR1017" s="10"/>
      <c r="NMS1017" s="10"/>
      <c r="NMT1017" s="10"/>
      <c r="NMU1017" s="10"/>
      <c r="NMV1017" s="10"/>
      <c r="NMW1017" s="10"/>
      <c r="NMX1017" s="10"/>
      <c r="NMY1017" s="10"/>
      <c r="NMZ1017" s="10"/>
      <c r="NNA1017" s="10"/>
      <c r="NNB1017" s="10"/>
      <c r="NNC1017" s="10"/>
      <c r="NND1017" s="10"/>
      <c r="NNE1017" s="10"/>
      <c r="NNF1017" s="10"/>
      <c r="NNG1017" s="10"/>
      <c r="NNH1017" s="10"/>
      <c r="NNI1017" s="10"/>
      <c r="NNJ1017" s="10"/>
      <c r="NNK1017" s="10"/>
      <c r="NNL1017" s="10"/>
      <c r="NNM1017" s="10"/>
      <c r="NNN1017" s="10"/>
      <c r="NNO1017" s="10"/>
      <c r="NNP1017" s="10"/>
      <c r="NNQ1017" s="10"/>
      <c r="NNR1017" s="10"/>
      <c r="NNS1017" s="10"/>
      <c r="NNT1017" s="10"/>
      <c r="NNU1017" s="10"/>
      <c r="NNV1017" s="10"/>
      <c r="NNW1017" s="10"/>
      <c r="NNX1017" s="10"/>
      <c r="NNY1017" s="10"/>
      <c r="NNZ1017" s="10"/>
      <c r="NOA1017" s="10"/>
      <c r="NOB1017" s="10"/>
      <c r="NOC1017" s="10"/>
      <c r="NOD1017" s="10"/>
      <c r="NOE1017" s="10"/>
      <c r="NOF1017" s="10"/>
      <c r="NOG1017" s="10"/>
      <c r="NOH1017" s="10"/>
      <c r="NOI1017" s="10"/>
      <c r="NOJ1017" s="10"/>
      <c r="NOK1017" s="10"/>
      <c r="NOL1017" s="10"/>
      <c r="NOM1017" s="10"/>
      <c r="NON1017" s="10"/>
      <c r="NOO1017" s="10"/>
      <c r="NOP1017" s="10"/>
      <c r="NOQ1017" s="10"/>
      <c r="NOR1017" s="10"/>
      <c r="NOS1017" s="10"/>
      <c r="NOT1017" s="10"/>
      <c r="NOU1017" s="10"/>
      <c r="NOV1017" s="10"/>
      <c r="NOW1017" s="10"/>
      <c r="NOX1017" s="10"/>
      <c r="NOY1017" s="10"/>
      <c r="NOZ1017" s="10"/>
      <c r="NPA1017" s="10"/>
      <c r="NPB1017" s="10"/>
      <c r="NPC1017" s="10"/>
      <c r="NPD1017" s="10"/>
      <c r="NPE1017" s="10"/>
      <c r="NPF1017" s="10"/>
      <c r="NPG1017" s="10"/>
      <c r="NPH1017" s="10"/>
      <c r="NPI1017" s="10"/>
      <c r="NPJ1017" s="10"/>
      <c r="NPK1017" s="10"/>
      <c r="NPL1017" s="10"/>
      <c r="NPM1017" s="10"/>
      <c r="NPN1017" s="10"/>
      <c r="NPO1017" s="10"/>
      <c r="NPP1017" s="10"/>
      <c r="NPQ1017" s="10"/>
      <c r="NPR1017" s="10"/>
      <c r="NPS1017" s="10"/>
      <c r="NPT1017" s="10"/>
      <c r="NPU1017" s="10"/>
      <c r="NPV1017" s="10"/>
      <c r="NPW1017" s="10"/>
      <c r="NPX1017" s="10"/>
      <c r="NPY1017" s="10"/>
      <c r="NPZ1017" s="10"/>
      <c r="NQA1017" s="10"/>
      <c r="NQB1017" s="10"/>
      <c r="NQC1017" s="10"/>
      <c r="NQD1017" s="10"/>
      <c r="NQE1017" s="10"/>
      <c r="NQF1017" s="10"/>
      <c r="NQG1017" s="10"/>
      <c r="NQH1017" s="10"/>
      <c r="NQI1017" s="10"/>
      <c r="NQJ1017" s="10"/>
      <c r="NQK1017" s="10"/>
      <c r="NQL1017" s="10"/>
      <c r="NQM1017" s="10"/>
      <c r="NQN1017" s="10"/>
      <c r="NQO1017" s="10"/>
      <c r="NQP1017" s="10"/>
      <c r="NQQ1017" s="10"/>
      <c r="NQR1017" s="10"/>
      <c r="NQS1017" s="10"/>
      <c r="NQT1017" s="10"/>
      <c r="NQU1017" s="10"/>
      <c r="NQV1017" s="10"/>
      <c r="NQW1017" s="10"/>
      <c r="NQX1017" s="10"/>
      <c r="NQY1017" s="10"/>
      <c r="NQZ1017" s="10"/>
      <c r="NRA1017" s="10"/>
      <c r="NRB1017" s="10"/>
      <c r="NRC1017" s="10"/>
      <c r="NRD1017" s="10"/>
      <c r="NRE1017" s="10"/>
      <c r="NRF1017" s="10"/>
      <c r="NRG1017" s="10"/>
      <c r="NRH1017" s="10"/>
      <c r="NRI1017" s="10"/>
      <c r="NRJ1017" s="10"/>
      <c r="NRK1017" s="10"/>
      <c r="NRL1017" s="10"/>
      <c r="NRM1017" s="10"/>
      <c r="NRN1017" s="10"/>
      <c r="NRO1017" s="10"/>
      <c r="NRP1017" s="10"/>
      <c r="NRQ1017" s="10"/>
      <c r="NRR1017" s="10"/>
      <c r="NRS1017" s="10"/>
      <c r="NRT1017" s="10"/>
      <c r="NRU1017" s="10"/>
      <c r="NRV1017" s="10"/>
      <c r="NRW1017" s="10"/>
      <c r="NRX1017" s="10"/>
      <c r="NRY1017" s="10"/>
      <c r="NRZ1017" s="10"/>
      <c r="NSA1017" s="10"/>
      <c r="NSB1017" s="10"/>
      <c r="NSC1017" s="10"/>
      <c r="NSD1017" s="10"/>
      <c r="NSE1017" s="10"/>
      <c r="NSF1017" s="10"/>
      <c r="NSG1017" s="10"/>
      <c r="NSH1017" s="10"/>
      <c r="NSI1017" s="10"/>
      <c r="NSJ1017" s="10"/>
      <c r="NSK1017" s="10"/>
      <c r="NSL1017" s="10"/>
      <c r="NSM1017" s="10"/>
      <c r="NSN1017" s="10"/>
      <c r="NSO1017" s="10"/>
      <c r="NSP1017" s="10"/>
      <c r="NSQ1017" s="10"/>
      <c r="NSR1017" s="10"/>
      <c r="NSS1017" s="10"/>
      <c r="NST1017" s="10"/>
      <c r="NSU1017" s="10"/>
      <c r="NSV1017" s="10"/>
      <c r="NSW1017" s="10"/>
      <c r="NSX1017" s="10"/>
      <c r="NSY1017" s="10"/>
      <c r="NSZ1017" s="10"/>
      <c r="NTA1017" s="10"/>
      <c r="NTB1017" s="10"/>
      <c r="NTC1017" s="10"/>
      <c r="NTD1017" s="10"/>
      <c r="NTE1017" s="10"/>
      <c r="NTF1017" s="10"/>
      <c r="NTG1017" s="10"/>
      <c r="NTH1017" s="10"/>
      <c r="NTI1017" s="10"/>
      <c r="NTJ1017" s="10"/>
      <c r="NTK1017" s="10"/>
      <c r="NTL1017" s="10"/>
      <c r="NTM1017" s="10"/>
      <c r="NTN1017" s="10"/>
      <c r="NTO1017" s="10"/>
      <c r="NTP1017" s="10"/>
      <c r="NTQ1017" s="10"/>
      <c r="NTR1017" s="10"/>
      <c r="NTS1017" s="10"/>
      <c r="NTT1017" s="10"/>
      <c r="NTU1017" s="10"/>
      <c r="NTV1017" s="10"/>
      <c r="NTW1017" s="10"/>
      <c r="NTX1017" s="10"/>
      <c r="NTY1017" s="10"/>
      <c r="NTZ1017" s="10"/>
      <c r="NUA1017" s="10"/>
      <c r="NUB1017" s="10"/>
      <c r="NUC1017" s="10"/>
      <c r="NUD1017" s="10"/>
      <c r="NUE1017" s="10"/>
      <c r="NUF1017" s="10"/>
      <c r="NUG1017" s="10"/>
      <c r="NUH1017" s="10"/>
      <c r="NUI1017" s="10"/>
      <c r="NUJ1017" s="10"/>
      <c r="NUK1017" s="10"/>
      <c r="NUL1017" s="10"/>
      <c r="NUM1017" s="10"/>
      <c r="NUN1017" s="10"/>
      <c r="NUO1017" s="10"/>
      <c r="NUP1017" s="10"/>
      <c r="NUQ1017" s="10"/>
      <c r="NUR1017" s="10"/>
      <c r="NUS1017" s="10"/>
      <c r="NUT1017" s="10"/>
      <c r="NUU1017" s="10"/>
      <c r="NUV1017" s="10"/>
      <c r="NUW1017" s="10"/>
      <c r="NUX1017" s="10"/>
      <c r="NUY1017" s="10"/>
      <c r="NUZ1017" s="10"/>
      <c r="NVA1017" s="10"/>
      <c r="NVB1017" s="10"/>
      <c r="NVC1017" s="10"/>
      <c r="NVD1017" s="10"/>
      <c r="NVE1017" s="10"/>
      <c r="NVF1017" s="10"/>
      <c r="NVG1017" s="10"/>
      <c r="NVH1017" s="10"/>
      <c r="NVI1017" s="10"/>
      <c r="NVJ1017" s="10"/>
      <c r="NVK1017" s="10"/>
      <c r="NVL1017" s="10"/>
      <c r="NVM1017" s="10"/>
      <c r="NVN1017" s="10"/>
      <c r="NVO1017" s="10"/>
      <c r="NVP1017" s="10"/>
      <c r="NVQ1017" s="10"/>
      <c r="NVR1017" s="10"/>
      <c r="NVS1017" s="10"/>
      <c r="NVT1017" s="10"/>
      <c r="NVU1017" s="10"/>
      <c r="NVV1017" s="10"/>
      <c r="NVW1017" s="10"/>
      <c r="NVX1017" s="10"/>
      <c r="NVY1017" s="10"/>
      <c r="NVZ1017" s="10"/>
      <c r="NWA1017" s="10"/>
      <c r="NWB1017" s="10"/>
      <c r="NWC1017" s="10"/>
      <c r="NWD1017" s="10"/>
      <c r="NWE1017" s="10"/>
      <c r="NWF1017" s="10"/>
      <c r="NWG1017" s="10"/>
      <c r="NWH1017" s="10"/>
      <c r="NWI1017" s="10"/>
      <c r="NWJ1017" s="10"/>
      <c r="NWK1017" s="10"/>
      <c r="NWL1017" s="10"/>
      <c r="NWM1017" s="10"/>
      <c r="NWN1017" s="10"/>
      <c r="NWO1017" s="10"/>
      <c r="NWP1017" s="10"/>
      <c r="NWQ1017" s="10"/>
      <c r="NWR1017" s="10"/>
      <c r="NWS1017" s="10"/>
      <c r="NWT1017" s="10"/>
      <c r="NWU1017" s="10"/>
      <c r="NWV1017" s="10"/>
      <c r="NWW1017" s="10"/>
      <c r="NWX1017" s="10"/>
      <c r="NWY1017" s="10"/>
      <c r="NWZ1017" s="10"/>
      <c r="NXA1017" s="10"/>
      <c r="NXB1017" s="10"/>
      <c r="NXC1017" s="10"/>
      <c r="NXD1017" s="10"/>
      <c r="NXE1017" s="10"/>
      <c r="NXF1017" s="10"/>
      <c r="NXG1017" s="10"/>
      <c r="NXH1017" s="10"/>
      <c r="NXI1017" s="10"/>
      <c r="NXJ1017" s="10"/>
      <c r="NXK1017" s="10"/>
      <c r="NXL1017" s="10"/>
      <c r="NXM1017" s="10"/>
      <c r="NXN1017" s="10"/>
      <c r="NXO1017" s="10"/>
      <c r="NXP1017" s="10"/>
      <c r="NXQ1017" s="10"/>
      <c r="NXR1017" s="10"/>
      <c r="NXS1017" s="10"/>
      <c r="NXT1017" s="10"/>
      <c r="NXU1017" s="10"/>
      <c r="NXV1017" s="10"/>
      <c r="NXW1017" s="10"/>
      <c r="NXX1017" s="10"/>
      <c r="NXY1017" s="10"/>
      <c r="NXZ1017" s="10"/>
      <c r="NYA1017" s="10"/>
      <c r="NYB1017" s="10"/>
      <c r="NYC1017" s="10"/>
      <c r="NYD1017" s="10"/>
      <c r="NYE1017" s="10"/>
      <c r="NYF1017" s="10"/>
      <c r="NYG1017" s="10"/>
      <c r="NYH1017" s="10"/>
      <c r="NYI1017" s="10"/>
      <c r="NYJ1017" s="10"/>
      <c r="NYK1017" s="10"/>
      <c r="NYL1017" s="10"/>
      <c r="NYM1017" s="10"/>
      <c r="NYN1017" s="10"/>
      <c r="NYO1017" s="10"/>
      <c r="NYP1017" s="10"/>
      <c r="NYQ1017" s="10"/>
      <c r="NYR1017" s="10"/>
      <c r="NYS1017" s="10"/>
      <c r="NYT1017" s="10"/>
      <c r="NYU1017" s="10"/>
      <c r="NYV1017" s="10"/>
      <c r="NYW1017" s="10"/>
      <c r="NYX1017" s="10"/>
      <c r="NYY1017" s="10"/>
      <c r="NYZ1017" s="10"/>
      <c r="NZA1017" s="10"/>
      <c r="NZB1017" s="10"/>
      <c r="NZC1017" s="10"/>
      <c r="NZD1017" s="10"/>
      <c r="NZE1017" s="10"/>
      <c r="NZF1017" s="10"/>
      <c r="NZG1017" s="10"/>
      <c r="NZH1017" s="10"/>
      <c r="NZI1017" s="10"/>
      <c r="NZJ1017" s="10"/>
      <c r="NZK1017" s="10"/>
      <c r="NZL1017" s="10"/>
      <c r="NZM1017" s="10"/>
      <c r="NZN1017" s="10"/>
      <c r="NZO1017" s="10"/>
      <c r="NZP1017" s="10"/>
      <c r="NZQ1017" s="10"/>
      <c r="NZR1017" s="10"/>
      <c r="NZS1017" s="10"/>
      <c r="NZT1017" s="10"/>
      <c r="NZU1017" s="10"/>
      <c r="NZV1017" s="10"/>
      <c r="NZW1017" s="10"/>
      <c r="NZX1017" s="10"/>
      <c r="NZY1017" s="10"/>
      <c r="NZZ1017" s="10"/>
      <c r="OAA1017" s="10"/>
      <c r="OAB1017" s="10"/>
      <c r="OAC1017" s="10"/>
      <c r="OAD1017" s="10"/>
      <c r="OAE1017" s="10"/>
      <c r="OAF1017" s="10"/>
      <c r="OAG1017" s="10"/>
      <c r="OAH1017" s="10"/>
      <c r="OAI1017" s="10"/>
      <c r="OAJ1017" s="10"/>
      <c r="OAK1017" s="10"/>
      <c r="OAL1017" s="10"/>
      <c r="OAM1017" s="10"/>
      <c r="OAN1017" s="10"/>
      <c r="OAO1017" s="10"/>
      <c r="OAP1017" s="10"/>
      <c r="OAQ1017" s="10"/>
      <c r="OAR1017" s="10"/>
      <c r="OAS1017" s="10"/>
      <c r="OAT1017" s="10"/>
      <c r="OAU1017" s="10"/>
      <c r="OAV1017" s="10"/>
      <c r="OAW1017" s="10"/>
      <c r="OAX1017" s="10"/>
      <c r="OAY1017" s="10"/>
      <c r="OAZ1017" s="10"/>
      <c r="OBA1017" s="10"/>
      <c r="OBB1017" s="10"/>
      <c r="OBC1017" s="10"/>
      <c r="OBD1017" s="10"/>
      <c r="OBE1017" s="10"/>
      <c r="OBF1017" s="10"/>
      <c r="OBG1017" s="10"/>
      <c r="OBH1017" s="10"/>
      <c r="OBI1017" s="10"/>
      <c r="OBJ1017" s="10"/>
      <c r="OBK1017" s="10"/>
      <c r="OBL1017" s="10"/>
      <c r="OBM1017" s="10"/>
      <c r="OBN1017" s="10"/>
      <c r="OBO1017" s="10"/>
      <c r="OBP1017" s="10"/>
      <c r="OBQ1017" s="10"/>
      <c r="OBR1017" s="10"/>
      <c r="OBS1017" s="10"/>
      <c r="OBT1017" s="10"/>
      <c r="OBU1017" s="10"/>
      <c r="OBV1017" s="10"/>
      <c r="OBW1017" s="10"/>
      <c r="OBX1017" s="10"/>
      <c r="OBY1017" s="10"/>
      <c r="OBZ1017" s="10"/>
      <c r="OCA1017" s="10"/>
      <c r="OCB1017" s="10"/>
      <c r="OCC1017" s="10"/>
      <c r="OCD1017" s="10"/>
      <c r="OCE1017" s="10"/>
      <c r="OCF1017" s="10"/>
      <c r="OCG1017" s="10"/>
      <c r="OCH1017" s="10"/>
      <c r="OCI1017" s="10"/>
      <c r="OCJ1017" s="10"/>
      <c r="OCK1017" s="10"/>
      <c r="OCL1017" s="10"/>
      <c r="OCM1017" s="10"/>
      <c r="OCN1017" s="10"/>
      <c r="OCO1017" s="10"/>
      <c r="OCP1017" s="10"/>
      <c r="OCQ1017" s="10"/>
      <c r="OCR1017" s="10"/>
      <c r="OCS1017" s="10"/>
      <c r="OCT1017" s="10"/>
      <c r="OCU1017" s="10"/>
      <c r="OCV1017" s="10"/>
      <c r="OCW1017" s="10"/>
      <c r="OCX1017" s="10"/>
      <c r="OCY1017" s="10"/>
      <c r="OCZ1017" s="10"/>
      <c r="ODA1017" s="10"/>
      <c r="ODB1017" s="10"/>
      <c r="ODC1017" s="10"/>
      <c r="ODD1017" s="10"/>
      <c r="ODE1017" s="10"/>
      <c r="ODF1017" s="10"/>
      <c r="ODG1017" s="10"/>
      <c r="ODH1017" s="10"/>
      <c r="ODI1017" s="10"/>
      <c r="ODJ1017" s="10"/>
      <c r="ODK1017" s="10"/>
      <c r="ODL1017" s="10"/>
      <c r="ODM1017" s="10"/>
      <c r="ODN1017" s="10"/>
      <c r="ODO1017" s="10"/>
      <c r="ODP1017" s="10"/>
      <c r="ODQ1017" s="10"/>
      <c r="ODR1017" s="10"/>
      <c r="ODS1017" s="10"/>
      <c r="ODT1017" s="10"/>
      <c r="ODU1017" s="10"/>
      <c r="ODV1017" s="10"/>
      <c r="ODW1017" s="10"/>
      <c r="ODX1017" s="10"/>
      <c r="ODY1017" s="10"/>
      <c r="ODZ1017" s="10"/>
      <c r="OEA1017" s="10"/>
      <c r="OEB1017" s="10"/>
      <c r="OEC1017" s="10"/>
      <c r="OED1017" s="10"/>
      <c r="OEE1017" s="10"/>
      <c r="OEF1017" s="10"/>
      <c r="OEG1017" s="10"/>
      <c r="OEH1017" s="10"/>
      <c r="OEI1017" s="10"/>
      <c r="OEJ1017" s="10"/>
      <c r="OEK1017" s="10"/>
      <c r="OEL1017" s="10"/>
      <c r="OEM1017" s="10"/>
      <c r="OEN1017" s="10"/>
      <c r="OEO1017" s="10"/>
      <c r="OEP1017" s="10"/>
      <c r="OEQ1017" s="10"/>
      <c r="OER1017" s="10"/>
      <c r="OES1017" s="10"/>
      <c r="OET1017" s="10"/>
      <c r="OEU1017" s="10"/>
      <c r="OEV1017" s="10"/>
      <c r="OEW1017" s="10"/>
      <c r="OEX1017" s="10"/>
      <c r="OEY1017" s="10"/>
      <c r="OEZ1017" s="10"/>
      <c r="OFA1017" s="10"/>
      <c r="OFB1017" s="10"/>
      <c r="OFC1017" s="10"/>
      <c r="OFD1017" s="10"/>
      <c r="OFE1017" s="10"/>
      <c r="OFF1017" s="10"/>
      <c r="OFG1017" s="10"/>
      <c r="OFH1017" s="10"/>
      <c r="OFI1017" s="10"/>
      <c r="OFJ1017" s="10"/>
      <c r="OFK1017" s="10"/>
      <c r="OFL1017" s="10"/>
      <c r="OFM1017" s="10"/>
      <c r="OFN1017" s="10"/>
      <c r="OFO1017" s="10"/>
      <c r="OFP1017" s="10"/>
      <c r="OFQ1017" s="10"/>
      <c r="OFR1017" s="10"/>
      <c r="OFS1017" s="10"/>
      <c r="OFT1017" s="10"/>
      <c r="OFU1017" s="10"/>
      <c r="OFV1017" s="10"/>
      <c r="OFW1017" s="10"/>
      <c r="OFX1017" s="10"/>
      <c r="OFY1017" s="10"/>
      <c r="OFZ1017" s="10"/>
      <c r="OGA1017" s="10"/>
      <c r="OGB1017" s="10"/>
      <c r="OGC1017" s="10"/>
      <c r="OGD1017" s="10"/>
      <c r="OGE1017" s="10"/>
      <c r="OGF1017" s="10"/>
      <c r="OGG1017" s="10"/>
      <c r="OGH1017" s="10"/>
      <c r="OGI1017" s="10"/>
      <c r="OGJ1017" s="10"/>
      <c r="OGK1017" s="10"/>
      <c r="OGL1017" s="10"/>
      <c r="OGM1017" s="10"/>
      <c r="OGN1017" s="10"/>
      <c r="OGO1017" s="10"/>
      <c r="OGP1017" s="10"/>
      <c r="OGQ1017" s="10"/>
      <c r="OGR1017" s="10"/>
      <c r="OGS1017" s="10"/>
      <c r="OGT1017" s="10"/>
      <c r="OGU1017" s="10"/>
      <c r="OGV1017" s="10"/>
      <c r="OGW1017" s="10"/>
      <c r="OGX1017" s="10"/>
      <c r="OGY1017" s="10"/>
      <c r="OGZ1017" s="10"/>
      <c r="OHA1017" s="10"/>
      <c r="OHB1017" s="10"/>
      <c r="OHC1017" s="10"/>
      <c r="OHD1017" s="10"/>
      <c r="OHE1017" s="10"/>
      <c r="OHF1017" s="10"/>
      <c r="OHG1017" s="10"/>
      <c r="OHH1017" s="10"/>
      <c r="OHI1017" s="10"/>
      <c r="OHJ1017" s="10"/>
      <c r="OHK1017" s="10"/>
      <c r="OHL1017" s="10"/>
      <c r="OHM1017" s="10"/>
      <c r="OHN1017" s="10"/>
      <c r="OHO1017" s="10"/>
      <c r="OHP1017" s="10"/>
      <c r="OHQ1017" s="10"/>
      <c r="OHR1017" s="10"/>
      <c r="OHS1017" s="10"/>
      <c r="OHT1017" s="10"/>
      <c r="OHU1017" s="10"/>
      <c r="OHV1017" s="10"/>
      <c r="OHW1017" s="10"/>
      <c r="OHX1017" s="10"/>
      <c r="OHY1017" s="10"/>
      <c r="OHZ1017" s="10"/>
      <c r="OIA1017" s="10"/>
      <c r="OIB1017" s="10"/>
      <c r="OIC1017" s="10"/>
      <c r="OID1017" s="10"/>
      <c r="OIE1017" s="10"/>
      <c r="OIF1017" s="10"/>
      <c r="OIG1017" s="10"/>
      <c r="OIH1017" s="10"/>
      <c r="OII1017" s="10"/>
      <c r="OIJ1017" s="10"/>
      <c r="OIK1017" s="10"/>
      <c r="OIL1017" s="10"/>
      <c r="OIM1017" s="10"/>
      <c r="OIN1017" s="10"/>
      <c r="OIO1017" s="10"/>
      <c r="OIP1017" s="10"/>
      <c r="OIQ1017" s="10"/>
      <c r="OIR1017" s="10"/>
      <c r="OIS1017" s="10"/>
      <c r="OIT1017" s="10"/>
      <c r="OIU1017" s="10"/>
      <c r="OIV1017" s="10"/>
      <c r="OIW1017" s="10"/>
      <c r="OIX1017" s="10"/>
      <c r="OIY1017" s="10"/>
      <c r="OIZ1017" s="10"/>
      <c r="OJA1017" s="10"/>
      <c r="OJB1017" s="10"/>
      <c r="OJC1017" s="10"/>
      <c r="OJD1017" s="10"/>
      <c r="OJE1017" s="10"/>
      <c r="OJF1017" s="10"/>
      <c r="OJG1017" s="10"/>
      <c r="OJH1017" s="10"/>
      <c r="OJI1017" s="10"/>
      <c r="OJJ1017" s="10"/>
      <c r="OJK1017" s="10"/>
      <c r="OJL1017" s="10"/>
      <c r="OJM1017" s="10"/>
      <c r="OJN1017" s="10"/>
      <c r="OJO1017" s="10"/>
      <c r="OJP1017" s="10"/>
      <c r="OJQ1017" s="10"/>
      <c r="OJR1017" s="10"/>
      <c r="OJS1017" s="10"/>
      <c r="OJT1017" s="10"/>
      <c r="OJU1017" s="10"/>
      <c r="OJV1017" s="10"/>
      <c r="OJW1017" s="10"/>
      <c r="OJX1017" s="10"/>
      <c r="OJY1017" s="10"/>
      <c r="OJZ1017" s="10"/>
      <c r="OKA1017" s="10"/>
      <c r="OKB1017" s="10"/>
      <c r="OKC1017" s="10"/>
      <c r="OKD1017" s="10"/>
      <c r="OKE1017" s="10"/>
      <c r="OKF1017" s="10"/>
      <c r="OKG1017" s="10"/>
      <c r="OKH1017" s="10"/>
      <c r="OKI1017" s="10"/>
      <c r="OKJ1017" s="10"/>
      <c r="OKK1017" s="10"/>
      <c r="OKL1017" s="10"/>
      <c r="OKM1017" s="10"/>
      <c r="OKN1017" s="10"/>
      <c r="OKO1017" s="10"/>
      <c r="OKP1017" s="10"/>
      <c r="OKQ1017" s="10"/>
      <c r="OKR1017" s="10"/>
      <c r="OKS1017" s="10"/>
      <c r="OKT1017" s="10"/>
      <c r="OKU1017" s="10"/>
      <c r="OKV1017" s="10"/>
      <c r="OKW1017" s="10"/>
      <c r="OKX1017" s="10"/>
      <c r="OKY1017" s="10"/>
      <c r="OKZ1017" s="10"/>
      <c r="OLA1017" s="10"/>
      <c r="OLB1017" s="10"/>
      <c r="OLC1017" s="10"/>
      <c r="OLD1017" s="10"/>
      <c r="OLE1017" s="10"/>
      <c r="OLF1017" s="10"/>
      <c r="OLG1017" s="10"/>
      <c r="OLH1017" s="10"/>
      <c r="OLI1017" s="10"/>
      <c r="OLJ1017" s="10"/>
      <c r="OLK1017" s="10"/>
      <c r="OLL1017" s="10"/>
      <c r="OLM1017" s="10"/>
      <c r="OLN1017" s="10"/>
      <c r="OLO1017" s="10"/>
      <c r="OLP1017" s="10"/>
      <c r="OLQ1017" s="10"/>
      <c r="OLR1017" s="10"/>
      <c r="OLS1017" s="10"/>
      <c r="OLT1017" s="10"/>
      <c r="OLU1017" s="10"/>
      <c r="OLV1017" s="10"/>
      <c r="OLW1017" s="10"/>
      <c r="OLX1017" s="10"/>
      <c r="OLY1017" s="10"/>
      <c r="OLZ1017" s="10"/>
      <c r="OMA1017" s="10"/>
      <c r="OMB1017" s="10"/>
      <c r="OMC1017" s="10"/>
      <c r="OMD1017" s="10"/>
      <c r="OME1017" s="10"/>
      <c r="OMF1017" s="10"/>
      <c r="OMG1017" s="10"/>
      <c r="OMH1017" s="10"/>
      <c r="OMI1017" s="10"/>
      <c r="OMJ1017" s="10"/>
      <c r="OMK1017" s="10"/>
      <c r="OML1017" s="10"/>
      <c r="OMM1017" s="10"/>
      <c r="OMN1017" s="10"/>
      <c r="OMO1017" s="10"/>
      <c r="OMP1017" s="10"/>
      <c r="OMQ1017" s="10"/>
      <c r="OMR1017" s="10"/>
      <c r="OMS1017" s="10"/>
      <c r="OMT1017" s="10"/>
      <c r="OMU1017" s="10"/>
      <c r="OMV1017" s="10"/>
      <c r="OMW1017" s="10"/>
      <c r="OMX1017" s="10"/>
      <c r="OMY1017" s="10"/>
      <c r="OMZ1017" s="10"/>
      <c r="ONA1017" s="10"/>
      <c r="ONB1017" s="10"/>
      <c r="ONC1017" s="10"/>
      <c r="OND1017" s="10"/>
      <c r="ONE1017" s="10"/>
      <c r="ONF1017" s="10"/>
      <c r="ONG1017" s="10"/>
      <c r="ONH1017" s="10"/>
      <c r="ONI1017" s="10"/>
      <c r="ONJ1017" s="10"/>
      <c r="ONK1017" s="10"/>
      <c r="ONL1017" s="10"/>
      <c r="ONM1017" s="10"/>
      <c r="ONN1017" s="10"/>
      <c r="ONO1017" s="10"/>
      <c r="ONP1017" s="10"/>
      <c r="ONQ1017" s="10"/>
      <c r="ONR1017" s="10"/>
      <c r="ONS1017" s="10"/>
      <c r="ONT1017" s="10"/>
      <c r="ONU1017" s="10"/>
      <c r="ONV1017" s="10"/>
      <c r="ONW1017" s="10"/>
      <c r="ONX1017" s="10"/>
      <c r="ONY1017" s="10"/>
      <c r="ONZ1017" s="10"/>
      <c r="OOA1017" s="10"/>
      <c r="OOB1017" s="10"/>
      <c r="OOC1017" s="10"/>
      <c r="OOD1017" s="10"/>
      <c r="OOE1017" s="10"/>
      <c r="OOF1017" s="10"/>
      <c r="OOG1017" s="10"/>
      <c r="OOH1017" s="10"/>
      <c r="OOI1017" s="10"/>
      <c r="OOJ1017" s="10"/>
      <c r="OOK1017" s="10"/>
      <c r="OOL1017" s="10"/>
      <c r="OOM1017" s="10"/>
      <c r="OON1017" s="10"/>
      <c r="OOO1017" s="10"/>
      <c r="OOP1017" s="10"/>
      <c r="OOQ1017" s="10"/>
      <c r="OOR1017" s="10"/>
      <c r="OOS1017" s="10"/>
      <c r="OOT1017" s="10"/>
      <c r="OOU1017" s="10"/>
      <c r="OOV1017" s="10"/>
      <c r="OOW1017" s="10"/>
      <c r="OOX1017" s="10"/>
      <c r="OOY1017" s="10"/>
      <c r="OOZ1017" s="10"/>
      <c r="OPA1017" s="10"/>
      <c r="OPB1017" s="10"/>
      <c r="OPC1017" s="10"/>
      <c r="OPD1017" s="10"/>
      <c r="OPE1017" s="10"/>
      <c r="OPF1017" s="10"/>
      <c r="OPG1017" s="10"/>
      <c r="OPH1017" s="10"/>
      <c r="OPI1017" s="10"/>
      <c r="OPJ1017" s="10"/>
      <c r="OPK1017" s="10"/>
      <c r="OPL1017" s="10"/>
      <c r="OPM1017" s="10"/>
      <c r="OPN1017" s="10"/>
      <c r="OPO1017" s="10"/>
      <c r="OPP1017" s="10"/>
      <c r="OPQ1017" s="10"/>
      <c r="OPR1017" s="10"/>
      <c r="OPS1017" s="10"/>
      <c r="OPT1017" s="10"/>
      <c r="OPU1017" s="10"/>
      <c r="OPV1017" s="10"/>
      <c r="OPW1017" s="10"/>
      <c r="OPX1017" s="10"/>
      <c r="OPY1017" s="10"/>
      <c r="OPZ1017" s="10"/>
      <c r="OQA1017" s="10"/>
      <c r="OQB1017" s="10"/>
      <c r="OQC1017" s="10"/>
      <c r="OQD1017" s="10"/>
      <c r="OQE1017" s="10"/>
      <c r="OQF1017" s="10"/>
      <c r="OQG1017" s="10"/>
      <c r="OQH1017" s="10"/>
      <c r="OQI1017" s="10"/>
      <c r="OQJ1017" s="10"/>
      <c r="OQK1017" s="10"/>
      <c r="OQL1017" s="10"/>
      <c r="OQM1017" s="10"/>
      <c r="OQN1017" s="10"/>
      <c r="OQO1017" s="10"/>
      <c r="OQP1017" s="10"/>
      <c r="OQQ1017" s="10"/>
      <c r="OQR1017" s="10"/>
      <c r="OQS1017" s="10"/>
      <c r="OQT1017" s="10"/>
      <c r="OQU1017" s="10"/>
      <c r="OQV1017" s="10"/>
      <c r="OQW1017" s="10"/>
      <c r="OQX1017" s="10"/>
      <c r="OQY1017" s="10"/>
      <c r="OQZ1017" s="10"/>
      <c r="ORA1017" s="10"/>
      <c r="ORB1017" s="10"/>
      <c r="ORC1017" s="10"/>
      <c r="ORD1017" s="10"/>
      <c r="ORE1017" s="10"/>
      <c r="ORF1017" s="10"/>
      <c r="ORG1017" s="10"/>
      <c r="ORH1017" s="10"/>
      <c r="ORI1017" s="10"/>
      <c r="ORJ1017" s="10"/>
      <c r="ORK1017" s="10"/>
      <c r="ORL1017" s="10"/>
      <c r="ORM1017" s="10"/>
      <c r="ORN1017" s="10"/>
      <c r="ORO1017" s="10"/>
      <c r="ORP1017" s="10"/>
      <c r="ORQ1017" s="10"/>
      <c r="ORR1017" s="10"/>
      <c r="ORS1017" s="10"/>
      <c r="ORT1017" s="10"/>
      <c r="ORU1017" s="10"/>
      <c r="ORV1017" s="10"/>
      <c r="ORW1017" s="10"/>
      <c r="ORX1017" s="10"/>
      <c r="ORY1017" s="10"/>
      <c r="ORZ1017" s="10"/>
      <c r="OSA1017" s="10"/>
      <c r="OSB1017" s="10"/>
      <c r="OSC1017" s="10"/>
      <c r="OSD1017" s="10"/>
      <c r="OSE1017" s="10"/>
      <c r="OSF1017" s="10"/>
      <c r="OSG1017" s="10"/>
      <c r="OSH1017" s="10"/>
      <c r="OSI1017" s="10"/>
      <c r="OSJ1017" s="10"/>
      <c r="OSK1017" s="10"/>
      <c r="OSL1017" s="10"/>
      <c r="OSM1017" s="10"/>
      <c r="OSN1017" s="10"/>
      <c r="OSO1017" s="10"/>
      <c r="OSP1017" s="10"/>
      <c r="OSQ1017" s="10"/>
      <c r="OSR1017" s="10"/>
      <c r="OSS1017" s="10"/>
      <c r="OST1017" s="10"/>
      <c r="OSU1017" s="10"/>
      <c r="OSV1017" s="10"/>
      <c r="OSW1017" s="10"/>
      <c r="OSX1017" s="10"/>
      <c r="OSY1017" s="10"/>
      <c r="OSZ1017" s="10"/>
      <c r="OTA1017" s="10"/>
      <c r="OTB1017" s="10"/>
      <c r="OTC1017" s="10"/>
      <c r="OTD1017" s="10"/>
      <c r="OTE1017" s="10"/>
      <c r="OTF1017" s="10"/>
      <c r="OTG1017" s="10"/>
      <c r="OTH1017" s="10"/>
      <c r="OTI1017" s="10"/>
      <c r="OTJ1017" s="10"/>
      <c r="OTK1017" s="10"/>
      <c r="OTL1017" s="10"/>
      <c r="OTM1017" s="10"/>
      <c r="OTN1017" s="10"/>
      <c r="OTO1017" s="10"/>
      <c r="OTP1017" s="10"/>
      <c r="OTQ1017" s="10"/>
      <c r="OTR1017" s="10"/>
      <c r="OTS1017" s="10"/>
      <c r="OTT1017" s="10"/>
      <c r="OTU1017" s="10"/>
      <c r="OTV1017" s="10"/>
      <c r="OTW1017" s="10"/>
      <c r="OTX1017" s="10"/>
      <c r="OTY1017" s="10"/>
      <c r="OTZ1017" s="10"/>
      <c r="OUA1017" s="10"/>
      <c r="OUB1017" s="10"/>
      <c r="OUC1017" s="10"/>
      <c r="OUD1017" s="10"/>
      <c r="OUE1017" s="10"/>
      <c r="OUF1017" s="10"/>
      <c r="OUG1017" s="10"/>
      <c r="OUH1017" s="10"/>
      <c r="OUI1017" s="10"/>
      <c r="OUJ1017" s="10"/>
      <c r="OUK1017" s="10"/>
      <c r="OUL1017" s="10"/>
      <c r="OUM1017" s="10"/>
      <c r="OUN1017" s="10"/>
      <c r="OUO1017" s="10"/>
      <c r="OUP1017" s="10"/>
      <c r="OUQ1017" s="10"/>
      <c r="OUR1017" s="10"/>
      <c r="OUS1017" s="10"/>
      <c r="OUT1017" s="10"/>
      <c r="OUU1017" s="10"/>
      <c r="OUV1017" s="10"/>
      <c r="OUW1017" s="10"/>
      <c r="OUX1017" s="10"/>
      <c r="OUY1017" s="10"/>
      <c r="OUZ1017" s="10"/>
      <c r="OVA1017" s="10"/>
      <c r="OVB1017" s="10"/>
      <c r="OVC1017" s="10"/>
      <c r="OVD1017" s="10"/>
      <c r="OVE1017" s="10"/>
      <c r="OVF1017" s="10"/>
      <c r="OVG1017" s="10"/>
      <c r="OVH1017" s="10"/>
      <c r="OVI1017" s="10"/>
      <c r="OVJ1017" s="10"/>
      <c r="OVK1017" s="10"/>
      <c r="OVL1017" s="10"/>
      <c r="OVM1017" s="10"/>
      <c r="OVN1017" s="10"/>
      <c r="OVO1017" s="10"/>
      <c r="OVP1017" s="10"/>
      <c r="OVQ1017" s="10"/>
      <c r="OVR1017" s="10"/>
      <c r="OVS1017" s="10"/>
      <c r="OVT1017" s="10"/>
      <c r="OVU1017" s="10"/>
      <c r="OVV1017" s="10"/>
      <c r="OVW1017" s="10"/>
      <c r="OVX1017" s="10"/>
      <c r="OVY1017" s="10"/>
      <c r="OVZ1017" s="10"/>
      <c r="OWA1017" s="10"/>
      <c r="OWB1017" s="10"/>
      <c r="OWC1017" s="10"/>
      <c r="OWD1017" s="10"/>
      <c r="OWE1017" s="10"/>
      <c r="OWF1017" s="10"/>
      <c r="OWG1017" s="10"/>
      <c r="OWH1017" s="10"/>
      <c r="OWI1017" s="10"/>
      <c r="OWJ1017" s="10"/>
      <c r="OWK1017" s="10"/>
      <c r="OWL1017" s="10"/>
      <c r="OWM1017" s="10"/>
      <c r="OWN1017" s="10"/>
      <c r="OWO1017" s="10"/>
      <c r="OWP1017" s="10"/>
      <c r="OWQ1017" s="10"/>
      <c r="OWR1017" s="10"/>
      <c r="OWS1017" s="10"/>
      <c r="OWT1017" s="10"/>
      <c r="OWU1017" s="10"/>
      <c r="OWV1017" s="10"/>
      <c r="OWW1017" s="10"/>
      <c r="OWX1017" s="10"/>
      <c r="OWY1017" s="10"/>
      <c r="OWZ1017" s="10"/>
      <c r="OXA1017" s="10"/>
      <c r="OXB1017" s="10"/>
      <c r="OXC1017" s="10"/>
      <c r="OXD1017" s="10"/>
      <c r="OXE1017" s="10"/>
      <c r="OXF1017" s="10"/>
      <c r="OXG1017" s="10"/>
      <c r="OXH1017" s="10"/>
      <c r="OXI1017" s="10"/>
      <c r="OXJ1017" s="10"/>
      <c r="OXK1017" s="10"/>
      <c r="OXL1017" s="10"/>
      <c r="OXM1017" s="10"/>
      <c r="OXN1017" s="10"/>
      <c r="OXO1017" s="10"/>
      <c r="OXP1017" s="10"/>
      <c r="OXQ1017" s="10"/>
      <c r="OXR1017" s="10"/>
      <c r="OXS1017" s="10"/>
      <c r="OXT1017" s="10"/>
      <c r="OXU1017" s="10"/>
      <c r="OXV1017" s="10"/>
      <c r="OXW1017" s="10"/>
      <c r="OXX1017" s="10"/>
      <c r="OXY1017" s="10"/>
      <c r="OXZ1017" s="10"/>
      <c r="OYA1017" s="10"/>
      <c r="OYB1017" s="10"/>
      <c r="OYC1017" s="10"/>
      <c r="OYD1017" s="10"/>
      <c r="OYE1017" s="10"/>
      <c r="OYF1017" s="10"/>
      <c r="OYG1017" s="10"/>
      <c r="OYH1017" s="10"/>
      <c r="OYI1017" s="10"/>
      <c r="OYJ1017" s="10"/>
      <c r="OYK1017" s="10"/>
      <c r="OYL1017" s="10"/>
      <c r="OYM1017" s="10"/>
      <c r="OYN1017" s="10"/>
      <c r="OYO1017" s="10"/>
      <c r="OYP1017" s="10"/>
      <c r="OYQ1017" s="10"/>
      <c r="OYR1017" s="10"/>
      <c r="OYS1017" s="10"/>
      <c r="OYT1017" s="10"/>
      <c r="OYU1017" s="10"/>
      <c r="OYV1017" s="10"/>
      <c r="OYW1017" s="10"/>
      <c r="OYX1017" s="10"/>
      <c r="OYY1017" s="10"/>
      <c r="OYZ1017" s="10"/>
      <c r="OZA1017" s="10"/>
      <c r="OZB1017" s="10"/>
      <c r="OZC1017" s="10"/>
      <c r="OZD1017" s="10"/>
      <c r="OZE1017" s="10"/>
      <c r="OZF1017" s="10"/>
      <c r="OZG1017" s="10"/>
      <c r="OZH1017" s="10"/>
      <c r="OZI1017" s="10"/>
      <c r="OZJ1017" s="10"/>
      <c r="OZK1017" s="10"/>
      <c r="OZL1017" s="10"/>
      <c r="OZM1017" s="10"/>
      <c r="OZN1017" s="10"/>
      <c r="OZO1017" s="10"/>
      <c r="OZP1017" s="10"/>
      <c r="OZQ1017" s="10"/>
      <c r="OZR1017" s="10"/>
      <c r="OZS1017" s="10"/>
      <c r="OZT1017" s="10"/>
      <c r="OZU1017" s="10"/>
      <c r="OZV1017" s="10"/>
      <c r="OZW1017" s="10"/>
      <c r="OZX1017" s="10"/>
      <c r="OZY1017" s="10"/>
      <c r="OZZ1017" s="10"/>
      <c r="PAA1017" s="10"/>
      <c r="PAB1017" s="10"/>
      <c r="PAC1017" s="10"/>
      <c r="PAD1017" s="10"/>
      <c r="PAE1017" s="10"/>
      <c r="PAF1017" s="10"/>
      <c r="PAG1017" s="10"/>
      <c r="PAH1017" s="10"/>
      <c r="PAI1017" s="10"/>
      <c r="PAJ1017" s="10"/>
      <c r="PAK1017" s="10"/>
      <c r="PAL1017" s="10"/>
      <c r="PAM1017" s="10"/>
      <c r="PAN1017" s="10"/>
      <c r="PAO1017" s="10"/>
      <c r="PAP1017" s="10"/>
      <c r="PAQ1017" s="10"/>
      <c r="PAR1017" s="10"/>
      <c r="PAS1017" s="10"/>
      <c r="PAT1017" s="10"/>
      <c r="PAU1017" s="10"/>
      <c r="PAV1017" s="10"/>
      <c r="PAW1017" s="10"/>
      <c r="PAX1017" s="10"/>
      <c r="PAY1017" s="10"/>
      <c r="PAZ1017" s="10"/>
      <c r="PBA1017" s="10"/>
      <c r="PBB1017" s="10"/>
      <c r="PBC1017" s="10"/>
      <c r="PBD1017" s="10"/>
      <c r="PBE1017" s="10"/>
      <c r="PBF1017" s="10"/>
      <c r="PBG1017" s="10"/>
      <c r="PBH1017" s="10"/>
      <c r="PBI1017" s="10"/>
      <c r="PBJ1017" s="10"/>
      <c r="PBK1017" s="10"/>
      <c r="PBL1017" s="10"/>
      <c r="PBM1017" s="10"/>
      <c r="PBN1017" s="10"/>
      <c r="PBO1017" s="10"/>
      <c r="PBP1017" s="10"/>
      <c r="PBQ1017" s="10"/>
      <c r="PBR1017" s="10"/>
      <c r="PBS1017" s="10"/>
      <c r="PBT1017" s="10"/>
      <c r="PBU1017" s="10"/>
      <c r="PBV1017" s="10"/>
      <c r="PBW1017" s="10"/>
      <c r="PBX1017" s="10"/>
      <c r="PBY1017" s="10"/>
      <c r="PBZ1017" s="10"/>
      <c r="PCA1017" s="10"/>
      <c r="PCB1017" s="10"/>
      <c r="PCC1017" s="10"/>
      <c r="PCD1017" s="10"/>
      <c r="PCE1017" s="10"/>
      <c r="PCF1017" s="10"/>
      <c r="PCG1017" s="10"/>
      <c r="PCH1017" s="10"/>
      <c r="PCI1017" s="10"/>
      <c r="PCJ1017" s="10"/>
      <c r="PCK1017" s="10"/>
      <c r="PCL1017" s="10"/>
      <c r="PCM1017" s="10"/>
      <c r="PCN1017" s="10"/>
      <c r="PCO1017" s="10"/>
      <c r="PCP1017" s="10"/>
      <c r="PCQ1017" s="10"/>
      <c r="PCR1017" s="10"/>
      <c r="PCS1017" s="10"/>
      <c r="PCT1017" s="10"/>
      <c r="PCU1017" s="10"/>
      <c r="PCV1017" s="10"/>
      <c r="PCW1017" s="10"/>
      <c r="PCX1017" s="10"/>
      <c r="PCY1017" s="10"/>
      <c r="PCZ1017" s="10"/>
      <c r="PDA1017" s="10"/>
      <c r="PDB1017" s="10"/>
      <c r="PDC1017" s="10"/>
      <c r="PDD1017" s="10"/>
      <c r="PDE1017" s="10"/>
      <c r="PDF1017" s="10"/>
      <c r="PDG1017" s="10"/>
      <c r="PDH1017" s="10"/>
      <c r="PDI1017" s="10"/>
      <c r="PDJ1017" s="10"/>
      <c r="PDK1017" s="10"/>
      <c r="PDL1017" s="10"/>
      <c r="PDM1017" s="10"/>
      <c r="PDN1017" s="10"/>
      <c r="PDO1017" s="10"/>
      <c r="PDP1017" s="10"/>
      <c r="PDQ1017" s="10"/>
      <c r="PDR1017" s="10"/>
      <c r="PDS1017" s="10"/>
      <c r="PDT1017" s="10"/>
      <c r="PDU1017" s="10"/>
      <c r="PDV1017" s="10"/>
      <c r="PDW1017" s="10"/>
      <c r="PDX1017" s="10"/>
      <c r="PDY1017" s="10"/>
      <c r="PDZ1017" s="10"/>
      <c r="PEA1017" s="10"/>
      <c r="PEB1017" s="10"/>
      <c r="PEC1017" s="10"/>
      <c r="PED1017" s="10"/>
      <c r="PEE1017" s="10"/>
      <c r="PEF1017" s="10"/>
      <c r="PEG1017" s="10"/>
      <c r="PEH1017" s="10"/>
      <c r="PEI1017" s="10"/>
      <c r="PEJ1017" s="10"/>
      <c r="PEK1017" s="10"/>
      <c r="PEL1017" s="10"/>
      <c r="PEM1017" s="10"/>
      <c r="PEN1017" s="10"/>
      <c r="PEO1017" s="10"/>
      <c r="PEP1017" s="10"/>
      <c r="PEQ1017" s="10"/>
      <c r="PER1017" s="10"/>
      <c r="PES1017" s="10"/>
      <c r="PET1017" s="10"/>
      <c r="PEU1017" s="10"/>
      <c r="PEV1017" s="10"/>
      <c r="PEW1017" s="10"/>
      <c r="PEX1017" s="10"/>
      <c r="PEY1017" s="10"/>
      <c r="PEZ1017" s="10"/>
      <c r="PFA1017" s="10"/>
      <c r="PFB1017" s="10"/>
      <c r="PFC1017" s="10"/>
      <c r="PFD1017" s="10"/>
      <c r="PFE1017" s="10"/>
      <c r="PFF1017" s="10"/>
      <c r="PFG1017" s="10"/>
      <c r="PFH1017" s="10"/>
      <c r="PFI1017" s="10"/>
      <c r="PFJ1017" s="10"/>
      <c r="PFK1017" s="10"/>
      <c r="PFL1017" s="10"/>
      <c r="PFM1017" s="10"/>
      <c r="PFN1017" s="10"/>
      <c r="PFO1017" s="10"/>
      <c r="PFP1017" s="10"/>
      <c r="PFQ1017" s="10"/>
      <c r="PFR1017" s="10"/>
      <c r="PFS1017" s="10"/>
      <c r="PFT1017" s="10"/>
      <c r="PFU1017" s="10"/>
      <c r="PFV1017" s="10"/>
      <c r="PFW1017" s="10"/>
      <c r="PFX1017" s="10"/>
      <c r="PFY1017" s="10"/>
      <c r="PFZ1017" s="10"/>
      <c r="PGA1017" s="10"/>
      <c r="PGB1017" s="10"/>
      <c r="PGC1017" s="10"/>
      <c r="PGD1017" s="10"/>
      <c r="PGE1017" s="10"/>
      <c r="PGF1017" s="10"/>
      <c r="PGG1017" s="10"/>
      <c r="PGH1017" s="10"/>
      <c r="PGI1017" s="10"/>
      <c r="PGJ1017" s="10"/>
      <c r="PGK1017" s="10"/>
      <c r="PGL1017" s="10"/>
      <c r="PGM1017" s="10"/>
      <c r="PGN1017" s="10"/>
      <c r="PGO1017" s="10"/>
      <c r="PGP1017" s="10"/>
      <c r="PGQ1017" s="10"/>
      <c r="PGR1017" s="10"/>
      <c r="PGS1017" s="10"/>
      <c r="PGT1017" s="10"/>
      <c r="PGU1017" s="10"/>
      <c r="PGV1017" s="10"/>
      <c r="PGW1017" s="10"/>
      <c r="PGX1017" s="10"/>
      <c r="PGY1017" s="10"/>
      <c r="PGZ1017" s="10"/>
      <c r="PHA1017" s="10"/>
      <c r="PHB1017" s="10"/>
      <c r="PHC1017" s="10"/>
      <c r="PHD1017" s="10"/>
      <c r="PHE1017" s="10"/>
      <c r="PHF1017" s="10"/>
      <c r="PHG1017" s="10"/>
      <c r="PHH1017" s="10"/>
      <c r="PHI1017" s="10"/>
      <c r="PHJ1017" s="10"/>
      <c r="PHK1017" s="10"/>
      <c r="PHL1017" s="10"/>
      <c r="PHM1017" s="10"/>
      <c r="PHN1017" s="10"/>
      <c r="PHO1017" s="10"/>
      <c r="PHP1017" s="10"/>
      <c r="PHQ1017" s="10"/>
      <c r="PHR1017" s="10"/>
      <c r="PHS1017" s="10"/>
      <c r="PHT1017" s="10"/>
      <c r="PHU1017" s="10"/>
      <c r="PHV1017" s="10"/>
      <c r="PHW1017" s="10"/>
      <c r="PHX1017" s="10"/>
      <c r="PHY1017" s="10"/>
      <c r="PHZ1017" s="10"/>
      <c r="PIA1017" s="10"/>
      <c r="PIB1017" s="10"/>
      <c r="PIC1017" s="10"/>
      <c r="PID1017" s="10"/>
      <c r="PIE1017" s="10"/>
      <c r="PIF1017" s="10"/>
      <c r="PIG1017" s="10"/>
      <c r="PIH1017" s="10"/>
      <c r="PII1017" s="10"/>
      <c r="PIJ1017" s="10"/>
      <c r="PIK1017" s="10"/>
      <c r="PIL1017" s="10"/>
      <c r="PIM1017" s="10"/>
      <c r="PIN1017" s="10"/>
      <c r="PIO1017" s="10"/>
      <c r="PIP1017" s="10"/>
      <c r="PIQ1017" s="10"/>
      <c r="PIR1017" s="10"/>
      <c r="PIS1017" s="10"/>
      <c r="PIT1017" s="10"/>
      <c r="PIU1017" s="10"/>
      <c r="PIV1017" s="10"/>
      <c r="PIW1017" s="10"/>
      <c r="PIX1017" s="10"/>
      <c r="PIY1017" s="10"/>
      <c r="PIZ1017" s="10"/>
      <c r="PJA1017" s="10"/>
      <c r="PJB1017" s="10"/>
      <c r="PJC1017" s="10"/>
      <c r="PJD1017" s="10"/>
      <c r="PJE1017" s="10"/>
      <c r="PJF1017" s="10"/>
      <c r="PJG1017" s="10"/>
      <c r="PJH1017" s="10"/>
      <c r="PJI1017" s="10"/>
      <c r="PJJ1017" s="10"/>
      <c r="PJK1017" s="10"/>
      <c r="PJL1017" s="10"/>
      <c r="PJM1017" s="10"/>
      <c r="PJN1017" s="10"/>
      <c r="PJO1017" s="10"/>
      <c r="PJP1017" s="10"/>
      <c r="PJQ1017" s="10"/>
      <c r="PJR1017" s="10"/>
      <c r="PJS1017" s="10"/>
      <c r="PJT1017" s="10"/>
      <c r="PJU1017" s="10"/>
      <c r="PJV1017" s="10"/>
      <c r="PJW1017" s="10"/>
      <c r="PJX1017" s="10"/>
      <c r="PJY1017" s="10"/>
      <c r="PJZ1017" s="10"/>
      <c r="PKA1017" s="10"/>
      <c r="PKB1017" s="10"/>
      <c r="PKC1017" s="10"/>
      <c r="PKD1017" s="10"/>
      <c r="PKE1017" s="10"/>
      <c r="PKF1017" s="10"/>
      <c r="PKG1017" s="10"/>
      <c r="PKH1017" s="10"/>
      <c r="PKI1017" s="10"/>
      <c r="PKJ1017" s="10"/>
      <c r="PKK1017" s="10"/>
      <c r="PKL1017" s="10"/>
      <c r="PKM1017" s="10"/>
      <c r="PKN1017" s="10"/>
      <c r="PKO1017" s="10"/>
      <c r="PKP1017" s="10"/>
      <c r="PKQ1017" s="10"/>
      <c r="PKR1017" s="10"/>
      <c r="PKS1017" s="10"/>
      <c r="PKT1017" s="10"/>
      <c r="PKU1017" s="10"/>
      <c r="PKV1017" s="10"/>
      <c r="PKW1017" s="10"/>
      <c r="PKX1017" s="10"/>
      <c r="PKY1017" s="10"/>
      <c r="PKZ1017" s="10"/>
      <c r="PLA1017" s="10"/>
      <c r="PLB1017" s="10"/>
      <c r="PLC1017" s="10"/>
      <c r="PLD1017" s="10"/>
      <c r="PLE1017" s="10"/>
      <c r="PLF1017" s="10"/>
      <c r="PLG1017" s="10"/>
      <c r="PLH1017" s="10"/>
      <c r="PLI1017" s="10"/>
      <c r="PLJ1017" s="10"/>
      <c r="PLK1017" s="10"/>
      <c r="PLL1017" s="10"/>
      <c r="PLM1017" s="10"/>
      <c r="PLN1017" s="10"/>
      <c r="PLO1017" s="10"/>
      <c r="PLP1017" s="10"/>
      <c r="PLQ1017" s="10"/>
      <c r="PLR1017" s="10"/>
      <c r="PLS1017" s="10"/>
      <c r="PLT1017" s="10"/>
      <c r="PLU1017" s="10"/>
      <c r="PLV1017" s="10"/>
      <c r="PLW1017" s="10"/>
      <c r="PLX1017" s="10"/>
      <c r="PLY1017" s="10"/>
      <c r="PLZ1017" s="10"/>
      <c r="PMA1017" s="10"/>
      <c r="PMB1017" s="10"/>
      <c r="PMC1017" s="10"/>
      <c r="PMD1017" s="10"/>
      <c r="PME1017" s="10"/>
      <c r="PMF1017" s="10"/>
      <c r="PMG1017" s="10"/>
      <c r="PMH1017" s="10"/>
      <c r="PMI1017" s="10"/>
      <c r="PMJ1017" s="10"/>
      <c r="PMK1017" s="10"/>
      <c r="PML1017" s="10"/>
      <c r="PMM1017" s="10"/>
      <c r="PMN1017" s="10"/>
      <c r="PMO1017" s="10"/>
      <c r="PMP1017" s="10"/>
      <c r="PMQ1017" s="10"/>
      <c r="PMR1017" s="10"/>
      <c r="PMS1017" s="10"/>
      <c r="PMT1017" s="10"/>
      <c r="PMU1017" s="10"/>
      <c r="PMV1017" s="10"/>
      <c r="PMW1017" s="10"/>
      <c r="PMX1017" s="10"/>
      <c r="PMY1017" s="10"/>
      <c r="PMZ1017" s="10"/>
      <c r="PNA1017" s="10"/>
      <c r="PNB1017" s="10"/>
      <c r="PNC1017" s="10"/>
      <c r="PND1017" s="10"/>
      <c r="PNE1017" s="10"/>
      <c r="PNF1017" s="10"/>
      <c r="PNG1017" s="10"/>
      <c r="PNH1017" s="10"/>
      <c r="PNI1017" s="10"/>
      <c r="PNJ1017" s="10"/>
      <c r="PNK1017" s="10"/>
      <c r="PNL1017" s="10"/>
      <c r="PNM1017" s="10"/>
      <c r="PNN1017" s="10"/>
      <c r="PNO1017" s="10"/>
      <c r="PNP1017" s="10"/>
      <c r="PNQ1017" s="10"/>
      <c r="PNR1017" s="10"/>
      <c r="PNS1017" s="10"/>
      <c r="PNT1017" s="10"/>
      <c r="PNU1017" s="10"/>
      <c r="PNV1017" s="10"/>
      <c r="PNW1017" s="10"/>
      <c r="PNX1017" s="10"/>
      <c r="PNY1017" s="10"/>
      <c r="PNZ1017" s="10"/>
      <c r="POA1017" s="10"/>
      <c r="POB1017" s="10"/>
      <c r="POC1017" s="10"/>
      <c r="POD1017" s="10"/>
      <c r="POE1017" s="10"/>
      <c r="POF1017" s="10"/>
      <c r="POG1017" s="10"/>
      <c r="POH1017" s="10"/>
      <c r="POI1017" s="10"/>
      <c r="POJ1017" s="10"/>
      <c r="POK1017" s="10"/>
      <c r="POL1017" s="10"/>
      <c r="POM1017" s="10"/>
      <c r="PON1017" s="10"/>
      <c r="POO1017" s="10"/>
      <c r="POP1017" s="10"/>
      <c r="POQ1017" s="10"/>
      <c r="POR1017" s="10"/>
      <c r="POS1017" s="10"/>
      <c r="POT1017" s="10"/>
      <c r="POU1017" s="10"/>
      <c r="POV1017" s="10"/>
      <c r="POW1017" s="10"/>
      <c r="POX1017" s="10"/>
      <c r="POY1017" s="10"/>
      <c r="POZ1017" s="10"/>
      <c r="PPA1017" s="10"/>
      <c r="PPB1017" s="10"/>
      <c r="PPC1017" s="10"/>
      <c r="PPD1017" s="10"/>
      <c r="PPE1017" s="10"/>
      <c r="PPF1017" s="10"/>
      <c r="PPG1017" s="10"/>
      <c r="PPH1017" s="10"/>
      <c r="PPI1017" s="10"/>
      <c r="PPJ1017" s="10"/>
      <c r="PPK1017" s="10"/>
      <c r="PPL1017" s="10"/>
      <c r="PPM1017" s="10"/>
      <c r="PPN1017" s="10"/>
      <c r="PPO1017" s="10"/>
      <c r="PPP1017" s="10"/>
      <c r="PPQ1017" s="10"/>
      <c r="PPR1017" s="10"/>
      <c r="PPS1017" s="10"/>
      <c r="PPT1017" s="10"/>
      <c r="PPU1017" s="10"/>
      <c r="PPV1017" s="10"/>
      <c r="PPW1017" s="10"/>
      <c r="PPX1017" s="10"/>
      <c r="PPY1017" s="10"/>
      <c r="PPZ1017" s="10"/>
      <c r="PQA1017" s="10"/>
      <c r="PQB1017" s="10"/>
      <c r="PQC1017" s="10"/>
      <c r="PQD1017" s="10"/>
      <c r="PQE1017" s="10"/>
      <c r="PQF1017" s="10"/>
      <c r="PQG1017" s="10"/>
      <c r="PQH1017" s="10"/>
      <c r="PQI1017" s="10"/>
      <c r="PQJ1017" s="10"/>
      <c r="PQK1017" s="10"/>
      <c r="PQL1017" s="10"/>
      <c r="PQM1017" s="10"/>
      <c r="PQN1017" s="10"/>
      <c r="PQO1017" s="10"/>
      <c r="PQP1017" s="10"/>
      <c r="PQQ1017" s="10"/>
      <c r="PQR1017" s="10"/>
      <c r="PQS1017" s="10"/>
      <c r="PQT1017" s="10"/>
      <c r="PQU1017" s="10"/>
      <c r="PQV1017" s="10"/>
      <c r="PQW1017" s="10"/>
      <c r="PQX1017" s="10"/>
      <c r="PQY1017" s="10"/>
      <c r="PQZ1017" s="10"/>
      <c r="PRA1017" s="10"/>
      <c r="PRB1017" s="10"/>
      <c r="PRC1017" s="10"/>
      <c r="PRD1017" s="10"/>
      <c r="PRE1017" s="10"/>
      <c r="PRF1017" s="10"/>
      <c r="PRG1017" s="10"/>
      <c r="PRH1017" s="10"/>
      <c r="PRI1017" s="10"/>
      <c r="PRJ1017" s="10"/>
      <c r="PRK1017" s="10"/>
      <c r="PRL1017" s="10"/>
      <c r="PRM1017" s="10"/>
      <c r="PRN1017" s="10"/>
      <c r="PRO1017" s="10"/>
      <c r="PRP1017" s="10"/>
      <c r="PRQ1017" s="10"/>
      <c r="PRR1017" s="10"/>
      <c r="PRS1017" s="10"/>
      <c r="PRT1017" s="10"/>
      <c r="PRU1017" s="10"/>
      <c r="PRV1017" s="10"/>
      <c r="PRW1017" s="10"/>
      <c r="PRX1017" s="10"/>
      <c r="PRY1017" s="10"/>
      <c r="PRZ1017" s="10"/>
      <c r="PSA1017" s="10"/>
      <c r="PSB1017" s="10"/>
      <c r="PSC1017" s="10"/>
      <c r="PSD1017" s="10"/>
      <c r="PSE1017" s="10"/>
      <c r="PSF1017" s="10"/>
      <c r="PSG1017" s="10"/>
      <c r="PSH1017" s="10"/>
      <c r="PSI1017" s="10"/>
      <c r="PSJ1017" s="10"/>
      <c r="PSK1017" s="10"/>
      <c r="PSL1017" s="10"/>
      <c r="PSM1017" s="10"/>
      <c r="PSN1017" s="10"/>
      <c r="PSO1017" s="10"/>
      <c r="PSP1017" s="10"/>
      <c r="PSQ1017" s="10"/>
      <c r="PSR1017" s="10"/>
      <c r="PSS1017" s="10"/>
      <c r="PST1017" s="10"/>
      <c r="PSU1017" s="10"/>
      <c r="PSV1017" s="10"/>
      <c r="PSW1017" s="10"/>
      <c r="PSX1017" s="10"/>
      <c r="PSY1017" s="10"/>
      <c r="PSZ1017" s="10"/>
      <c r="PTA1017" s="10"/>
      <c r="PTB1017" s="10"/>
      <c r="PTC1017" s="10"/>
      <c r="PTD1017" s="10"/>
      <c r="PTE1017" s="10"/>
      <c r="PTF1017" s="10"/>
      <c r="PTG1017" s="10"/>
      <c r="PTH1017" s="10"/>
      <c r="PTI1017" s="10"/>
      <c r="PTJ1017" s="10"/>
      <c r="PTK1017" s="10"/>
      <c r="PTL1017" s="10"/>
      <c r="PTM1017" s="10"/>
      <c r="PTN1017" s="10"/>
      <c r="PTO1017" s="10"/>
      <c r="PTP1017" s="10"/>
      <c r="PTQ1017" s="10"/>
      <c r="PTR1017" s="10"/>
      <c r="PTS1017" s="10"/>
      <c r="PTT1017" s="10"/>
      <c r="PTU1017" s="10"/>
      <c r="PTV1017" s="10"/>
      <c r="PTW1017" s="10"/>
      <c r="PTX1017" s="10"/>
      <c r="PTY1017" s="10"/>
      <c r="PTZ1017" s="10"/>
      <c r="PUA1017" s="10"/>
      <c r="PUB1017" s="10"/>
      <c r="PUC1017" s="10"/>
      <c r="PUD1017" s="10"/>
      <c r="PUE1017" s="10"/>
      <c r="PUF1017" s="10"/>
      <c r="PUG1017" s="10"/>
      <c r="PUH1017" s="10"/>
      <c r="PUI1017" s="10"/>
      <c r="PUJ1017" s="10"/>
      <c r="PUK1017" s="10"/>
      <c r="PUL1017" s="10"/>
      <c r="PUM1017" s="10"/>
      <c r="PUN1017" s="10"/>
      <c r="PUO1017" s="10"/>
      <c r="PUP1017" s="10"/>
      <c r="PUQ1017" s="10"/>
      <c r="PUR1017" s="10"/>
      <c r="PUS1017" s="10"/>
      <c r="PUT1017" s="10"/>
      <c r="PUU1017" s="10"/>
      <c r="PUV1017" s="10"/>
      <c r="PUW1017" s="10"/>
      <c r="PUX1017" s="10"/>
      <c r="PUY1017" s="10"/>
      <c r="PUZ1017" s="10"/>
      <c r="PVA1017" s="10"/>
      <c r="PVB1017" s="10"/>
      <c r="PVC1017" s="10"/>
      <c r="PVD1017" s="10"/>
      <c r="PVE1017" s="10"/>
      <c r="PVF1017" s="10"/>
      <c r="PVG1017" s="10"/>
      <c r="PVH1017" s="10"/>
      <c r="PVI1017" s="10"/>
      <c r="PVJ1017" s="10"/>
      <c r="PVK1017" s="10"/>
      <c r="PVL1017" s="10"/>
      <c r="PVM1017" s="10"/>
      <c r="PVN1017" s="10"/>
      <c r="PVO1017" s="10"/>
      <c r="PVP1017" s="10"/>
      <c r="PVQ1017" s="10"/>
      <c r="PVR1017" s="10"/>
      <c r="PVS1017" s="10"/>
      <c r="PVT1017" s="10"/>
      <c r="PVU1017" s="10"/>
      <c r="PVV1017" s="10"/>
      <c r="PVW1017" s="10"/>
      <c r="PVX1017" s="10"/>
      <c r="PVY1017" s="10"/>
      <c r="PVZ1017" s="10"/>
      <c r="PWA1017" s="10"/>
      <c r="PWB1017" s="10"/>
      <c r="PWC1017" s="10"/>
      <c r="PWD1017" s="10"/>
      <c r="PWE1017" s="10"/>
      <c r="PWF1017" s="10"/>
      <c r="PWG1017" s="10"/>
      <c r="PWH1017" s="10"/>
      <c r="PWI1017" s="10"/>
      <c r="PWJ1017" s="10"/>
      <c r="PWK1017" s="10"/>
      <c r="PWL1017" s="10"/>
      <c r="PWM1017" s="10"/>
      <c r="PWN1017" s="10"/>
      <c r="PWO1017" s="10"/>
      <c r="PWP1017" s="10"/>
      <c r="PWQ1017" s="10"/>
      <c r="PWR1017" s="10"/>
      <c r="PWS1017" s="10"/>
      <c r="PWT1017" s="10"/>
      <c r="PWU1017" s="10"/>
      <c r="PWV1017" s="10"/>
      <c r="PWW1017" s="10"/>
      <c r="PWX1017" s="10"/>
      <c r="PWY1017" s="10"/>
      <c r="PWZ1017" s="10"/>
      <c r="PXA1017" s="10"/>
      <c r="PXB1017" s="10"/>
      <c r="PXC1017" s="10"/>
      <c r="PXD1017" s="10"/>
      <c r="PXE1017" s="10"/>
      <c r="PXF1017" s="10"/>
      <c r="PXG1017" s="10"/>
      <c r="PXH1017" s="10"/>
      <c r="PXI1017" s="10"/>
      <c r="PXJ1017" s="10"/>
      <c r="PXK1017" s="10"/>
      <c r="PXL1017" s="10"/>
      <c r="PXM1017" s="10"/>
      <c r="PXN1017" s="10"/>
      <c r="PXO1017" s="10"/>
      <c r="PXP1017" s="10"/>
      <c r="PXQ1017" s="10"/>
      <c r="PXR1017" s="10"/>
      <c r="PXS1017" s="10"/>
      <c r="PXT1017" s="10"/>
      <c r="PXU1017" s="10"/>
      <c r="PXV1017" s="10"/>
      <c r="PXW1017" s="10"/>
      <c r="PXX1017" s="10"/>
      <c r="PXY1017" s="10"/>
      <c r="PXZ1017" s="10"/>
      <c r="PYA1017" s="10"/>
      <c r="PYB1017" s="10"/>
      <c r="PYC1017" s="10"/>
      <c r="PYD1017" s="10"/>
      <c r="PYE1017" s="10"/>
      <c r="PYF1017" s="10"/>
      <c r="PYG1017" s="10"/>
      <c r="PYH1017" s="10"/>
      <c r="PYI1017" s="10"/>
      <c r="PYJ1017" s="10"/>
      <c r="PYK1017" s="10"/>
      <c r="PYL1017" s="10"/>
      <c r="PYM1017" s="10"/>
      <c r="PYN1017" s="10"/>
      <c r="PYO1017" s="10"/>
      <c r="PYP1017" s="10"/>
      <c r="PYQ1017" s="10"/>
      <c r="PYR1017" s="10"/>
      <c r="PYS1017" s="10"/>
      <c r="PYT1017" s="10"/>
      <c r="PYU1017" s="10"/>
      <c r="PYV1017" s="10"/>
      <c r="PYW1017" s="10"/>
      <c r="PYX1017" s="10"/>
      <c r="PYY1017" s="10"/>
      <c r="PYZ1017" s="10"/>
      <c r="PZA1017" s="10"/>
      <c r="PZB1017" s="10"/>
      <c r="PZC1017" s="10"/>
      <c r="PZD1017" s="10"/>
      <c r="PZE1017" s="10"/>
      <c r="PZF1017" s="10"/>
      <c r="PZG1017" s="10"/>
      <c r="PZH1017" s="10"/>
      <c r="PZI1017" s="10"/>
      <c r="PZJ1017" s="10"/>
      <c r="PZK1017" s="10"/>
      <c r="PZL1017" s="10"/>
      <c r="PZM1017" s="10"/>
      <c r="PZN1017" s="10"/>
      <c r="PZO1017" s="10"/>
      <c r="PZP1017" s="10"/>
      <c r="PZQ1017" s="10"/>
      <c r="PZR1017" s="10"/>
      <c r="PZS1017" s="10"/>
      <c r="PZT1017" s="10"/>
      <c r="PZU1017" s="10"/>
      <c r="PZV1017" s="10"/>
      <c r="PZW1017" s="10"/>
      <c r="PZX1017" s="10"/>
      <c r="PZY1017" s="10"/>
      <c r="PZZ1017" s="10"/>
      <c r="QAA1017" s="10"/>
      <c r="QAB1017" s="10"/>
      <c r="QAC1017" s="10"/>
      <c r="QAD1017" s="10"/>
      <c r="QAE1017" s="10"/>
      <c r="QAF1017" s="10"/>
      <c r="QAG1017" s="10"/>
      <c r="QAH1017" s="10"/>
      <c r="QAI1017" s="10"/>
      <c r="QAJ1017" s="10"/>
      <c r="QAK1017" s="10"/>
      <c r="QAL1017" s="10"/>
      <c r="QAM1017" s="10"/>
      <c r="QAN1017" s="10"/>
      <c r="QAO1017" s="10"/>
      <c r="QAP1017" s="10"/>
      <c r="QAQ1017" s="10"/>
      <c r="QAR1017" s="10"/>
      <c r="QAS1017" s="10"/>
      <c r="QAT1017" s="10"/>
      <c r="QAU1017" s="10"/>
      <c r="QAV1017" s="10"/>
      <c r="QAW1017" s="10"/>
      <c r="QAX1017" s="10"/>
      <c r="QAY1017" s="10"/>
      <c r="QAZ1017" s="10"/>
      <c r="QBA1017" s="10"/>
      <c r="QBB1017" s="10"/>
      <c r="QBC1017" s="10"/>
      <c r="QBD1017" s="10"/>
      <c r="QBE1017" s="10"/>
      <c r="QBF1017" s="10"/>
      <c r="QBG1017" s="10"/>
      <c r="QBH1017" s="10"/>
      <c r="QBI1017" s="10"/>
      <c r="QBJ1017" s="10"/>
      <c r="QBK1017" s="10"/>
      <c r="QBL1017" s="10"/>
      <c r="QBM1017" s="10"/>
      <c r="QBN1017" s="10"/>
      <c r="QBO1017" s="10"/>
      <c r="QBP1017" s="10"/>
      <c r="QBQ1017" s="10"/>
      <c r="QBR1017" s="10"/>
      <c r="QBS1017" s="10"/>
      <c r="QBT1017" s="10"/>
      <c r="QBU1017" s="10"/>
      <c r="QBV1017" s="10"/>
      <c r="QBW1017" s="10"/>
      <c r="QBX1017" s="10"/>
      <c r="QBY1017" s="10"/>
      <c r="QBZ1017" s="10"/>
      <c r="QCA1017" s="10"/>
      <c r="QCB1017" s="10"/>
      <c r="QCC1017" s="10"/>
      <c r="QCD1017" s="10"/>
      <c r="QCE1017" s="10"/>
      <c r="QCF1017" s="10"/>
      <c r="QCG1017" s="10"/>
      <c r="QCH1017" s="10"/>
      <c r="QCI1017" s="10"/>
      <c r="QCJ1017" s="10"/>
      <c r="QCK1017" s="10"/>
      <c r="QCL1017" s="10"/>
      <c r="QCM1017" s="10"/>
      <c r="QCN1017" s="10"/>
      <c r="QCO1017" s="10"/>
      <c r="QCP1017" s="10"/>
      <c r="QCQ1017" s="10"/>
      <c r="QCR1017" s="10"/>
      <c r="QCS1017" s="10"/>
      <c r="QCT1017" s="10"/>
      <c r="QCU1017" s="10"/>
      <c r="QCV1017" s="10"/>
      <c r="QCW1017" s="10"/>
      <c r="QCX1017" s="10"/>
      <c r="QCY1017" s="10"/>
      <c r="QCZ1017" s="10"/>
      <c r="QDA1017" s="10"/>
      <c r="QDB1017" s="10"/>
      <c r="QDC1017" s="10"/>
      <c r="QDD1017" s="10"/>
      <c r="QDE1017" s="10"/>
      <c r="QDF1017" s="10"/>
      <c r="QDG1017" s="10"/>
      <c r="QDH1017" s="10"/>
      <c r="QDI1017" s="10"/>
      <c r="QDJ1017" s="10"/>
      <c r="QDK1017" s="10"/>
      <c r="QDL1017" s="10"/>
      <c r="QDM1017" s="10"/>
      <c r="QDN1017" s="10"/>
      <c r="QDO1017" s="10"/>
      <c r="QDP1017" s="10"/>
      <c r="QDQ1017" s="10"/>
      <c r="QDR1017" s="10"/>
      <c r="QDS1017" s="10"/>
      <c r="QDT1017" s="10"/>
      <c r="QDU1017" s="10"/>
      <c r="QDV1017" s="10"/>
      <c r="QDW1017" s="10"/>
      <c r="QDX1017" s="10"/>
      <c r="QDY1017" s="10"/>
      <c r="QDZ1017" s="10"/>
      <c r="QEA1017" s="10"/>
      <c r="QEB1017" s="10"/>
      <c r="QEC1017" s="10"/>
      <c r="QED1017" s="10"/>
      <c r="QEE1017" s="10"/>
      <c r="QEF1017" s="10"/>
      <c r="QEG1017" s="10"/>
      <c r="QEH1017" s="10"/>
      <c r="QEI1017" s="10"/>
      <c r="QEJ1017" s="10"/>
      <c r="QEK1017" s="10"/>
      <c r="QEL1017" s="10"/>
      <c r="QEM1017" s="10"/>
      <c r="QEN1017" s="10"/>
      <c r="QEO1017" s="10"/>
      <c r="QEP1017" s="10"/>
      <c r="QEQ1017" s="10"/>
      <c r="QER1017" s="10"/>
      <c r="QES1017" s="10"/>
      <c r="QET1017" s="10"/>
      <c r="QEU1017" s="10"/>
      <c r="QEV1017" s="10"/>
      <c r="QEW1017" s="10"/>
      <c r="QEX1017" s="10"/>
      <c r="QEY1017" s="10"/>
      <c r="QEZ1017" s="10"/>
      <c r="QFA1017" s="10"/>
      <c r="QFB1017" s="10"/>
      <c r="QFC1017" s="10"/>
      <c r="QFD1017" s="10"/>
      <c r="QFE1017" s="10"/>
      <c r="QFF1017" s="10"/>
      <c r="QFG1017" s="10"/>
      <c r="QFH1017" s="10"/>
      <c r="QFI1017" s="10"/>
      <c r="QFJ1017" s="10"/>
      <c r="QFK1017" s="10"/>
      <c r="QFL1017" s="10"/>
      <c r="QFM1017" s="10"/>
      <c r="QFN1017" s="10"/>
      <c r="QFO1017" s="10"/>
      <c r="QFP1017" s="10"/>
      <c r="QFQ1017" s="10"/>
      <c r="QFR1017" s="10"/>
      <c r="QFS1017" s="10"/>
      <c r="QFT1017" s="10"/>
      <c r="QFU1017" s="10"/>
      <c r="QFV1017" s="10"/>
      <c r="QFW1017" s="10"/>
      <c r="QFX1017" s="10"/>
      <c r="QFY1017" s="10"/>
      <c r="QFZ1017" s="10"/>
      <c r="QGA1017" s="10"/>
      <c r="QGB1017" s="10"/>
      <c r="QGC1017" s="10"/>
      <c r="QGD1017" s="10"/>
      <c r="QGE1017" s="10"/>
      <c r="QGF1017" s="10"/>
      <c r="QGG1017" s="10"/>
      <c r="QGH1017" s="10"/>
      <c r="QGI1017" s="10"/>
      <c r="QGJ1017" s="10"/>
      <c r="QGK1017" s="10"/>
      <c r="QGL1017" s="10"/>
      <c r="QGM1017" s="10"/>
      <c r="QGN1017" s="10"/>
      <c r="QGO1017" s="10"/>
      <c r="QGP1017" s="10"/>
      <c r="QGQ1017" s="10"/>
      <c r="QGR1017" s="10"/>
      <c r="QGS1017" s="10"/>
      <c r="QGT1017" s="10"/>
      <c r="QGU1017" s="10"/>
      <c r="QGV1017" s="10"/>
      <c r="QGW1017" s="10"/>
      <c r="QGX1017" s="10"/>
      <c r="QGY1017" s="10"/>
      <c r="QGZ1017" s="10"/>
      <c r="QHA1017" s="10"/>
      <c r="QHB1017" s="10"/>
      <c r="QHC1017" s="10"/>
      <c r="QHD1017" s="10"/>
      <c r="QHE1017" s="10"/>
      <c r="QHF1017" s="10"/>
      <c r="QHG1017" s="10"/>
      <c r="QHH1017" s="10"/>
      <c r="QHI1017" s="10"/>
      <c r="QHJ1017" s="10"/>
      <c r="QHK1017" s="10"/>
      <c r="QHL1017" s="10"/>
      <c r="QHM1017" s="10"/>
      <c r="QHN1017" s="10"/>
      <c r="QHO1017" s="10"/>
      <c r="QHP1017" s="10"/>
      <c r="QHQ1017" s="10"/>
      <c r="QHR1017" s="10"/>
      <c r="QHS1017" s="10"/>
      <c r="QHT1017" s="10"/>
      <c r="QHU1017" s="10"/>
      <c r="QHV1017" s="10"/>
      <c r="QHW1017" s="10"/>
      <c r="QHX1017" s="10"/>
      <c r="QHY1017" s="10"/>
      <c r="QHZ1017" s="10"/>
      <c r="QIA1017" s="10"/>
      <c r="QIB1017" s="10"/>
      <c r="QIC1017" s="10"/>
      <c r="QID1017" s="10"/>
      <c r="QIE1017" s="10"/>
      <c r="QIF1017" s="10"/>
      <c r="QIG1017" s="10"/>
      <c r="QIH1017" s="10"/>
      <c r="QII1017" s="10"/>
      <c r="QIJ1017" s="10"/>
      <c r="QIK1017" s="10"/>
      <c r="QIL1017" s="10"/>
      <c r="QIM1017" s="10"/>
      <c r="QIN1017" s="10"/>
      <c r="QIO1017" s="10"/>
      <c r="QIP1017" s="10"/>
      <c r="QIQ1017" s="10"/>
      <c r="QIR1017" s="10"/>
      <c r="QIS1017" s="10"/>
      <c r="QIT1017" s="10"/>
      <c r="QIU1017" s="10"/>
      <c r="QIV1017" s="10"/>
      <c r="QIW1017" s="10"/>
      <c r="QIX1017" s="10"/>
      <c r="QIY1017" s="10"/>
      <c r="QIZ1017" s="10"/>
      <c r="QJA1017" s="10"/>
      <c r="QJB1017" s="10"/>
      <c r="QJC1017" s="10"/>
      <c r="QJD1017" s="10"/>
      <c r="QJE1017" s="10"/>
      <c r="QJF1017" s="10"/>
      <c r="QJG1017" s="10"/>
      <c r="QJH1017" s="10"/>
      <c r="QJI1017" s="10"/>
      <c r="QJJ1017" s="10"/>
      <c r="QJK1017" s="10"/>
      <c r="QJL1017" s="10"/>
      <c r="QJM1017" s="10"/>
      <c r="QJN1017" s="10"/>
      <c r="QJO1017" s="10"/>
      <c r="QJP1017" s="10"/>
      <c r="QJQ1017" s="10"/>
      <c r="QJR1017" s="10"/>
      <c r="QJS1017" s="10"/>
      <c r="QJT1017" s="10"/>
      <c r="QJU1017" s="10"/>
      <c r="QJV1017" s="10"/>
      <c r="QJW1017" s="10"/>
      <c r="QJX1017" s="10"/>
      <c r="QJY1017" s="10"/>
      <c r="QJZ1017" s="10"/>
      <c r="QKA1017" s="10"/>
      <c r="QKB1017" s="10"/>
      <c r="QKC1017" s="10"/>
      <c r="QKD1017" s="10"/>
      <c r="QKE1017" s="10"/>
      <c r="QKF1017" s="10"/>
      <c r="QKG1017" s="10"/>
      <c r="QKH1017" s="10"/>
      <c r="QKI1017" s="10"/>
      <c r="QKJ1017" s="10"/>
      <c r="QKK1017" s="10"/>
      <c r="QKL1017" s="10"/>
      <c r="QKM1017" s="10"/>
      <c r="QKN1017" s="10"/>
      <c r="QKO1017" s="10"/>
      <c r="QKP1017" s="10"/>
      <c r="QKQ1017" s="10"/>
      <c r="QKR1017" s="10"/>
      <c r="QKS1017" s="10"/>
      <c r="QKT1017" s="10"/>
      <c r="QKU1017" s="10"/>
      <c r="QKV1017" s="10"/>
      <c r="QKW1017" s="10"/>
      <c r="QKX1017" s="10"/>
      <c r="QKY1017" s="10"/>
      <c r="QKZ1017" s="10"/>
      <c r="QLA1017" s="10"/>
      <c r="QLB1017" s="10"/>
      <c r="QLC1017" s="10"/>
      <c r="QLD1017" s="10"/>
      <c r="QLE1017" s="10"/>
      <c r="QLF1017" s="10"/>
      <c r="QLG1017" s="10"/>
      <c r="QLH1017" s="10"/>
      <c r="QLI1017" s="10"/>
      <c r="QLJ1017" s="10"/>
      <c r="QLK1017" s="10"/>
      <c r="QLL1017" s="10"/>
      <c r="QLM1017" s="10"/>
      <c r="QLN1017" s="10"/>
      <c r="QLO1017" s="10"/>
      <c r="QLP1017" s="10"/>
      <c r="QLQ1017" s="10"/>
      <c r="QLR1017" s="10"/>
      <c r="QLS1017" s="10"/>
      <c r="QLT1017" s="10"/>
      <c r="QLU1017" s="10"/>
      <c r="QLV1017" s="10"/>
      <c r="QLW1017" s="10"/>
      <c r="QLX1017" s="10"/>
      <c r="QLY1017" s="10"/>
      <c r="QLZ1017" s="10"/>
      <c r="QMA1017" s="10"/>
      <c r="QMB1017" s="10"/>
      <c r="QMC1017" s="10"/>
      <c r="QMD1017" s="10"/>
      <c r="QME1017" s="10"/>
      <c r="QMF1017" s="10"/>
      <c r="QMG1017" s="10"/>
      <c r="QMH1017" s="10"/>
      <c r="QMI1017" s="10"/>
      <c r="QMJ1017" s="10"/>
      <c r="QMK1017" s="10"/>
      <c r="QML1017" s="10"/>
      <c r="QMM1017" s="10"/>
      <c r="QMN1017" s="10"/>
      <c r="QMO1017" s="10"/>
      <c r="QMP1017" s="10"/>
      <c r="QMQ1017" s="10"/>
      <c r="QMR1017" s="10"/>
      <c r="QMS1017" s="10"/>
      <c r="QMT1017" s="10"/>
      <c r="QMU1017" s="10"/>
      <c r="QMV1017" s="10"/>
      <c r="QMW1017" s="10"/>
      <c r="QMX1017" s="10"/>
      <c r="QMY1017" s="10"/>
      <c r="QMZ1017" s="10"/>
      <c r="QNA1017" s="10"/>
      <c r="QNB1017" s="10"/>
      <c r="QNC1017" s="10"/>
      <c r="QND1017" s="10"/>
      <c r="QNE1017" s="10"/>
      <c r="QNF1017" s="10"/>
      <c r="QNG1017" s="10"/>
      <c r="QNH1017" s="10"/>
      <c r="QNI1017" s="10"/>
      <c r="QNJ1017" s="10"/>
      <c r="QNK1017" s="10"/>
      <c r="QNL1017" s="10"/>
      <c r="QNM1017" s="10"/>
      <c r="QNN1017" s="10"/>
      <c r="QNO1017" s="10"/>
      <c r="QNP1017" s="10"/>
      <c r="QNQ1017" s="10"/>
      <c r="QNR1017" s="10"/>
      <c r="QNS1017" s="10"/>
      <c r="QNT1017" s="10"/>
      <c r="QNU1017" s="10"/>
      <c r="QNV1017" s="10"/>
      <c r="QNW1017" s="10"/>
      <c r="QNX1017" s="10"/>
      <c r="QNY1017" s="10"/>
      <c r="QNZ1017" s="10"/>
      <c r="QOA1017" s="10"/>
      <c r="QOB1017" s="10"/>
      <c r="QOC1017" s="10"/>
      <c r="QOD1017" s="10"/>
      <c r="QOE1017" s="10"/>
      <c r="QOF1017" s="10"/>
      <c r="QOG1017" s="10"/>
      <c r="QOH1017" s="10"/>
      <c r="QOI1017" s="10"/>
      <c r="QOJ1017" s="10"/>
      <c r="QOK1017" s="10"/>
      <c r="QOL1017" s="10"/>
      <c r="QOM1017" s="10"/>
      <c r="QON1017" s="10"/>
      <c r="QOO1017" s="10"/>
      <c r="QOP1017" s="10"/>
      <c r="QOQ1017" s="10"/>
      <c r="QOR1017" s="10"/>
      <c r="QOS1017" s="10"/>
      <c r="QOT1017" s="10"/>
      <c r="QOU1017" s="10"/>
      <c r="QOV1017" s="10"/>
      <c r="QOW1017" s="10"/>
      <c r="QOX1017" s="10"/>
      <c r="QOY1017" s="10"/>
      <c r="QOZ1017" s="10"/>
      <c r="QPA1017" s="10"/>
      <c r="QPB1017" s="10"/>
      <c r="QPC1017" s="10"/>
      <c r="QPD1017" s="10"/>
      <c r="QPE1017" s="10"/>
      <c r="QPF1017" s="10"/>
      <c r="QPG1017" s="10"/>
      <c r="QPH1017" s="10"/>
      <c r="QPI1017" s="10"/>
      <c r="QPJ1017" s="10"/>
      <c r="QPK1017" s="10"/>
      <c r="QPL1017" s="10"/>
      <c r="QPM1017" s="10"/>
      <c r="QPN1017" s="10"/>
      <c r="QPO1017" s="10"/>
      <c r="QPP1017" s="10"/>
      <c r="QPQ1017" s="10"/>
      <c r="QPR1017" s="10"/>
      <c r="QPS1017" s="10"/>
      <c r="QPT1017" s="10"/>
      <c r="QPU1017" s="10"/>
      <c r="QPV1017" s="10"/>
      <c r="QPW1017" s="10"/>
      <c r="QPX1017" s="10"/>
      <c r="QPY1017" s="10"/>
      <c r="QPZ1017" s="10"/>
      <c r="QQA1017" s="10"/>
      <c r="QQB1017" s="10"/>
      <c r="QQC1017" s="10"/>
      <c r="QQD1017" s="10"/>
      <c r="QQE1017" s="10"/>
      <c r="QQF1017" s="10"/>
      <c r="QQG1017" s="10"/>
      <c r="QQH1017" s="10"/>
      <c r="QQI1017" s="10"/>
      <c r="QQJ1017" s="10"/>
      <c r="QQK1017" s="10"/>
      <c r="QQL1017" s="10"/>
      <c r="QQM1017" s="10"/>
      <c r="QQN1017" s="10"/>
      <c r="QQO1017" s="10"/>
      <c r="QQP1017" s="10"/>
      <c r="QQQ1017" s="10"/>
      <c r="QQR1017" s="10"/>
      <c r="QQS1017" s="10"/>
      <c r="QQT1017" s="10"/>
      <c r="QQU1017" s="10"/>
      <c r="QQV1017" s="10"/>
      <c r="QQW1017" s="10"/>
      <c r="QQX1017" s="10"/>
      <c r="QQY1017" s="10"/>
      <c r="QQZ1017" s="10"/>
      <c r="QRA1017" s="10"/>
      <c r="QRB1017" s="10"/>
      <c r="QRC1017" s="10"/>
      <c r="QRD1017" s="10"/>
      <c r="QRE1017" s="10"/>
      <c r="QRF1017" s="10"/>
      <c r="QRG1017" s="10"/>
      <c r="QRH1017" s="10"/>
      <c r="QRI1017" s="10"/>
      <c r="QRJ1017" s="10"/>
      <c r="QRK1017" s="10"/>
      <c r="QRL1017" s="10"/>
      <c r="QRM1017" s="10"/>
      <c r="QRN1017" s="10"/>
      <c r="QRO1017" s="10"/>
      <c r="QRP1017" s="10"/>
      <c r="QRQ1017" s="10"/>
      <c r="QRR1017" s="10"/>
      <c r="QRS1017" s="10"/>
      <c r="QRT1017" s="10"/>
      <c r="QRU1017" s="10"/>
      <c r="QRV1017" s="10"/>
      <c r="QRW1017" s="10"/>
      <c r="QRX1017" s="10"/>
      <c r="QRY1017" s="10"/>
      <c r="QRZ1017" s="10"/>
      <c r="QSA1017" s="10"/>
      <c r="QSB1017" s="10"/>
      <c r="QSC1017" s="10"/>
      <c r="QSD1017" s="10"/>
      <c r="QSE1017" s="10"/>
      <c r="QSF1017" s="10"/>
      <c r="QSG1017" s="10"/>
      <c r="QSH1017" s="10"/>
      <c r="QSI1017" s="10"/>
      <c r="QSJ1017" s="10"/>
      <c r="QSK1017" s="10"/>
      <c r="QSL1017" s="10"/>
      <c r="QSM1017" s="10"/>
      <c r="QSN1017" s="10"/>
      <c r="QSO1017" s="10"/>
      <c r="QSP1017" s="10"/>
      <c r="QSQ1017" s="10"/>
      <c r="QSR1017" s="10"/>
      <c r="QSS1017" s="10"/>
      <c r="QST1017" s="10"/>
      <c r="QSU1017" s="10"/>
      <c r="QSV1017" s="10"/>
      <c r="QSW1017" s="10"/>
      <c r="QSX1017" s="10"/>
      <c r="QSY1017" s="10"/>
      <c r="QSZ1017" s="10"/>
      <c r="QTA1017" s="10"/>
      <c r="QTB1017" s="10"/>
      <c r="QTC1017" s="10"/>
      <c r="QTD1017" s="10"/>
      <c r="QTE1017" s="10"/>
      <c r="QTF1017" s="10"/>
      <c r="QTG1017" s="10"/>
      <c r="QTH1017" s="10"/>
      <c r="QTI1017" s="10"/>
      <c r="QTJ1017" s="10"/>
      <c r="QTK1017" s="10"/>
      <c r="QTL1017" s="10"/>
      <c r="QTM1017" s="10"/>
      <c r="QTN1017" s="10"/>
      <c r="QTO1017" s="10"/>
      <c r="QTP1017" s="10"/>
      <c r="QTQ1017" s="10"/>
      <c r="QTR1017" s="10"/>
      <c r="QTS1017" s="10"/>
      <c r="QTT1017" s="10"/>
      <c r="QTU1017" s="10"/>
      <c r="QTV1017" s="10"/>
      <c r="QTW1017" s="10"/>
      <c r="QTX1017" s="10"/>
      <c r="QTY1017" s="10"/>
      <c r="QTZ1017" s="10"/>
      <c r="QUA1017" s="10"/>
      <c r="QUB1017" s="10"/>
      <c r="QUC1017" s="10"/>
      <c r="QUD1017" s="10"/>
      <c r="QUE1017" s="10"/>
      <c r="QUF1017" s="10"/>
      <c r="QUG1017" s="10"/>
      <c r="QUH1017" s="10"/>
      <c r="QUI1017" s="10"/>
      <c r="QUJ1017" s="10"/>
      <c r="QUK1017" s="10"/>
      <c r="QUL1017" s="10"/>
      <c r="QUM1017" s="10"/>
      <c r="QUN1017" s="10"/>
      <c r="QUO1017" s="10"/>
      <c r="QUP1017" s="10"/>
      <c r="QUQ1017" s="10"/>
      <c r="QUR1017" s="10"/>
      <c r="QUS1017" s="10"/>
      <c r="QUT1017" s="10"/>
      <c r="QUU1017" s="10"/>
      <c r="QUV1017" s="10"/>
      <c r="QUW1017" s="10"/>
      <c r="QUX1017" s="10"/>
      <c r="QUY1017" s="10"/>
      <c r="QUZ1017" s="10"/>
      <c r="QVA1017" s="10"/>
      <c r="QVB1017" s="10"/>
      <c r="QVC1017" s="10"/>
      <c r="QVD1017" s="10"/>
      <c r="QVE1017" s="10"/>
      <c r="QVF1017" s="10"/>
      <c r="QVG1017" s="10"/>
      <c r="QVH1017" s="10"/>
      <c r="QVI1017" s="10"/>
      <c r="QVJ1017" s="10"/>
      <c r="QVK1017" s="10"/>
      <c r="QVL1017" s="10"/>
      <c r="QVM1017" s="10"/>
      <c r="QVN1017" s="10"/>
      <c r="QVO1017" s="10"/>
      <c r="QVP1017" s="10"/>
      <c r="QVQ1017" s="10"/>
      <c r="QVR1017" s="10"/>
      <c r="QVS1017" s="10"/>
      <c r="QVT1017" s="10"/>
      <c r="QVU1017" s="10"/>
      <c r="QVV1017" s="10"/>
      <c r="QVW1017" s="10"/>
      <c r="QVX1017" s="10"/>
      <c r="QVY1017" s="10"/>
      <c r="QVZ1017" s="10"/>
      <c r="QWA1017" s="10"/>
      <c r="QWB1017" s="10"/>
      <c r="QWC1017" s="10"/>
      <c r="QWD1017" s="10"/>
      <c r="QWE1017" s="10"/>
      <c r="QWF1017" s="10"/>
      <c r="QWG1017" s="10"/>
      <c r="QWH1017" s="10"/>
      <c r="QWI1017" s="10"/>
      <c r="QWJ1017" s="10"/>
      <c r="QWK1017" s="10"/>
      <c r="QWL1017" s="10"/>
      <c r="QWM1017" s="10"/>
      <c r="QWN1017" s="10"/>
      <c r="QWO1017" s="10"/>
      <c r="QWP1017" s="10"/>
      <c r="QWQ1017" s="10"/>
      <c r="QWR1017" s="10"/>
      <c r="QWS1017" s="10"/>
      <c r="QWT1017" s="10"/>
      <c r="QWU1017" s="10"/>
      <c r="QWV1017" s="10"/>
      <c r="QWW1017" s="10"/>
      <c r="QWX1017" s="10"/>
      <c r="QWY1017" s="10"/>
      <c r="QWZ1017" s="10"/>
      <c r="QXA1017" s="10"/>
      <c r="QXB1017" s="10"/>
      <c r="QXC1017" s="10"/>
      <c r="QXD1017" s="10"/>
      <c r="QXE1017" s="10"/>
      <c r="QXF1017" s="10"/>
      <c r="QXG1017" s="10"/>
      <c r="QXH1017" s="10"/>
      <c r="QXI1017" s="10"/>
      <c r="QXJ1017" s="10"/>
      <c r="QXK1017" s="10"/>
      <c r="QXL1017" s="10"/>
      <c r="QXM1017" s="10"/>
      <c r="QXN1017" s="10"/>
      <c r="QXO1017" s="10"/>
      <c r="QXP1017" s="10"/>
      <c r="QXQ1017" s="10"/>
      <c r="QXR1017" s="10"/>
      <c r="QXS1017" s="10"/>
      <c r="QXT1017" s="10"/>
      <c r="QXU1017" s="10"/>
      <c r="QXV1017" s="10"/>
      <c r="QXW1017" s="10"/>
      <c r="QXX1017" s="10"/>
      <c r="QXY1017" s="10"/>
      <c r="QXZ1017" s="10"/>
      <c r="QYA1017" s="10"/>
      <c r="QYB1017" s="10"/>
      <c r="QYC1017" s="10"/>
      <c r="QYD1017" s="10"/>
      <c r="QYE1017" s="10"/>
      <c r="QYF1017" s="10"/>
      <c r="QYG1017" s="10"/>
      <c r="QYH1017" s="10"/>
      <c r="QYI1017" s="10"/>
      <c r="QYJ1017" s="10"/>
      <c r="QYK1017" s="10"/>
      <c r="QYL1017" s="10"/>
      <c r="QYM1017" s="10"/>
      <c r="QYN1017" s="10"/>
      <c r="QYO1017" s="10"/>
      <c r="QYP1017" s="10"/>
      <c r="QYQ1017" s="10"/>
      <c r="QYR1017" s="10"/>
      <c r="QYS1017" s="10"/>
      <c r="QYT1017" s="10"/>
      <c r="QYU1017" s="10"/>
      <c r="QYV1017" s="10"/>
      <c r="QYW1017" s="10"/>
      <c r="QYX1017" s="10"/>
      <c r="QYY1017" s="10"/>
      <c r="QYZ1017" s="10"/>
      <c r="QZA1017" s="10"/>
      <c r="QZB1017" s="10"/>
      <c r="QZC1017" s="10"/>
      <c r="QZD1017" s="10"/>
      <c r="QZE1017" s="10"/>
      <c r="QZF1017" s="10"/>
      <c r="QZG1017" s="10"/>
      <c r="QZH1017" s="10"/>
      <c r="QZI1017" s="10"/>
      <c r="QZJ1017" s="10"/>
      <c r="QZK1017" s="10"/>
      <c r="QZL1017" s="10"/>
      <c r="QZM1017" s="10"/>
      <c r="QZN1017" s="10"/>
      <c r="QZO1017" s="10"/>
      <c r="QZP1017" s="10"/>
      <c r="QZQ1017" s="10"/>
      <c r="QZR1017" s="10"/>
      <c r="QZS1017" s="10"/>
      <c r="QZT1017" s="10"/>
      <c r="QZU1017" s="10"/>
      <c r="QZV1017" s="10"/>
      <c r="QZW1017" s="10"/>
      <c r="QZX1017" s="10"/>
      <c r="QZY1017" s="10"/>
      <c r="QZZ1017" s="10"/>
      <c r="RAA1017" s="10"/>
      <c r="RAB1017" s="10"/>
      <c r="RAC1017" s="10"/>
      <c r="RAD1017" s="10"/>
      <c r="RAE1017" s="10"/>
      <c r="RAF1017" s="10"/>
      <c r="RAG1017" s="10"/>
      <c r="RAH1017" s="10"/>
      <c r="RAI1017" s="10"/>
      <c r="RAJ1017" s="10"/>
      <c r="RAK1017" s="10"/>
      <c r="RAL1017" s="10"/>
      <c r="RAM1017" s="10"/>
      <c r="RAN1017" s="10"/>
      <c r="RAO1017" s="10"/>
      <c r="RAP1017" s="10"/>
      <c r="RAQ1017" s="10"/>
      <c r="RAR1017" s="10"/>
      <c r="RAS1017" s="10"/>
      <c r="RAT1017" s="10"/>
      <c r="RAU1017" s="10"/>
      <c r="RAV1017" s="10"/>
      <c r="RAW1017" s="10"/>
      <c r="RAX1017" s="10"/>
      <c r="RAY1017" s="10"/>
      <c r="RAZ1017" s="10"/>
      <c r="RBA1017" s="10"/>
      <c r="RBB1017" s="10"/>
      <c r="RBC1017" s="10"/>
      <c r="RBD1017" s="10"/>
      <c r="RBE1017" s="10"/>
      <c r="RBF1017" s="10"/>
      <c r="RBG1017" s="10"/>
      <c r="RBH1017" s="10"/>
      <c r="RBI1017" s="10"/>
      <c r="RBJ1017" s="10"/>
      <c r="RBK1017" s="10"/>
      <c r="RBL1017" s="10"/>
      <c r="RBM1017" s="10"/>
      <c r="RBN1017" s="10"/>
      <c r="RBO1017" s="10"/>
      <c r="RBP1017" s="10"/>
      <c r="RBQ1017" s="10"/>
      <c r="RBR1017" s="10"/>
      <c r="RBS1017" s="10"/>
      <c r="RBT1017" s="10"/>
      <c r="RBU1017" s="10"/>
      <c r="RBV1017" s="10"/>
      <c r="RBW1017" s="10"/>
      <c r="RBX1017" s="10"/>
      <c r="RBY1017" s="10"/>
      <c r="RBZ1017" s="10"/>
      <c r="RCA1017" s="10"/>
      <c r="RCB1017" s="10"/>
      <c r="RCC1017" s="10"/>
      <c r="RCD1017" s="10"/>
      <c r="RCE1017" s="10"/>
      <c r="RCF1017" s="10"/>
      <c r="RCG1017" s="10"/>
      <c r="RCH1017" s="10"/>
      <c r="RCI1017" s="10"/>
      <c r="RCJ1017" s="10"/>
      <c r="RCK1017" s="10"/>
      <c r="RCL1017" s="10"/>
      <c r="RCM1017" s="10"/>
      <c r="RCN1017" s="10"/>
      <c r="RCO1017" s="10"/>
      <c r="RCP1017" s="10"/>
      <c r="RCQ1017" s="10"/>
      <c r="RCR1017" s="10"/>
      <c r="RCS1017" s="10"/>
      <c r="RCT1017" s="10"/>
      <c r="RCU1017" s="10"/>
      <c r="RCV1017" s="10"/>
      <c r="RCW1017" s="10"/>
      <c r="RCX1017" s="10"/>
      <c r="RCY1017" s="10"/>
      <c r="RCZ1017" s="10"/>
      <c r="RDA1017" s="10"/>
      <c r="RDB1017" s="10"/>
      <c r="RDC1017" s="10"/>
      <c r="RDD1017" s="10"/>
      <c r="RDE1017" s="10"/>
      <c r="RDF1017" s="10"/>
      <c r="RDG1017" s="10"/>
      <c r="RDH1017" s="10"/>
      <c r="RDI1017" s="10"/>
      <c r="RDJ1017" s="10"/>
      <c r="RDK1017" s="10"/>
      <c r="RDL1017" s="10"/>
      <c r="RDM1017" s="10"/>
      <c r="RDN1017" s="10"/>
      <c r="RDO1017" s="10"/>
      <c r="RDP1017" s="10"/>
      <c r="RDQ1017" s="10"/>
      <c r="RDR1017" s="10"/>
      <c r="RDS1017" s="10"/>
      <c r="RDT1017" s="10"/>
      <c r="RDU1017" s="10"/>
      <c r="RDV1017" s="10"/>
      <c r="RDW1017" s="10"/>
      <c r="RDX1017" s="10"/>
      <c r="RDY1017" s="10"/>
      <c r="RDZ1017" s="10"/>
      <c r="REA1017" s="10"/>
      <c r="REB1017" s="10"/>
      <c r="REC1017" s="10"/>
      <c r="RED1017" s="10"/>
      <c r="REE1017" s="10"/>
      <c r="REF1017" s="10"/>
      <c r="REG1017" s="10"/>
      <c r="REH1017" s="10"/>
      <c r="REI1017" s="10"/>
      <c r="REJ1017" s="10"/>
      <c r="REK1017" s="10"/>
      <c r="REL1017" s="10"/>
      <c r="REM1017" s="10"/>
      <c r="REN1017" s="10"/>
      <c r="REO1017" s="10"/>
      <c r="REP1017" s="10"/>
      <c r="REQ1017" s="10"/>
      <c r="RER1017" s="10"/>
      <c r="RES1017" s="10"/>
      <c r="RET1017" s="10"/>
      <c r="REU1017" s="10"/>
      <c r="REV1017" s="10"/>
      <c r="REW1017" s="10"/>
      <c r="REX1017" s="10"/>
      <c r="REY1017" s="10"/>
      <c r="REZ1017" s="10"/>
      <c r="RFA1017" s="10"/>
      <c r="RFB1017" s="10"/>
      <c r="RFC1017" s="10"/>
      <c r="RFD1017" s="10"/>
      <c r="RFE1017" s="10"/>
      <c r="RFF1017" s="10"/>
      <c r="RFG1017" s="10"/>
      <c r="RFH1017" s="10"/>
      <c r="RFI1017" s="10"/>
      <c r="RFJ1017" s="10"/>
      <c r="RFK1017" s="10"/>
      <c r="RFL1017" s="10"/>
      <c r="RFM1017" s="10"/>
      <c r="RFN1017" s="10"/>
      <c r="RFO1017" s="10"/>
      <c r="RFP1017" s="10"/>
      <c r="RFQ1017" s="10"/>
      <c r="RFR1017" s="10"/>
      <c r="RFS1017" s="10"/>
      <c r="RFT1017" s="10"/>
      <c r="RFU1017" s="10"/>
      <c r="RFV1017" s="10"/>
      <c r="RFW1017" s="10"/>
      <c r="RFX1017" s="10"/>
      <c r="RFY1017" s="10"/>
      <c r="RFZ1017" s="10"/>
      <c r="RGA1017" s="10"/>
      <c r="RGB1017" s="10"/>
      <c r="RGC1017" s="10"/>
      <c r="RGD1017" s="10"/>
      <c r="RGE1017" s="10"/>
      <c r="RGF1017" s="10"/>
      <c r="RGG1017" s="10"/>
      <c r="RGH1017" s="10"/>
      <c r="RGI1017" s="10"/>
      <c r="RGJ1017" s="10"/>
      <c r="RGK1017" s="10"/>
      <c r="RGL1017" s="10"/>
      <c r="RGM1017" s="10"/>
      <c r="RGN1017" s="10"/>
      <c r="RGO1017" s="10"/>
      <c r="RGP1017" s="10"/>
      <c r="RGQ1017" s="10"/>
      <c r="RGR1017" s="10"/>
      <c r="RGS1017" s="10"/>
      <c r="RGT1017" s="10"/>
      <c r="RGU1017" s="10"/>
      <c r="RGV1017" s="10"/>
      <c r="RGW1017" s="10"/>
      <c r="RGX1017" s="10"/>
      <c r="RGY1017" s="10"/>
      <c r="RGZ1017" s="10"/>
      <c r="RHA1017" s="10"/>
      <c r="RHB1017" s="10"/>
      <c r="RHC1017" s="10"/>
      <c r="RHD1017" s="10"/>
      <c r="RHE1017" s="10"/>
      <c r="RHF1017" s="10"/>
      <c r="RHG1017" s="10"/>
      <c r="RHH1017" s="10"/>
      <c r="RHI1017" s="10"/>
      <c r="RHJ1017" s="10"/>
      <c r="RHK1017" s="10"/>
      <c r="RHL1017" s="10"/>
      <c r="RHM1017" s="10"/>
      <c r="RHN1017" s="10"/>
      <c r="RHO1017" s="10"/>
      <c r="RHP1017" s="10"/>
      <c r="RHQ1017" s="10"/>
      <c r="RHR1017" s="10"/>
      <c r="RHS1017" s="10"/>
      <c r="RHT1017" s="10"/>
      <c r="RHU1017" s="10"/>
      <c r="RHV1017" s="10"/>
      <c r="RHW1017" s="10"/>
      <c r="RHX1017" s="10"/>
      <c r="RHY1017" s="10"/>
      <c r="RHZ1017" s="10"/>
      <c r="RIA1017" s="10"/>
      <c r="RIB1017" s="10"/>
      <c r="RIC1017" s="10"/>
      <c r="RID1017" s="10"/>
      <c r="RIE1017" s="10"/>
      <c r="RIF1017" s="10"/>
      <c r="RIG1017" s="10"/>
      <c r="RIH1017" s="10"/>
      <c r="RII1017" s="10"/>
      <c r="RIJ1017" s="10"/>
      <c r="RIK1017" s="10"/>
      <c r="RIL1017" s="10"/>
      <c r="RIM1017" s="10"/>
      <c r="RIN1017" s="10"/>
      <c r="RIO1017" s="10"/>
      <c r="RIP1017" s="10"/>
      <c r="RIQ1017" s="10"/>
      <c r="RIR1017" s="10"/>
      <c r="RIS1017" s="10"/>
      <c r="RIT1017" s="10"/>
      <c r="RIU1017" s="10"/>
      <c r="RIV1017" s="10"/>
      <c r="RIW1017" s="10"/>
      <c r="RIX1017" s="10"/>
      <c r="RIY1017" s="10"/>
      <c r="RIZ1017" s="10"/>
      <c r="RJA1017" s="10"/>
      <c r="RJB1017" s="10"/>
      <c r="RJC1017" s="10"/>
      <c r="RJD1017" s="10"/>
      <c r="RJE1017" s="10"/>
      <c r="RJF1017" s="10"/>
      <c r="RJG1017" s="10"/>
      <c r="RJH1017" s="10"/>
      <c r="RJI1017" s="10"/>
      <c r="RJJ1017" s="10"/>
      <c r="RJK1017" s="10"/>
      <c r="RJL1017" s="10"/>
      <c r="RJM1017" s="10"/>
      <c r="RJN1017" s="10"/>
      <c r="RJO1017" s="10"/>
      <c r="RJP1017" s="10"/>
      <c r="RJQ1017" s="10"/>
      <c r="RJR1017" s="10"/>
      <c r="RJS1017" s="10"/>
      <c r="RJT1017" s="10"/>
      <c r="RJU1017" s="10"/>
      <c r="RJV1017" s="10"/>
      <c r="RJW1017" s="10"/>
      <c r="RJX1017" s="10"/>
      <c r="RJY1017" s="10"/>
      <c r="RJZ1017" s="10"/>
      <c r="RKA1017" s="10"/>
      <c r="RKB1017" s="10"/>
      <c r="RKC1017" s="10"/>
      <c r="RKD1017" s="10"/>
      <c r="RKE1017" s="10"/>
      <c r="RKF1017" s="10"/>
      <c r="RKG1017" s="10"/>
      <c r="RKH1017" s="10"/>
      <c r="RKI1017" s="10"/>
      <c r="RKJ1017" s="10"/>
      <c r="RKK1017" s="10"/>
      <c r="RKL1017" s="10"/>
      <c r="RKM1017" s="10"/>
      <c r="RKN1017" s="10"/>
      <c r="RKO1017" s="10"/>
      <c r="RKP1017" s="10"/>
      <c r="RKQ1017" s="10"/>
      <c r="RKR1017" s="10"/>
      <c r="RKS1017" s="10"/>
      <c r="RKT1017" s="10"/>
      <c r="RKU1017" s="10"/>
      <c r="RKV1017" s="10"/>
      <c r="RKW1017" s="10"/>
      <c r="RKX1017" s="10"/>
      <c r="RKY1017" s="10"/>
      <c r="RKZ1017" s="10"/>
      <c r="RLA1017" s="10"/>
      <c r="RLB1017" s="10"/>
      <c r="RLC1017" s="10"/>
      <c r="RLD1017" s="10"/>
      <c r="RLE1017" s="10"/>
      <c r="RLF1017" s="10"/>
      <c r="RLG1017" s="10"/>
      <c r="RLH1017" s="10"/>
      <c r="RLI1017" s="10"/>
      <c r="RLJ1017" s="10"/>
      <c r="RLK1017" s="10"/>
      <c r="RLL1017" s="10"/>
      <c r="RLM1017" s="10"/>
      <c r="RLN1017" s="10"/>
      <c r="RLO1017" s="10"/>
      <c r="RLP1017" s="10"/>
      <c r="RLQ1017" s="10"/>
      <c r="RLR1017" s="10"/>
      <c r="RLS1017" s="10"/>
      <c r="RLT1017" s="10"/>
      <c r="RLU1017" s="10"/>
      <c r="RLV1017" s="10"/>
      <c r="RLW1017" s="10"/>
      <c r="RLX1017" s="10"/>
      <c r="RLY1017" s="10"/>
      <c r="RLZ1017" s="10"/>
      <c r="RMA1017" s="10"/>
      <c r="RMB1017" s="10"/>
      <c r="RMC1017" s="10"/>
      <c r="RMD1017" s="10"/>
      <c r="RME1017" s="10"/>
      <c r="RMF1017" s="10"/>
      <c r="RMG1017" s="10"/>
      <c r="RMH1017" s="10"/>
      <c r="RMI1017" s="10"/>
      <c r="RMJ1017" s="10"/>
      <c r="RMK1017" s="10"/>
      <c r="RML1017" s="10"/>
      <c r="RMM1017" s="10"/>
      <c r="RMN1017" s="10"/>
      <c r="RMO1017" s="10"/>
      <c r="RMP1017" s="10"/>
      <c r="RMQ1017" s="10"/>
      <c r="RMR1017" s="10"/>
      <c r="RMS1017" s="10"/>
      <c r="RMT1017" s="10"/>
      <c r="RMU1017" s="10"/>
      <c r="RMV1017" s="10"/>
      <c r="RMW1017" s="10"/>
      <c r="RMX1017" s="10"/>
      <c r="RMY1017" s="10"/>
      <c r="RMZ1017" s="10"/>
      <c r="RNA1017" s="10"/>
      <c r="RNB1017" s="10"/>
      <c r="RNC1017" s="10"/>
      <c r="RND1017" s="10"/>
      <c r="RNE1017" s="10"/>
      <c r="RNF1017" s="10"/>
      <c r="RNG1017" s="10"/>
      <c r="RNH1017" s="10"/>
      <c r="RNI1017" s="10"/>
      <c r="RNJ1017" s="10"/>
      <c r="RNK1017" s="10"/>
      <c r="RNL1017" s="10"/>
      <c r="RNM1017" s="10"/>
      <c r="RNN1017" s="10"/>
      <c r="RNO1017" s="10"/>
      <c r="RNP1017" s="10"/>
      <c r="RNQ1017" s="10"/>
      <c r="RNR1017" s="10"/>
      <c r="RNS1017" s="10"/>
      <c r="RNT1017" s="10"/>
      <c r="RNU1017" s="10"/>
      <c r="RNV1017" s="10"/>
      <c r="RNW1017" s="10"/>
      <c r="RNX1017" s="10"/>
      <c r="RNY1017" s="10"/>
      <c r="RNZ1017" s="10"/>
      <c r="ROA1017" s="10"/>
      <c r="ROB1017" s="10"/>
      <c r="ROC1017" s="10"/>
      <c r="ROD1017" s="10"/>
      <c r="ROE1017" s="10"/>
      <c r="ROF1017" s="10"/>
      <c r="ROG1017" s="10"/>
      <c r="ROH1017" s="10"/>
      <c r="ROI1017" s="10"/>
      <c r="ROJ1017" s="10"/>
      <c r="ROK1017" s="10"/>
      <c r="ROL1017" s="10"/>
      <c r="ROM1017" s="10"/>
      <c r="RON1017" s="10"/>
      <c r="ROO1017" s="10"/>
      <c r="ROP1017" s="10"/>
      <c r="ROQ1017" s="10"/>
      <c r="ROR1017" s="10"/>
      <c r="ROS1017" s="10"/>
      <c r="ROT1017" s="10"/>
      <c r="ROU1017" s="10"/>
      <c r="ROV1017" s="10"/>
      <c r="ROW1017" s="10"/>
      <c r="ROX1017" s="10"/>
      <c r="ROY1017" s="10"/>
      <c r="ROZ1017" s="10"/>
      <c r="RPA1017" s="10"/>
      <c r="RPB1017" s="10"/>
      <c r="RPC1017" s="10"/>
      <c r="RPD1017" s="10"/>
      <c r="RPE1017" s="10"/>
      <c r="RPF1017" s="10"/>
      <c r="RPG1017" s="10"/>
      <c r="RPH1017" s="10"/>
      <c r="RPI1017" s="10"/>
      <c r="RPJ1017" s="10"/>
      <c r="RPK1017" s="10"/>
      <c r="RPL1017" s="10"/>
      <c r="RPM1017" s="10"/>
      <c r="RPN1017" s="10"/>
      <c r="RPO1017" s="10"/>
      <c r="RPP1017" s="10"/>
      <c r="RPQ1017" s="10"/>
      <c r="RPR1017" s="10"/>
      <c r="RPS1017" s="10"/>
      <c r="RPT1017" s="10"/>
      <c r="RPU1017" s="10"/>
      <c r="RPV1017" s="10"/>
      <c r="RPW1017" s="10"/>
      <c r="RPX1017" s="10"/>
      <c r="RPY1017" s="10"/>
      <c r="RPZ1017" s="10"/>
      <c r="RQA1017" s="10"/>
      <c r="RQB1017" s="10"/>
      <c r="RQC1017" s="10"/>
      <c r="RQD1017" s="10"/>
      <c r="RQE1017" s="10"/>
      <c r="RQF1017" s="10"/>
      <c r="RQG1017" s="10"/>
      <c r="RQH1017" s="10"/>
      <c r="RQI1017" s="10"/>
      <c r="RQJ1017" s="10"/>
      <c r="RQK1017" s="10"/>
      <c r="RQL1017" s="10"/>
      <c r="RQM1017" s="10"/>
      <c r="RQN1017" s="10"/>
      <c r="RQO1017" s="10"/>
      <c r="RQP1017" s="10"/>
      <c r="RQQ1017" s="10"/>
      <c r="RQR1017" s="10"/>
      <c r="RQS1017" s="10"/>
      <c r="RQT1017" s="10"/>
      <c r="RQU1017" s="10"/>
      <c r="RQV1017" s="10"/>
      <c r="RQW1017" s="10"/>
      <c r="RQX1017" s="10"/>
      <c r="RQY1017" s="10"/>
      <c r="RQZ1017" s="10"/>
      <c r="RRA1017" s="10"/>
      <c r="RRB1017" s="10"/>
      <c r="RRC1017" s="10"/>
      <c r="RRD1017" s="10"/>
      <c r="RRE1017" s="10"/>
      <c r="RRF1017" s="10"/>
      <c r="RRG1017" s="10"/>
      <c r="RRH1017" s="10"/>
      <c r="RRI1017" s="10"/>
      <c r="RRJ1017" s="10"/>
      <c r="RRK1017" s="10"/>
      <c r="RRL1017" s="10"/>
      <c r="RRM1017" s="10"/>
      <c r="RRN1017" s="10"/>
      <c r="RRO1017" s="10"/>
      <c r="RRP1017" s="10"/>
      <c r="RRQ1017" s="10"/>
      <c r="RRR1017" s="10"/>
      <c r="RRS1017" s="10"/>
      <c r="RRT1017" s="10"/>
      <c r="RRU1017" s="10"/>
      <c r="RRV1017" s="10"/>
      <c r="RRW1017" s="10"/>
      <c r="RRX1017" s="10"/>
      <c r="RRY1017" s="10"/>
      <c r="RRZ1017" s="10"/>
      <c r="RSA1017" s="10"/>
      <c r="RSB1017" s="10"/>
      <c r="RSC1017" s="10"/>
      <c r="RSD1017" s="10"/>
      <c r="RSE1017" s="10"/>
      <c r="RSF1017" s="10"/>
      <c r="RSG1017" s="10"/>
      <c r="RSH1017" s="10"/>
      <c r="RSI1017" s="10"/>
      <c r="RSJ1017" s="10"/>
      <c r="RSK1017" s="10"/>
      <c r="RSL1017" s="10"/>
      <c r="RSM1017" s="10"/>
      <c r="RSN1017" s="10"/>
      <c r="RSO1017" s="10"/>
      <c r="RSP1017" s="10"/>
      <c r="RSQ1017" s="10"/>
      <c r="RSR1017" s="10"/>
      <c r="RSS1017" s="10"/>
      <c r="RST1017" s="10"/>
      <c r="RSU1017" s="10"/>
      <c r="RSV1017" s="10"/>
      <c r="RSW1017" s="10"/>
      <c r="RSX1017" s="10"/>
      <c r="RSY1017" s="10"/>
      <c r="RSZ1017" s="10"/>
      <c r="RTA1017" s="10"/>
      <c r="RTB1017" s="10"/>
      <c r="RTC1017" s="10"/>
      <c r="RTD1017" s="10"/>
      <c r="RTE1017" s="10"/>
      <c r="RTF1017" s="10"/>
      <c r="RTG1017" s="10"/>
      <c r="RTH1017" s="10"/>
      <c r="RTI1017" s="10"/>
      <c r="RTJ1017" s="10"/>
      <c r="RTK1017" s="10"/>
      <c r="RTL1017" s="10"/>
      <c r="RTM1017" s="10"/>
      <c r="RTN1017" s="10"/>
      <c r="RTO1017" s="10"/>
      <c r="RTP1017" s="10"/>
      <c r="RTQ1017" s="10"/>
      <c r="RTR1017" s="10"/>
      <c r="RTS1017" s="10"/>
      <c r="RTT1017" s="10"/>
      <c r="RTU1017" s="10"/>
      <c r="RTV1017" s="10"/>
      <c r="RTW1017" s="10"/>
      <c r="RTX1017" s="10"/>
      <c r="RTY1017" s="10"/>
      <c r="RTZ1017" s="10"/>
      <c r="RUA1017" s="10"/>
      <c r="RUB1017" s="10"/>
      <c r="RUC1017" s="10"/>
      <c r="RUD1017" s="10"/>
      <c r="RUE1017" s="10"/>
      <c r="RUF1017" s="10"/>
      <c r="RUG1017" s="10"/>
      <c r="RUH1017" s="10"/>
      <c r="RUI1017" s="10"/>
      <c r="RUJ1017" s="10"/>
      <c r="RUK1017" s="10"/>
      <c r="RUL1017" s="10"/>
      <c r="RUM1017" s="10"/>
      <c r="RUN1017" s="10"/>
      <c r="RUO1017" s="10"/>
      <c r="RUP1017" s="10"/>
      <c r="RUQ1017" s="10"/>
      <c r="RUR1017" s="10"/>
      <c r="RUS1017" s="10"/>
      <c r="RUT1017" s="10"/>
      <c r="RUU1017" s="10"/>
      <c r="RUV1017" s="10"/>
      <c r="RUW1017" s="10"/>
      <c r="RUX1017" s="10"/>
      <c r="RUY1017" s="10"/>
      <c r="RUZ1017" s="10"/>
      <c r="RVA1017" s="10"/>
      <c r="RVB1017" s="10"/>
      <c r="RVC1017" s="10"/>
      <c r="RVD1017" s="10"/>
      <c r="RVE1017" s="10"/>
      <c r="RVF1017" s="10"/>
      <c r="RVG1017" s="10"/>
      <c r="RVH1017" s="10"/>
      <c r="RVI1017" s="10"/>
      <c r="RVJ1017" s="10"/>
      <c r="RVK1017" s="10"/>
      <c r="RVL1017" s="10"/>
      <c r="RVM1017" s="10"/>
      <c r="RVN1017" s="10"/>
      <c r="RVO1017" s="10"/>
      <c r="RVP1017" s="10"/>
      <c r="RVQ1017" s="10"/>
      <c r="RVR1017" s="10"/>
      <c r="RVS1017" s="10"/>
      <c r="RVT1017" s="10"/>
      <c r="RVU1017" s="10"/>
      <c r="RVV1017" s="10"/>
      <c r="RVW1017" s="10"/>
      <c r="RVX1017" s="10"/>
      <c r="RVY1017" s="10"/>
      <c r="RVZ1017" s="10"/>
      <c r="RWA1017" s="10"/>
      <c r="RWB1017" s="10"/>
      <c r="RWC1017" s="10"/>
      <c r="RWD1017" s="10"/>
      <c r="RWE1017" s="10"/>
      <c r="RWF1017" s="10"/>
      <c r="RWG1017" s="10"/>
      <c r="RWH1017" s="10"/>
      <c r="RWI1017" s="10"/>
      <c r="RWJ1017" s="10"/>
      <c r="RWK1017" s="10"/>
      <c r="RWL1017" s="10"/>
      <c r="RWM1017" s="10"/>
      <c r="RWN1017" s="10"/>
      <c r="RWO1017" s="10"/>
      <c r="RWP1017" s="10"/>
      <c r="RWQ1017" s="10"/>
      <c r="RWR1017" s="10"/>
      <c r="RWS1017" s="10"/>
      <c r="RWT1017" s="10"/>
      <c r="RWU1017" s="10"/>
      <c r="RWV1017" s="10"/>
      <c r="RWW1017" s="10"/>
      <c r="RWX1017" s="10"/>
      <c r="RWY1017" s="10"/>
      <c r="RWZ1017" s="10"/>
      <c r="RXA1017" s="10"/>
      <c r="RXB1017" s="10"/>
      <c r="RXC1017" s="10"/>
      <c r="RXD1017" s="10"/>
      <c r="RXE1017" s="10"/>
      <c r="RXF1017" s="10"/>
      <c r="RXG1017" s="10"/>
      <c r="RXH1017" s="10"/>
      <c r="RXI1017" s="10"/>
      <c r="RXJ1017" s="10"/>
      <c r="RXK1017" s="10"/>
      <c r="RXL1017" s="10"/>
      <c r="RXM1017" s="10"/>
      <c r="RXN1017" s="10"/>
      <c r="RXO1017" s="10"/>
      <c r="RXP1017" s="10"/>
      <c r="RXQ1017" s="10"/>
      <c r="RXR1017" s="10"/>
      <c r="RXS1017" s="10"/>
      <c r="RXT1017" s="10"/>
      <c r="RXU1017" s="10"/>
      <c r="RXV1017" s="10"/>
      <c r="RXW1017" s="10"/>
      <c r="RXX1017" s="10"/>
      <c r="RXY1017" s="10"/>
      <c r="RXZ1017" s="10"/>
      <c r="RYA1017" s="10"/>
      <c r="RYB1017" s="10"/>
      <c r="RYC1017" s="10"/>
      <c r="RYD1017" s="10"/>
      <c r="RYE1017" s="10"/>
      <c r="RYF1017" s="10"/>
      <c r="RYG1017" s="10"/>
      <c r="RYH1017" s="10"/>
      <c r="RYI1017" s="10"/>
      <c r="RYJ1017" s="10"/>
      <c r="RYK1017" s="10"/>
      <c r="RYL1017" s="10"/>
      <c r="RYM1017" s="10"/>
      <c r="RYN1017" s="10"/>
      <c r="RYO1017" s="10"/>
      <c r="RYP1017" s="10"/>
      <c r="RYQ1017" s="10"/>
      <c r="RYR1017" s="10"/>
      <c r="RYS1017" s="10"/>
      <c r="RYT1017" s="10"/>
      <c r="RYU1017" s="10"/>
      <c r="RYV1017" s="10"/>
      <c r="RYW1017" s="10"/>
      <c r="RYX1017" s="10"/>
      <c r="RYY1017" s="10"/>
      <c r="RYZ1017" s="10"/>
      <c r="RZA1017" s="10"/>
      <c r="RZB1017" s="10"/>
      <c r="RZC1017" s="10"/>
      <c r="RZD1017" s="10"/>
      <c r="RZE1017" s="10"/>
      <c r="RZF1017" s="10"/>
      <c r="RZG1017" s="10"/>
      <c r="RZH1017" s="10"/>
      <c r="RZI1017" s="10"/>
      <c r="RZJ1017" s="10"/>
      <c r="RZK1017" s="10"/>
      <c r="RZL1017" s="10"/>
      <c r="RZM1017" s="10"/>
      <c r="RZN1017" s="10"/>
      <c r="RZO1017" s="10"/>
      <c r="RZP1017" s="10"/>
      <c r="RZQ1017" s="10"/>
      <c r="RZR1017" s="10"/>
      <c r="RZS1017" s="10"/>
      <c r="RZT1017" s="10"/>
      <c r="RZU1017" s="10"/>
      <c r="RZV1017" s="10"/>
      <c r="RZW1017" s="10"/>
      <c r="RZX1017" s="10"/>
      <c r="RZY1017" s="10"/>
      <c r="RZZ1017" s="10"/>
      <c r="SAA1017" s="10"/>
      <c r="SAB1017" s="10"/>
      <c r="SAC1017" s="10"/>
      <c r="SAD1017" s="10"/>
      <c r="SAE1017" s="10"/>
      <c r="SAF1017" s="10"/>
      <c r="SAG1017" s="10"/>
      <c r="SAH1017" s="10"/>
      <c r="SAI1017" s="10"/>
      <c r="SAJ1017" s="10"/>
      <c r="SAK1017" s="10"/>
      <c r="SAL1017" s="10"/>
      <c r="SAM1017" s="10"/>
      <c r="SAN1017" s="10"/>
      <c r="SAO1017" s="10"/>
      <c r="SAP1017" s="10"/>
      <c r="SAQ1017" s="10"/>
      <c r="SAR1017" s="10"/>
      <c r="SAS1017" s="10"/>
      <c r="SAT1017" s="10"/>
      <c r="SAU1017" s="10"/>
      <c r="SAV1017" s="10"/>
      <c r="SAW1017" s="10"/>
      <c r="SAX1017" s="10"/>
      <c r="SAY1017" s="10"/>
      <c r="SAZ1017" s="10"/>
      <c r="SBA1017" s="10"/>
      <c r="SBB1017" s="10"/>
      <c r="SBC1017" s="10"/>
      <c r="SBD1017" s="10"/>
      <c r="SBE1017" s="10"/>
      <c r="SBF1017" s="10"/>
      <c r="SBG1017" s="10"/>
      <c r="SBH1017" s="10"/>
      <c r="SBI1017" s="10"/>
      <c r="SBJ1017" s="10"/>
      <c r="SBK1017" s="10"/>
      <c r="SBL1017" s="10"/>
      <c r="SBM1017" s="10"/>
      <c r="SBN1017" s="10"/>
      <c r="SBO1017" s="10"/>
      <c r="SBP1017" s="10"/>
      <c r="SBQ1017" s="10"/>
      <c r="SBR1017" s="10"/>
      <c r="SBS1017" s="10"/>
      <c r="SBT1017" s="10"/>
      <c r="SBU1017" s="10"/>
      <c r="SBV1017" s="10"/>
      <c r="SBW1017" s="10"/>
      <c r="SBX1017" s="10"/>
      <c r="SBY1017" s="10"/>
      <c r="SBZ1017" s="10"/>
      <c r="SCA1017" s="10"/>
      <c r="SCB1017" s="10"/>
      <c r="SCC1017" s="10"/>
      <c r="SCD1017" s="10"/>
      <c r="SCE1017" s="10"/>
      <c r="SCF1017" s="10"/>
      <c r="SCG1017" s="10"/>
      <c r="SCH1017" s="10"/>
      <c r="SCI1017" s="10"/>
      <c r="SCJ1017" s="10"/>
      <c r="SCK1017" s="10"/>
      <c r="SCL1017" s="10"/>
      <c r="SCM1017" s="10"/>
      <c r="SCN1017" s="10"/>
      <c r="SCO1017" s="10"/>
      <c r="SCP1017" s="10"/>
      <c r="SCQ1017" s="10"/>
      <c r="SCR1017" s="10"/>
      <c r="SCS1017" s="10"/>
      <c r="SCT1017" s="10"/>
      <c r="SCU1017" s="10"/>
      <c r="SCV1017" s="10"/>
      <c r="SCW1017" s="10"/>
      <c r="SCX1017" s="10"/>
      <c r="SCY1017" s="10"/>
      <c r="SCZ1017" s="10"/>
      <c r="SDA1017" s="10"/>
      <c r="SDB1017" s="10"/>
      <c r="SDC1017" s="10"/>
      <c r="SDD1017" s="10"/>
      <c r="SDE1017" s="10"/>
      <c r="SDF1017" s="10"/>
      <c r="SDG1017" s="10"/>
      <c r="SDH1017" s="10"/>
      <c r="SDI1017" s="10"/>
      <c r="SDJ1017" s="10"/>
      <c r="SDK1017" s="10"/>
      <c r="SDL1017" s="10"/>
      <c r="SDM1017" s="10"/>
      <c r="SDN1017" s="10"/>
      <c r="SDO1017" s="10"/>
      <c r="SDP1017" s="10"/>
      <c r="SDQ1017" s="10"/>
      <c r="SDR1017" s="10"/>
      <c r="SDS1017" s="10"/>
      <c r="SDT1017" s="10"/>
      <c r="SDU1017" s="10"/>
      <c r="SDV1017" s="10"/>
      <c r="SDW1017" s="10"/>
      <c r="SDX1017" s="10"/>
      <c r="SDY1017" s="10"/>
      <c r="SDZ1017" s="10"/>
      <c r="SEA1017" s="10"/>
      <c r="SEB1017" s="10"/>
      <c r="SEC1017" s="10"/>
      <c r="SED1017" s="10"/>
      <c r="SEE1017" s="10"/>
      <c r="SEF1017" s="10"/>
      <c r="SEG1017" s="10"/>
      <c r="SEH1017" s="10"/>
      <c r="SEI1017" s="10"/>
      <c r="SEJ1017" s="10"/>
      <c r="SEK1017" s="10"/>
      <c r="SEL1017" s="10"/>
      <c r="SEM1017" s="10"/>
      <c r="SEN1017" s="10"/>
      <c r="SEO1017" s="10"/>
      <c r="SEP1017" s="10"/>
      <c r="SEQ1017" s="10"/>
      <c r="SER1017" s="10"/>
      <c r="SES1017" s="10"/>
      <c r="SET1017" s="10"/>
      <c r="SEU1017" s="10"/>
      <c r="SEV1017" s="10"/>
      <c r="SEW1017" s="10"/>
      <c r="SEX1017" s="10"/>
      <c r="SEY1017" s="10"/>
      <c r="SEZ1017" s="10"/>
      <c r="SFA1017" s="10"/>
      <c r="SFB1017" s="10"/>
      <c r="SFC1017" s="10"/>
      <c r="SFD1017" s="10"/>
      <c r="SFE1017" s="10"/>
      <c r="SFF1017" s="10"/>
      <c r="SFG1017" s="10"/>
      <c r="SFH1017" s="10"/>
      <c r="SFI1017" s="10"/>
      <c r="SFJ1017" s="10"/>
      <c r="SFK1017" s="10"/>
      <c r="SFL1017" s="10"/>
      <c r="SFM1017" s="10"/>
      <c r="SFN1017" s="10"/>
      <c r="SFO1017" s="10"/>
      <c r="SFP1017" s="10"/>
      <c r="SFQ1017" s="10"/>
      <c r="SFR1017" s="10"/>
      <c r="SFS1017" s="10"/>
      <c r="SFT1017" s="10"/>
      <c r="SFU1017" s="10"/>
      <c r="SFV1017" s="10"/>
      <c r="SFW1017" s="10"/>
      <c r="SFX1017" s="10"/>
      <c r="SFY1017" s="10"/>
      <c r="SFZ1017" s="10"/>
      <c r="SGA1017" s="10"/>
      <c r="SGB1017" s="10"/>
      <c r="SGC1017" s="10"/>
      <c r="SGD1017" s="10"/>
      <c r="SGE1017" s="10"/>
      <c r="SGF1017" s="10"/>
      <c r="SGG1017" s="10"/>
      <c r="SGH1017" s="10"/>
      <c r="SGI1017" s="10"/>
      <c r="SGJ1017" s="10"/>
      <c r="SGK1017" s="10"/>
      <c r="SGL1017" s="10"/>
      <c r="SGM1017" s="10"/>
      <c r="SGN1017" s="10"/>
      <c r="SGO1017" s="10"/>
      <c r="SGP1017" s="10"/>
      <c r="SGQ1017" s="10"/>
      <c r="SGR1017" s="10"/>
      <c r="SGS1017" s="10"/>
      <c r="SGT1017" s="10"/>
      <c r="SGU1017" s="10"/>
      <c r="SGV1017" s="10"/>
      <c r="SGW1017" s="10"/>
      <c r="SGX1017" s="10"/>
      <c r="SGY1017" s="10"/>
      <c r="SGZ1017" s="10"/>
      <c r="SHA1017" s="10"/>
      <c r="SHB1017" s="10"/>
      <c r="SHC1017" s="10"/>
      <c r="SHD1017" s="10"/>
      <c r="SHE1017" s="10"/>
      <c r="SHF1017" s="10"/>
      <c r="SHG1017" s="10"/>
      <c r="SHH1017" s="10"/>
      <c r="SHI1017" s="10"/>
      <c r="SHJ1017" s="10"/>
      <c r="SHK1017" s="10"/>
      <c r="SHL1017" s="10"/>
      <c r="SHM1017" s="10"/>
      <c r="SHN1017" s="10"/>
      <c r="SHO1017" s="10"/>
      <c r="SHP1017" s="10"/>
      <c r="SHQ1017" s="10"/>
      <c r="SHR1017" s="10"/>
      <c r="SHS1017" s="10"/>
      <c r="SHT1017" s="10"/>
      <c r="SHU1017" s="10"/>
      <c r="SHV1017" s="10"/>
      <c r="SHW1017" s="10"/>
      <c r="SHX1017" s="10"/>
      <c r="SHY1017" s="10"/>
      <c r="SHZ1017" s="10"/>
      <c r="SIA1017" s="10"/>
      <c r="SIB1017" s="10"/>
      <c r="SIC1017" s="10"/>
      <c r="SID1017" s="10"/>
      <c r="SIE1017" s="10"/>
      <c r="SIF1017" s="10"/>
      <c r="SIG1017" s="10"/>
      <c r="SIH1017" s="10"/>
      <c r="SII1017" s="10"/>
      <c r="SIJ1017" s="10"/>
      <c r="SIK1017" s="10"/>
      <c r="SIL1017" s="10"/>
      <c r="SIM1017" s="10"/>
      <c r="SIN1017" s="10"/>
      <c r="SIO1017" s="10"/>
      <c r="SIP1017" s="10"/>
      <c r="SIQ1017" s="10"/>
      <c r="SIR1017" s="10"/>
      <c r="SIS1017" s="10"/>
      <c r="SIT1017" s="10"/>
      <c r="SIU1017" s="10"/>
      <c r="SIV1017" s="10"/>
      <c r="SIW1017" s="10"/>
      <c r="SIX1017" s="10"/>
      <c r="SIY1017" s="10"/>
      <c r="SIZ1017" s="10"/>
      <c r="SJA1017" s="10"/>
      <c r="SJB1017" s="10"/>
      <c r="SJC1017" s="10"/>
      <c r="SJD1017" s="10"/>
      <c r="SJE1017" s="10"/>
      <c r="SJF1017" s="10"/>
      <c r="SJG1017" s="10"/>
      <c r="SJH1017" s="10"/>
      <c r="SJI1017" s="10"/>
      <c r="SJJ1017" s="10"/>
      <c r="SJK1017" s="10"/>
      <c r="SJL1017" s="10"/>
      <c r="SJM1017" s="10"/>
      <c r="SJN1017" s="10"/>
      <c r="SJO1017" s="10"/>
      <c r="SJP1017" s="10"/>
      <c r="SJQ1017" s="10"/>
      <c r="SJR1017" s="10"/>
      <c r="SJS1017" s="10"/>
      <c r="SJT1017" s="10"/>
      <c r="SJU1017" s="10"/>
      <c r="SJV1017" s="10"/>
      <c r="SJW1017" s="10"/>
      <c r="SJX1017" s="10"/>
      <c r="SJY1017" s="10"/>
      <c r="SJZ1017" s="10"/>
      <c r="SKA1017" s="10"/>
      <c r="SKB1017" s="10"/>
      <c r="SKC1017" s="10"/>
      <c r="SKD1017" s="10"/>
      <c r="SKE1017" s="10"/>
      <c r="SKF1017" s="10"/>
      <c r="SKG1017" s="10"/>
      <c r="SKH1017" s="10"/>
      <c r="SKI1017" s="10"/>
      <c r="SKJ1017" s="10"/>
      <c r="SKK1017" s="10"/>
      <c r="SKL1017" s="10"/>
      <c r="SKM1017" s="10"/>
      <c r="SKN1017" s="10"/>
      <c r="SKO1017" s="10"/>
      <c r="SKP1017" s="10"/>
      <c r="SKQ1017" s="10"/>
      <c r="SKR1017" s="10"/>
      <c r="SKS1017" s="10"/>
      <c r="SKT1017" s="10"/>
      <c r="SKU1017" s="10"/>
      <c r="SKV1017" s="10"/>
      <c r="SKW1017" s="10"/>
      <c r="SKX1017" s="10"/>
      <c r="SKY1017" s="10"/>
      <c r="SKZ1017" s="10"/>
      <c r="SLA1017" s="10"/>
      <c r="SLB1017" s="10"/>
      <c r="SLC1017" s="10"/>
      <c r="SLD1017" s="10"/>
      <c r="SLE1017" s="10"/>
      <c r="SLF1017" s="10"/>
      <c r="SLG1017" s="10"/>
      <c r="SLH1017" s="10"/>
      <c r="SLI1017" s="10"/>
      <c r="SLJ1017" s="10"/>
      <c r="SLK1017" s="10"/>
      <c r="SLL1017" s="10"/>
      <c r="SLM1017" s="10"/>
      <c r="SLN1017" s="10"/>
      <c r="SLO1017" s="10"/>
      <c r="SLP1017" s="10"/>
      <c r="SLQ1017" s="10"/>
      <c r="SLR1017" s="10"/>
      <c r="SLS1017" s="10"/>
      <c r="SLT1017" s="10"/>
      <c r="SLU1017" s="10"/>
      <c r="SLV1017" s="10"/>
      <c r="SLW1017" s="10"/>
      <c r="SLX1017" s="10"/>
      <c r="SLY1017" s="10"/>
      <c r="SLZ1017" s="10"/>
      <c r="SMA1017" s="10"/>
      <c r="SMB1017" s="10"/>
      <c r="SMC1017" s="10"/>
      <c r="SMD1017" s="10"/>
      <c r="SME1017" s="10"/>
      <c r="SMF1017" s="10"/>
      <c r="SMG1017" s="10"/>
      <c r="SMH1017" s="10"/>
      <c r="SMI1017" s="10"/>
      <c r="SMJ1017" s="10"/>
      <c r="SMK1017" s="10"/>
      <c r="SML1017" s="10"/>
      <c r="SMM1017" s="10"/>
      <c r="SMN1017" s="10"/>
      <c r="SMO1017" s="10"/>
      <c r="SMP1017" s="10"/>
      <c r="SMQ1017" s="10"/>
      <c r="SMR1017" s="10"/>
      <c r="SMS1017" s="10"/>
      <c r="SMT1017" s="10"/>
      <c r="SMU1017" s="10"/>
      <c r="SMV1017" s="10"/>
      <c r="SMW1017" s="10"/>
      <c r="SMX1017" s="10"/>
      <c r="SMY1017" s="10"/>
      <c r="SMZ1017" s="10"/>
      <c r="SNA1017" s="10"/>
      <c r="SNB1017" s="10"/>
      <c r="SNC1017" s="10"/>
      <c r="SND1017" s="10"/>
      <c r="SNE1017" s="10"/>
      <c r="SNF1017" s="10"/>
      <c r="SNG1017" s="10"/>
      <c r="SNH1017" s="10"/>
      <c r="SNI1017" s="10"/>
      <c r="SNJ1017" s="10"/>
      <c r="SNK1017" s="10"/>
      <c r="SNL1017" s="10"/>
      <c r="SNM1017" s="10"/>
      <c r="SNN1017" s="10"/>
      <c r="SNO1017" s="10"/>
      <c r="SNP1017" s="10"/>
      <c r="SNQ1017" s="10"/>
      <c r="SNR1017" s="10"/>
      <c r="SNS1017" s="10"/>
      <c r="SNT1017" s="10"/>
      <c r="SNU1017" s="10"/>
      <c r="SNV1017" s="10"/>
      <c r="SNW1017" s="10"/>
      <c r="SNX1017" s="10"/>
      <c r="SNY1017" s="10"/>
      <c r="SNZ1017" s="10"/>
      <c r="SOA1017" s="10"/>
      <c r="SOB1017" s="10"/>
      <c r="SOC1017" s="10"/>
      <c r="SOD1017" s="10"/>
      <c r="SOE1017" s="10"/>
      <c r="SOF1017" s="10"/>
      <c r="SOG1017" s="10"/>
      <c r="SOH1017" s="10"/>
      <c r="SOI1017" s="10"/>
      <c r="SOJ1017" s="10"/>
      <c r="SOK1017" s="10"/>
      <c r="SOL1017" s="10"/>
      <c r="SOM1017" s="10"/>
      <c r="SON1017" s="10"/>
      <c r="SOO1017" s="10"/>
      <c r="SOP1017" s="10"/>
      <c r="SOQ1017" s="10"/>
      <c r="SOR1017" s="10"/>
      <c r="SOS1017" s="10"/>
      <c r="SOT1017" s="10"/>
      <c r="SOU1017" s="10"/>
      <c r="SOV1017" s="10"/>
      <c r="SOW1017" s="10"/>
      <c r="SOX1017" s="10"/>
      <c r="SOY1017" s="10"/>
      <c r="SOZ1017" s="10"/>
      <c r="SPA1017" s="10"/>
      <c r="SPB1017" s="10"/>
      <c r="SPC1017" s="10"/>
      <c r="SPD1017" s="10"/>
      <c r="SPE1017" s="10"/>
      <c r="SPF1017" s="10"/>
      <c r="SPG1017" s="10"/>
      <c r="SPH1017" s="10"/>
      <c r="SPI1017" s="10"/>
      <c r="SPJ1017" s="10"/>
      <c r="SPK1017" s="10"/>
      <c r="SPL1017" s="10"/>
      <c r="SPM1017" s="10"/>
      <c r="SPN1017" s="10"/>
      <c r="SPO1017" s="10"/>
      <c r="SPP1017" s="10"/>
      <c r="SPQ1017" s="10"/>
      <c r="SPR1017" s="10"/>
      <c r="SPS1017" s="10"/>
      <c r="SPT1017" s="10"/>
      <c r="SPU1017" s="10"/>
      <c r="SPV1017" s="10"/>
      <c r="SPW1017" s="10"/>
      <c r="SPX1017" s="10"/>
      <c r="SPY1017" s="10"/>
      <c r="SPZ1017" s="10"/>
      <c r="SQA1017" s="10"/>
      <c r="SQB1017" s="10"/>
      <c r="SQC1017" s="10"/>
      <c r="SQD1017" s="10"/>
      <c r="SQE1017" s="10"/>
      <c r="SQF1017" s="10"/>
      <c r="SQG1017" s="10"/>
      <c r="SQH1017" s="10"/>
      <c r="SQI1017" s="10"/>
      <c r="SQJ1017" s="10"/>
      <c r="SQK1017" s="10"/>
      <c r="SQL1017" s="10"/>
      <c r="SQM1017" s="10"/>
      <c r="SQN1017" s="10"/>
      <c r="SQO1017" s="10"/>
      <c r="SQP1017" s="10"/>
      <c r="SQQ1017" s="10"/>
      <c r="SQR1017" s="10"/>
      <c r="SQS1017" s="10"/>
      <c r="SQT1017" s="10"/>
      <c r="SQU1017" s="10"/>
      <c r="SQV1017" s="10"/>
      <c r="SQW1017" s="10"/>
      <c r="SQX1017" s="10"/>
      <c r="SQY1017" s="10"/>
      <c r="SQZ1017" s="10"/>
      <c r="SRA1017" s="10"/>
      <c r="SRB1017" s="10"/>
      <c r="SRC1017" s="10"/>
      <c r="SRD1017" s="10"/>
      <c r="SRE1017" s="10"/>
      <c r="SRF1017" s="10"/>
      <c r="SRG1017" s="10"/>
      <c r="SRH1017" s="10"/>
      <c r="SRI1017" s="10"/>
      <c r="SRJ1017" s="10"/>
      <c r="SRK1017" s="10"/>
      <c r="SRL1017" s="10"/>
      <c r="SRM1017" s="10"/>
      <c r="SRN1017" s="10"/>
      <c r="SRO1017" s="10"/>
      <c r="SRP1017" s="10"/>
      <c r="SRQ1017" s="10"/>
      <c r="SRR1017" s="10"/>
      <c r="SRS1017" s="10"/>
      <c r="SRT1017" s="10"/>
      <c r="SRU1017" s="10"/>
      <c r="SRV1017" s="10"/>
      <c r="SRW1017" s="10"/>
      <c r="SRX1017" s="10"/>
      <c r="SRY1017" s="10"/>
      <c r="SRZ1017" s="10"/>
      <c r="SSA1017" s="10"/>
      <c r="SSB1017" s="10"/>
      <c r="SSC1017" s="10"/>
      <c r="SSD1017" s="10"/>
      <c r="SSE1017" s="10"/>
      <c r="SSF1017" s="10"/>
      <c r="SSG1017" s="10"/>
      <c r="SSH1017" s="10"/>
      <c r="SSI1017" s="10"/>
      <c r="SSJ1017" s="10"/>
      <c r="SSK1017" s="10"/>
      <c r="SSL1017" s="10"/>
      <c r="SSM1017" s="10"/>
      <c r="SSN1017" s="10"/>
      <c r="SSO1017" s="10"/>
      <c r="SSP1017" s="10"/>
      <c r="SSQ1017" s="10"/>
      <c r="SSR1017" s="10"/>
      <c r="SSS1017" s="10"/>
      <c r="SST1017" s="10"/>
      <c r="SSU1017" s="10"/>
      <c r="SSV1017" s="10"/>
      <c r="SSW1017" s="10"/>
      <c r="SSX1017" s="10"/>
      <c r="SSY1017" s="10"/>
      <c r="SSZ1017" s="10"/>
      <c r="STA1017" s="10"/>
      <c r="STB1017" s="10"/>
      <c r="STC1017" s="10"/>
      <c r="STD1017" s="10"/>
      <c r="STE1017" s="10"/>
      <c r="STF1017" s="10"/>
      <c r="STG1017" s="10"/>
      <c r="STH1017" s="10"/>
      <c r="STI1017" s="10"/>
      <c r="STJ1017" s="10"/>
      <c r="STK1017" s="10"/>
      <c r="STL1017" s="10"/>
      <c r="STM1017" s="10"/>
      <c r="STN1017" s="10"/>
      <c r="STO1017" s="10"/>
      <c r="STP1017" s="10"/>
      <c r="STQ1017" s="10"/>
      <c r="STR1017" s="10"/>
      <c r="STS1017" s="10"/>
      <c r="STT1017" s="10"/>
      <c r="STU1017" s="10"/>
      <c r="STV1017" s="10"/>
      <c r="STW1017" s="10"/>
      <c r="STX1017" s="10"/>
      <c r="STY1017" s="10"/>
      <c r="STZ1017" s="10"/>
      <c r="SUA1017" s="10"/>
      <c r="SUB1017" s="10"/>
      <c r="SUC1017" s="10"/>
      <c r="SUD1017" s="10"/>
      <c r="SUE1017" s="10"/>
      <c r="SUF1017" s="10"/>
      <c r="SUG1017" s="10"/>
      <c r="SUH1017" s="10"/>
      <c r="SUI1017" s="10"/>
      <c r="SUJ1017" s="10"/>
      <c r="SUK1017" s="10"/>
      <c r="SUL1017" s="10"/>
      <c r="SUM1017" s="10"/>
      <c r="SUN1017" s="10"/>
      <c r="SUO1017" s="10"/>
      <c r="SUP1017" s="10"/>
      <c r="SUQ1017" s="10"/>
      <c r="SUR1017" s="10"/>
      <c r="SUS1017" s="10"/>
      <c r="SUT1017" s="10"/>
      <c r="SUU1017" s="10"/>
      <c r="SUV1017" s="10"/>
      <c r="SUW1017" s="10"/>
      <c r="SUX1017" s="10"/>
      <c r="SUY1017" s="10"/>
      <c r="SUZ1017" s="10"/>
      <c r="SVA1017" s="10"/>
      <c r="SVB1017" s="10"/>
      <c r="SVC1017" s="10"/>
      <c r="SVD1017" s="10"/>
      <c r="SVE1017" s="10"/>
      <c r="SVF1017" s="10"/>
      <c r="SVG1017" s="10"/>
      <c r="SVH1017" s="10"/>
      <c r="SVI1017" s="10"/>
      <c r="SVJ1017" s="10"/>
      <c r="SVK1017" s="10"/>
      <c r="SVL1017" s="10"/>
      <c r="SVM1017" s="10"/>
      <c r="SVN1017" s="10"/>
      <c r="SVO1017" s="10"/>
      <c r="SVP1017" s="10"/>
      <c r="SVQ1017" s="10"/>
      <c r="SVR1017" s="10"/>
      <c r="SVS1017" s="10"/>
      <c r="SVT1017" s="10"/>
      <c r="SVU1017" s="10"/>
      <c r="SVV1017" s="10"/>
      <c r="SVW1017" s="10"/>
      <c r="SVX1017" s="10"/>
      <c r="SVY1017" s="10"/>
      <c r="SVZ1017" s="10"/>
      <c r="SWA1017" s="10"/>
      <c r="SWB1017" s="10"/>
      <c r="SWC1017" s="10"/>
      <c r="SWD1017" s="10"/>
      <c r="SWE1017" s="10"/>
      <c r="SWF1017" s="10"/>
      <c r="SWG1017" s="10"/>
      <c r="SWH1017" s="10"/>
      <c r="SWI1017" s="10"/>
      <c r="SWJ1017" s="10"/>
      <c r="SWK1017" s="10"/>
      <c r="SWL1017" s="10"/>
      <c r="SWM1017" s="10"/>
      <c r="SWN1017" s="10"/>
      <c r="SWO1017" s="10"/>
      <c r="SWP1017" s="10"/>
      <c r="SWQ1017" s="10"/>
      <c r="SWR1017" s="10"/>
      <c r="SWS1017" s="10"/>
      <c r="SWT1017" s="10"/>
      <c r="SWU1017" s="10"/>
      <c r="SWV1017" s="10"/>
      <c r="SWW1017" s="10"/>
      <c r="SWX1017" s="10"/>
      <c r="SWY1017" s="10"/>
      <c r="SWZ1017" s="10"/>
      <c r="SXA1017" s="10"/>
      <c r="SXB1017" s="10"/>
      <c r="SXC1017" s="10"/>
      <c r="SXD1017" s="10"/>
      <c r="SXE1017" s="10"/>
      <c r="SXF1017" s="10"/>
      <c r="SXG1017" s="10"/>
      <c r="SXH1017" s="10"/>
      <c r="SXI1017" s="10"/>
      <c r="SXJ1017" s="10"/>
      <c r="SXK1017" s="10"/>
      <c r="SXL1017" s="10"/>
      <c r="SXM1017" s="10"/>
      <c r="SXN1017" s="10"/>
      <c r="SXO1017" s="10"/>
      <c r="SXP1017" s="10"/>
      <c r="SXQ1017" s="10"/>
      <c r="SXR1017" s="10"/>
      <c r="SXS1017" s="10"/>
      <c r="SXT1017" s="10"/>
      <c r="SXU1017" s="10"/>
      <c r="SXV1017" s="10"/>
      <c r="SXW1017" s="10"/>
      <c r="SXX1017" s="10"/>
      <c r="SXY1017" s="10"/>
      <c r="SXZ1017" s="10"/>
      <c r="SYA1017" s="10"/>
      <c r="SYB1017" s="10"/>
      <c r="SYC1017" s="10"/>
      <c r="SYD1017" s="10"/>
      <c r="SYE1017" s="10"/>
      <c r="SYF1017" s="10"/>
      <c r="SYG1017" s="10"/>
      <c r="SYH1017" s="10"/>
      <c r="SYI1017" s="10"/>
      <c r="SYJ1017" s="10"/>
      <c r="SYK1017" s="10"/>
      <c r="SYL1017" s="10"/>
      <c r="SYM1017" s="10"/>
      <c r="SYN1017" s="10"/>
      <c r="SYO1017" s="10"/>
      <c r="SYP1017" s="10"/>
      <c r="SYQ1017" s="10"/>
      <c r="SYR1017" s="10"/>
      <c r="SYS1017" s="10"/>
      <c r="SYT1017" s="10"/>
      <c r="SYU1017" s="10"/>
      <c r="SYV1017" s="10"/>
      <c r="SYW1017" s="10"/>
      <c r="SYX1017" s="10"/>
      <c r="SYY1017" s="10"/>
      <c r="SYZ1017" s="10"/>
      <c r="SZA1017" s="10"/>
      <c r="SZB1017" s="10"/>
      <c r="SZC1017" s="10"/>
      <c r="SZD1017" s="10"/>
      <c r="SZE1017" s="10"/>
      <c r="SZF1017" s="10"/>
      <c r="SZG1017" s="10"/>
      <c r="SZH1017" s="10"/>
      <c r="SZI1017" s="10"/>
      <c r="SZJ1017" s="10"/>
      <c r="SZK1017" s="10"/>
      <c r="SZL1017" s="10"/>
      <c r="SZM1017" s="10"/>
      <c r="SZN1017" s="10"/>
      <c r="SZO1017" s="10"/>
      <c r="SZP1017" s="10"/>
      <c r="SZQ1017" s="10"/>
      <c r="SZR1017" s="10"/>
      <c r="SZS1017" s="10"/>
      <c r="SZT1017" s="10"/>
      <c r="SZU1017" s="10"/>
      <c r="SZV1017" s="10"/>
      <c r="SZW1017" s="10"/>
      <c r="SZX1017" s="10"/>
      <c r="SZY1017" s="10"/>
      <c r="SZZ1017" s="10"/>
      <c r="TAA1017" s="10"/>
      <c r="TAB1017" s="10"/>
      <c r="TAC1017" s="10"/>
      <c r="TAD1017" s="10"/>
      <c r="TAE1017" s="10"/>
      <c r="TAF1017" s="10"/>
      <c r="TAG1017" s="10"/>
      <c r="TAH1017" s="10"/>
      <c r="TAI1017" s="10"/>
      <c r="TAJ1017" s="10"/>
      <c r="TAK1017" s="10"/>
      <c r="TAL1017" s="10"/>
      <c r="TAM1017" s="10"/>
      <c r="TAN1017" s="10"/>
      <c r="TAO1017" s="10"/>
      <c r="TAP1017" s="10"/>
      <c r="TAQ1017" s="10"/>
      <c r="TAR1017" s="10"/>
      <c r="TAS1017" s="10"/>
      <c r="TAT1017" s="10"/>
      <c r="TAU1017" s="10"/>
      <c r="TAV1017" s="10"/>
      <c r="TAW1017" s="10"/>
      <c r="TAX1017" s="10"/>
      <c r="TAY1017" s="10"/>
      <c r="TAZ1017" s="10"/>
      <c r="TBA1017" s="10"/>
      <c r="TBB1017" s="10"/>
      <c r="TBC1017" s="10"/>
      <c r="TBD1017" s="10"/>
      <c r="TBE1017" s="10"/>
      <c r="TBF1017" s="10"/>
      <c r="TBG1017" s="10"/>
      <c r="TBH1017" s="10"/>
      <c r="TBI1017" s="10"/>
      <c r="TBJ1017" s="10"/>
      <c r="TBK1017" s="10"/>
      <c r="TBL1017" s="10"/>
      <c r="TBM1017" s="10"/>
      <c r="TBN1017" s="10"/>
      <c r="TBO1017" s="10"/>
      <c r="TBP1017" s="10"/>
      <c r="TBQ1017" s="10"/>
      <c r="TBR1017" s="10"/>
      <c r="TBS1017" s="10"/>
      <c r="TBT1017" s="10"/>
      <c r="TBU1017" s="10"/>
      <c r="TBV1017" s="10"/>
      <c r="TBW1017" s="10"/>
      <c r="TBX1017" s="10"/>
      <c r="TBY1017" s="10"/>
      <c r="TBZ1017" s="10"/>
      <c r="TCA1017" s="10"/>
      <c r="TCB1017" s="10"/>
      <c r="TCC1017" s="10"/>
      <c r="TCD1017" s="10"/>
      <c r="TCE1017" s="10"/>
      <c r="TCF1017" s="10"/>
      <c r="TCG1017" s="10"/>
      <c r="TCH1017" s="10"/>
      <c r="TCI1017" s="10"/>
      <c r="TCJ1017" s="10"/>
      <c r="TCK1017" s="10"/>
      <c r="TCL1017" s="10"/>
      <c r="TCM1017" s="10"/>
      <c r="TCN1017" s="10"/>
      <c r="TCO1017" s="10"/>
      <c r="TCP1017" s="10"/>
      <c r="TCQ1017" s="10"/>
      <c r="TCR1017" s="10"/>
      <c r="TCS1017" s="10"/>
      <c r="TCT1017" s="10"/>
      <c r="TCU1017" s="10"/>
      <c r="TCV1017" s="10"/>
      <c r="TCW1017" s="10"/>
      <c r="TCX1017" s="10"/>
      <c r="TCY1017" s="10"/>
      <c r="TCZ1017" s="10"/>
      <c r="TDA1017" s="10"/>
      <c r="TDB1017" s="10"/>
      <c r="TDC1017" s="10"/>
      <c r="TDD1017" s="10"/>
      <c r="TDE1017" s="10"/>
      <c r="TDF1017" s="10"/>
      <c r="TDG1017" s="10"/>
      <c r="TDH1017" s="10"/>
      <c r="TDI1017" s="10"/>
      <c r="TDJ1017" s="10"/>
      <c r="TDK1017" s="10"/>
      <c r="TDL1017" s="10"/>
      <c r="TDM1017" s="10"/>
      <c r="TDN1017" s="10"/>
      <c r="TDO1017" s="10"/>
      <c r="TDP1017" s="10"/>
      <c r="TDQ1017" s="10"/>
      <c r="TDR1017" s="10"/>
      <c r="TDS1017" s="10"/>
      <c r="TDT1017" s="10"/>
      <c r="TDU1017" s="10"/>
      <c r="TDV1017" s="10"/>
      <c r="TDW1017" s="10"/>
      <c r="TDX1017" s="10"/>
      <c r="TDY1017" s="10"/>
      <c r="TDZ1017" s="10"/>
      <c r="TEA1017" s="10"/>
      <c r="TEB1017" s="10"/>
      <c r="TEC1017" s="10"/>
      <c r="TED1017" s="10"/>
      <c r="TEE1017" s="10"/>
      <c r="TEF1017" s="10"/>
      <c r="TEG1017" s="10"/>
      <c r="TEH1017" s="10"/>
      <c r="TEI1017" s="10"/>
      <c r="TEJ1017" s="10"/>
      <c r="TEK1017" s="10"/>
      <c r="TEL1017" s="10"/>
      <c r="TEM1017" s="10"/>
      <c r="TEN1017" s="10"/>
      <c r="TEO1017" s="10"/>
      <c r="TEP1017" s="10"/>
      <c r="TEQ1017" s="10"/>
      <c r="TER1017" s="10"/>
      <c r="TES1017" s="10"/>
      <c r="TET1017" s="10"/>
      <c r="TEU1017" s="10"/>
      <c r="TEV1017" s="10"/>
      <c r="TEW1017" s="10"/>
      <c r="TEX1017" s="10"/>
      <c r="TEY1017" s="10"/>
      <c r="TEZ1017" s="10"/>
      <c r="TFA1017" s="10"/>
      <c r="TFB1017" s="10"/>
      <c r="TFC1017" s="10"/>
      <c r="TFD1017" s="10"/>
      <c r="TFE1017" s="10"/>
      <c r="TFF1017" s="10"/>
      <c r="TFG1017" s="10"/>
      <c r="TFH1017" s="10"/>
      <c r="TFI1017" s="10"/>
      <c r="TFJ1017" s="10"/>
      <c r="TFK1017" s="10"/>
      <c r="TFL1017" s="10"/>
      <c r="TFM1017" s="10"/>
      <c r="TFN1017" s="10"/>
      <c r="TFO1017" s="10"/>
      <c r="TFP1017" s="10"/>
      <c r="TFQ1017" s="10"/>
      <c r="TFR1017" s="10"/>
      <c r="TFS1017" s="10"/>
      <c r="TFT1017" s="10"/>
      <c r="TFU1017" s="10"/>
      <c r="TFV1017" s="10"/>
      <c r="TFW1017" s="10"/>
      <c r="TFX1017" s="10"/>
      <c r="TFY1017" s="10"/>
      <c r="TFZ1017" s="10"/>
      <c r="TGA1017" s="10"/>
      <c r="TGB1017" s="10"/>
      <c r="TGC1017" s="10"/>
      <c r="TGD1017" s="10"/>
      <c r="TGE1017" s="10"/>
      <c r="TGF1017" s="10"/>
      <c r="TGG1017" s="10"/>
      <c r="TGH1017" s="10"/>
      <c r="TGI1017" s="10"/>
      <c r="TGJ1017" s="10"/>
      <c r="TGK1017" s="10"/>
      <c r="TGL1017" s="10"/>
      <c r="TGM1017" s="10"/>
      <c r="TGN1017" s="10"/>
      <c r="TGO1017" s="10"/>
      <c r="TGP1017" s="10"/>
      <c r="TGQ1017" s="10"/>
      <c r="TGR1017" s="10"/>
      <c r="TGS1017" s="10"/>
      <c r="TGT1017" s="10"/>
      <c r="TGU1017" s="10"/>
      <c r="TGV1017" s="10"/>
      <c r="TGW1017" s="10"/>
      <c r="TGX1017" s="10"/>
      <c r="TGY1017" s="10"/>
      <c r="TGZ1017" s="10"/>
      <c r="THA1017" s="10"/>
      <c r="THB1017" s="10"/>
      <c r="THC1017" s="10"/>
      <c r="THD1017" s="10"/>
      <c r="THE1017" s="10"/>
      <c r="THF1017" s="10"/>
      <c r="THG1017" s="10"/>
      <c r="THH1017" s="10"/>
      <c r="THI1017" s="10"/>
      <c r="THJ1017" s="10"/>
      <c r="THK1017" s="10"/>
      <c r="THL1017" s="10"/>
      <c r="THM1017" s="10"/>
      <c r="THN1017" s="10"/>
      <c r="THO1017" s="10"/>
      <c r="THP1017" s="10"/>
      <c r="THQ1017" s="10"/>
      <c r="THR1017" s="10"/>
      <c r="THS1017" s="10"/>
      <c r="THT1017" s="10"/>
      <c r="THU1017" s="10"/>
      <c r="THV1017" s="10"/>
      <c r="THW1017" s="10"/>
      <c r="THX1017" s="10"/>
      <c r="THY1017" s="10"/>
      <c r="THZ1017" s="10"/>
      <c r="TIA1017" s="10"/>
      <c r="TIB1017" s="10"/>
      <c r="TIC1017" s="10"/>
      <c r="TID1017" s="10"/>
      <c r="TIE1017" s="10"/>
      <c r="TIF1017" s="10"/>
      <c r="TIG1017" s="10"/>
      <c r="TIH1017" s="10"/>
      <c r="TII1017" s="10"/>
      <c r="TIJ1017" s="10"/>
      <c r="TIK1017" s="10"/>
      <c r="TIL1017" s="10"/>
      <c r="TIM1017" s="10"/>
      <c r="TIN1017" s="10"/>
      <c r="TIO1017" s="10"/>
      <c r="TIP1017" s="10"/>
      <c r="TIQ1017" s="10"/>
      <c r="TIR1017" s="10"/>
      <c r="TIS1017" s="10"/>
      <c r="TIT1017" s="10"/>
      <c r="TIU1017" s="10"/>
      <c r="TIV1017" s="10"/>
      <c r="TIW1017" s="10"/>
      <c r="TIX1017" s="10"/>
      <c r="TIY1017" s="10"/>
      <c r="TIZ1017" s="10"/>
      <c r="TJA1017" s="10"/>
      <c r="TJB1017" s="10"/>
      <c r="TJC1017" s="10"/>
      <c r="TJD1017" s="10"/>
      <c r="TJE1017" s="10"/>
      <c r="TJF1017" s="10"/>
      <c r="TJG1017" s="10"/>
      <c r="TJH1017" s="10"/>
      <c r="TJI1017" s="10"/>
      <c r="TJJ1017" s="10"/>
      <c r="TJK1017" s="10"/>
      <c r="TJL1017" s="10"/>
      <c r="TJM1017" s="10"/>
      <c r="TJN1017" s="10"/>
      <c r="TJO1017" s="10"/>
      <c r="TJP1017" s="10"/>
      <c r="TJQ1017" s="10"/>
      <c r="TJR1017" s="10"/>
      <c r="TJS1017" s="10"/>
      <c r="TJT1017" s="10"/>
      <c r="TJU1017" s="10"/>
      <c r="TJV1017" s="10"/>
      <c r="TJW1017" s="10"/>
      <c r="TJX1017" s="10"/>
      <c r="TJY1017" s="10"/>
      <c r="TJZ1017" s="10"/>
      <c r="TKA1017" s="10"/>
      <c r="TKB1017" s="10"/>
      <c r="TKC1017" s="10"/>
      <c r="TKD1017" s="10"/>
      <c r="TKE1017" s="10"/>
      <c r="TKF1017" s="10"/>
      <c r="TKG1017" s="10"/>
      <c r="TKH1017" s="10"/>
      <c r="TKI1017" s="10"/>
      <c r="TKJ1017" s="10"/>
      <c r="TKK1017" s="10"/>
      <c r="TKL1017" s="10"/>
      <c r="TKM1017" s="10"/>
      <c r="TKN1017" s="10"/>
      <c r="TKO1017" s="10"/>
      <c r="TKP1017" s="10"/>
      <c r="TKQ1017" s="10"/>
      <c r="TKR1017" s="10"/>
      <c r="TKS1017" s="10"/>
      <c r="TKT1017" s="10"/>
      <c r="TKU1017" s="10"/>
      <c r="TKV1017" s="10"/>
      <c r="TKW1017" s="10"/>
      <c r="TKX1017" s="10"/>
      <c r="TKY1017" s="10"/>
      <c r="TKZ1017" s="10"/>
      <c r="TLA1017" s="10"/>
      <c r="TLB1017" s="10"/>
      <c r="TLC1017" s="10"/>
      <c r="TLD1017" s="10"/>
      <c r="TLE1017" s="10"/>
      <c r="TLF1017" s="10"/>
      <c r="TLG1017" s="10"/>
      <c r="TLH1017" s="10"/>
      <c r="TLI1017" s="10"/>
      <c r="TLJ1017" s="10"/>
      <c r="TLK1017" s="10"/>
      <c r="TLL1017" s="10"/>
      <c r="TLM1017" s="10"/>
      <c r="TLN1017" s="10"/>
      <c r="TLO1017" s="10"/>
      <c r="TLP1017" s="10"/>
      <c r="TLQ1017" s="10"/>
      <c r="TLR1017" s="10"/>
      <c r="TLS1017" s="10"/>
      <c r="TLT1017" s="10"/>
      <c r="TLU1017" s="10"/>
      <c r="TLV1017" s="10"/>
      <c r="TLW1017" s="10"/>
      <c r="TLX1017" s="10"/>
      <c r="TLY1017" s="10"/>
      <c r="TLZ1017" s="10"/>
      <c r="TMA1017" s="10"/>
      <c r="TMB1017" s="10"/>
      <c r="TMC1017" s="10"/>
      <c r="TMD1017" s="10"/>
      <c r="TME1017" s="10"/>
      <c r="TMF1017" s="10"/>
      <c r="TMG1017" s="10"/>
      <c r="TMH1017" s="10"/>
      <c r="TMI1017" s="10"/>
      <c r="TMJ1017" s="10"/>
      <c r="TMK1017" s="10"/>
      <c r="TML1017" s="10"/>
      <c r="TMM1017" s="10"/>
      <c r="TMN1017" s="10"/>
      <c r="TMO1017" s="10"/>
      <c r="TMP1017" s="10"/>
      <c r="TMQ1017" s="10"/>
      <c r="TMR1017" s="10"/>
      <c r="TMS1017" s="10"/>
      <c r="TMT1017" s="10"/>
      <c r="TMU1017" s="10"/>
      <c r="TMV1017" s="10"/>
      <c r="TMW1017" s="10"/>
      <c r="TMX1017" s="10"/>
      <c r="TMY1017" s="10"/>
      <c r="TMZ1017" s="10"/>
      <c r="TNA1017" s="10"/>
      <c r="TNB1017" s="10"/>
      <c r="TNC1017" s="10"/>
      <c r="TND1017" s="10"/>
      <c r="TNE1017" s="10"/>
      <c r="TNF1017" s="10"/>
      <c r="TNG1017" s="10"/>
      <c r="TNH1017" s="10"/>
      <c r="TNI1017" s="10"/>
      <c r="TNJ1017" s="10"/>
      <c r="TNK1017" s="10"/>
      <c r="TNL1017" s="10"/>
      <c r="TNM1017" s="10"/>
      <c r="TNN1017" s="10"/>
      <c r="TNO1017" s="10"/>
      <c r="TNP1017" s="10"/>
      <c r="TNQ1017" s="10"/>
      <c r="TNR1017" s="10"/>
      <c r="TNS1017" s="10"/>
      <c r="TNT1017" s="10"/>
      <c r="TNU1017" s="10"/>
      <c r="TNV1017" s="10"/>
      <c r="TNW1017" s="10"/>
      <c r="TNX1017" s="10"/>
      <c r="TNY1017" s="10"/>
      <c r="TNZ1017" s="10"/>
      <c r="TOA1017" s="10"/>
      <c r="TOB1017" s="10"/>
      <c r="TOC1017" s="10"/>
      <c r="TOD1017" s="10"/>
      <c r="TOE1017" s="10"/>
      <c r="TOF1017" s="10"/>
      <c r="TOG1017" s="10"/>
      <c r="TOH1017" s="10"/>
      <c r="TOI1017" s="10"/>
      <c r="TOJ1017" s="10"/>
      <c r="TOK1017" s="10"/>
      <c r="TOL1017" s="10"/>
      <c r="TOM1017" s="10"/>
      <c r="TON1017" s="10"/>
      <c r="TOO1017" s="10"/>
      <c r="TOP1017" s="10"/>
      <c r="TOQ1017" s="10"/>
      <c r="TOR1017" s="10"/>
      <c r="TOS1017" s="10"/>
      <c r="TOT1017" s="10"/>
      <c r="TOU1017" s="10"/>
      <c r="TOV1017" s="10"/>
      <c r="TOW1017" s="10"/>
      <c r="TOX1017" s="10"/>
      <c r="TOY1017" s="10"/>
      <c r="TOZ1017" s="10"/>
      <c r="TPA1017" s="10"/>
      <c r="TPB1017" s="10"/>
      <c r="TPC1017" s="10"/>
      <c r="TPD1017" s="10"/>
      <c r="TPE1017" s="10"/>
      <c r="TPF1017" s="10"/>
      <c r="TPG1017" s="10"/>
      <c r="TPH1017" s="10"/>
      <c r="TPI1017" s="10"/>
      <c r="TPJ1017" s="10"/>
      <c r="TPK1017" s="10"/>
      <c r="TPL1017" s="10"/>
      <c r="TPM1017" s="10"/>
      <c r="TPN1017" s="10"/>
      <c r="TPO1017" s="10"/>
      <c r="TPP1017" s="10"/>
      <c r="TPQ1017" s="10"/>
      <c r="TPR1017" s="10"/>
      <c r="TPS1017" s="10"/>
      <c r="TPT1017" s="10"/>
      <c r="TPU1017" s="10"/>
      <c r="TPV1017" s="10"/>
      <c r="TPW1017" s="10"/>
      <c r="TPX1017" s="10"/>
      <c r="TPY1017" s="10"/>
      <c r="TPZ1017" s="10"/>
      <c r="TQA1017" s="10"/>
      <c r="TQB1017" s="10"/>
      <c r="TQC1017" s="10"/>
      <c r="TQD1017" s="10"/>
      <c r="TQE1017" s="10"/>
      <c r="TQF1017" s="10"/>
      <c r="TQG1017" s="10"/>
      <c r="TQH1017" s="10"/>
      <c r="TQI1017" s="10"/>
      <c r="TQJ1017" s="10"/>
      <c r="TQK1017" s="10"/>
      <c r="TQL1017" s="10"/>
      <c r="TQM1017" s="10"/>
      <c r="TQN1017" s="10"/>
      <c r="TQO1017" s="10"/>
      <c r="TQP1017" s="10"/>
      <c r="TQQ1017" s="10"/>
      <c r="TQR1017" s="10"/>
      <c r="TQS1017" s="10"/>
      <c r="TQT1017" s="10"/>
      <c r="TQU1017" s="10"/>
      <c r="TQV1017" s="10"/>
      <c r="TQW1017" s="10"/>
      <c r="TQX1017" s="10"/>
      <c r="TQY1017" s="10"/>
      <c r="TQZ1017" s="10"/>
      <c r="TRA1017" s="10"/>
      <c r="TRB1017" s="10"/>
      <c r="TRC1017" s="10"/>
      <c r="TRD1017" s="10"/>
      <c r="TRE1017" s="10"/>
      <c r="TRF1017" s="10"/>
      <c r="TRG1017" s="10"/>
      <c r="TRH1017" s="10"/>
      <c r="TRI1017" s="10"/>
      <c r="TRJ1017" s="10"/>
      <c r="TRK1017" s="10"/>
      <c r="TRL1017" s="10"/>
      <c r="TRM1017" s="10"/>
      <c r="TRN1017" s="10"/>
      <c r="TRO1017" s="10"/>
      <c r="TRP1017" s="10"/>
      <c r="TRQ1017" s="10"/>
      <c r="TRR1017" s="10"/>
      <c r="TRS1017" s="10"/>
      <c r="TRT1017" s="10"/>
      <c r="TRU1017" s="10"/>
      <c r="TRV1017" s="10"/>
      <c r="TRW1017" s="10"/>
      <c r="TRX1017" s="10"/>
      <c r="TRY1017" s="10"/>
      <c r="TRZ1017" s="10"/>
      <c r="TSA1017" s="10"/>
      <c r="TSB1017" s="10"/>
      <c r="TSC1017" s="10"/>
      <c r="TSD1017" s="10"/>
      <c r="TSE1017" s="10"/>
      <c r="TSF1017" s="10"/>
      <c r="TSG1017" s="10"/>
      <c r="TSH1017" s="10"/>
      <c r="TSI1017" s="10"/>
      <c r="TSJ1017" s="10"/>
      <c r="TSK1017" s="10"/>
      <c r="TSL1017" s="10"/>
      <c r="TSM1017" s="10"/>
      <c r="TSN1017" s="10"/>
      <c r="TSO1017" s="10"/>
      <c r="TSP1017" s="10"/>
      <c r="TSQ1017" s="10"/>
      <c r="TSR1017" s="10"/>
      <c r="TSS1017" s="10"/>
      <c r="TST1017" s="10"/>
      <c r="TSU1017" s="10"/>
      <c r="TSV1017" s="10"/>
      <c r="TSW1017" s="10"/>
      <c r="TSX1017" s="10"/>
      <c r="TSY1017" s="10"/>
      <c r="TSZ1017" s="10"/>
      <c r="TTA1017" s="10"/>
      <c r="TTB1017" s="10"/>
      <c r="TTC1017" s="10"/>
      <c r="TTD1017" s="10"/>
      <c r="TTE1017" s="10"/>
      <c r="TTF1017" s="10"/>
      <c r="TTG1017" s="10"/>
      <c r="TTH1017" s="10"/>
      <c r="TTI1017" s="10"/>
      <c r="TTJ1017" s="10"/>
      <c r="TTK1017" s="10"/>
      <c r="TTL1017" s="10"/>
      <c r="TTM1017" s="10"/>
      <c r="TTN1017" s="10"/>
      <c r="TTO1017" s="10"/>
      <c r="TTP1017" s="10"/>
      <c r="TTQ1017" s="10"/>
      <c r="TTR1017" s="10"/>
      <c r="TTS1017" s="10"/>
      <c r="TTT1017" s="10"/>
      <c r="TTU1017" s="10"/>
      <c r="TTV1017" s="10"/>
      <c r="TTW1017" s="10"/>
      <c r="TTX1017" s="10"/>
      <c r="TTY1017" s="10"/>
      <c r="TTZ1017" s="10"/>
      <c r="TUA1017" s="10"/>
      <c r="TUB1017" s="10"/>
      <c r="TUC1017" s="10"/>
      <c r="TUD1017" s="10"/>
      <c r="TUE1017" s="10"/>
      <c r="TUF1017" s="10"/>
      <c r="TUG1017" s="10"/>
      <c r="TUH1017" s="10"/>
      <c r="TUI1017" s="10"/>
      <c r="TUJ1017" s="10"/>
      <c r="TUK1017" s="10"/>
      <c r="TUL1017" s="10"/>
      <c r="TUM1017" s="10"/>
      <c r="TUN1017" s="10"/>
      <c r="TUO1017" s="10"/>
      <c r="TUP1017" s="10"/>
      <c r="TUQ1017" s="10"/>
      <c r="TUR1017" s="10"/>
      <c r="TUS1017" s="10"/>
      <c r="TUT1017" s="10"/>
      <c r="TUU1017" s="10"/>
      <c r="TUV1017" s="10"/>
      <c r="TUW1017" s="10"/>
      <c r="TUX1017" s="10"/>
      <c r="TUY1017" s="10"/>
      <c r="TUZ1017" s="10"/>
      <c r="TVA1017" s="10"/>
      <c r="TVB1017" s="10"/>
      <c r="TVC1017" s="10"/>
      <c r="TVD1017" s="10"/>
      <c r="TVE1017" s="10"/>
      <c r="TVF1017" s="10"/>
      <c r="TVG1017" s="10"/>
      <c r="TVH1017" s="10"/>
      <c r="TVI1017" s="10"/>
      <c r="TVJ1017" s="10"/>
      <c r="TVK1017" s="10"/>
      <c r="TVL1017" s="10"/>
      <c r="TVM1017" s="10"/>
      <c r="TVN1017" s="10"/>
      <c r="TVO1017" s="10"/>
      <c r="TVP1017" s="10"/>
      <c r="TVQ1017" s="10"/>
      <c r="TVR1017" s="10"/>
      <c r="TVS1017" s="10"/>
      <c r="TVT1017" s="10"/>
      <c r="TVU1017" s="10"/>
      <c r="TVV1017" s="10"/>
      <c r="TVW1017" s="10"/>
      <c r="TVX1017" s="10"/>
      <c r="TVY1017" s="10"/>
      <c r="TVZ1017" s="10"/>
      <c r="TWA1017" s="10"/>
      <c r="TWB1017" s="10"/>
      <c r="TWC1017" s="10"/>
      <c r="TWD1017" s="10"/>
      <c r="TWE1017" s="10"/>
      <c r="TWF1017" s="10"/>
      <c r="TWG1017" s="10"/>
      <c r="TWH1017" s="10"/>
      <c r="TWI1017" s="10"/>
      <c r="TWJ1017" s="10"/>
      <c r="TWK1017" s="10"/>
      <c r="TWL1017" s="10"/>
      <c r="TWM1017" s="10"/>
      <c r="TWN1017" s="10"/>
      <c r="TWO1017" s="10"/>
      <c r="TWP1017" s="10"/>
      <c r="TWQ1017" s="10"/>
      <c r="TWR1017" s="10"/>
      <c r="TWS1017" s="10"/>
      <c r="TWT1017" s="10"/>
      <c r="TWU1017" s="10"/>
      <c r="TWV1017" s="10"/>
      <c r="TWW1017" s="10"/>
      <c r="TWX1017" s="10"/>
      <c r="TWY1017" s="10"/>
      <c r="TWZ1017" s="10"/>
      <c r="TXA1017" s="10"/>
      <c r="TXB1017" s="10"/>
      <c r="TXC1017" s="10"/>
      <c r="TXD1017" s="10"/>
      <c r="TXE1017" s="10"/>
      <c r="TXF1017" s="10"/>
      <c r="TXG1017" s="10"/>
      <c r="TXH1017" s="10"/>
      <c r="TXI1017" s="10"/>
      <c r="TXJ1017" s="10"/>
      <c r="TXK1017" s="10"/>
      <c r="TXL1017" s="10"/>
      <c r="TXM1017" s="10"/>
      <c r="TXN1017" s="10"/>
      <c r="TXO1017" s="10"/>
      <c r="TXP1017" s="10"/>
      <c r="TXQ1017" s="10"/>
      <c r="TXR1017" s="10"/>
      <c r="TXS1017" s="10"/>
      <c r="TXT1017" s="10"/>
      <c r="TXU1017" s="10"/>
      <c r="TXV1017" s="10"/>
      <c r="TXW1017" s="10"/>
      <c r="TXX1017" s="10"/>
      <c r="TXY1017" s="10"/>
      <c r="TXZ1017" s="10"/>
      <c r="TYA1017" s="10"/>
      <c r="TYB1017" s="10"/>
      <c r="TYC1017" s="10"/>
      <c r="TYD1017" s="10"/>
      <c r="TYE1017" s="10"/>
      <c r="TYF1017" s="10"/>
      <c r="TYG1017" s="10"/>
      <c r="TYH1017" s="10"/>
      <c r="TYI1017" s="10"/>
      <c r="TYJ1017" s="10"/>
      <c r="TYK1017" s="10"/>
      <c r="TYL1017" s="10"/>
      <c r="TYM1017" s="10"/>
      <c r="TYN1017" s="10"/>
      <c r="TYO1017" s="10"/>
      <c r="TYP1017" s="10"/>
      <c r="TYQ1017" s="10"/>
      <c r="TYR1017" s="10"/>
      <c r="TYS1017" s="10"/>
      <c r="TYT1017" s="10"/>
      <c r="TYU1017" s="10"/>
      <c r="TYV1017" s="10"/>
      <c r="TYW1017" s="10"/>
      <c r="TYX1017" s="10"/>
      <c r="TYY1017" s="10"/>
      <c r="TYZ1017" s="10"/>
      <c r="TZA1017" s="10"/>
      <c r="TZB1017" s="10"/>
      <c r="TZC1017" s="10"/>
      <c r="TZD1017" s="10"/>
      <c r="TZE1017" s="10"/>
      <c r="TZF1017" s="10"/>
      <c r="TZG1017" s="10"/>
      <c r="TZH1017" s="10"/>
      <c r="TZI1017" s="10"/>
      <c r="TZJ1017" s="10"/>
      <c r="TZK1017" s="10"/>
      <c r="TZL1017" s="10"/>
      <c r="TZM1017" s="10"/>
      <c r="TZN1017" s="10"/>
      <c r="TZO1017" s="10"/>
      <c r="TZP1017" s="10"/>
      <c r="TZQ1017" s="10"/>
      <c r="TZR1017" s="10"/>
      <c r="TZS1017" s="10"/>
      <c r="TZT1017" s="10"/>
      <c r="TZU1017" s="10"/>
      <c r="TZV1017" s="10"/>
      <c r="TZW1017" s="10"/>
      <c r="TZX1017" s="10"/>
      <c r="TZY1017" s="10"/>
      <c r="TZZ1017" s="10"/>
      <c r="UAA1017" s="10"/>
      <c r="UAB1017" s="10"/>
      <c r="UAC1017" s="10"/>
      <c r="UAD1017" s="10"/>
      <c r="UAE1017" s="10"/>
      <c r="UAF1017" s="10"/>
      <c r="UAG1017" s="10"/>
      <c r="UAH1017" s="10"/>
      <c r="UAI1017" s="10"/>
      <c r="UAJ1017" s="10"/>
      <c r="UAK1017" s="10"/>
      <c r="UAL1017" s="10"/>
      <c r="UAM1017" s="10"/>
      <c r="UAN1017" s="10"/>
      <c r="UAO1017" s="10"/>
      <c r="UAP1017" s="10"/>
      <c r="UAQ1017" s="10"/>
      <c r="UAR1017" s="10"/>
      <c r="UAS1017" s="10"/>
      <c r="UAT1017" s="10"/>
      <c r="UAU1017" s="10"/>
      <c r="UAV1017" s="10"/>
      <c r="UAW1017" s="10"/>
      <c r="UAX1017" s="10"/>
      <c r="UAY1017" s="10"/>
      <c r="UAZ1017" s="10"/>
      <c r="UBA1017" s="10"/>
      <c r="UBB1017" s="10"/>
      <c r="UBC1017" s="10"/>
      <c r="UBD1017" s="10"/>
      <c r="UBE1017" s="10"/>
      <c r="UBF1017" s="10"/>
      <c r="UBG1017" s="10"/>
      <c r="UBH1017" s="10"/>
      <c r="UBI1017" s="10"/>
      <c r="UBJ1017" s="10"/>
      <c r="UBK1017" s="10"/>
      <c r="UBL1017" s="10"/>
      <c r="UBM1017" s="10"/>
      <c r="UBN1017" s="10"/>
      <c r="UBO1017" s="10"/>
      <c r="UBP1017" s="10"/>
      <c r="UBQ1017" s="10"/>
      <c r="UBR1017" s="10"/>
      <c r="UBS1017" s="10"/>
      <c r="UBT1017" s="10"/>
      <c r="UBU1017" s="10"/>
      <c r="UBV1017" s="10"/>
      <c r="UBW1017" s="10"/>
      <c r="UBX1017" s="10"/>
      <c r="UBY1017" s="10"/>
      <c r="UBZ1017" s="10"/>
      <c r="UCA1017" s="10"/>
      <c r="UCB1017" s="10"/>
      <c r="UCC1017" s="10"/>
      <c r="UCD1017" s="10"/>
      <c r="UCE1017" s="10"/>
      <c r="UCF1017" s="10"/>
      <c r="UCG1017" s="10"/>
      <c r="UCH1017" s="10"/>
      <c r="UCI1017" s="10"/>
      <c r="UCJ1017" s="10"/>
      <c r="UCK1017" s="10"/>
      <c r="UCL1017" s="10"/>
      <c r="UCM1017" s="10"/>
      <c r="UCN1017" s="10"/>
      <c r="UCO1017" s="10"/>
      <c r="UCP1017" s="10"/>
      <c r="UCQ1017" s="10"/>
      <c r="UCR1017" s="10"/>
      <c r="UCS1017" s="10"/>
      <c r="UCT1017" s="10"/>
      <c r="UCU1017" s="10"/>
      <c r="UCV1017" s="10"/>
      <c r="UCW1017" s="10"/>
      <c r="UCX1017" s="10"/>
      <c r="UCY1017" s="10"/>
      <c r="UCZ1017" s="10"/>
      <c r="UDA1017" s="10"/>
      <c r="UDB1017" s="10"/>
      <c r="UDC1017" s="10"/>
      <c r="UDD1017" s="10"/>
      <c r="UDE1017" s="10"/>
      <c r="UDF1017" s="10"/>
      <c r="UDG1017" s="10"/>
      <c r="UDH1017" s="10"/>
      <c r="UDI1017" s="10"/>
      <c r="UDJ1017" s="10"/>
      <c r="UDK1017" s="10"/>
      <c r="UDL1017" s="10"/>
      <c r="UDM1017" s="10"/>
      <c r="UDN1017" s="10"/>
      <c r="UDO1017" s="10"/>
      <c r="UDP1017" s="10"/>
      <c r="UDQ1017" s="10"/>
      <c r="UDR1017" s="10"/>
      <c r="UDS1017" s="10"/>
      <c r="UDT1017" s="10"/>
      <c r="UDU1017" s="10"/>
      <c r="UDV1017" s="10"/>
      <c r="UDW1017" s="10"/>
      <c r="UDX1017" s="10"/>
      <c r="UDY1017" s="10"/>
      <c r="UDZ1017" s="10"/>
      <c r="UEA1017" s="10"/>
      <c r="UEB1017" s="10"/>
      <c r="UEC1017" s="10"/>
      <c r="UED1017" s="10"/>
      <c r="UEE1017" s="10"/>
      <c r="UEF1017" s="10"/>
      <c r="UEG1017" s="10"/>
      <c r="UEH1017" s="10"/>
      <c r="UEI1017" s="10"/>
      <c r="UEJ1017" s="10"/>
      <c r="UEK1017" s="10"/>
      <c r="UEL1017" s="10"/>
      <c r="UEM1017" s="10"/>
      <c r="UEN1017" s="10"/>
      <c r="UEO1017" s="10"/>
      <c r="UEP1017" s="10"/>
      <c r="UEQ1017" s="10"/>
      <c r="UER1017" s="10"/>
      <c r="UES1017" s="10"/>
      <c r="UET1017" s="10"/>
      <c r="UEU1017" s="10"/>
      <c r="UEV1017" s="10"/>
      <c r="UEW1017" s="10"/>
      <c r="UEX1017" s="10"/>
      <c r="UEY1017" s="10"/>
      <c r="UEZ1017" s="10"/>
      <c r="UFA1017" s="10"/>
      <c r="UFB1017" s="10"/>
      <c r="UFC1017" s="10"/>
      <c r="UFD1017" s="10"/>
      <c r="UFE1017" s="10"/>
      <c r="UFF1017" s="10"/>
      <c r="UFG1017" s="10"/>
      <c r="UFH1017" s="10"/>
      <c r="UFI1017" s="10"/>
      <c r="UFJ1017" s="10"/>
      <c r="UFK1017" s="10"/>
      <c r="UFL1017" s="10"/>
      <c r="UFM1017" s="10"/>
      <c r="UFN1017" s="10"/>
      <c r="UFO1017" s="10"/>
      <c r="UFP1017" s="10"/>
      <c r="UFQ1017" s="10"/>
      <c r="UFR1017" s="10"/>
      <c r="UFS1017" s="10"/>
      <c r="UFT1017" s="10"/>
      <c r="UFU1017" s="10"/>
      <c r="UFV1017" s="10"/>
      <c r="UFW1017" s="10"/>
      <c r="UFX1017" s="10"/>
      <c r="UFY1017" s="10"/>
      <c r="UFZ1017" s="10"/>
      <c r="UGA1017" s="10"/>
      <c r="UGB1017" s="10"/>
      <c r="UGC1017" s="10"/>
      <c r="UGD1017" s="10"/>
      <c r="UGE1017" s="10"/>
      <c r="UGF1017" s="10"/>
      <c r="UGG1017" s="10"/>
      <c r="UGH1017" s="10"/>
      <c r="UGI1017" s="10"/>
      <c r="UGJ1017" s="10"/>
      <c r="UGK1017" s="10"/>
      <c r="UGL1017" s="10"/>
      <c r="UGM1017" s="10"/>
      <c r="UGN1017" s="10"/>
      <c r="UGO1017" s="10"/>
      <c r="UGP1017" s="10"/>
      <c r="UGQ1017" s="10"/>
      <c r="UGR1017" s="10"/>
      <c r="UGS1017" s="10"/>
      <c r="UGT1017" s="10"/>
      <c r="UGU1017" s="10"/>
      <c r="UGV1017" s="10"/>
      <c r="UGW1017" s="10"/>
      <c r="UGX1017" s="10"/>
      <c r="UGY1017" s="10"/>
      <c r="UGZ1017" s="10"/>
      <c r="UHA1017" s="10"/>
      <c r="UHB1017" s="10"/>
      <c r="UHC1017" s="10"/>
      <c r="UHD1017" s="10"/>
      <c r="UHE1017" s="10"/>
      <c r="UHF1017" s="10"/>
      <c r="UHG1017" s="10"/>
      <c r="UHH1017" s="10"/>
      <c r="UHI1017" s="10"/>
      <c r="UHJ1017" s="10"/>
      <c r="UHK1017" s="10"/>
      <c r="UHL1017" s="10"/>
      <c r="UHM1017" s="10"/>
      <c r="UHN1017" s="10"/>
      <c r="UHO1017" s="10"/>
      <c r="UHP1017" s="10"/>
      <c r="UHQ1017" s="10"/>
      <c r="UHR1017" s="10"/>
      <c r="UHS1017" s="10"/>
      <c r="UHT1017" s="10"/>
      <c r="UHU1017" s="10"/>
      <c r="UHV1017" s="10"/>
      <c r="UHW1017" s="10"/>
      <c r="UHX1017" s="10"/>
      <c r="UHY1017" s="10"/>
      <c r="UHZ1017" s="10"/>
      <c r="UIA1017" s="10"/>
      <c r="UIB1017" s="10"/>
      <c r="UIC1017" s="10"/>
      <c r="UID1017" s="10"/>
      <c r="UIE1017" s="10"/>
      <c r="UIF1017" s="10"/>
      <c r="UIG1017" s="10"/>
      <c r="UIH1017" s="10"/>
      <c r="UII1017" s="10"/>
      <c r="UIJ1017" s="10"/>
      <c r="UIK1017" s="10"/>
      <c r="UIL1017" s="10"/>
      <c r="UIM1017" s="10"/>
      <c r="UIN1017" s="10"/>
      <c r="UIO1017" s="10"/>
      <c r="UIP1017" s="10"/>
      <c r="UIQ1017" s="10"/>
      <c r="UIR1017" s="10"/>
      <c r="UIS1017" s="10"/>
      <c r="UIT1017" s="10"/>
      <c r="UIU1017" s="10"/>
      <c r="UIV1017" s="10"/>
      <c r="UIW1017" s="10"/>
      <c r="UIX1017" s="10"/>
      <c r="UIY1017" s="10"/>
      <c r="UIZ1017" s="10"/>
      <c r="UJA1017" s="10"/>
      <c r="UJB1017" s="10"/>
      <c r="UJC1017" s="10"/>
      <c r="UJD1017" s="10"/>
      <c r="UJE1017" s="10"/>
      <c r="UJF1017" s="10"/>
      <c r="UJG1017" s="10"/>
      <c r="UJH1017" s="10"/>
      <c r="UJI1017" s="10"/>
      <c r="UJJ1017" s="10"/>
      <c r="UJK1017" s="10"/>
      <c r="UJL1017" s="10"/>
      <c r="UJM1017" s="10"/>
      <c r="UJN1017" s="10"/>
      <c r="UJO1017" s="10"/>
      <c r="UJP1017" s="10"/>
      <c r="UJQ1017" s="10"/>
      <c r="UJR1017" s="10"/>
      <c r="UJS1017" s="10"/>
      <c r="UJT1017" s="10"/>
      <c r="UJU1017" s="10"/>
      <c r="UJV1017" s="10"/>
      <c r="UJW1017" s="10"/>
      <c r="UJX1017" s="10"/>
      <c r="UJY1017" s="10"/>
      <c r="UJZ1017" s="10"/>
      <c r="UKA1017" s="10"/>
      <c r="UKB1017" s="10"/>
      <c r="UKC1017" s="10"/>
      <c r="UKD1017" s="10"/>
      <c r="UKE1017" s="10"/>
      <c r="UKF1017" s="10"/>
      <c r="UKG1017" s="10"/>
      <c r="UKH1017" s="10"/>
      <c r="UKI1017" s="10"/>
      <c r="UKJ1017" s="10"/>
      <c r="UKK1017" s="10"/>
      <c r="UKL1017" s="10"/>
      <c r="UKM1017" s="10"/>
      <c r="UKN1017" s="10"/>
      <c r="UKO1017" s="10"/>
      <c r="UKP1017" s="10"/>
      <c r="UKQ1017" s="10"/>
      <c r="UKR1017" s="10"/>
      <c r="UKS1017" s="10"/>
      <c r="UKT1017" s="10"/>
      <c r="UKU1017" s="10"/>
      <c r="UKV1017" s="10"/>
      <c r="UKW1017" s="10"/>
      <c r="UKX1017" s="10"/>
      <c r="UKY1017" s="10"/>
      <c r="UKZ1017" s="10"/>
      <c r="ULA1017" s="10"/>
      <c r="ULB1017" s="10"/>
      <c r="ULC1017" s="10"/>
      <c r="ULD1017" s="10"/>
      <c r="ULE1017" s="10"/>
      <c r="ULF1017" s="10"/>
      <c r="ULG1017" s="10"/>
      <c r="ULH1017" s="10"/>
      <c r="ULI1017" s="10"/>
      <c r="ULJ1017" s="10"/>
      <c r="ULK1017" s="10"/>
      <c r="ULL1017" s="10"/>
      <c r="ULM1017" s="10"/>
      <c r="ULN1017" s="10"/>
      <c r="ULO1017" s="10"/>
      <c r="ULP1017" s="10"/>
      <c r="ULQ1017" s="10"/>
      <c r="ULR1017" s="10"/>
      <c r="ULS1017" s="10"/>
      <c r="ULT1017" s="10"/>
      <c r="ULU1017" s="10"/>
      <c r="ULV1017" s="10"/>
      <c r="ULW1017" s="10"/>
      <c r="ULX1017" s="10"/>
      <c r="ULY1017" s="10"/>
      <c r="ULZ1017" s="10"/>
      <c r="UMA1017" s="10"/>
      <c r="UMB1017" s="10"/>
      <c r="UMC1017" s="10"/>
      <c r="UMD1017" s="10"/>
      <c r="UME1017" s="10"/>
      <c r="UMF1017" s="10"/>
      <c r="UMG1017" s="10"/>
      <c r="UMH1017" s="10"/>
      <c r="UMI1017" s="10"/>
      <c r="UMJ1017" s="10"/>
      <c r="UMK1017" s="10"/>
      <c r="UML1017" s="10"/>
      <c r="UMM1017" s="10"/>
      <c r="UMN1017" s="10"/>
      <c r="UMO1017" s="10"/>
      <c r="UMP1017" s="10"/>
      <c r="UMQ1017" s="10"/>
      <c r="UMR1017" s="10"/>
      <c r="UMS1017" s="10"/>
      <c r="UMT1017" s="10"/>
      <c r="UMU1017" s="10"/>
      <c r="UMV1017" s="10"/>
      <c r="UMW1017" s="10"/>
      <c r="UMX1017" s="10"/>
      <c r="UMY1017" s="10"/>
      <c r="UMZ1017" s="10"/>
      <c r="UNA1017" s="10"/>
      <c r="UNB1017" s="10"/>
      <c r="UNC1017" s="10"/>
      <c r="UND1017" s="10"/>
      <c r="UNE1017" s="10"/>
      <c r="UNF1017" s="10"/>
      <c r="UNG1017" s="10"/>
      <c r="UNH1017" s="10"/>
      <c r="UNI1017" s="10"/>
      <c r="UNJ1017" s="10"/>
      <c r="UNK1017" s="10"/>
      <c r="UNL1017" s="10"/>
      <c r="UNM1017" s="10"/>
      <c r="UNN1017" s="10"/>
      <c r="UNO1017" s="10"/>
      <c r="UNP1017" s="10"/>
      <c r="UNQ1017" s="10"/>
      <c r="UNR1017" s="10"/>
      <c r="UNS1017" s="10"/>
      <c r="UNT1017" s="10"/>
      <c r="UNU1017" s="10"/>
      <c r="UNV1017" s="10"/>
      <c r="UNW1017" s="10"/>
      <c r="UNX1017" s="10"/>
      <c r="UNY1017" s="10"/>
      <c r="UNZ1017" s="10"/>
      <c r="UOA1017" s="10"/>
      <c r="UOB1017" s="10"/>
      <c r="UOC1017" s="10"/>
      <c r="UOD1017" s="10"/>
      <c r="UOE1017" s="10"/>
      <c r="UOF1017" s="10"/>
      <c r="UOG1017" s="10"/>
      <c r="UOH1017" s="10"/>
      <c r="UOI1017" s="10"/>
      <c r="UOJ1017" s="10"/>
      <c r="UOK1017" s="10"/>
      <c r="UOL1017" s="10"/>
      <c r="UOM1017" s="10"/>
      <c r="UON1017" s="10"/>
      <c r="UOO1017" s="10"/>
      <c r="UOP1017" s="10"/>
      <c r="UOQ1017" s="10"/>
      <c r="UOR1017" s="10"/>
      <c r="UOS1017" s="10"/>
      <c r="UOT1017" s="10"/>
      <c r="UOU1017" s="10"/>
      <c r="UOV1017" s="10"/>
      <c r="UOW1017" s="10"/>
      <c r="UOX1017" s="10"/>
      <c r="UOY1017" s="10"/>
      <c r="UOZ1017" s="10"/>
      <c r="UPA1017" s="10"/>
      <c r="UPB1017" s="10"/>
      <c r="UPC1017" s="10"/>
      <c r="UPD1017" s="10"/>
      <c r="UPE1017" s="10"/>
      <c r="UPF1017" s="10"/>
      <c r="UPG1017" s="10"/>
      <c r="UPH1017" s="10"/>
      <c r="UPI1017" s="10"/>
      <c r="UPJ1017" s="10"/>
      <c r="UPK1017" s="10"/>
      <c r="UPL1017" s="10"/>
      <c r="UPM1017" s="10"/>
      <c r="UPN1017" s="10"/>
      <c r="UPO1017" s="10"/>
      <c r="UPP1017" s="10"/>
      <c r="UPQ1017" s="10"/>
      <c r="UPR1017" s="10"/>
      <c r="UPS1017" s="10"/>
      <c r="UPT1017" s="10"/>
      <c r="UPU1017" s="10"/>
      <c r="UPV1017" s="10"/>
      <c r="UPW1017" s="10"/>
      <c r="UPX1017" s="10"/>
      <c r="UPY1017" s="10"/>
      <c r="UPZ1017" s="10"/>
      <c r="UQA1017" s="10"/>
      <c r="UQB1017" s="10"/>
      <c r="UQC1017" s="10"/>
      <c r="UQD1017" s="10"/>
      <c r="UQE1017" s="10"/>
      <c r="UQF1017" s="10"/>
      <c r="UQG1017" s="10"/>
      <c r="UQH1017" s="10"/>
      <c r="UQI1017" s="10"/>
      <c r="UQJ1017" s="10"/>
      <c r="UQK1017" s="10"/>
      <c r="UQL1017" s="10"/>
      <c r="UQM1017" s="10"/>
      <c r="UQN1017" s="10"/>
      <c r="UQO1017" s="10"/>
      <c r="UQP1017" s="10"/>
      <c r="UQQ1017" s="10"/>
      <c r="UQR1017" s="10"/>
      <c r="UQS1017" s="10"/>
      <c r="UQT1017" s="10"/>
      <c r="UQU1017" s="10"/>
      <c r="UQV1017" s="10"/>
      <c r="UQW1017" s="10"/>
      <c r="UQX1017" s="10"/>
      <c r="UQY1017" s="10"/>
      <c r="UQZ1017" s="10"/>
      <c r="URA1017" s="10"/>
      <c r="URB1017" s="10"/>
      <c r="URC1017" s="10"/>
      <c r="URD1017" s="10"/>
      <c r="URE1017" s="10"/>
      <c r="URF1017" s="10"/>
      <c r="URG1017" s="10"/>
      <c r="URH1017" s="10"/>
      <c r="URI1017" s="10"/>
      <c r="URJ1017" s="10"/>
      <c r="URK1017" s="10"/>
      <c r="URL1017" s="10"/>
      <c r="URM1017" s="10"/>
      <c r="URN1017" s="10"/>
      <c r="URO1017" s="10"/>
      <c r="URP1017" s="10"/>
      <c r="URQ1017" s="10"/>
      <c r="URR1017" s="10"/>
      <c r="URS1017" s="10"/>
      <c r="URT1017" s="10"/>
      <c r="URU1017" s="10"/>
      <c r="URV1017" s="10"/>
      <c r="URW1017" s="10"/>
      <c r="URX1017" s="10"/>
      <c r="URY1017" s="10"/>
      <c r="URZ1017" s="10"/>
      <c r="USA1017" s="10"/>
      <c r="USB1017" s="10"/>
      <c r="USC1017" s="10"/>
      <c r="USD1017" s="10"/>
      <c r="USE1017" s="10"/>
      <c r="USF1017" s="10"/>
      <c r="USG1017" s="10"/>
      <c r="USH1017" s="10"/>
      <c r="USI1017" s="10"/>
      <c r="USJ1017" s="10"/>
      <c r="USK1017" s="10"/>
      <c r="USL1017" s="10"/>
      <c r="USM1017" s="10"/>
      <c r="USN1017" s="10"/>
      <c r="USO1017" s="10"/>
      <c r="USP1017" s="10"/>
      <c r="USQ1017" s="10"/>
      <c r="USR1017" s="10"/>
      <c r="USS1017" s="10"/>
      <c r="UST1017" s="10"/>
      <c r="USU1017" s="10"/>
      <c r="USV1017" s="10"/>
      <c r="USW1017" s="10"/>
      <c r="USX1017" s="10"/>
      <c r="USY1017" s="10"/>
      <c r="USZ1017" s="10"/>
      <c r="UTA1017" s="10"/>
      <c r="UTB1017" s="10"/>
      <c r="UTC1017" s="10"/>
      <c r="UTD1017" s="10"/>
      <c r="UTE1017" s="10"/>
      <c r="UTF1017" s="10"/>
      <c r="UTG1017" s="10"/>
      <c r="UTH1017" s="10"/>
      <c r="UTI1017" s="10"/>
      <c r="UTJ1017" s="10"/>
      <c r="UTK1017" s="10"/>
      <c r="UTL1017" s="10"/>
      <c r="UTM1017" s="10"/>
      <c r="UTN1017" s="10"/>
      <c r="UTO1017" s="10"/>
      <c r="UTP1017" s="10"/>
      <c r="UTQ1017" s="10"/>
      <c r="UTR1017" s="10"/>
      <c r="UTS1017" s="10"/>
      <c r="UTT1017" s="10"/>
      <c r="UTU1017" s="10"/>
      <c r="UTV1017" s="10"/>
      <c r="UTW1017" s="10"/>
      <c r="UTX1017" s="10"/>
      <c r="UTY1017" s="10"/>
      <c r="UTZ1017" s="10"/>
      <c r="UUA1017" s="10"/>
      <c r="UUB1017" s="10"/>
      <c r="UUC1017" s="10"/>
      <c r="UUD1017" s="10"/>
      <c r="UUE1017" s="10"/>
      <c r="UUF1017" s="10"/>
      <c r="UUG1017" s="10"/>
      <c r="UUH1017" s="10"/>
      <c r="UUI1017" s="10"/>
      <c r="UUJ1017" s="10"/>
      <c r="UUK1017" s="10"/>
      <c r="UUL1017" s="10"/>
      <c r="UUM1017" s="10"/>
      <c r="UUN1017" s="10"/>
      <c r="UUO1017" s="10"/>
      <c r="UUP1017" s="10"/>
      <c r="UUQ1017" s="10"/>
      <c r="UUR1017" s="10"/>
      <c r="UUS1017" s="10"/>
      <c r="UUT1017" s="10"/>
      <c r="UUU1017" s="10"/>
      <c r="UUV1017" s="10"/>
      <c r="UUW1017" s="10"/>
      <c r="UUX1017" s="10"/>
      <c r="UUY1017" s="10"/>
      <c r="UUZ1017" s="10"/>
      <c r="UVA1017" s="10"/>
      <c r="UVB1017" s="10"/>
      <c r="UVC1017" s="10"/>
      <c r="UVD1017" s="10"/>
      <c r="UVE1017" s="10"/>
      <c r="UVF1017" s="10"/>
      <c r="UVG1017" s="10"/>
      <c r="UVH1017" s="10"/>
      <c r="UVI1017" s="10"/>
      <c r="UVJ1017" s="10"/>
      <c r="UVK1017" s="10"/>
      <c r="UVL1017" s="10"/>
      <c r="UVM1017" s="10"/>
      <c r="UVN1017" s="10"/>
      <c r="UVO1017" s="10"/>
      <c r="UVP1017" s="10"/>
      <c r="UVQ1017" s="10"/>
      <c r="UVR1017" s="10"/>
      <c r="UVS1017" s="10"/>
      <c r="UVT1017" s="10"/>
      <c r="UVU1017" s="10"/>
      <c r="UVV1017" s="10"/>
      <c r="UVW1017" s="10"/>
      <c r="UVX1017" s="10"/>
      <c r="UVY1017" s="10"/>
      <c r="UVZ1017" s="10"/>
      <c r="UWA1017" s="10"/>
      <c r="UWB1017" s="10"/>
      <c r="UWC1017" s="10"/>
      <c r="UWD1017" s="10"/>
      <c r="UWE1017" s="10"/>
      <c r="UWF1017" s="10"/>
      <c r="UWG1017" s="10"/>
      <c r="UWH1017" s="10"/>
      <c r="UWI1017" s="10"/>
      <c r="UWJ1017" s="10"/>
      <c r="UWK1017" s="10"/>
      <c r="UWL1017" s="10"/>
      <c r="UWM1017" s="10"/>
      <c r="UWN1017" s="10"/>
      <c r="UWO1017" s="10"/>
      <c r="UWP1017" s="10"/>
      <c r="UWQ1017" s="10"/>
      <c r="UWR1017" s="10"/>
      <c r="UWS1017" s="10"/>
      <c r="UWT1017" s="10"/>
      <c r="UWU1017" s="10"/>
      <c r="UWV1017" s="10"/>
      <c r="UWW1017" s="10"/>
      <c r="UWX1017" s="10"/>
      <c r="UWY1017" s="10"/>
      <c r="UWZ1017" s="10"/>
      <c r="UXA1017" s="10"/>
      <c r="UXB1017" s="10"/>
      <c r="UXC1017" s="10"/>
      <c r="UXD1017" s="10"/>
      <c r="UXE1017" s="10"/>
      <c r="UXF1017" s="10"/>
      <c r="UXG1017" s="10"/>
      <c r="UXH1017" s="10"/>
      <c r="UXI1017" s="10"/>
      <c r="UXJ1017" s="10"/>
      <c r="UXK1017" s="10"/>
      <c r="UXL1017" s="10"/>
      <c r="UXM1017" s="10"/>
      <c r="UXN1017" s="10"/>
      <c r="UXO1017" s="10"/>
      <c r="UXP1017" s="10"/>
      <c r="UXQ1017" s="10"/>
      <c r="UXR1017" s="10"/>
      <c r="UXS1017" s="10"/>
      <c r="UXT1017" s="10"/>
      <c r="UXU1017" s="10"/>
      <c r="UXV1017" s="10"/>
      <c r="UXW1017" s="10"/>
      <c r="UXX1017" s="10"/>
      <c r="UXY1017" s="10"/>
      <c r="UXZ1017" s="10"/>
      <c r="UYA1017" s="10"/>
      <c r="UYB1017" s="10"/>
      <c r="UYC1017" s="10"/>
      <c r="UYD1017" s="10"/>
      <c r="UYE1017" s="10"/>
      <c r="UYF1017" s="10"/>
      <c r="UYG1017" s="10"/>
      <c r="UYH1017" s="10"/>
      <c r="UYI1017" s="10"/>
      <c r="UYJ1017" s="10"/>
      <c r="UYK1017" s="10"/>
      <c r="UYL1017" s="10"/>
      <c r="UYM1017" s="10"/>
      <c r="UYN1017" s="10"/>
      <c r="UYO1017" s="10"/>
      <c r="UYP1017" s="10"/>
      <c r="UYQ1017" s="10"/>
      <c r="UYR1017" s="10"/>
      <c r="UYS1017" s="10"/>
      <c r="UYT1017" s="10"/>
      <c r="UYU1017" s="10"/>
      <c r="UYV1017" s="10"/>
      <c r="UYW1017" s="10"/>
      <c r="UYX1017" s="10"/>
      <c r="UYY1017" s="10"/>
      <c r="UYZ1017" s="10"/>
      <c r="UZA1017" s="10"/>
      <c r="UZB1017" s="10"/>
      <c r="UZC1017" s="10"/>
      <c r="UZD1017" s="10"/>
      <c r="UZE1017" s="10"/>
      <c r="UZF1017" s="10"/>
      <c r="UZG1017" s="10"/>
      <c r="UZH1017" s="10"/>
      <c r="UZI1017" s="10"/>
      <c r="UZJ1017" s="10"/>
      <c r="UZK1017" s="10"/>
      <c r="UZL1017" s="10"/>
      <c r="UZM1017" s="10"/>
      <c r="UZN1017" s="10"/>
      <c r="UZO1017" s="10"/>
      <c r="UZP1017" s="10"/>
      <c r="UZQ1017" s="10"/>
      <c r="UZR1017" s="10"/>
      <c r="UZS1017" s="10"/>
      <c r="UZT1017" s="10"/>
      <c r="UZU1017" s="10"/>
      <c r="UZV1017" s="10"/>
      <c r="UZW1017" s="10"/>
      <c r="UZX1017" s="10"/>
      <c r="UZY1017" s="10"/>
      <c r="UZZ1017" s="10"/>
      <c r="VAA1017" s="10"/>
      <c r="VAB1017" s="10"/>
      <c r="VAC1017" s="10"/>
      <c r="VAD1017" s="10"/>
      <c r="VAE1017" s="10"/>
      <c r="VAF1017" s="10"/>
      <c r="VAG1017" s="10"/>
      <c r="VAH1017" s="10"/>
      <c r="VAI1017" s="10"/>
      <c r="VAJ1017" s="10"/>
      <c r="VAK1017" s="10"/>
      <c r="VAL1017" s="10"/>
      <c r="VAM1017" s="10"/>
      <c r="VAN1017" s="10"/>
      <c r="VAO1017" s="10"/>
      <c r="VAP1017" s="10"/>
      <c r="VAQ1017" s="10"/>
      <c r="VAR1017" s="10"/>
      <c r="VAS1017" s="10"/>
      <c r="VAT1017" s="10"/>
      <c r="VAU1017" s="10"/>
      <c r="VAV1017" s="10"/>
      <c r="VAW1017" s="10"/>
      <c r="VAX1017" s="10"/>
      <c r="VAY1017" s="10"/>
      <c r="VAZ1017" s="10"/>
      <c r="VBA1017" s="10"/>
      <c r="VBB1017" s="10"/>
      <c r="VBC1017" s="10"/>
      <c r="VBD1017" s="10"/>
      <c r="VBE1017" s="10"/>
      <c r="VBF1017" s="10"/>
      <c r="VBG1017" s="10"/>
      <c r="VBH1017" s="10"/>
      <c r="VBI1017" s="10"/>
      <c r="VBJ1017" s="10"/>
      <c r="VBK1017" s="10"/>
      <c r="VBL1017" s="10"/>
      <c r="VBM1017" s="10"/>
      <c r="VBN1017" s="10"/>
      <c r="VBO1017" s="10"/>
      <c r="VBP1017" s="10"/>
      <c r="VBQ1017" s="10"/>
      <c r="VBR1017" s="10"/>
      <c r="VBS1017" s="10"/>
      <c r="VBT1017" s="10"/>
      <c r="VBU1017" s="10"/>
      <c r="VBV1017" s="10"/>
      <c r="VBW1017" s="10"/>
      <c r="VBX1017" s="10"/>
      <c r="VBY1017" s="10"/>
      <c r="VBZ1017" s="10"/>
      <c r="VCA1017" s="10"/>
      <c r="VCB1017" s="10"/>
      <c r="VCC1017" s="10"/>
      <c r="VCD1017" s="10"/>
      <c r="VCE1017" s="10"/>
      <c r="VCF1017" s="10"/>
      <c r="VCG1017" s="10"/>
      <c r="VCH1017" s="10"/>
      <c r="VCI1017" s="10"/>
      <c r="VCJ1017" s="10"/>
      <c r="VCK1017" s="10"/>
      <c r="VCL1017" s="10"/>
      <c r="VCM1017" s="10"/>
      <c r="VCN1017" s="10"/>
      <c r="VCO1017" s="10"/>
      <c r="VCP1017" s="10"/>
      <c r="VCQ1017" s="10"/>
      <c r="VCR1017" s="10"/>
      <c r="VCS1017" s="10"/>
      <c r="VCT1017" s="10"/>
      <c r="VCU1017" s="10"/>
      <c r="VCV1017" s="10"/>
      <c r="VCW1017" s="10"/>
      <c r="VCX1017" s="10"/>
      <c r="VCY1017" s="10"/>
      <c r="VCZ1017" s="10"/>
      <c r="VDA1017" s="10"/>
      <c r="VDB1017" s="10"/>
      <c r="VDC1017" s="10"/>
      <c r="VDD1017" s="10"/>
      <c r="VDE1017" s="10"/>
      <c r="VDF1017" s="10"/>
      <c r="VDG1017" s="10"/>
      <c r="VDH1017" s="10"/>
      <c r="VDI1017" s="10"/>
      <c r="VDJ1017" s="10"/>
      <c r="VDK1017" s="10"/>
      <c r="VDL1017" s="10"/>
      <c r="VDM1017" s="10"/>
      <c r="VDN1017" s="10"/>
      <c r="VDO1017" s="10"/>
      <c r="VDP1017" s="10"/>
      <c r="VDQ1017" s="10"/>
      <c r="VDR1017" s="10"/>
      <c r="VDS1017" s="10"/>
      <c r="VDT1017" s="10"/>
      <c r="VDU1017" s="10"/>
      <c r="VDV1017" s="10"/>
      <c r="VDW1017" s="10"/>
      <c r="VDX1017" s="10"/>
      <c r="VDY1017" s="10"/>
      <c r="VDZ1017" s="10"/>
      <c r="VEA1017" s="10"/>
      <c r="VEB1017" s="10"/>
      <c r="VEC1017" s="10"/>
      <c r="VED1017" s="10"/>
      <c r="VEE1017" s="10"/>
      <c r="VEF1017" s="10"/>
      <c r="VEG1017" s="10"/>
      <c r="VEH1017" s="10"/>
      <c r="VEI1017" s="10"/>
      <c r="VEJ1017" s="10"/>
      <c r="VEK1017" s="10"/>
      <c r="VEL1017" s="10"/>
      <c r="VEM1017" s="10"/>
      <c r="VEN1017" s="10"/>
      <c r="VEO1017" s="10"/>
      <c r="VEP1017" s="10"/>
      <c r="VEQ1017" s="10"/>
      <c r="VER1017" s="10"/>
      <c r="VES1017" s="10"/>
      <c r="VET1017" s="10"/>
      <c r="VEU1017" s="10"/>
      <c r="VEV1017" s="10"/>
      <c r="VEW1017" s="10"/>
      <c r="VEX1017" s="10"/>
      <c r="VEY1017" s="10"/>
      <c r="VEZ1017" s="10"/>
      <c r="VFA1017" s="10"/>
      <c r="VFB1017" s="10"/>
      <c r="VFC1017" s="10"/>
      <c r="VFD1017" s="10"/>
      <c r="VFE1017" s="10"/>
      <c r="VFF1017" s="10"/>
      <c r="VFG1017" s="10"/>
      <c r="VFH1017" s="10"/>
      <c r="VFI1017" s="10"/>
      <c r="VFJ1017" s="10"/>
      <c r="VFK1017" s="10"/>
      <c r="VFL1017" s="10"/>
      <c r="VFM1017" s="10"/>
      <c r="VFN1017" s="10"/>
      <c r="VFO1017" s="10"/>
      <c r="VFP1017" s="10"/>
      <c r="VFQ1017" s="10"/>
      <c r="VFR1017" s="10"/>
      <c r="VFS1017" s="10"/>
      <c r="VFT1017" s="10"/>
      <c r="VFU1017" s="10"/>
      <c r="VFV1017" s="10"/>
      <c r="VFW1017" s="10"/>
      <c r="VFX1017" s="10"/>
      <c r="VFY1017" s="10"/>
      <c r="VFZ1017" s="10"/>
      <c r="VGA1017" s="10"/>
      <c r="VGB1017" s="10"/>
      <c r="VGC1017" s="10"/>
      <c r="VGD1017" s="10"/>
      <c r="VGE1017" s="10"/>
      <c r="VGF1017" s="10"/>
      <c r="VGG1017" s="10"/>
      <c r="VGH1017" s="10"/>
      <c r="VGI1017" s="10"/>
      <c r="VGJ1017" s="10"/>
      <c r="VGK1017" s="10"/>
      <c r="VGL1017" s="10"/>
      <c r="VGM1017" s="10"/>
      <c r="VGN1017" s="10"/>
      <c r="VGO1017" s="10"/>
      <c r="VGP1017" s="10"/>
      <c r="VGQ1017" s="10"/>
      <c r="VGR1017" s="10"/>
      <c r="VGS1017" s="10"/>
      <c r="VGT1017" s="10"/>
      <c r="VGU1017" s="10"/>
      <c r="VGV1017" s="10"/>
      <c r="VGW1017" s="10"/>
      <c r="VGX1017" s="10"/>
      <c r="VGY1017" s="10"/>
      <c r="VGZ1017" s="10"/>
      <c r="VHA1017" s="10"/>
      <c r="VHB1017" s="10"/>
      <c r="VHC1017" s="10"/>
      <c r="VHD1017" s="10"/>
      <c r="VHE1017" s="10"/>
      <c r="VHF1017" s="10"/>
      <c r="VHG1017" s="10"/>
      <c r="VHH1017" s="10"/>
      <c r="VHI1017" s="10"/>
      <c r="VHJ1017" s="10"/>
      <c r="VHK1017" s="10"/>
      <c r="VHL1017" s="10"/>
      <c r="VHM1017" s="10"/>
      <c r="VHN1017" s="10"/>
      <c r="VHO1017" s="10"/>
      <c r="VHP1017" s="10"/>
      <c r="VHQ1017" s="10"/>
      <c r="VHR1017" s="10"/>
      <c r="VHS1017" s="10"/>
      <c r="VHT1017" s="10"/>
      <c r="VHU1017" s="10"/>
      <c r="VHV1017" s="10"/>
      <c r="VHW1017" s="10"/>
      <c r="VHX1017" s="10"/>
      <c r="VHY1017" s="10"/>
      <c r="VHZ1017" s="10"/>
      <c r="VIA1017" s="10"/>
      <c r="VIB1017" s="10"/>
      <c r="VIC1017" s="10"/>
      <c r="VID1017" s="10"/>
      <c r="VIE1017" s="10"/>
      <c r="VIF1017" s="10"/>
      <c r="VIG1017" s="10"/>
      <c r="VIH1017" s="10"/>
      <c r="VII1017" s="10"/>
      <c r="VIJ1017" s="10"/>
      <c r="VIK1017" s="10"/>
      <c r="VIL1017" s="10"/>
      <c r="VIM1017" s="10"/>
      <c r="VIN1017" s="10"/>
      <c r="VIO1017" s="10"/>
      <c r="VIP1017" s="10"/>
      <c r="VIQ1017" s="10"/>
      <c r="VIR1017" s="10"/>
      <c r="VIS1017" s="10"/>
      <c r="VIT1017" s="10"/>
      <c r="VIU1017" s="10"/>
      <c r="VIV1017" s="10"/>
      <c r="VIW1017" s="10"/>
      <c r="VIX1017" s="10"/>
      <c r="VIY1017" s="10"/>
      <c r="VIZ1017" s="10"/>
      <c r="VJA1017" s="10"/>
      <c r="VJB1017" s="10"/>
      <c r="VJC1017" s="10"/>
      <c r="VJD1017" s="10"/>
      <c r="VJE1017" s="10"/>
      <c r="VJF1017" s="10"/>
      <c r="VJG1017" s="10"/>
      <c r="VJH1017" s="10"/>
      <c r="VJI1017" s="10"/>
      <c r="VJJ1017" s="10"/>
      <c r="VJK1017" s="10"/>
      <c r="VJL1017" s="10"/>
      <c r="VJM1017" s="10"/>
      <c r="VJN1017" s="10"/>
      <c r="VJO1017" s="10"/>
      <c r="VJP1017" s="10"/>
      <c r="VJQ1017" s="10"/>
      <c r="VJR1017" s="10"/>
      <c r="VJS1017" s="10"/>
      <c r="VJT1017" s="10"/>
      <c r="VJU1017" s="10"/>
      <c r="VJV1017" s="10"/>
      <c r="VJW1017" s="10"/>
      <c r="VJX1017" s="10"/>
      <c r="VJY1017" s="10"/>
      <c r="VJZ1017" s="10"/>
      <c r="VKA1017" s="10"/>
      <c r="VKB1017" s="10"/>
      <c r="VKC1017" s="10"/>
      <c r="VKD1017" s="10"/>
      <c r="VKE1017" s="10"/>
      <c r="VKF1017" s="10"/>
      <c r="VKG1017" s="10"/>
      <c r="VKH1017" s="10"/>
      <c r="VKI1017" s="10"/>
      <c r="VKJ1017" s="10"/>
      <c r="VKK1017" s="10"/>
      <c r="VKL1017" s="10"/>
      <c r="VKM1017" s="10"/>
      <c r="VKN1017" s="10"/>
      <c r="VKO1017" s="10"/>
      <c r="VKP1017" s="10"/>
      <c r="VKQ1017" s="10"/>
      <c r="VKR1017" s="10"/>
      <c r="VKS1017" s="10"/>
      <c r="VKT1017" s="10"/>
      <c r="VKU1017" s="10"/>
      <c r="VKV1017" s="10"/>
      <c r="VKW1017" s="10"/>
      <c r="VKX1017" s="10"/>
      <c r="VKY1017" s="10"/>
      <c r="VKZ1017" s="10"/>
      <c r="VLA1017" s="10"/>
      <c r="VLB1017" s="10"/>
      <c r="VLC1017" s="10"/>
      <c r="VLD1017" s="10"/>
      <c r="VLE1017" s="10"/>
      <c r="VLF1017" s="10"/>
      <c r="VLG1017" s="10"/>
      <c r="VLH1017" s="10"/>
      <c r="VLI1017" s="10"/>
      <c r="VLJ1017" s="10"/>
      <c r="VLK1017" s="10"/>
      <c r="VLL1017" s="10"/>
      <c r="VLM1017" s="10"/>
      <c r="VLN1017" s="10"/>
      <c r="VLO1017" s="10"/>
      <c r="VLP1017" s="10"/>
      <c r="VLQ1017" s="10"/>
      <c r="VLR1017" s="10"/>
      <c r="VLS1017" s="10"/>
      <c r="VLT1017" s="10"/>
      <c r="VLU1017" s="10"/>
      <c r="VLV1017" s="10"/>
      <c r="VLW1017" s="10"/>
      <c r="VLX1017" s="10"/>
      <c r="VLY1017" s="10"/>
      <c r="VLZ1017" s="10"/>
      <c r="VMA1017" s="10"/>
      <c r="VMB1017" s="10"/>
      <c r="VMC1017" s="10"/>
      <c r="VMD1017" s="10"/>
      <c r="VME1017" s="10"/>
      <c r="VMF1017" s="10"/>
      <c r="VMG1017" s="10"/>
      <c r="VMH1017" s="10"/>
      <c r="VMI1017" s="10"/>
      <c r="VMJ1017" s="10"/>
      <c r="VMK1017" s="10"/>
      <c r="VML1017" s="10"/>
      <c r="VMM1017" s="10"/>
      <c r="VMN1017" s="10"/>
      <c r="VMO1017" s="10"/>
      <c r="VMP1017" s="10"/>
      <c r="VMQ1017" s="10"/>
      <c r="VMR1017" s="10"/>
      <c r="VMS1017" s="10"/>
      <c r="VMT1017" s="10"/>
      <c r="VMU1017" s="10"/>
      <c r="VMV1017" s="10"/>
      <c r="VMW1017" s="10"/>
      <c r="VMX1017" s="10"/>
      <c r="VMY1017" s="10"/>
      <c r="VMZ1017" s="10"/>
      <c r="VNA1017" s="10"/>
      <c r="VNB1017" s="10"/>
      <c r="VNC1017" s="10"/>
      <c r="VND1017" s="10"/>
      <c r="VNE1017" s="10"/>
      <c r="VNF1017" s="10"/>
      <c r="VNG1017" s="10"/>
      <c r="VNH1017" s="10"/>
      <c r="VNI1017" s="10"/>
      <c r="VNJ1017" s="10"/>
      <c r="VNK1017" s="10"/>
      <c r="VNL1017" s="10"/>
      <c r="VNM1017" s="10"/>
      <c r="VNN1017" s="10"/>
      <c r="VNO1017" s="10"/>
      <c r="VNP1017" s="10"/>
      <c r="VNQ1017" s="10"/>
      <c r="VNR1017" s="10"/>
      <c r="VNS1017" s="10"/>
      <c r="VNT1017" s="10"/>
      <c r="VNU1017" s="10"/>
      <c r="VNV1017" s="10"/>
      <c r="VNW1017" s="10"/>
      <c r="VNX1017" s="10"/>
      <c r="VNY1017" s="10"/>
      <c r="VNZ1017" s="10"/>
      <c r="VOA1017" s="10"/>
      <c r="VOB1017" s="10"/>
      <c r="VOC1017" s="10"/>
      <c r="VOD1017" s="10"/>
      <c r="VOE1017" s="10"/>
      <c r="VOF1017" s="10"/>
      <c r="VOG1017" s="10"/>
      <c r="VOH1017" s="10"/>
      <c r="VOI1017" s="10"/>
      <c r="VOJ1017" s="10"/>
      <c r="VOK1017" s="10"/>
      <c r="VOL1017" s="10"/>
      <c r="VOM1017" s="10"/>
      <c r="VON1017" s="10"/>
      <c r="VOO1017" s="10"/>
      <c r="VOP1017" s="10"/>
      <c r="VOQ1017" s="10"/>
      <c r="VOR1017" s="10"/>
      <c r="VOS1017" s="10"/>
      <c r="VOT1017" s="10"/>
      <c r="VOU1017" s="10"/>
      <c r="VOV1017" s="10"/>
      <c r="VOW1017" s="10"/>
      <c r="VOX1017" s="10"/>
      <c r="VOY1017" s="10"/>
      <c r="VOZ1017" s="10"/>
      <c r="VPA1017" s="10"/>
      <c r="VPB1017" s="10"/>
      <c r="VPC1017" s="10"/>
      <c r="VPD1017" s="10"/>
      <c r="VPE1017" s="10"/>
      <c r="VPF1017" s="10"/>
      <c r="VPG1017" s="10"/>
      <c r="VPH1017" s="10"/>
      <c r="VPI1017" s="10"/>
      <c r="VPJ1017" s="10"/>
      <c r="VPK1017" s="10"/>
      <c r="VPL1017" s="10"/>
      <c r="VPM1017" s="10"/>
      <c r="VPN1017" s="10"/>
      <c r="VPO1017" s="10"/>
      <c r="VPP1017" s="10"/>
      <c r="VPQ1017" s="10"/>
      <c r="VPR1017" s="10"/>
      <c r="VPS1017" s="10"/>
      <c r="VPT1017" s="10"/>
      <c r="VPU1017" s="10"/>
      <c r="VPV1017" s="10"/>
      <c r="VPW1017" s="10"/>
      <c r="VPX1017" s="10"/>
      <c r="VPY1017" s="10"/>
      <c r="VPZ1017" s="10"/>
      <c r="VQA1017" s="10"/>
      <c r="VQB1017" s="10"/>
      <c r="VQC1017" s="10"/>
      <c r="VQD1017" s="10"/>
      <c r="VQE1017" s="10"/>
      <c r="VQF1017" s="10"/>
      <c r="VQG1017" s="10"/>
      <c r="VQH1017" s="10"/>
      <c r="VQI1017" s="10"/>
      <c r="VQJ1017" s="10"/>
      <c r="VQK1017" s="10"/>
      <c r="VQL1017" s="10"/>
      <c r="VQM1017" s="10"/>
      <c r="VQN1017" s="10"/>
      <c r="VQO1017" s="10"/>
      <c r="VQP1017" s="10"/>
      <c r="VQQ1017" s="10"/>
      <c r="VQR1017" s="10"/>
      <c r="VQS1017" s="10"/>
      <c r="VQT1017" s="10"/>
      <c r="VQU1017" s="10"/>
      <c r="VQV1017" s="10"/>
      <c r="VQW1017" s="10"/>
      <c r="VQX1017" s="10"/>
      <c r="VQY1017" s="10"/>
      <c r="VQZ1017" s="10"/>
      <c r="VRA1017" s="10"/>
      <c r="VRB1017" s="10"/>
      <c r="VRC1017" s="10"/>
      <c r="VRD1017" s="10"/>
      <c r="VRE1017" s="10"/>
      <c r="VRF1017" s="10"/>
      <c r="VRG1017" s="10"/>
      <c r="VRH1017" s="10"/>
      <c r="VRI1017" s="10"/>
      <c r="VRJ1017" s="10"/>
      <c r="VRK1017" s="10"/>
      <c r="VRL1017" s="10"/>
      <c r="VRM1017" s="10"/>
      <c r="VRN1017" s="10"/>
      <c r="VRO1017" s="10"/>
      <c r="VRP1017" s="10"/>
      <c r="VRQ1017" s="10"/>
      <c r="VRR1017" s="10"/>
      <c r="VRS1017" s="10"/>
      <c r="VRT1017" s="10"/>
      <c r="VRU1017" s="10"/>
      <c r="VRV1017" s="10"/>
      <c r="VRW1017" s="10"/>
      <c r="VRX1017" s="10"/>
      <c r="VRY1017" s="10"/>
      <c r="VRZ1017" s="10"/>
      <c r="VSA1017" s="10"/>
      <c r="VSB1017" s="10"/>
      <c r="VSC1017" s="10"/>
      <c r="VSD1017" s="10"/>
      <c r="VSE1017" s="10"/>
      <c r="VSF1017" s="10"/>
      <c r="VSG1017" s="10"/>
      <c r="VSH1017" s="10"/>
      <c r="VSI1017" s="10"/>
      <c r="VSJ1017" s="10"/>
      <c r="VSK1017" s="10"/>
      <c r="VSL1017" s="10"/>
      <c r="VSM1017" s="10"/>
      <c r="VSN1017" s="10"/>
      <c r="VSO1017" s="10"/>
      <c r="VSP1017" s="10"/>
      <c r="VSQ1017" s="10"/>
      <c r="VSR1017" s="10"/>
      <c r="VSS1017" s="10"/>
      <c r="VST1017" s="10"/>
      <c r="VSU1017" s="10"/>
      <c r="VSV1017" s="10"/>
      <c r="VSW1017" s="10"/>
      <c r="VSX1017" s="10"/>
      <c r="VSY1017" s="10"/>
      <c r="VSZ1017" s="10"/>
      <c r="VTA1017" s="10"/>
      <c r="VTB1017" s="10"/>
      <c r="VTC1017" s="10"/>
      <c r="VTD1017" s="10"/>
      <c r="VTE1017" s="10"/>
      <c r="VTF1017" s="10"/>
      <c r="VTG1017" s="10"/>
      <c r="VTH1017" s="10"/>
      <c r="VTI1017" s="10"/>
      <c r="VTJ1017" s="10"/>
      <c r="VTK1017" s="10"/>
      <c r="VTL1017" s="10"/>
      <c r="VTM1017" s="10"/>
      <c r="VTN1017" s="10"/>
      <c r="VTO1017" s="10"/>
      <c r="VTP1017" s="10"/>
      <c r="VTQ1017" s="10"/>
      <c r="VTR1017" s="10"/>
      <c r="VTS1017" s="10"/>
      <c r="VTT1017" s="10"/>
      <c r="VTU1017" s="10"/>
      <c r="VTV1017" s="10"/>
      <c r="VTW1017" s="10"/>
      <c r="VTX1017" s="10"/>
      <c r="VTY1017" s="10"/>
      <c r="VTZ1017" s="10"/>
      <c r="VUA1017" s="10"/>
      <c r="VUB1017" s="10"/>
      <c r="VUC1017" s="10"/>
      <c r="VUD1017" s="10"/>
      <c r="VUE1017" s="10"/>
      <c r="VUF1017" s="10"/>
      <c r="VUG1017" s="10"/>
      <c r="VUH1017" s="10"/>
      <c r="VUI1017" s="10"/>
      <c r="VUJ1017" s="10"/>
      <c r="VUK1017" s="10"/>
      <c r="VUL1017" s="10"/>
      <c r="VUM1017" s="10"/>
      <c r="VUN1017" s="10"/>
      <c r="VUO1017" s="10"/>
      <c r="VUP1017" s="10"/>
      <c r="VUQ1017" s="10"/>
      <c r="VUR1017" s="10"/>
      <c r="VUS1017" s="10"/>
      <c r="VUT1017" s="10"/>
      <c r="VUU1017" s="10"/>
      <c r="VUV1017" s="10"/>
      <c r="VUW1017" s="10"/>
      <c r="VUX1017" s="10"/>
      <c r="VUY1017" s="10"/>
      <c r="VUZ1017" s="10"/>
      <c r="VVA1017" s="10"/>
      <c r="VVB1017" s="10"/>
      <c r="VVC1017" s="10"/>
      <c r="VVD1017" s="10"/>
      <c r="VVE1017" s="10"/>
      <c r="VVF1017" s="10"/>
      <c r="VVG1017" s="10"/>
      <c r="VVH1017" s="10"/>
      <c r="VVI1017" s="10"/>
      <c r="VVJ1017" s="10"/>
      <c r="VVK1017" s="10"/>
      <c r="VVL1017" s="10"/>
      <c r="VVM1017" s="10"/>
      <c r="VVN1017" s="10"/>
      <c r="VVO1017" s="10"/>
      <c r="VVP1017" s="10"/>
      <c r="VVQ1017" s="10"/>
      <c r="VVR1017" s="10"/>
      <c r="VVS1017" s="10"/>
      <c r="VVT1017" s="10"/>
      <c r="VVU1017" s="10"/>
      <c r="VVV1017" s="10"/>
      <c r="VVW1017" s="10"/>
      <c r="VVX1017" s="10"/>
      <c r="VVY1017" s="10"/>
      <c r="VVZ1017" s="10"/>
      <c r="VWA1017" s="10"/>
      <c r="VWB1017" s="10"/>
      <c r="VWC1017" s="10"/>
      <c r="VWD1017" s="10"/>
      <c r="VWE1017" s="10"/>
      <c r="VWF1017" s="10"/>
      <c r="VWG1017" s="10"/>
      <c r="VWH1017" s="10"/>
      <c r="VWI1017" s="10"/>
      <c r="VWJ1017" s="10"/>
      <c r="VWK1017" s="10"/>
      <c r="VWL1017" s="10"/>
      <c r="VWM1017" s="10"/>
      <c r="VWN1017" s="10"/>
      <c r="VWO1017" s="10"/>
      <c r="VWP1017" s="10"/>
      <c r="VWQ1017" s="10"/>
      <c r="VWR1017" s="10"/>
      <c r="VWS1017" s="10"/>
      <c r="VWT1017" s="10"/>
      <c r="VWU1017" s="10"/>
      <c r="VWV1017" s="10"/>
      <c r="VWW1017" s="10"/>
      <c r="VWX1017" s="10"/>
      <c r="VWY1017" s="10"/>
      <c r="VWZ1017" s="10"/>
      <c r="VXA1017" s="10"/>
      <c r="VXB1017" s="10"/>
      <c r="VXC1017" s="10"/>
      <c r="VXD1017" s="10"/>
      <c r="VXE1017" s="10"/>
      <c r="VXF1017" s="10"/>
      <c r="VXG1017" s="10"/>
      <c r="VXH1017" s="10"/>
      <c r="VXI1017" s="10"/>
      <c r="VXJ1017" s="10"/>
      <c r="VXK1017" s="10"/>
      <c r="VXL1017" s="10"/>
      <c r="VXM1017" s="10"/>
      <c r="VXN1017" s="10"/>
      <c r="VXO1017" s="10"/>
      <c r="VXP1017" s="10"/>
      <c r="VXQ1017" s="10"/>
      <c r="VXR1017" s="10"/>
      <c r="VXS1017" s="10"/>
      <c r="VXT1017" s="10"/>
      <c r="VXU1017" s="10"/>
      <c r="VXV1017" s="10"/>
      <c r="VXW1017" s="10"/>
      <c r="VXX1017" s="10"/>
      <c r="VXY1017" s="10"/>
      <c r="VXZ1017" s="10"/>
      <c r="VYA1017" s="10"/>
      <c r="VYB1017" s="10"/>
      <c r="VYC1017" s="10"/>
      <c r="VYD1017" s="10"/>
      <c r="VYE1017" s="10"/>
      <c r="VYF1017" s="10"/>
      <c r="VYG1017" s="10"/>
      <c r="VYH1017" s="10"/>
      <c r="VYI1017" s="10"/>
      <c r="VYJ1017" s="10"/>
      <c r="VYK1017" s="10"/>
      <c r="VYL1017" s="10"/>
      <c r="VYM1017" s="10"/>
      <c r="VYN1017" s="10"/>
      <c r="VYO1017" s="10"/>
      <c r="VYP1017" s="10"/>
      <c r="VYQ1017" s="10"/>
      <c r="VYR1017" s="10"/>
      <c r="VYS1017" s="10"/>
      <c r="VYT1017" s="10"/>
      <c r="VYU1017" s="10"/>
      <c r="VYV1017" s="10"/>
      <c r="VYW1017" s="10"/>
      <c r="VYX1017" s="10"/>
      <c r="VYY1017" s="10"/>
      <c r="VYZ1017" s="10"/>
      <c r="VZA1017" s="10"/>
      <c r="VZB1017" s="10"/>
      <c r="VZC1017" s="10"/>
      <c r="VZD1017" s="10"/>
      <c r="VZE1017" s="10"/>
      <c r="VZF1017" s="10"/>
      <c r="VZG1017" s="10"/>
      <c r="VZH1017" s="10"/>
      <c r="VZI1017" s="10"/>
      <c r="VZJ1017" s="10"/>
      <c r="VZK1017" s="10"/>
      <c r="VZL1017" s="10"/>
      <c r="VZM1017" s="10"/>
      <c r="VZN1017" s="10"/>
      <c r="VZO1017" s="10"/>
      <c r="VZP1017" s="10"/>
      <c r="VZQ1017" s="10"/>
      <c r="VZR1017" s="10"/>
      <c r="VZS1017" s="10"/>
      <c r="VZT1017" s="10"/>
      <c r="VZU1017" s="10"/>
      <c r="VZV1017" s="10"/>
      <c r="VZW1017" s="10"/>
      <c r="VZX1017" s="10"/>
      <c r="VZY1017" s="10"/>
      <c r="VZZ1017" s="10"/>
      <c r="WAA1017" s="10"/>
      <c r="WAB1017" s="10"/>
      <c r="WAC1017" s="10"/>
      <c r="WAD1017" s="10"/>
      <c r="WAE1017" s="10"/>
      <c r="WAF1017" s="10"/>
      <c r="WAG1017" s="10"/>
      <c r="WAH1017" s="10"/>
      <c r="WAI1017" s="10"/>
      <c r="WAJ1017" s="10"/>
      <c r="WAK1017" s="10"/>
      <c r="WAL1017" s="10"/>
      <c r="WAM1017" s="10"/>
      <c r="WAN1017" s="10"/>
      <c r="WAO1017" s="10"/>
      <c r="WAP1017" s="10"/>
      <c r="WAQ1017" s="10"/>
      <c r="WAR1017" s="10"/>
      <c r="WAS1017" s="10"/>
      <c r="WAT1017" s="10"/>
      <c r="WAU1017" s="10"/>
      <c r="WAV1017" s="10"/>
      <c r="WAW1017" s="10"/>
      <c r="WAX1017" s="10"/>
      <c r="WAY1017" s="10"/>
      <c r="WAZ1017" s="10"/>
      <c r="WBA1017" s="10"/>
      <c r="WBB1017" s="10"/>
      <c r="WBC1017" s="10"/>
      <c r="WBD1017" s="10"/>
      <c r="WBE1017" s="10"/>
      <c r="WBF1017" s="10"/>
      <c r="WBG1017" s="10"/>
      <c r="WBH1017" s="10"/>
      <c r="WBI1017" s="10"/>
      <c r="WBJ1017" s="10"/>
      <c r="WBK1017" s="10"/>
      <c r="WBL1017" s="10"/>
      <c r="WBM1017" s="10"/>
      <c r="WBN1017" s="10"/>
      <c r="WBO1017" s="10"/>
      <c r="WBP1017" s="10"/>
      <c r="WBQ1017" s="10"/>
      <c r="WBR1017" s="10"/>
      <c r="WBS1017" s="10"/>
      <c r="WBT1017" s="10"/>
      <c r="WBU1017" s="10"/>
      <c r="WBV1017" s="10"/>
      <c r="WBW1017" s="10"/>
      <c r="WBX1017" s="10"/>
      <c r="WBY1017" s="10"/>
      <c r="WBZ1017" s="10"/>
      <c r="WCA1017" s="10"/>
      <c r="WCB1017" s="10"/>
      <c r="WCC1017" s="10"/>
      <c r="WCD1017" s="10"/>
      <c r="WCE1017" s="10"/>
      <c r="WCF1017" s="10"/>
      <c r="WCG1017" s="10"/>
      <c r="WCH1017" s="10"/>
      <c r="WCI1017" s="10"/>
      <c r="WCJ1017" s="10"/>
      <c r="WCK1017" s="10"/>
      <c r="WCL1017" s="10"/>
      <c r="WCM1017" s="10"/>
      <c r="WCN1017" s="10"/>
      <c r="WCO1017" s="10"/>
      <c r="WCP1017" s="10"/>
      <c r="WCQ1017" s="10"/>
      <c r="WCR1017" s="10"/>
      <c r="WCS1017" s="10"/>
      <c r="WCT1017" s="10"/>
      <c r="WCU1017" s="10"/>
      <c r="WCV1017" s="10"/>
      <c r="WCW1017" s="10"/>
      <c r="WCX1017" s="10"/>
      <c r="WCY1017" s="10"/>
      <c r="WCZ1017" s="10"/>
      <c r="WDA1017" s="10"/>
      <c r="WDB1017" s="10"/>
      <c r="WDC1017" s="10"/>
      <c r="WDD1017" s="10"/>
      <c r="WDE1017" s="10"/>
      <c r="WDF1017" s="10"/>
      <c r="WDG1017" s="10"/>
      <c r="WDH1017" s="10"/>
      <c r="WDI1017" s="10"/>
      <c r="WDJ1017" s="10"/>
      <c r="WDK1017" s="10"/>
      <c r="WDL1017" s="10"/>
      <c r="WDM1017" s="10"/>
      <c r="WDN1017" s="10"/>
      <c r="WDO1017" s="10"/>
      <c r="WDP1017" s="10"/>
      <c r="WDQ1017" s="10"/>
      <c r="WDR1017" s="10"/>
      <c r="WDS1017" s="10"/>
      <c r="WDT1017" s="10"/>
      <c r="WDU1017" s="10"/>
      <c r="WDV1017" s="10"/>
      <c r="WDW1017" s="10"/>
      <c r="WDX1017" s="10"/>
      <c r="WDY1017" s="10"/>
      <c r="WDZ1017" s="10"/>
      <c r="WEA1017" s="10"/>
      <c r="WEB1017" s="10"/>
      <c r="WEC1017" s="10"/>
      <c r="WED1017" s="10"/>
      <c r="WEE1017" s="10"/>
      <c r="WEF1017" s="10"/>
      <c r="WEG1017" s="10"/>
      <c r="WEH1017" s="10"/>
      <c r="WEI1017" s="10"/>
      <c r="WEJ1017" s="10"/>
      <c r="WEK1017" s="10"/>
      <c r="WEL1017" s="10"/>
      <c r="WEM1017" s="10"/>
      <c r="WEN1017" s="10"/>
      <c r="WEO1017" s="10"/>
      <c r="WEP1017" s="10"/>
      <c r="WEQ1017" s="10"/>
      <c r="WER1017" s="10"/>
      <c r="WES1017" s="10"/>
      <c r="WET1017" s="10"/>
      <c r="WEU1017" s="10"/>
      <c r="WEV1017" s="10"/>
      <c r="WEW1017" s="10"/>
      <c r="WEX1017" s="10"/>
      <c r="WEY1017" s="10"/>
      <c r="WEZ1017" s="10"/>
      <c r="WFA1017" s="10"/>
      <c r="WFB1017" s="10"/>
      <c r="WFC1017" s="10"/>
      <c r="WFD1017" s="10"/>
      <c r="WFE1017" s="10"/>
      <c r="WFF1017" s="10"/>
      <c r="WFG1017" s="10"/>
      <c r="WFH1017" s="10"/>
      <c r="WFI1017" s="10"/>
      <c r="WFJ1017" s="10"/>
      <c r="WFK1017" s="10"/>
      <c r="WFL1017" s="10"/>
      <c r="WFM1017" s="10"/>
      <c r="WFN1017" s="10"/>
      <c r="WFO1017" s="10"/>
      <c r="WFP1017" s="10"/>
      <c r="WFQ1017" s="10"/>
      <c r="WFR1017" s="10"/>
      <c r="WFS1017" s="10"/>
      <c r="WFT1017" s="10"/>
      <c r="WFU1017" s="10"/>
      <c r="WFV1017" s="10"/>
      <c r="WFW1017" s="10"/>
      <c r="WFX1017" s="10"/>
      <c r="WFY1017" s="10"/>
      <c r="WFZ1017" s="10"/>
      <c r="WGA1017" s="10"/>
      <c r="WGB1017" s="10"/>
      <c r="WGC1017" s="10"/>
      <c r="WGD1017" s="10"/>
      <c r="WGE1017" s="10"/>
      <c r="WGF1017" s="10"/>
      <c r="WGG1017" s="10"/>
      <c r="WGH1017" s="10"/>
      <c r="WGI1017" s="10"/>
      <c r="WGJ1017" s="10"/>
      <c r="WGK1017" s="10"/>
      <c r="WGL1017" s="10"/>
      <c r="WGM1017" s="10"/>
      <c r="WGN1017" s="10"/>
      <c r="WGO1017" s="10"/>
      <c r="WGP1017" s="10"/>
      <c r="WGQ1017" s="10"/>
      <c r="WGR1017" s="10"/>
      <c r="WGS1017" s="10"/>
      <c r="WGT1017" s="10"/>
      <c r="WGU1017" s="10"/>
      <c r="WGV1017" s="10"/>
      <c r="WGW1017" s="10"/>
      <c r="WGX1017" s="10"/>
      <c r="WGY1017" s="10"/>
      <c r="WGZ1017" s="10"/>
      <c r="WHA1017" s="10"/>
      <c r="WHB1017" s="10"/>
      <c r="WHC1017" s="10"/>
      <c r="WHD1017" s="10"/>
      <c r="WHE1017" s="10"/>
      <c r="WHF1017" s="10"/>
      <c r="WHG1017" s="10"/>
      <c r="WHH1017" s="10"/>
      <c r="WHI1017" s="10"/>
      <c r="WHJ1017" s="10"/>
      <c r="WHK1017" s="10"/>
      <c r="WHL1017" s="10"/>
      <c r="WHM1017" s="10"/>
      <c r="WHN1017" s="10"/>
      <c r="WHO1017" s="10"/>
      <c r="WHP1017" s="10"/>
      <c r="WHQ1017" s="10"/>
      <c r="WHR1017" s="10"/>
      <c r="WHS1017" s="10"/>
      <c r="WHT1017" s="10"/>
      <c r="WHU1017" s="10"/>
      <c r="WHV1017" s="10"/>
      <c r="WHW1017" s="10"/>
      <c r="WHX1017" s="10"/>
      <c r="WHY1017" s="10"/>
      <c r="WHZ1017" s="10"/>
      <c r="WIA1017" s="10"/>
      <c r="WIB1017" s="10"/>
      <c r="WIC1017" s="10"/>
      <c r="WID1017" s="10"/>
      <c r="WIE1017" s="10"/>
      <c r="WIF1017" s="10"/>
      <c r="WIG1017" s="10"/>
      <c r="WIH1017" s="10"/>
      <c r="WII1017" s="10"/>
      <c r="WIJ1017" s="10"/>
      <c r="WIK1017" s="10"/>
      <c r="WIL1017" s="10"/>
      <c r="WIM1017" s="10"/>
      <c r="WIN1017" s="10"/>
      <c r="WIO1017" s="10"/>
      <c r="WIP1017" s="10"/>
      <c r="WIQ1017" s="10"/>
      <c r="WIR1017" s="10"/>
      <c r="WIS1017" s="10"/>
      <c r="WIT1017" s="10"/>
      <c r="WIU1017" s="10"/>
      <c r="WIV1017" s="10"/>
      <c r="WIW1017" s="10"/>
      <c r="WIX1017" s="10"/>
      <c r="WIY1017" s="10"/>
      <c r="WIZ1017" s="10"/>
      <c r="WJA1017" s="10"/>
      <c r="WJB1017" s="10"/>
      <c r="WJC1017" s="10"/>
      <c r="WJD1017" s="10"/>
      <c r="WJE1017" s="10"/>
      <c r="WJF1017" s="10"/>
      <c r="WJG1017" s="10"/>
      <c r="WJH1017" s="10"/>
      <c r="WJI1017" s="10"/>
      <c r="WJJ1017" s="10"/>
      <c r="WJK1017" s="10"/>
      <c r="WJL1017" s="10"/>
      <c r="WJM1017" s="10"/>
      <c r="WJN1017" s="10"/>
      <c r="WJO1017" s="10"/>
      <c r="WJP1017" s="10"/>
      <c r="WJQ1017" s="10"/>
      <c r="WJR1017" s="10"/>
      <c r="WJS1017" s="10"/>
      <c r="WJT1017" s="10"/>
      <c r="WJU1017" s="10"/>
      <c r="WJV1017" s="10"/>
      <c r="WJW1017" s="10"/>
      <c r="WJX1017" s="10"/>
      <c r="WJY1017" s="10"/>
      <c r="WJZ1017" s="10"/>
      <c r="WKA1017" s="10"/>
      <c r="WKB1017" s="10"/>
      <c r="WKC1017" s="10"/>
      <c r="WKD1017" s="10"/>
      <c r="WKE1017" s="10"/>
      <c r="WKF1017" s="10"/>
      <c r="WKG1017" s="10"/>
      <c r="WKH1017" s="10"/>
      <c r="WKI1017" s="10"/>
      <c r="WKJ1017" s="10"/>
      <c r="WKK1017" s="10"/>
      <c r="WKL1017" s="10"/>
      <c r="WKM1017" s="10"/>
      <c r="WKN1017" s="10"/>
      <c r="WKO1017" s="10"/>
      <c r="WKP1017" s="10"/>
      <c r="WKQ1017" s="10"/>
      <c r="WKR1017" s="10"/>
      <c r="WKS1017" s="10"/>
      <c r="WKT1017" s="10"/>
      <c r="WKU1017" s="10"/>
      <c r="WKV1017" s="10"/>
      <c r="WKW1017" s="10"/>
      <c r="WKX1017" s="10"/>
      <c r="WKY1017" s="10"/>
      <c r="WKZ1017" s="10"/>
      <c r="WLA1017" s="10"/>
      <c r="WLB1017" s="10"/>
      <c r="WLC1017" s="10"/>
      <c r="WLD1017" s="10"/>
      <c r="WLE1017" s="10"/>
      <c r="WLF1017" s="10"/>
      <c r="WLG1017" s="10"/>
      <c r="WLH1017" s="10"/>
      <c r="WLI1017" s="10"/>
      <c r="WLJ1017" s="10"/>
      <c r="WLK1017" s="10"/>
      <c r="WLL1017" s="10"/>
      <c r="WLM1017" s="10"/>
      <c r="WLN1017" s="10"/>
      <c r="WLO1017" s="10"/>
      <c r="WLP1017" s="10"/>
      <c r="WLQ1017" s="10"/>
      <c r="WLR1017" s="10"/>
      <c r="WLS1017" s="10"/>
      <c r="WLT1017" s="10"/>
      <c r="WLU1017" s="10"/>
      <c r="WLV1017" s="10"/>
      <c r="WLW1017" s="10"/>
      <c r="WLX1017" s="10"/>
      <c r="WLY1017" s="10"/>
      <c r="WLZ1017" s="10"/>
      <c r="WMA1017" s="10"/>
      <c r="WMB1017" s="10"/>
      <c r="WMC1017" s="10"/>
      <c r="WMD1017" s="10"/>
      <c r="WME1017" s="10"/>
      <c r="WMF1017" s="10"/>
      <c r="WMG1017" s="10"/>
      <c r="WMH1017" s="10"/>
      <c r="WMI1017" s="10"/>
      <c r="WMJ1017" s="10"/>
      <c r="WMK1017" s="10"/>
      <c r="WML1017" s="10"/>
      <c r="WMM1017" s="10"/>
      <c r="WMN1017" s="10"/>
      <c r="WMO1017" s="10"/>
      <c r="WMP1017" s="10"/>
      <c r="WMQ1017" s="10"/>
      <c r="WMR1017" s="10"/>
      <c r="WMS1017" s="10"/>
      <c r="WMT1017" s="10"/>
      <c r="WMU1017" s="10"/>
      <c r="WMV1017" s="10"/>
      <c r="WMW1017" s="10"/>
      <c r="WMX1017" s="10"/>
      <c r="WMY1017" s="10"/>
      <c r="WMZ1017" s="10"/>
      <c r="WNA1017" s="10"/>
      <c r="WNB1017" s="10"/>
      <c r="WNC1017" s="10"/>
      <c r="WND1017" s="10"/>
      <c r="WNE1017" s="10"/>
      <c r="WNF1017" s="10"/>
      <c r="WNG1017" s="10"/>
      <c r="WNH1017" s="10"/>
      <c r="WNI1017" s="10"/>
      <c r="WNJ1017" s="10"/>
      <c r="WNK1017" s="10"/>
      <c r="WNL1017" s="10"/>
      <c r="WNM1017" s="10"/>
      <c r="WNN1017" s="10"/>
      <c r="WNO1017" s="10"/>
      <c r="WNP1017" s="10"/>
      <c r="WNQ1017" s="10"/>
      <c r="WNR1017" s="10"/>
      <c r="WNS1017" s="10"/>
      <c r="WNT1017" s="10"/>
      <c r="WNU1017" s="10"/>
      <c r="WNV1017" s="10"/>
      <c r="WNW1017" s="10"/>
      <c r="WNX1017" s="10"/>
      <c r="WNY1017" s="10"/>
      <c r="WNZ1017" s="10"/>
      <c r="WOA1017" s="10"/>
      <c r="WOB1017" s="10"/>
      <c r="WOC1017" s="10"/>
      <c r="WOD1017" s="10"/>
      <c r="WOE1017" s="10"/>
      <c r="WOF1017" s="10"/>
      <c r="WOG1017" s="10"/>
      <c r="WOH1017" s="10"/>
      <c r="WOI1017" s="10"/>
      <c r="WOJ1017" s="10"/>
      <c r="WOK1017" s="10"/>
      <c r="WOL1017" s="10"/>
      <c r="WOM1017" s="10"/>
      <c r="WON1017" s="10"/>
      <c r="WOO1017" s="10"/>
      <c r="WOP1017" s="10"/>
      <c r="WOQ1017" s="10"/>
      <c r="WOR1017" s="10"/>
      <c r="WOS1017" s="10"/>
      <c r="WOT1017" s="10"/>
      <c r="WOU1017" s="10"/>
      <c r="WOV1017" s="10"/>
      <c r="WOW1017" s="10"/>
      <c r="WOX1017" s="10"/>
      <c r="WOY1017" s="10"/>
      <c r="WOZ1017" s="10"/>
      <c r="WPA1017" s="10"/>
      <c r="WPB1017" s="10"/>
      <c r="WPC1017" s="10"/>
      <c r="WPD1017" s="10"/>
      <c r="WPE1017" s="10"/>
      <c r="WPF1017" s="10"/>
      <c r="WPG1017" s="10"/>
      <c r="WPH1017" s="10"/>
      <c r="WPI1017" s="10"/>
      <c r="WPJ1017" s="10"/>
      <c r="WPK1017" s="10"/>
      <c r="WPL1017" s="10"/>
      <c r="WPM1017" s="10"/>
      <c r="WPN1017" s="10"/>
      <c r="WPO1017" s="10"/>
      <c r="WPP1017" s="10"/>
      <c r="WPQ1017" s="10"/>
      <c r="WPR1017" s="10"/>
      <c r="WPS1017" s="10"/>
      <c r="WPT1017" s="10"/>
      <c r="WPU1017" s="10"/>
      <c r="WPV1017" s="10"/>
      <c r="WPW1017" s="10"/>
      <c r="WPX1017" s="10"/>
      <c r="WPY1017" s="10"/>
      <c r="WPZ1017" s="10"/>
      <c r="WQA1017" s="10"/>
      <c r="WQB1017" s="10"/>
      <c r="WQC1017" s="10"/>
      <c r="WQD1017" s="10"/>
      <c r="WQE1017" s="10"/>
      <c r="WQF1017" s="10"/>
      <c r="WQG1017" s="10"/>
      <c r="WQH1017" s="10"/>
      <c r="WQI1017" s="10"/>
      <c r="WQJ1017" s="10"/>
      <c r="WQK1017" s="10"/>
      <c r="WQL1017" s="10"/>
      <c r="WQM1017" s="10"/>
      <c r="WQN1017" s="10"/>
      <c r="WQO1017" s="10"/>
      <c r="WQP1017" s="10"/>
      <c r="WQQ1017" s="10"/>
      <c r="WQR1017" s="10"/>
      <c r="WQS1017" s="10"/>
      <c r="WQT1017" s="10"/>
      <c r="WQU1017" s="10"/>
      <c r="WQV1017" s="10"/>
      <c r="WQW1017" s="10"/>
      <c r="WQX1017" s="10"/>
      <c r="WQY1017" s="10"/>
      <c r="WQZ1017" s="10"/>
      <c r="WRA1017" s="10"/>
      <c r="WRB1017" s="10"/>
      <c r="WRC1017" s="10"/>
      <c r="WRD1017" s="10"/>
      <c r="WRE1017" s="10"/>
      <c r="WRF1017" s="10"/>
      <c r="WRG1017" s="10"/>
      <c r="WRH1017" s="10"/>
      <c r="WRI1017" s="10"/>
      <c r="WRJ1017" s="10"/>
      <c r="WRK1017" s="10"/>
      <c r="WRL1017" s="10"/>
      <c r="WRM1017" s="10"/>
      <c r="WRN1017" s="10"/>
      <c r="WRO1017" s="10"/>
      <c r="WRP1017" s="10"/>
      <c r="WRQ1017" s="10"/>
      <c r="WRR1017" s="10"/>
      <c r="WRS1017" s="10"/>
      <c r="WRT1017" s="10"/>
      <c r="WRU1017" s="10"/>
      <c r="WRV1017" s="10"/>
      <c r="WRW1017" s="10"/>
      <c r="WRX1017" s="10"/>
      <c r="WRY1017" s="10"/>
      <c r="WRZ1017" s="10"/>
      <c r="WSA1017" s="10"/>
      <c r="WSB1017" s="10"/>
      <c r="WSC1017" s="10"/>
      <c r="WSD1017" s="10"/>
      <c r="WSE1017" s="10"/>
      <c r="WSF1017" s="10"/>
      <c r="WSG1017" s="10"/>
      <c r="WSH1017" s="10"/>
      <c r="WSI1017" s="10"/>
      <c r="WSJ1017" s="10"/>
      <c r="WSK1017" s="10"/>
      <c r="WSL1017" s="10"/>
      <c r="WSM1017" s="10"/>
      <c r="WSN1017" s="10"/>
      <c r="WSO1017" s="10"/>
      <c r="WSP1017" s="10"/>
      <c r="WSQ1017" s="10"/>
      <c r="WSR1017" s="10"/>
      <c r="WSS1017" s="10"/>
      <c r="WST1017" s="10"/>
      <c r="WSU1017" s="10"/>
      <c r="WSV1017" s="10"/>
      <c r="WSW1017" s="10"/>
      <c r="WSX1017" s="10"/>
      <c r="WSY1017" s="10"/>
      <c r="WSZ1017" s="10"/>
      <c r="WTA1017" s="10"/>
      <c r="WTB1017" s="10"/>
      <c r="WTC1017" s="10"/>
      <c r="WTD1017" s="10"/>
      <c r="WTE1017" s="10"/>
      <c r="WTF1017" s="10"/>
      <c r="WTG1017" s="10"/>
      <c r="WTH1017" s="10"/>
      <c r="WTI1017" s="10"/>
      <c r="WTJ1017" s="10"/>
      <c r="WTK1017" s="10"/>
      <c r="WTL1017" s="10"/>
      <c r="WTM1017" s="10"/>
      <c r="WTN1017" s="10"/>
      <c r="WTO1017" s="10"/>
      <c r="WTP1017" s="10"/>
      <c r="WTQ1017" s="10"/>
      <c r="WTR1017" s="10"/>
      <c r="WTS1017" s="10"/>
      <c r="WTT1017" s="10"/>
      <c r="WTU1017" s="10"/>
      <c r="WTV1017" s="10"/>
      <c r="WTW1017" s="10"/>
      <c r="WTX1017" s="10"/>
      <c r="WTY1017" s="10"/>
      <c r="WTZ1017" s="10"/>
      <c r="WUA1017" s="10"/>
      <c r="WUB1017" s="10"/>
      <c r="WUC1017" s="10"/>
      <c r="WUD1017" s="10"/>
      <c r="WUE1017" s="10"/>
      <c r="WUF1017" s="10"/>
      <c r="WUG1017" s="10"/>
      <c r="WUH1017" s="10"/>
      <c r="WUI1017" s="10"/>
      <c r="WUJ1017" s="10"/>
      <c r="WUK1017" s="10"/>
      <c r="WUL1017" s="10"/>
      <c r="WUM1017" s="10"/>
      <c r="WUN1017" s="10"/>
      <c r="WUO1017" s="10"/>
      <c r="WUP1017" s="10"/>
      <c r="WUQ1017" s="10"/>
      <c r="WUR1017" s="10"/>
      <c r="WUS1017" s="10"/>
      <c r="WUT1017" s="10"/>
      <c r="WUU1017" s="10"/>
      <c r="WUV1017" s="10"/>
      <c r="WUW1017" s="10"/>
      <c r="WUX1017" s="10"/>
      <c r="WUY1017" s="10"/>
      <c r="WUZ1017" s="10"/>
      <c r="WVA1017" s="10"/>
      <c r="WVB1017" s="10"/>
      <c r="WVC1017" s="10"/>
      <c r="WVD1017" s="10"/>
      <c r="WVE1017" s="10"/>
      <c r="WVF1017" s="10"/>
      <c r="WVG1017" s="10"/>
      <c r="WVH1017" s="10"/>
      <c r="WVI1017" s="10"/>
      <c r="WVJ1017" s="10"/>
      <c r="WVK1017" s="10"/>
      <c r="WVL1017" s="10"/>
      <c r="WVM1017" s="10"/>
      <c r="WVN1017" s="10"/>
      <c r="WVO1017" s="10"/>
      <c r="WVP1017" s="10"/>
      <c r="WVQ1017" s="10"/>
      <c r="WVR1017" s="10"/>
      <c r="WVS1017" s="10"/>
      <c r="WVT1017" s="10"/>
      <c r="WVU1017" s="10"/>
      <c r="WVV1017" s="10"/>
      <c r="WVW1017" s="10"/>
      <c r="WVX1017" s="10"/>
      <c r="WVY1017" s="10"/>
      <c r="WVZ1017" s="10"/>
      <c r="WWA1017" s="10"/>
      <c r="WWB1017" s="10"/>
      <c r="WWC1017" s="10"/>
      <c r="WWD1017" s="10"/>
      <c r="WWE1017" s="10"/>
      <c r="WWF1017" s="10"/>
      <c r="WWG1017" s="10"/>
      <c r="WWH1017" s="10"/>
      <c r="WWI1017" s="10"/>
      <c r="WWJ1017" s="10"/>
      <c r="WWK1017" s="10"/>
      <c r="WWL1017" s="10"/>
      <c r="WWM1017" s="10"/>
      <c r="WWN1017" s="10"/>
      <c r="WWO1017" s="10"/>
      <c r="WWP1017" s="10"/>
      <c r="WWQ1017" s="10"/>
      <c r="WWR1017" s="10"/>
      <c r="WWS1017" s="10"/>
      <c r="WWT1017" s="10"/>
      <c r="WWU1017" s="10"/>
      <c r="WWV1017" s="10"/>
      <c r="WWW1017" s="10"/>
      <c r="WWX1017" s="10"/>
      <c r="WWY1017" s="10"/>
      <c r="WWZ1017" s="10"/>
      <c r="WXA1017" s="10"/>
      <c r="WXB1017" s="10"/>
      <c r="WXC1017" s="10"/>
      <c r="WXD1017" s="10"/>
      <c r="WXE1017" s="10"/>
      <c r="WXF1017" s="10"/>
      <c r="WXG1017" s="10"/>
      <c r="WXH1017" s="10"/>
      <c r="WXI1017" s="10"/>
      <c r="WXJ1017" s="10"/>
      <c r="WXK1017" s="10"/>
      <c r="WXL1017" s="10"/>
      <c r="WXM1017" s="10"/>
      <c r="WXN1017" s="10"/>
      <c r="WXO1017" s="10"/>
      <c r="WXP1017" s="10"/>
      <c r="WXQ1017" s="10"/>
      <c r="WXR1017" s="10"/>
      <c r="WXS1017" s="10"/>
      <c r="WXT1017" s="10"/>
      <c r="WXU1017" s="10"/>
      <c r="WXV1017" s="10"/>
      <c r="WXW1017" s="10"/>
      <c r="WXX1017" s="10"/>
      <c r="WXY1017" s="10"/>
      <c r="WXZ1017" s="10"/>
      <c r="WYA1017" s="10"/>
      <c r="WYB1017" s="10"/>
      <c r="WYC1017" s="10"/>
      <c r="WYD1017" s="10"/>
      <c r="WYE1017" s="10"/>
      <c r="WYF1017" s="10"/>
      <c r="WYG1017" s="10"/>
      <c r="WYH1017" s="10"/>
      <c r="WYI1017" s="10"/>
      <c r="WYJ1017" s="10"/>
      <c r="WYK1017" s="10"/>
      <c r="WYL1017" s="10"/>
      <c r="WYM1017" s="10"/>
      <c r="WYN1017" s="10"/>
      <c r="WYO1017" s="10"/>
      <c r="WYP1017" s="10"/>
      <c r="WYQ1017" s="10"/>
      <c r="WYR1017" s="10"/>
      <c r="WYS1017" s="10"/>
      <c r="WYT1017" s="10"/>
      <c r="WYU1017" s="10"/>
      <c r="WYV1017" s="10"/>
      <c r="WYW1017" s="10"/>
      <c r="WYX1017" s="10"/>
      <c r="WYY1017" s="10"/>
      <c r="WYZ1017" s="10"/>
      <c r="WZA1017" s="10"/>
      <c r="WZB1017" s="10"/>
      <c r="WZC1017" s="10"/>
      <c r="WZD1017" s="10"/>
      <c r="WZE1017" s="10"/>
      <c r="WZF1017" s="10"/>
      <c r="WZG1017" s="10"/>
      <c r="WZH1017" s="10"/>
      <c r="WZI1017" s="10"/>
      <c r="WZJ1017" s="10"/>
      <c r="WZK1017" s="10"/>
      <c r="WZL1017" s="10"/>
      <c r="WZM1017" s="10"/>
      <c r="WZN1017" s="10"/>
      <c r="WZO1017" s="10"/>
      <c r="WZP1017" s="10"/>
      <c r="WZQ1017" s="10"/>
      <c r="WZR1017" s="10"/>
      <c r="WZS1017" s="10"/>
      <c r="WZT1017" s="10"/>
      <c r="WZU1017" s="10"/>
      <c r="WZV1017" s="10"/>
      <c r="WZW1017" s="10"/>
      <c r="WZX1017" s="10"/>
      <c r="WZY1017" s="10"/>
      <c r="WZZ1017" s="10"/>
      <c r="XAA1017" s="10"/>
      <c r="XAB1017" s="10"/>
      <c r="XAC1017" s="10"/>
      <c r="XAD1017" s="10"/>
      <c r="XAE1017" s="10"/>
      <c r="XAF1017" s="10"/>
      <c r="XAG1017" s="10"/>
      <c r="XAH1017" s="10"/>
      <c r="XAI1017" s="10"/>
      <c r="XAJ1017" s="10"/>
      <c r="XAK1017" s="10"/>
      <c r="XAL1017" s="10"/>
      <c r="XAM1017" s="10"/>
      <c r="XAN1017" s="10"/>
      <c r="XAO1017" s="10"/>
      <c r="XAP1017" s="10"/>
      <c r="XAQ1017" s="10"/>
      <c r="XAR1017" s="10"/>
      <c r="XAS1017" s="10"/>
      <c r="XAT1017" s="10"/>
      <c r="XAU1017" s="10"/>
      <c r="XAV1017" s="10"/>
      <c r="XAW1017" s="10"/>
      <c r="XAX1017" s="10"/>
      <c r="XAY1017" s="10"/>
      <c r="XAZ1017" s="10"/>
      <c r="XBA1017" s="10"/>
      <c r="XBB1017" s="10"/>
      <c r="XBC1017" s="10"/>
      <c r="XBD1017" s="10"/>
      <c r="XBE1017" s="10"/>
      <c r="XBF1017" s="10"/>
      <c r="XBG1017" s="10"/>
      <c r="XBH1017" s="10"/>
      <c r="XBI1017" s="10"/>
      <c r="XBJ1017" s="10"/>
      <c r="XBK1017" s="10"/>
      <c r="XBL1017" s="10"/>
      <c r="XBM1017" s="10"/>
      <c r="XBN1017" s="10"/>
      <c r="XBO1017" s="10"/>
      <c r="XBP1017" s="10"/>
      <c r="XBQ1017" s="10"/>
      <c r="XBR1017" s="10"/>
      <c r="XBS1017" s="10"/>
      <c r="XBT1017" s="10"/>
      <c r="XBU1017" s="10"/>
      <c r="XBV1017" s="10"/>
      <c r="XBW1017" s="10"/>
      <c r="XBX1017" s="10"/>
      <c r="XBY1017" s="10"/>
      <c r="XBZ1017" s="10"/>
      <c r="XCA1017" s="10"/>
      <c r="XCB1017" s="10"/>
      <c r="XCC1017" s="10"/>
      <c r="XCD1017" s="10"/>
      <c r="XCE1017" s="10"/>
      <c r="XCF1017" s="10"/>
      <c r="XCG1017" s="10"/>
      <c r="XCH1017" s="10"/>
      <c r="XCI1017" s="10"/>
      <c r="XCJ1017" s="10"/>
      <c r="XCK1017" s="10"/>
      <c r="XCL1017" s="10"/>
      <c r="XCM1017" s="10"/>
      <c r="XCN1017" s="10"/>
      <c r="XCO1017" s="10"/>
      <c r="XCP1017" s="10"/>
      <c r="XCQ1017" s="10"/>
      <c r="XCR1017" s="10"/>
      <c r="XCS1017" s="10"/>
      <c r="XCT1017" s="10"/>
      <c r="XCU1017" s="10"/>
      <c r="XCV1017" s="10"/>
      <c r="XCW1017" s="10"/>
      <c r="XCX1017" s="10"/>
      <c r="XCY1017" s="10"/>
      <c r="XCZ1017" s="10"/>
      <c r="XDA1017" s="10"/>
      <c r="XDB1017" s="10"/>
      <c r="XDC1017" s="10"/>
      <c r="XDD1017" s="10"/>
      <c r="XDE1017" s="10"/>
      <c r="XDF1017" s="10"/>
      <c r="XDG1017" s="10"/>
      <c r="XDH1017" s="10"/>
      <c r="XDI1017" s="10"/>
      <c r="XDJ1017" s="10"/>
      <c r="XDK1017" s="10"/>
      <c r="XDL1017" s="10"/>
      <c r="XDM1017" s="10"/>
    </row>
    <row r="1018" spans="1:16341" ht="18.75" hidden="1" customHeight="1" outlineLevel="1">
      <c r="E1018" s="8" t="s">
        <v>83</v>
      </c>
      <c r="F1018" s="8">
        <v>374</v>
      </c>
      <c r="G1018" s="8" t="s">
        <v>82</v>
      </c>
      <c r="H1018" s="8" t="s">
        <v>66</v>
      </c>
      <c r="I1018" s="8" t="s">
        <v>65</v>
      </c>
      <c r="J1018" s="8">
        <v>1</v>
      </c>
      <c r="K1018" s="8" t="s">
        <v>514</v>
      </c>
      <c r="L1018" s="8">
        <v>3</v>
      </c>
      <c r="M1018" s="8">
        <v>3</v>
      </c>
      <c r="N1018" s="72" t="s">
        <v>731</v>
      </c>
      <c r="O1018" s="257"/>
    </row>
    <row r="1019" spans="1:16341" ht="18.75" hidden="1" customHeight="1" outlineLevel="1">
      <c r="E1019" s="8" t="s">
        <v>81</v>
      </c>
      <c r="F1019" s="8">
        <v>373</v>
      </c>
      <c r="G1019" s="8" t="s">
        <v>1</v>
      </c>
      <c r="H1019" s="8" t="s">
        <v>78</v>
      </c>
      <c r="I1019" s="8" t="s">
        <v>71</v>
      </c>
      <c r="J1019" s="8">
        <v>1</v>
      </c>
      <c r="K1019" s="8" t="s">
        <v>519</v>
      </c>
      <c r="L1019" s="8">
        <v>8</v>
      </c>
      <c r="M1019" s="8">
        <v>8</v>
      </c>
      <c r="O1019" s="257"/>
    </row>
    <row r="1020" spans="1:16341" ht="18.75" hidden="1" customHeight="1" outlineLevel="1">
      <c r="E1020" s="8" t="s">
        <v>80</v>
      </c>
      <c r="F1020" s="8">
        <v>337</v>
      </c>
      <c r="G1020" s="8" t="s">
        <v>79</v>
      </c>
      <c r="H1020" s="8" t="s">
        <v>78</v>
      </c>
      <c r="I1020" s="8" t="s">
        <v>71</v>
      </c>
      <c r="J1020" s="8">
        <v>1</v>
      </c>
      <c r="K1020" s="8" t="s">
        <v>518</v>
      </c>
      <c r="L1020" s="8">
        <v>4</v>
      </c>
      <c r="M1020" s="8">
        <v>8</v>
      </c>
      <c r="O1020" s="257"/>
    </row>
    <row r="1021" spans="1:16341" ht="18.75" hidden="1" customHeight="1" outlineLevel="1">
      <c r="E1021" s="8" t="s">
        <v>77</v>
      </c>
      <c r="F1021" s="8">
        <v>623</v>
      </c>
      <c r="G1021" s="8" t="s">
        <v>76</v>
      </c>
      <c r="H1021" s="8" t="s">
        <v>17</v>
      </c>
      <c r="I1021" s="8" t="s">
        <v>71</v>
      </c>
      <c r="J1021" s="8">
        <v>1</v>
      </c>
      <c r="K1021" s="8" t="s">
        <v>514</v>
      </c>
      <c r="L1021" s="8">
        <v>2</v>
      </c>
      <c r="M1021" s="8">
        <v>2</v>
      </c>
      <c r="N1021" s="70" t="s">
        <v>624</v>
      </c>
      <c r="O1021" s="257"/>
    </row>
    <row r="1022" spans="1:16341" s="151" customFormat="1" ht="18.75" hidden="1" customHeight="1" outlineLevel="1" collapsed="1">
      <c r="A1022" s="17"/>
      <c r="B1022" s="17"/>
      <c r="C1022" s="17" t="s">
        <v>84</v>
      </c>
      <c r="D1022" s="139" t="s">
        <v>428</v>
      </c>
      <c r="E1022" s="17"/>
      <c r="F1022" s="17"/>
      <c r="G1022" s="17"/>
      <c r="H1022" s="17" t="s">
        <v>17</v>
      </c>
      <c r="I1022" s="17" t="s">
        <v>71</v>
      </c>
      <c r="J1022" s="17">
        <v>10</v>
      </c>
      <c r="K1022" s="17"/>
      <c r="L1022" s="17"/>
      <c r="M1022" s="17"/>
      <c r="N1022" s="138"/>
      <c r="O1022" s="257"/>
      <c r="P1022" s="257"/>
      <c r="Q1022" s="10"/>
      <c r="R1022" s="10"/>
      <c r="S1022" s="10"/>
      <c r="T1022" s="10"/>
      <c r="U1022" s="10"/>
      <c r="V1022" s="10"/>
      <c r="W1022" s="10"/>
      <c r="X1022" s="10"/>
      <c r="Y1022" s="10"/>
      <c r="Z1022" s="10"/>
      <c r="AA1022" s="10"/>
      <c r="AB1022" s="10"/>
      <c r="AC1022" s="10"/>
      <c r="AD1022" s="10"/>
      <c r="AE1022" s="10"/>
      <c r="AF1022" s="10"/>
      <c r="AG1022" s="10"/>
      <c r="AH1022" s="10"/>
      <c r="AI1022" s="10"/>
      <c r="AJ1022" s="10"/>
      <c r="AK1022" s="10"/>
      <c r="AL1022" s="10"/>
      <c r="AM1022" s="10"/>
      <c r="AN1022" s="10"/>
      <c r="AO1022" s="10"/>
      <c r="AP1022" s="10"/>
      <c r="AQ1022" s="10"/>
      <c r="AR1022" s="10"/>
      <c r="AS1022" s="10"/>
      <c r="AT1022" s="10"/>
      <c r="AU1022" s="10"/>
      <c r="AV1022" s="10"/>
      <c r="AW1022" s="10"/>
      <c r="AX1022" s="10"/>
      <c r="AY1022" s="10"/>
      <c r="AZ1022" s="10"/>
      <c r="BA1022" s="10"/>
      <c r="BB1022" s="10"/>
      <c r="BC1022" s="10"/>
      <c r="BD1022" s="10"/>
      <c r="BE1022" s="10"/>
      <c r="BF1022" s="10"/>
      <c r="BG1022" s="10"/>
      <c r="BH1022" s="10"/>
      <c r="BI1022" s="10"/>
      <c r="BJ1022" s="10"/>
      <c r="BK1022" s="10"/>
      <c r="BL1022" s="10"/>
      <c r="BM1022" s="10"/>
      <c r="BN1022" s="10"/>
      <c r="BO1022" s="10"/>
      <c r="BP1022" s="10"/>
      <c r="BQ1022" s="10"/>
      <c r="BR1022" s="10"/>
      <c r="BS1022" s="10"/>
      <c r="BT1022" s="10"/>
      <c r="BU1022" s="10"/>
      <c r="BV1022" s="10"/>
      <c r="BW1022" s="10"/>
      <c r="BX1022" s="10"/>
      <c r="BY1022" s="10"/>
      <c r="BZ1022" s="10"/>
      <c r="CA1022" s="10"/>
      <c r="CB1022" s="10"/>
      <c r="CC1022" s="10"/>
      <c r="CD1022" s="10"/>
      <c r="CE1022" s="10"/>
      <c r="CF1022" s="10"/>
      <c r="CG1022" s="10"/>
      <c r="CH1022" s="10"/>
      <c r="CI1022" s="10"/>
      <c r="CJ1022" s="10"/>
      <c r="CK1022" s="10"/>
      <c r="CL1022" s="10"/>
      <c r="CM1022" s="10"/>
      <c r="CN1022" s="10"/>
      <c r="CO1022" s="10"/>
      <c r="CP1022" s="10"/>
      <c r="CQ1022" s="10"/>
      <c r="CR1022" s="10"/>
      <c r="CS1022" s="10"/>
      <c r="CT1022" s="10"/>
      <c r="CU1022" s="10"/>
      <c r="CV1022" s="10"/>
      <c r="CW1022" s="10"/>
      <c r="CX1022" s="10"/>
      <c r="CY1022" s="10"/>
      <c r="CZ1022" s="10"/>
      <c r="DA1022" s="10"/>
      <c r="DB1022" s="10"/>
      <c r="DC1022" s="10"/>
      <c r="DD1022" s="10"/>
      <c r="DE1022" s="10"/>
      <c r="DF1022" s="10"/>
      <c r="DG1022" s="10"/>
      <c r="DH1022" s="10"/>
      <c r="DI1022" s="10"/>
      <c r="DJ1022" s="10"/>
      <c r="DK1022" s="10"/>
      <c r="DL1022" s="10"/>
      <c r="DM1022" s="10"/>
      <c r="DN1022" s="10"/>
      <c r="DO1022" s="10"/>
      <c r="DP1022" s="10"/>
      <c r="DQ1022" s="10"/>
      <c r="DR1022" s="10"/>
      <c r="DS1022" s="10"/>
      <c r="DT1022" s="10"/>
      <c r="DU1022" s="10"/>
      <c r="DV1022" s="10"/>
      <c r="DW1022" s="10"/>
      <c r="DX1022" s="10"/>
      <c r="DY1022" s="10"/>
      <c r="DZ1022" s="10"/>
      <c r="EA1022" s="10"/>
      <c r="EB1022" s="10"/>
      <c r="EC1022" s="10"/>
      <c r="ED1022" s="10"/>
      <c r="EE1022" s="10"/>
      <c r="EF1022" s="10"/>
      <c r="EG1022" s="10"/>
      <c r="EH1022" s="10"/>
      <c r="EI1022" s="10"/>
      <c r="EJ1022" s="10"/>
      <c r="EK1022" s="10"/>
      <c r="EL1022" s="10"/>
      <c r="EM1022" s="10"/>
      <c r="EN1022" s="10"/>
      <c r="EO1022" s="10"/>
      <c r="EP1022" s="10"/>
      <c r="EQ1022" s="10"/>
      <c r="ER1022" s="10"/>
      <c r="ES1022" s="10"/>
      <c r="ET1022" s="10"/>
      <c r="EU1022" s="10"/>
      <c r="EV1022" s="10"/>
      <c r="EW1022" s="10"/>
      <c r="EX1022" s="10"/>
      <c r="EY1022" s="10"/>
      <c r="EZ1022" s="10"/>
      <c r="FA1022" s="10"/>
      <c r="FB1022" s="10"/>
      <c r="FC1022" s="10"/>
      <c r="FD1022" s="10"/>
      <c r="FE1022" s="10"/>
      <c r="FF1022" s="10"/>
      <c r="FG1022" s="10"/>
      <c r="FH1022" s="10"/>
      <c r="FI1022" s="10"/>
      <c r="FJ1022" s="10"/>
      <c r="FK1022" s="10"/>
      <c r="FL1022" s="10"/>
      <c r="FM1022" s="10"/>
      <c r="FN1022" s="10"/>
      <c r="FO1022" s="10"/>
      <c r="FP1022" s="10"/>
      <c r="FQ1022" s="10"/>
      <c r="FR1022" s="10"/>
      <c r="FS1022" s="10"/>
      <c r="FT1022" s="10"/>
      <c r="FU1022" s="10"/>
      <c r="FV1022" s="10"/>
      <c r="FW1022" s="10"/>
      <c r="FX1022" s="10"/>
      <c r="FY1022" s="10"/>
      <c r="FZ1022" s="10"/>
      <c r="GA1022" s="10"/>
      <c r="GB1022" s="10"/>
      <c r="GC1022" s="10"/>
      <c r="GD1022" s="10"/>
      <c r="GE1022" s="10"/>
      <c r="GF1022" s="10"/>
      <c r="GG1022" s="10"/>
      <c r="GH1022" s="10"/>
      <c r="GI1022" s="10"/>
      <c r="GJ1022" s="10"/>
      <c r="GK1022" s="10"/>
      <c r="GL1022" s="10"/>
      <c r="GM1022" s="10"/>
      <c r="GN1022" s="10"/>
      <c r="GO1022" s="10"/>
      <c r="GP1022" s="10"/>
      <c r="GQ1022" s="10"/>
      <c r="GR1022" s="10"/>
      <c r="GS1022" s="10"/>
      <c r="GT1022" s="10"/>
      <c r="GU1022" s="10"/>
      <c r="GV1022" s="10"/>
      <c r="GW1022" s="10"/>
      <c r="GX1022" s="10"/>
      <c r="GY1022" s="10"/>
      <c r="GZ1022" s="10"/>
      <c r="HA1022" s="10"/>
      <c r="HB1022" s="10"/>
      <c r="HC1022" s="10"/>
      <c r="HD1022" s="10"/>
      <c r="HE1022" s="10"/>
      <c r="HF1022" s="10"/>
      <c r="HG1022" s="10"/>
      <c r="HH1022" s="10"/>
      <c r="HI1022" s="10"/>
      <c r="HJ1022" s="10"/>
      <c r="HK1022" s="10"/>
      <c r="HL1022" s="10"/>
      <c r="HM1022" s="10"/>
      <c r="HN1022" s="10"/>
      <c r="HO1022" s="10"/>
      <c r="HP1022" s="10"/>
      <c r="HQ1022" s="10"/>
      <c r="HR1022" s="10"/>
      <c r="HS1022" s="10"/>
      <c r="HT1022" s="10"/>
      <c r="HU1022" s="10"/>
      <c r="HV1022" s="10"/>
      <c r="HW1022" s="10"/>
      <c r="HX1022" s="10"/>
      <c r="HY1022" s="10"/>
      <c r="HZ1022" s="10"/>
      <c r="IA1022" s="10"/>
      <c r="IB1022" s="10"/>
      <c r="IC1022" s="10"/>
      <c r="ID1022" s="10"/>
      <c r="IE1022" s="10"/>
      <c r="IF1022" s="10"/>
      <c r="IG1022" s="10"/>
      <c r="IH1022" s="10"/>
      <c r="II1022" s="10"/>
      <c r="IJ1022" s="10"/>
      <c r="IK1022" s="10"/>
      <c r="IL1022" s="10"/>
      <c r="IM1022" s="10"/>
      <c r="IN1022" s="10"/>
      <c r="IO1022" s="10"/>
      <c r="IP1022" s="10"/>
      <c r="IQ1022" s="10"/>
      <c r="IR1022" s="10"/>
      <c r="IS1022" s="10"/>
      <c r="IT1022" s="10"/>
      <c r="IU1022" s="10"/>
      <c r="IV1022" s="10"/>
      <c r="IW1022" s="10"/>
      <c r="IX1022" s="10"/>
      <c r="IY1022" s="10"/>
      <c r="IZ1022" s="10"/>
      <c r="JA1022" s="10"/>
      <c r="JB1022" s="10"/>
      <c r="JC1022" s="10"/>
      <c r="JD1022" s="10"/>
      <c r="JE1022" s="10"/>
      <c r="JF1022" s="10"/>
      <c r="JG1022" s="10"/>
      <c r="JH1022" s="10"/>
      <c r="JI1022" s="10"/>
      <c r="JJ1022" s="10"/>
      <c r="JK1022" s="10"/>
      <c r="JL1022" s="10"/>
      <c r="JM1022" s="10"/>
      <c r="JN1022" s="10"/>
      <c r="JO1022" s="10"/>
      <c r="JP1022" s="10"/>
      <c r="JQ1022" s="10"/>
      <c r="JR1022" s="10"/>
      <c r="JS1022" s="10"/>
      <c r="JT1022" s="10"/>
      <c r="JU1022" s="10"/>
      <c r="JV1022" s="10"/>
      <c r="JW1022" s="10"/>
      <c r="JX1022" s="10"/>
      <c r="JY1022" s="10"/>
      <c r="JZ1022" s="10"/>
      <c r="KA1022" s="10"/>
      <c r="KB1022" s="10"/>
      <c r="KC1022" s="10"/>
      <c r="KD1022" s="10"/>
      <c r="KE1022" s="10"/>
      <c r="KF1022" s="10"/>
      <c r="KG1022" s="10"/>
      <c r="KH1022" s="10"/>
      <c r="KI1022" s="10"/>
      <c r="KJ1022" s="10"/>
      <c r="KK1022" s="10"/>
      <c r="KL1022" s="10"/>
      <c r="KM1022" s="10"/>
      <c r="KN1022" s="10"/>
      <c r="KO1022" s="10"/>
      <c r="KP1022" s="10"/>
      <c r="KQ1022" s="10"/>
      <c r="KR1022" s="10"/>
      <c r="KS1022" s="10"/>
      <c r="KT1022" s="10"/>
      <c r="KU1022" s="10"/>
      <c r="KV1022" s="10"/>
      <c r="KW1022" s="10"/>
      <c r="KX1022" s="10"/>
      <c r="KY1022" s="10"/>
      <c r="KZ1022" s="10"/>
      <c r="LA1022" s="10"/>
      <c r="LB1022" s="10"/>
      <c r="LC1022" s="10"/>
      <c r="LD1022" s="10"/>
      <c r="LE1022" s="10"/>
      <c r="LF1022" s="10"/>
      <c r="LG1022" s="10"/>
      <c r="LH1022" s="10"/>
      <c r="LI1022" s="10"/>
      <c r="LJ1022" s="10"/>
      <c r="LK1022" s="10"/>
      <c r="LL1022" s="10"/>
      <c r="LM1022" s="10"/>
      <c r="LN1022" s="10"/>
      <c r="LO1022" s="10"/>
      <c r="LP1022" s="10"/>
      <c r="LQ1022" s="10"/>
      <c r="LR1022" s="10"/>
      <c r="LS1022" s="10"/>
      <c r="LT1022" s="10"/>
      <c r="LU1022" s="10"/>
      <c r="LV1022" s="10"/>
      <c r="LW1022" s="10"/>
      <c r="LX1022" s="10"/>
      <c r="LY1022" s="10"/>
      <c r="LZ1022" s="10"/>
      <c r="MA1022" s="10"/>
      <c r="MB1022" s="10"/>
      <c r="MC1022" s="10"/>
      <c r="MD1022" s="10"/>
      <c r="ME1022" s="10"/>
      <c r="MF1022" s="10"/>
      <c r="MG1022" s="10"/>
      <c r="MH1022" s="10"/>
      <c r="MI1022" s="10"/>
      <c r="MJ1022" s="10"/>
      <c r="MK1022" s="10"/>
      <c r="ML1022" s="10"/>
      <c r="MM1022" s="10"/>
      <c r="MN1022" s="10"/>
      <c r="MO1022" s="10"/>
      <c r="MP1022" s="10"/>
      <c r="MQ1022" s="10"/>
      <c r="MR1022" s="10"/>
      <c r="MS1022" s="10"/>
      <c r="MT1022" s="10"/>
      <c r="MU1022" s="10"/>
      <c r="MV1022" s="10"/>
      <c r="MW1022" s="10"/>
      <c r="MX1022" s="10"/>
      <c r="MY1022" s="10"/>
      <c r="MZ1022" s="10"/>
      <c r="NA1022" s="10"/>
      <c r="NB1022" s="10"/>
      <c r="NC1022" s="10"/>
      <c r="ND1022" s="10"/>
      <c r="NE1022" s="10"/>
      <c r="NF1022" s="10"/>
      <c r="NG1022" s="10"/>
      <c r="NH1022" s="10"/>
      <c r="NI1022" s="10"/>
      <c r="NJ1022" s="10"/>
      <c r="NK1022" s="10"/>
      <c r="NL1022" s="10"/>
      <c r="NM1022" s="10"/>
      <c r="NN1022" s="10"/>
      <c r="NO1022" s="10"/>
      <c r="NP1022" s="10"/>
      <c r="NQ1022" s="10"/>
      <c r="NR1022" s="10"/>
      <c r="NS1022" s="10"/>
      <c r="NT1022" s="10"/>
      <c r="NU1022" s="10"/>
      <c r="NV1022" s="10"/>
      <c r="NW1022" s="10"/>
      <c r="NX1022" s="10"/>
      <c r="NY1022" s="10"/>
      <c r="NZ1022" s="10"/>
      <c r="OA1022" s="10"/>
      <c r="OB1022" s="10"/>
      <c r="OC1022" s="10"/>
      <c r="OD1022" s="10"/>
      <c r="OE1022" s="10"/>
      <c r="OF1022" s="10"/>
      <c r="OG1022" s="10"/>
      <c r="OH1022" s="10"/>
      <c r="OI1022" s="10"/>
      <c r="OJ1022" s="10"/>
      <c r="OK1022" s="10"/>
      <c r="OL1022" s="10"/>
      <c r="OM1022" s="10"/>
      <c r="ON1022" s="10"/>
      <c r="OO1022" s="10"/>
      <c r="OP1022" s="10"/>
      <c r="OQ1022" s="10"/>
      <c r="OR1022" s="10"/>
      <c r="OS1022" s="10"/>
      <c r="OT1022" s="10"/>
      <c r="OU1022" s="10"/>
      <c r="OV1022" s="10"/>
      <c r="OW1022" s="10"/>
      <c r="OX1022" s="10"/>
      <c r="OY1022" s="10"/>
      <c r="OZ1022" s="10"/>
      <c r="PA1022" s="10"/>
      <c r="PB1022" s="10"/>
      <c r="PC1022" s="10"/>
      <c r="PD1022" s="10"/>
      <c r="PE1022" s="10"/>
      <c r="PF1022" s="10"/>
      <c r="PG1022" s="10"/>
      <c r="PH1022" s="10"/>
      <c r="PI1022" s="10"/>
      <c r="PJ1022" s="10"/>
      <c r="PK1022" s="10"/>
      <c r="PL1022" s="10"/>
      <c r="PM1022" s="10"/>
      <c r="PN1022" s="10"/>
      <c r="PO1022" s="10"/>
      <c r="PP1022" s="10"/>
      <c r="PQ1022" s="10"/>
      <c r="PR1022" s="10"/>
      <c r="PS1022" s="10"/>
      <c r="PT1022" s="10"/>
      <c r="PU1022" s="10"/>
      <c r="PV1022" s="10"/>
      <c r="PW1022" s="10"/>
      <c r="PX1022" s="10"/>
      <c r="PY1022" s="10"/>
      <c r="PZ1022" s="10"/>
      <c r="QA1022" s="10"/>
      <c r="QB1022" s="10"/>
      <c r="QC1022" s="10"/>
      <c r="QD1022" s="10"/>
      <c r="QE1022" s="10"/>
      <c r="QF1022" s="10"/>
      <c r="QG1022" s="10"/>
      <c r="QH1022" s="10"/>
      <c r="QI1022" s="10"/>
      <c r="QJ1022" s="10"/>
      <c r="QK1022" s="10"/>
      <c r="QL1022" s="10"/>
      <c r="QM1022" s="10"/>
      <c r="QN1022" s="10"/>
      <c r="QO1022" s="10"/>
      <c r="QP1022" s="10"/>
      <c r="QQ1022" s="10"/>
      <c r="QR1022" s="10"/>
      <c r="QS1022" s="10"/>
      <c r="QT1022" s="10"/>
      <c r="QU1022" s="10"/>
      <c r="QV1022" s="10"/>
      <c r="QW1022" s="10"/>
      <c r="QX1022" s="10"/>
      <c r="QY1022" s="10"/>
      <c r="QZ1022" s="10"/>
      <c r="RA1022" s="10"/>
      <c r="RB1022" s="10"/>
      <c r="RC1022" s="10"/>
      <c r="RD1022" s="10"/>
      <c r="RE1022" s="10"/>
      <c r="RF1022" s="10"/>
      <c r="RG1022" s="10"/>
      <c r="RH1022" s="10"/>
      <c r="RI1022" s="10"/>
      <c r="RJ1022" s="10"/>
      <c r="RK1022" s="10"/>
      <c r="RL1022" s="10"/>
      <c r="RM1022" s="10"/>
      <c r="RN1022" s="10"/>
      <c r="RO1022" s="10"/>
      <c r="RP1022" s="10"/>
      <c r="RQ1022" s="10"/>
      <c r="RR1022" s="10"/>
      <c r="RS1022" s="10"/>
      <c r="RT1022" s="10"/>
      <c r="RU1022" s="10"/>
      <c r="RV1022" s="10"/>
      <c r="RW1022" s="10"/>
      <c r="RX1022" s="10"/>
      <c r="RY1022" s="10"/>
      <c r="RZ1022" s="10"/>
      <c r="SA1022" s="10"/>
      <c r="SB1022" s="10"/>
      <c r="SC1022" s="10"/>
      <c r="SD1022" s="10"/>
      <c r="SE1022" s="10"/>
      <c r="SF1022" s="10"/>
      <c r="SG1022" s="10"/>
      <c r="SH1022" s="10"/>
      <c r="SI1022" s="10"/>
      <c r="SJ1022" s="10"/>
      <c r="SK1022" s="10"/>
      <c r="SL1022" s="10"/>
      <c r="SM1022" s="10"/>
      <c r="SN1022" s="10"/>
      <c r="SO1022" s="10"/>
      <c r="SP1022" s="10"/>
      <c r="SQ1022" s="10"/>
      <c r="SR1022" s="10"/>
      <c r="SS1022" s="10"/>
      <c r="ST1022" s="10"/>
      <c r="SU1022" s="10"/>
      <c r="SV1022" s="10"/>
      <c r="SW1022" s="10"/>
      <c r="SX1022" s="10"/>
      <c r="SY1022" s="10"/>
      <c r="SZ1022" s="10"/>
      <c r="TA1022" s="10"/>
      <c r="TB1022" s="10"/>
      <c r="TC1022" s="10"/>
      <c r="TD1022" s="10"/>
      <c r="TE1022" s="10"/>
      <c r="TF1022" s="10"/>
      <c r="TG1022" s="10"/>
      <c r="TH1022" s="10"/>
      <c r="TI1022" s="10"/>
      <c r="TJ1022" s="10"/>
      <c r="TK1022" s="10"/>
      <c r="TL1022" s="10"/>
      <c r="TM1022" s="10"/>
      <c r="TN1022" s="10"/>
      <c r="TO1022" s="10"/>
      <c r="TP1022" s="10"/>
      <c r="TQ1022" s="10"/>
      <c r="TR1022" s="10"/>
      <c r="TS1022" s="10"/>
      <c r="TT1022" s="10"/>
      <c r="TU1022" s="10"/>
      <c r="TV1022" s="10"/>
      <c r="TW1022" s="10"/>
      <c r="TX1022" s="10"/>
      <c r="TY1022" s="10"/>
      <c r="TZ1022" s="10"/>
      <c r="UA1022" s="10"/>
      <c r="UB1022" s="10"/>
      <c r="UC1022" s="10"/>
      <c r="UD1022" s="10"/>
      <c r="UE1022" s="10"/>
      <c r="UF1022" s="10"/>
      <c r="UG1022" s="10"/>
      <c r="UH1022" s="10"/>
      <c r="UI1022" s="10"/>
      <c r="UJ1022" s="10"/>
      <c r="UK1022" s="10"/>
      <c r="UL1022" s="10"/>
      <c r="UM1022" s="10"/>
      <c r="UN1022" s="10"/>
      <c r="UO1022" s="10"/>
      <c r="UP1022" s="10"/>
      <c r="UQ1022" s="10"/>
      <c r="UR1022" s="10"/>
      <c r="US1022" s="10"/>
      <c r="UT1022" s="10"/>
      <c r="UU1022" s="10"/>
      <c r="UV1022" s="10"/>
      <c r="UW1022" s="10"/>
      <c r="UX1022" s="10"/>
      <c r="UY1022" s="10"/>
      <c r="UZ1022" s="10"/>
      <c r="VA1022" s="10"/>
      <c r="VB1022" s="10"/>
      <c r="VC1022" s="10"/>
      <c r="VD1022" s="10"/>
      <c r="VE1022" s="10"/>
      <c r="VF1022" s="10"/>
      <c r="VG1022" s="10"/>
      <c r="VH1022" s="10"/>
      <c r="VI1022" s="10"/>
      <c r="VJ1022" s="10"/>
      <c r="VK1022" s="10"/>
      <c r="VL1022" s="10"/>
      <c r="VM1022" s="10"/>
      <c r="VN1022" s="10"/>
      <c r="VO1022" s="10"/>
      <c r="VP1022" s="10"/>
      <c r="VQ1022" s="10"/>
      <c r="VR1022" s="10"/>
      <c r="VS1022" s="10"/>
      <c r="VT1022" s="10"/>
      <c r="VU1022" s="10"/>
      <c r="VV1022" s="10"/>
      <c r="VW1022" s="10"/>
      <c r="VX1022" s="10"/>
      <c r="VY1022" s="10"/>
      <c r="VZ1022" s="10"/>
      <c r="WA1022" s="10"/>
      <c r="WB1022" s="10"/>
      <c r="WC1022" s="10"/>
      <c r="WD1022" s="10"/>
      <c r="WE1022" s="10"/>
      <c r="WF1022" s="10"/>
      <c r="WG1022" s="10"/>
      <c r="WH1022" s="10"/>
      <c r="WI1022" s="10"/>
      <c r="WJ1022" s="10"/>
      <c r="WK1022" s="10"/>
      <c r="WL1022" s="10"/>
      <c r="WM1022" s="10"/>
      <c r="WN1022" s="10"/>
      <c r="WO1022" s="10"/>
      <c r="WP1022" s="10"/>
      <c r="WQ1022" s="10"/>
      <c r="WR1022" s="10"/>
      <c r="WS1022" s="10"/>
      <c r="WT1022" s="10"/>
      <c r="WU1022" s="10"/>
      <c r="WV1022" s="10"/>
      <c r="WW1022" s="10"/>
      <c r="WX1022" s="10"/>
      <c r="WY1022" s="10"/>
      <c r="WZ1022" s="10"/>
      <c r="XA1022" s="10"/>
      <c r="XB1022" s="10"/>
      <c r="XC1022" s="10"/>
      <c r="XD1022" s="10"/>
      <c r="XE1022" s="10"/>
      <c r="XF1022" s="10"/>
      <c r="XG1022" s="10"/>
      <c r="XH1022" s="10"/>
      <c r="XI1022" s="10"/>
      <c r="XJ1022" s="10"/>
      <c r="XK1022" s="10"/>
      <c r="XL1022" s="10"/>
      <c r="XM1022" s="10"/>
      <c r="XN1022" s="10"/>
      <c r="XO1022" s="10"/>
      <c r="XP1022" s="10"/>
      <c r="XQ1022" s="10"/>
      <c r="XR1022" s="10"/>
      <c r="XS1022" s="10"/>
      <c r="XT1022" s="10"/>
      <c r="XU1022" s="10"/>
      <c r="XV1022" s="10"/>
      <c r="XW1022" s="10"/>
      <c r="XX1022" s="10"/>
      <c r="XY1022" s="10"/>
      <c r="XZ1022" s="10"/>
      <c r="YA1022" s="10"/>
      <c r="YB1022" s="10"/>
      <c r="YC1022" s="10"/>
      <c r="YD1022" s="10"/>
      <c r="YE1022" s="10"/>
      <c r="YF1022" s="10"/>
      <c r="YG1022" s="10"/>
      <c r="YH1022" s="10"/>
      <c r="YI1022" s="10"/>
      <c r="YJ1022" s="10"/>
      <c r="YK1022" s="10"/>
      <c r="YL1022" s="10"/>
      <c r="YM1022" s="10"/>
      <c r="YN1022" s="10"/>
      <c r="YO1022" s="10"/>
      <c r="YP1022" s="10"/>
      <c r="YQ1022" s="10"/>
      <c r="YR1022" s="10"/>
      <c r="YS1022" s="10"/>
      <c r="YT1022" s="10"/>
      <c r="YU1022" s="10"/>
      <c r="YV1022" s="10"/>
      <c r="YW1022" s="10"/>
      <c r="YX1022" s="10"/>
      <c r="YY1022" s="10"/>
      <c r="YZ1022" s="10"/>
      <c r="ZA1022" s="10"/>
      <c r="ZB1022" s="10"/>
      <c r="ZC1022" s="10"/>
      <c r="ZD1022" s="10"/>
      <c r="ZE1022" s="10"/>
      <c r="ZF1022" s="10"/>
      <c r="ZG1022" s="10"/>
      <c r="ZH1022" s="10"/>
      <c r="ZI1022" s="10"/>
      <c r="ZJ1022" s="10"/>
      <c r="ZK1022" s="10"/>
      <c r="ZL1022" s="10"/>
      <c r="ZM1022" s="10"/>
      <c r="ZN1022" s="10"/>
      <c r="ZO1022" s="10"/>
      <c r="ZP1022" s="10"/>
      <c r="ZQ1022" s="10"/>
      <c r="ZR1022" s="10"/>
      <c r="ZS1022" s="10"/>
      <c r="ZT1022" s="10"/>
      <c r="ZU1022" s="10"/>
      <c r="ZV1022" s="10"/>
      <c r="ZW1022" s="10"/>
      <c r="ZX1022" s="10"/>
      <c r="ZY1022" s="10"/>
      <c r="ZZ1022" s="10"/>
      <c r="AAA1022" s="10"/>
      <c r="AAB1022" s="10"/>
      <c r="AAC1022" s="10"/>
      <c r="AAD1022" s="10"/>
      <c r="AAE1022" s="10"/>
      <c r="AAF1022" s="10"/>
      <c r="AAG1022" s="10"/>
      <c r="AAH1022" s="10"/>
      <c r="AAI1022" s="10"/>
      <c r="AAJ1022" s="10"/>
      <c r="AAK1022" s="10"/>
      <c r="AAL1022" s="10"/>
      <c r="AAM1022" s="10"/>
      <c r="AAN1022" s="10"/>
      <c r="AAO1022" s="10"/>
      <c r="AAP1022" s="10"/>
      <c r="AAQ1022" s="10"/>
      <c r="AAR1022" s="10"/>
      <c r="AAS1022" s="10"/>
      <c r="AAT1022" s="10"/>
      <c r="AAU1022" s="10"/>
      <c r="AAV1022" s="10"/>
      <c r="AAW1022" s="10"/>
      <c r="AAX1022" s="10"/>
      <c r="AAY1022" s="10"/>
      <c r="AAZ1022" s="10"/>
      <c r="ABA1022" s="10"/>
      <c r="ABB1022" s="10"/>
      <c r="ABC1022" s="10"/>
      <c r="ABD1022" s="10"/>
      <c r="ABE1022" s="10"/>
      <c r="ABF1022" s="10"/>
      <c r="ABG1022" s="10"/>
      <c r="ABH1022" s="10"/>
      <c r="ABI1022" s="10"/>
      <c r="ABJ1022" s="10"/>
      <c r="ABK1022" s="10"/>
      <c r="ABL1022" s="10"/>
      <c r="ABM1022" s="10"/>
      <c r="ABN1022" s="10"/>
      <c r="ABO1022" s="10"/>
      <c r="ABP1022" s="10"/>
      <c r="ABQ1022" s="10"/>
      <c r="ABR1022" s="10"/>
      <c r="ABS1022" s="10"/>
      <c r="ABT1022" s="10"/>
      <c r="ABU1022" s="10"/>
      <c r="ABV1022" s="10"/>
      <c r="ABW1022" s="10"/>
      <c r="ABX1022" s="10"/>
      <c r="ABY1022" s="10"/>
      <c r="ABZ1022" s="10"/>
      <c r="ACA1022" s="10"/>
      <c r="ACB1022" s="10"/>
      <c r="ACC1022" s="10"/>
      <c r="ACD1022" s="10"/>
      <c r="ACE1022" s="10"/>
      <c r="ACF1022" s="10"/>
      <c r="ACG1022" s="10"/>
      <c r="ACH1022" s="10"/>
      <c r="ACI1022" s="10"/>
      <c r="ACJ1022" s="10"/>
      <c r="ACK1022" s="10"/>
      <c r="ACL1022" s="10"/>
      <c r="ACM1022" s="10"/>
      <c r="ACN1022" s="10"/>
      <c r="ACO1022" s="10"/>
      <c r="ACP1022" s="10"/>
      <c r="ACQ1022" s="10"/>
      <c r="ACR1022" s="10"/>
      <c r="ACS1022" s="10"/>
      <c r="ACT1022" s="10"/>
      <c r="ACU1022" s="10"/>
      <c r="ACV1022" s="10"/>
      <c r="ACW1022" s="10"/>
      <c r="ACX1022" s="10"/>
      <c r="ACY1022" s="10"/>
      <c r="ACZ1022" s="10"/>
      <c r="ADA1022" s="10"/>
      <c r="ADB1022" s="10"/>
      <c r="ADC1022" s="10"/>
      <c r="ADD1022" s="10"/>
      <c r="ADE1022" s="10"/>
      <c r="ADF1022" s="10"/>
      <c r="ADG1022" s="10"/>
      <c r="ADH1022" s="10"/>
      <c r="ADI1022" s="10"/>
      <c r="ADJ1022" s="10"/>
      <c r="ADK1022" s="10"/>
      <c r="ADL1022" s="10"/>
      <c r="ADM1022" s="10"/>
      <c r="ADN1022" s="10"/>
      <c r="ADO1022" s="10"/>
      <c r="ADP1022" s="10"/>
      <c r="ADQ1022" s="10"/>
      <c r="ADR1022" s="10"/>
      <c r="ADS1022" s="10"/>
      <c r="ADT1022" s="10"/>
      <c r="ADU1022" s="10"/>
      <c r="ADV1022" s="10"/>
      <c r="ADW1022" s="10"/>
      <c r="ADX1022" s="10"/>
      <c r="ADY1022" s="10"/>
      <c r="ADZ1022" s="10"/>
      <c r="AEA1022" s="10"/>
      <c r="AEB1022" s="10"/>
      <c r="AEC1022" s="10"/>
      <c r="AED1022" s="10"/>
      <c r="AEE1022" s="10"/>
      <c r="AEF1022" s="10"/>
      <c r="AEG1022" s="10"/>
      <c r="AEH1022" s="10"/>
      <c r="AEI1022" s="10"/>
      <c r="AEJ1022" s="10"/>
      <c r="AEK1022" s="10"/>
      <c r="AEL1022" s="10"/>
      <c r="AEM1022" s="10"/>
      <c r="AEN1022" s="10"/>
      <c r="AEO1022" s="10"/>
      <c r="AEP1022" s="10"/>
      <c r="AEQ1022" s="10"/>
      <c r="AER1022" s="10"/>
      <c r="AES1022" s="10"/>
      <c r="AET1022" s="10"/>
      <c r="AEU1022" s="10"/>
      <c r="AEV1022" s="10"/>
      <c r="AEW1022" s="10"/>
      <c r="AEX1022" s="10"/>
      <c r="AEY1022" s="10"/>
      <c r="AEZ1022" s="10"/>
      <c r="AFA1022" s="10"/>
      <c r="AFB1022" s="10"/>
      <c r="AFC1022" s="10"/>
      <c r="AFD1022" s="10"/>
      <c r="AFE1022" s="10"/>
      <c r="AFF1022" s="10"/>
      <c r="AFG1022" s="10"/>
      <c r="AFH1022" s="10"/>
      <c r="AFI1022" s="10"/>
      <c r="AFJ1022" s="10"/>
      <c r="AFK1022" s="10"/>
      <c r="AFL1022" s="10"/>
      <c r="AFM1022" s="10"/>
      <c r="AFN1022" s="10"/>
      <c r="AFO1022" s="10"/>
      <c r="AFP1022" s="10"/>
      <c r="AFQ1022" s="10"/>
      <c r="AFR1022" s="10"/>
      <c r="AFS1022" s="10"/>
      <c r="AFT1022" s="10"/>
      <c r="AFU1022" s="10"/>
      <c r="AFV1022" s="10"/>
      <c r="AFW1022" s="10"/>
      <c r="AFX1022" s="10"/>
      <c r="AFY1022" s="10"/>
      <c r="AFZ1022" s="10"/>
      <c r="AGA1022" s="10"/>
      <c r="AGB1022" s="10"/>
      <c r="AGC1022" s="10"/>
      <c r="AGD1022" s="10"/>
      <c r="AGE1022" s="10"/>
      <c r="AGF1022" s="10"/>
      <c r="AGG1022" s="10"/>
      <c r="AGH1022" s="10"/>
      <c r="AGI1022" s="10"/>
      <c r="AGJ1022" s="10"/>
      <c r="AGK1022" s="10"/>
      <c r="AGL1022" s="10"/>
      <c r="AGM1022" s="10"/>
      <c r="AGN1022" s="10"/>
      <c r="AGO1022" s="10"/>
      <c r="AGP1022" s="10"/>
      <c r="AGQ1022" s="10"/>
      <c r="AGR1022" s="10"/>
      <c r="AGS1022" s="10"/>
      <c r="AGT1022" s="10"/>
      <c r="AGU1022" s="10"/>
      <c r="AGV1022" s="10"/>
      <c r="AGW1022" s="10"/>
      <c r="AGX1022" s="10"/>
      <c r="AGY1022" s="10"/>
      <c r="AGZ1022" s="10"/>
      <c r="AHA1022" s="10"/>
      <c r="AHB1022" s="10"/>
      <c r="AHC1022" s="10"/>
      <c r="AHD1022" s="10"/>
      <c r="AHE1022" s="10"/>
      <c r="AHF1022" s="10"/>
      <c r="AHG1022" s="10"/>
      <c r="AHH1022" s="10"/>
      <c r="AHI1022" s="10"/>
      <c r="AHJ1022" s="10"/>
      <c r="AHK1022" s="10"/>
      <c r="AHL1022" s="10"/>
      <c r="AHM1022" s="10"/>
      <c r="AHN1022" s="10"/>
      <c r="AHO1022" s="10"/>
      <c r="AHP1022" s="10"/>
      <c r="AHQ1022" s="10"/>
      <c r="AHR1022" s="10"/>
      <c r="AHS1022" s="10"/>
      <c r="AHT1022" s="10"/>
      <c r="AHU1022" s="10"/>
      <c r="AHV1022" s="10"/>
      <c r="AHW1022" s="10"/>
      <c r="AHX1022" s="10"/>
      <c r="AHY1022" s="10"/>
      <c r="AHZ1022" s="10"/>
      <c r="AIA1022" s="10"/>
      <c r="AIB1022" s="10"/>
      <c r="AIC1022" s="10"/>
      <c r="AID1022" s="10"/>
      <c r="AIE1022" s="10"/>
      <c r="AIF1022" s="10"/>
      <c r="AIG1022" s="10"/>
      <c r="AIH1022" s="10"/>
      <c r="AII1022" s="10"/>
      <c r="AIJ1022" s="10"/>
      <c r="AIK1022" s="10"/>
      <c r="AIL1022" s="10"/>
      <c r="AIM1022" s="10"/>
      <c r="AIN1022" s="10"/>
      <c r="AIO1022" s="10"/>
      <c r="AIP1022" s="10"/>
      <c r="AIQ1022" s="10"/>
      <c r="AIR1022" s="10"/>
      <c r="AIS1022" s="10"/>
      <c r="AIT1022" s="10"/>
      <c r="AIU1022" s="10"/>
      <c r="AIV1022" s="10"/>
      <c r="AIW1022" s="10"/>
      <c r="AIX1022" s="10"/>
      <c r="AIY1022" s="10"/>
      <c r="AIZ1022" s="10"/>
      <c r="AJA1022" s="10"/>
      <c r="AJB1022" s="10"/>
      <c r="AJC1022" s="10"/>
      <c r="AJD1022" s="10"/>
      <c r="AJE1022" s="10"/>
      <c r="AJF1022" s="10"/>
      <c r="AJG1022" s="10"/>
      <c r="AJH1022" s="10"/>
      <c r="AJI1022" s="10"/>
      <c r="AJJ1022" s="10"/>
      <c r="AJK1022" s="10"/>
      <c r="AJL1022" s="10"/>
      <c r="AJM1022" s="10"/>
      <c r="AJN1022" s="10"/>
      <c r="AJO1022" s="10"/>
      <c r="AJP1022" s="10"/>
      <c r="AJQ1022" s="10"/>
      <c r="AJR1022" s="10"/>
      <c r="AJS1022" s="10"/>
      <c r="AJT1022" s="10"/>
      <c r="AJU1022" s="10"/>
      <c r="AJV1022" s="10"/>
      <c r="AJW1022" s="10"/>
      <c r="AJX1022" s="10"/>
      <c r="AJY1022" s="10"/>
      <c r="AJZ1022" s="10"/>
      <c r="AKA1022" s="10"/>
      <c r="AKB1022" s="10"/>
      <c r="AKC1022" s="10"/>
      <c r="AKD1022" s="10"/>
      <c r="AKE1022" s="10"/>
      <c r="AKF1022" s="10"/>
      <c r="AKG1022" s="10"/>
      <c r="AKH1022" s="10"/>
      <c r="AKI1022" s="10"/>
      <c r="AKJ1022" s="10"/>
      <c r="AKK1022" s="10"/>
      <c r="AKL1022" s="10"/>
      <c r="AKM1022" s="10"/>
      <c r="AKN1022" s="10"/>
      <c r="AKO1022" s="10"/>
      <c r="AKP1022" s="10"/>
      <c r="AKQ1022" s="10"/>
      <c r="AKR1022" s="10"/>
      <c r="AKS1022" s="10"/>
      <c r="AKT1022" s="10"/>
      <c r="AKU1022" s="10"/>
      <c r="AKV1022" s="10"/>
      <c r="AKW1022" s="10"/>
      <c r="AKX1022" s="10"/>
      <c r="AKY1022" s="10"/>
      <c r="AKZ1022" s="10"/>
      <c r="ALA1022" s="10"/>
      <c r="ALB1022" s="10"/>
      <c r="ALC1022" s="10"/>
      <c r="ALD1022" s="10"/>
      <c r="ALE1022" s="10"/>
      <c r="ALF1022" s="10"/>
      <c r="ALG1022" s="10"/>
      <c r="ALH1022" s="10"/>
      <c r="ALI1022" s="10"/>
      <c r="ALJ1022" s="10"/>
      <c r="ALK1022" s="10"/>
      <c r="ALL1022" s="10"/>
      <c r="ALM1022" s="10"/>
      <c r="ALN1022" s="10"/>
      <c r="ALO1022" s="10"/>
      <c r="ALP1022" s="10"/>
      <c r="ALQ1022" s="10"/>
      <c r="ALR1022" s="10"/>
      <c r="ALS1022" s="10"/>
      <c r="ALT1022" s="10"/>
      <c r="ALU1022" s="10"/>
      <c r="ALV1022" s="10"/>
      <c r="ALW1022" s="10"/>
      <c r="ALX1022" s="10"/>
      <c r="ALY1022" s="10"/>
      <c r="ALZ1022" s="10"/>
      <c r="AMA1022" s="10"/>
      <c r="AMB1022" s="10"/>
      <c r="AMC1022" s="10"/>
      <c r="AMD1022" s="10"/>
      <c r="AME1022" s="10"/>
      <c r="AMF1022" s="10"/>
      <c r="AMG1022" s="10"/>
      <c r="AMH1022" s="10"/>
      <c r="AMI1022" s="10"/>
      <c r="AMJ1022" s="10"/>
      <c r="AMK1022" s="10"/>
      <c r="AML1022" s="10"/>
      <c r="AMM1022" s="10"/>
      <c r="AMN1022" s="10"/>
      <c r="AMO1022" s="10"/>
      <c r="AMP1022" s="10"/>
      <c r="AMQ1022" s="10"/>
      <c r="AMR1022" s="10"/>
      <c r="AMS1022" s="10"/>
      <c r="AMT1022" s="10"/>
      <c r="AMU1022" s="10"/>
      <c r="AMV1022" s="10"/>
      <c r="AMW1022" s="10"/>
      <c r="AMX1022" s="10"/>
      <c r="AMY1022" s="10"/>
      <c r="AMZ1022" s="10"/>
      <c r="ANA1022" s="10"/>
      <c r="ANB1022" s="10"/>
      <c r="ANC1022" s="10"/>
      <c r="AND1022" s="10"/>
      <c r="ANE1022" s="10"/>
      <c r="ANF1022" s="10"/>
      <c r="ANG1022" s="10"/>
      <c r="ANH1022" s="10"/>
      <c r="ANI1022" s="10"/>
      <c r="ANJ1022" s="10"/>
      <c r="ANK1022" s="10"/>
      <c r="ANL1022" s="10"/>
      <c r="ANM1022" s="10"/>
      <c r="ANN1022" s="10"/>
      <c r="ANO1022" s="10"/>
      <c r="ANP1022" s="10"/>
      <c r="ANQ1022" s="10"/>
      <c r="ANR1022" s="10"/>
      <c r="ANS1022" s="10"/>
      <c r="ANT1022" s="10"/>
      <c r="ANU1022" s="10"/>
      <c r="ANV1022" s="10"/>
      <c r="ANW1022" s="10"/>
      <c r="ANX1022" s="10"/>
      <c r="ANY1022" s="10"/>
      <c r="ANZ1022" s="10"/>
      <c r="AOA1022" s="10"/>
      <c r="AOB1022" s="10"/>
      <c r="AOC1022" s="10"/>
      <c r="AOD1022" s="10"/>
      <c r="AOE1022" s="10"/>
      <c r="AOF1022" s="10"/>
      <c r="AOG1022" s="10"/>
      <c r="AOH1022" s="10"/>
      <c r="AOI1022" s="10"/>
      <c r="AOJ1022" s="10"/>
      <c r="AOK1022" s="10"/>
      <c r="AOL1022" s="10"/>
      <c r="AOM1022" s="10"/>
      <c r="AON1022" s="10"/>
      <c r="AOO1022" s="10"/>
      <c r="AOP1022" s="10"/>
      <c r="AOQ1022" s="10"/>
      <c r="AOR1022" s="10"/>
      <c r="AOS1022" s="10"/>
      <c r="AOT1022" s="10"/>
      <c r="AOU1022" s="10"/>
      <c r="AOV1022" s="10"/>
      <c r="AOW1022" s="10"/>
      <c r="AOX1022" s="10"/>
      <c r="AOY1022" s="10"/>
      <c r="AOZ1022" s="10"/>
      <c r="APA1022" s="10"/>
      <c r="APB1022" s="10"/>
      <c r="APC1022" s="10"/>
      <c r="APD1022" s="10"/>
      <c r="APE1022" s="10"/>
      <c r="APF1022" s="10"/>
      <c r="APG1022" s="10"/>
      <c r="APH1022" s="10"/>
      <c r="API1022" s="10"/>
      <c r="APJ1022" s="10"/>
      <c r="APK1022" s="10"/>
      <c r="APL1022" s="10"/>
      <c r="APM1022" s="10"/>
      <c r="APN1022" s="10"/>
      <c r="APO1022" s="10"/>
      <c r="APP1022" s="10"/>
      <c r="APQ1022" s="10"/>
      <c r="APR1022" s="10"/>
      <c r="APS1022" s="10"/>
      <c r="APT1022" s="10"/>
      <c r="APU1022" s="10"/>
      <c r="APV1022" s="10"/>
      <c r="APW1022" s="10"/>
      <c r="APX1022" s="10"/>
      <c r="APY1022" s="10"/>
      <c r="APZ1022" s="10"/>
      <c r="AQA1022" s="10"/>
      <c r="AQB1022" s="10"/>
      <c r="AQC1022" s="10"/>
      <c r="AQD1022" s="10"/>
      <c r="AQE1022" s="10"/>
      <c r="AQF1022" s="10"/>
      <c r="AQG1022" s="10"/>
      <c r="AQH1022" s="10"/>
      <c r="AQI1022" s="10"/>
      <c r="AQJ1022" s="10"/>
      <c r="AQK1022" s="10"/>
      <c r="AQL1022" s="10"/>
      <c r="AQM1022" s="10"/>
      <c r="AQN1022" s="10"/>
      <c r="AQO1022" s="10"/>
      <c r="AQP1022" s="10"/>
      <c r="AQQ1022" s="10"/>
      <c r="AQR1022" s="10"/>
      <c r="AQS1022" s="10"/>
      <c r="AQT1022" s="10"/>
      <c r="AQU1022" s="10"/>
      <c r="AQV1022" s="10"/>
      <c r="AQW1022" s="10"/>
      <c r="AQX1022" s="10"/>
      <c r="AQY1022" s="10"/>
      <c r="AQZ1022" s="10"/>
      <c r="ARA1022" s="10"/>
      <c r="ARB1022" s="10"/>
      <c r="ARC1022" s="10"/>
      <c r="ARD1022" s="10"/>
      <c r="ARE1022" s="10"/>
      <c r="ARF1022" s="10"/>
      <c r="ARG1022" s="10"/>
      <c r="ARH1022" s="10"/>
      <c r="ARI1022" s="10"/>
      <c r="ARJ1022" s="10"/>
      <c r="ARK1022" s="10"/>
      <c r="ARL1022" s="10"/>
      <c r="ARM1022" s="10"/>
      <c r="ARN1022" s="10"/>
      <c r="ARO1022" s="10"/>
      <c r="ARP1022" s="10"/>
      <c r="ARQ1022" s="10"/>
      <c r="ARR1022" s="10"/>
      <c r="ARS1022" s="10"/>
      <c r="ART1022" s="10"/>
      <c r="ARU1022" s="10"/>
      <c r="ARV1022" s="10"/>
      <c r="ARW1022" s="10"/>
      <c r="ARX1022" s="10"/>
      <c r="ARY1022" s="10"/>
      <c r="ARZ1022" s="10"/>
      <c r="ASA1022" s="10"/>
      <c r="ASB1022" s="10"/>
      <c r="ASC1022" s="10"/>
      <c r="ASD1022" s="10"/>
      <c r="ASE1022" s="10"/>
      <c r="ASF1022" s="10"/>
      <c r="ASG1022" s="10"/>
      <c r="ASH1022" s="10"/>
      <c r="ASI1022" s="10"/>
      <c r="ASJ1022" s="10"/>
      <c r="ASK1022" s="10"/>
      <c r="ASL1022" s="10"/>
      <c r="ASM1022" s="10"/>
      <c r="ASN1022" s="10"/>
      <c r="ASO1022" s="10"/>
      <c r="ASP1022" s="10"/>
      <c r="ASQ1022" s="10"/>
      <c r="ASR1022" s="10"/>
      <c r="ASS1022" s="10"/>
      <c r="AST1022" s="10"/>
      <c r="ASU1022" s="10"/>
      <c r="ASV1022" s="10"/>
      <c r="ASW1022" s="10"/>
      <c r="ASX1022" s="10"/>
      <c r="ASY1022" s="10"/>
      <c r="ASZ1022" s="10"/>
      <c r="ATA1022" s="10"/>
      <c r="ATB1022" s="10"/>
      <c r="ATC1022" s="10"/>
      <c r="ATD1022" s="10"/>
      <c r="ATE1022" s="10"/>
      <c r="ATF1022" s="10"/>
      <c r="ATG1022" s="10"/>
      <c r="ATH1022" s="10"/>
      <c r="ATI1022" s="10"/>
      <c r="ATJ1022" s="10"/>
      <c r="ATK1022" s="10"/>
      <c r="ATL1022" s="10"/>
      <c r="ATM1022" s="10"/>
      <c r="ATN1022" s="10"/>
      <c r="ATO1022" s="10"/>
      <c r="ATP1022" s="10"/>
      <c r="ATQ1022" s="10"/>
      <c r="ATR1022" s="10"/>
      <c r="ATS1022" s="10"/>
      <c r="ATT1022" s="10"/>
      <c r="ATU1022" s="10"/>
      <c r="ATV1022" s="10"/>
      <c r="ATW1022" s="10"/>
      <c r="ATX1022" s="10"/>
      <c r="ATY1022" s="10"/>
      <c r="ATZ1022" s="10"/>
      <c r="AUA1022" s="10"/>
      <c r="AUB1022" s="10"/>
      <c r="AUC1022" s="10"/>
      <c r="AUD1022" s="10"/>
      <c r="AUE1022" s="10"/>
      <c r="AUF1022" s="10"/>
      <c r="AUG1022" s="10"/>
      <c r="AUH1022" s="10"/>
      <c r="AUI1022" s="10"/>
      <c r="AUJ1022" s="10"/>
      <c r="AUK1022" s="10"/>
      <c r="AUL1022" s="10"/>
      <c r="AUM1022" s="10"/>
      <c r="AUN1022" s="10"/>
      <c r="AUO1022" s="10"/>
      <c r="AUP1022" s="10"/>
      <c r="AUQ1022" s="10"/>
      <c r="AUR1022" s="10"/>
      <c r="AUS1022" s="10"/>
      <c r="AUT1022" s="10"/>
      <c r="AUU1022" s="10"/>
      <c r="AUV1022" s="10"/>
      <c r="AUW1022" s="10"/>
      <c r="AUX1022" s="10"/>
      <c r="AUY1022" s="10"/>
      <c r="AUZ1022" s="10"/>
      <c r="AVA1022" s="10"/>
      <c r="AVB1022" s="10"/>
      <c r="AVC1022" s="10"/>
      <c r="AVD1022" s="10"/>
      <c r="AVE1022" s="10"/>
      <c r="AVF1022" s="10"/>
      <c r="AVG1022" s="10"/>
      <c r="AVH1022" s="10"/>
      <c r="AVI1022" s="10"/>
      <c r="AVJ1022" s="10"/>
      <c r="AVK1022" s="10"/>
      <c r="AVL1022" s="10"/>
      <c r="AVM1022" s="10"/>
      <c r="AVN1022" s="10"/>
      <c r="AVO1022" s="10"/>
      <c r="AVP1022" s="10"/>
      <c r="AVQ1022" s="10"/>
      <c r="AVR1022" s="10"/>
      <c r="AVS1022" s="10"/>
      <c r="AVT1022" s="10"/>
      <c r="AVU1022" s="10"/>
      <c r="AVV1022" s="10"/>
      <c r="AVW1022" s="10"/>
      <c r="AVX1022" s="10"/>
      <c r="AVY1022" s="10"/>
      <c r="AVZ1022" s="10"/>
      <c r="AWA1022" s="10"/>
      <c r="AWB1022" s="10"/>
      <c r="AWC1022" s="10"/>
      <c r="AWD1022" s="10"/>
      <c r="AWE1022" s="10"/>
      <c r="AWF1022" s="10"/>
      <c r="AWG1022" s="10"/>
      <c r="AWH1022" s="10"/>
      <c r="AWI1022" s="10"/>
      <c r="AWJ1022" s="10"/>
      <c r="AWK1022" s="10"/>
      <c r="AWL1022" s="10"/>
      <c r="AWM1022" s="10"/>
      <c r="AWN1022" s="10"/>
      <c r="AWO1022" s="10"/>
      <c r="AWP1022" s="10"/>
      <c r="AWQ1022" s="10"/>
      <c r="AWR1022" s="10"/>
      <c r="AWS1022" s="10"/>
      <c r="AWT1022" s="10"/>
      <c r="AWU1022" s="10"/>
      <c r="AWV1022" s="10"/>
      <c r="AWW1022" s="10"/>
      <c r="AWX1022" s="10"/>
      <c r="AWY1022" s="10"/>
      <c r="AWZ1022" s="10"/>
      <c r="AXA1022" s="10"/>
      <c r="AXB1022" s="10"/>
      <c r="AXC1022" s="10"/>
      <c r="AXD1022" s="10"/>
      <c r="AXE1022" s="10"/>
      <c r="AXF1022" s="10"/>
      <c r="AXG1022" s="10"/>
      <c r="AXH1022" s="10"/>
      <c r="AXI1022" s="10"/>
      <c r="AXJ1022" s="10"/>
      <c r="AXK1022" s="10"/>
      <c r="AXL1022" s="10"/>
      <c r="AXM1022" s="10"/>
      <c r="AXN1022" s="10"/>
      <c r="AXO1022" s="10"/>
      <c r="AXP1022" s="10"/>
      <c r="AXQ1022" s="10"/>
      <c r="AXR1022" s="10"/>
      <c r="AXS1022" s="10"/>
      <c r="AXT1022" s="10"/>
      <c r="AXU1022" s="10"/>
      <c r="AXV1022" s="10"/>
      <c r="AXW1022" s="10"/>
      <c r="AXX1022" s="10"/>
      <c r="AXY1022" s="10"/>
      <c r="AXZ1022" s="10"/>
      <c r="AYA1022" s="10"/>
      <c r="AYB1022" s="10"/>
      <c r="AYC1022" s="10"/>
      <c r="AYD1022" s="10"/>
      <c r="AYE1022" s="10"/>
      <c r="AYF1022" s="10"/>
      <c r="AYG1022" s="10"/>
      <c r="AYH1022" s="10"/>
      <c r="AYI1022" s="10"/>
      <c r="AYJ1022" s="10"/>
      <c r="AYK1022" s="10"/>
      <c r="AYL1022" s="10"/>
      <c r="AYM1022" s="10"/>
      <c r="AYN1022" s="10"/>
      <c r="AYO1022" s="10"/>
      <c r="AYP1022" s="10"/>
      <c r="AYQ1022" s="10"/>
      <c r="AYR1022" s="10"/>
      <c r="AYS1022" s="10"/>
      <c r="AYT1022" s="10"/>
      <c r="AYU1022" s="10"/>
      <c r="AYV1022" s="10"/>
      <c r="AYW1022" s="10"/>
      <c r="AYX1022" s="10"/>
      <c r="AYY1022" s="10"/>
      <c r="AYZ1022" s="10"/>
      <c r="AZA1022" s="10"/>
      <c r="AZB1022" s="10"/>
      <c r="AZC1022" s="10"/>
      <c r="AZD1022" s="10"/>
      <c r="AZE1022" s="10"/>
      <c r="AZF1022" s="10"/>
      <c r="AZG1022" s="10"/>
      <c r="AZH1022" s="10"/>
      <c r="AZI1022" s="10"/>
      <c r="AZJ1022" s="10"/>
      <c r="AZK1022" s="10"/>
      <c r="AZL1022" s="10"/>
      <c r="AZM1022" s="10"/>
      <c r="AZN1022" s="10"/>
      <c r="AZO1022" s="10"/>
      <c r="AZP1022" s="10"/>
      <c r="AZQ1022" s="10"/>
      <c r="AZR1022" s="10"/>
      <c r="AZS1022" s="10"/>
      <c r="AZT1022" s="10"/>
      <c r="AZU1022" s="10"/>
      <c r="AZV1022" s="10"/>
      <c r="AZW1022" s="10"/>
      <c r="AZX1022" s="10"/>
      <c r="AZY1022" s="10"/>
      <c r="AZZ1022" s="10"/>
      <c r="BAA1022" s="10"/>
      <c r="BAB1022" s="10"/>
      <c r="BAC1022" s="10"/>
      <c r="BAD1022" s="10"/>
      <c r="BAE1022" s="10"/>
      <c r="BAF1022" s="10"/>
      <c r="BAG1022" s="10"/>
      <c r="BAH1022" s="10"/>
      <c r="BAI1022" s="10"/>
      <c r="BAJ1022" s="10"/>
      <c r="BAK1022" s="10"/>
      <c r="BAL1022" s="10"/>
      <c r="BAM1022" s="10"/>
      <c r="BAN1022" s="10"/>
      <c r="BAO1022" s="10"/>
      <c r="BAP1022" s="10"/>
      <c r="BAQ1022" s="10"/>
      <c r="BAR1022" s="10"/>
      <c r="BAS1022" s="10"/>
      <c r="BAT1022" s="10"/>
      <c r="BAU1022" s="10"/>
      <c r="BAV1022" s="10"/>
      <c r="BAW1022" s="10"/>
      <c r="BAX1022" s="10"/>
      <c r="BAY1022" s="10"/>
      <c r="BAZ1022" s="10"/>
      <c r="BBA1022" s="10"/>
      <c r="BBB1022" s="10"/>
      <c r="BBC1022" s="10"/>
      <c r="BBD1022" s="10"/>
      <c r="BBE1022" s="10"/>
      <c r="BBF1022" s="10"/>
      <c r="BBG1022" s="10"/>
      <c r="BBH1022" s="10"/>
      <c r="BBI1022" s="10"/>
      <c r="BBJ1022" s="10"/>
      <c r="BBK1022" s="10"/>
      <c r="BBL1022" s="10"/>
      <c r="BBM1022" s="10"/>
      <c r="BBN1022" s="10"/>
      <c r="BBO1022" s="10"/>
      <c r="BBP1022" s="10"/>
      <c r="BBQ1022" s="10"/>
      <c r="BBR1022" s="10"/>
      <c r="BBS1022" s="10"/>
      <c r="BBT1022" s="10"/>
      <c r="BBU1022" s="10"/>
      <c r="BBV1022" s="10"/>
      <c r="BBW1022" s="10"/>
      <c r="BBX1022" s="10"/>
      <c r="BBY1022" s="10"/>
      <c r="BBZ1022" s="10"/>
      <c r="BCA1022" s="10"/>
      <c r="BCB1022" s="10"/>
      <c r="BCC1022" s="10"/>
      <c r="BCD1022" s="10"/>
      <c r="BCE1022" s="10"/>
      <c r="BCF1022" s="10"/>
      <c r="BCG1022" s="10"/>
      <c r="BCH1022" s="10"/>
      <c r="BCI1022" s="10"/>
      <c r="BCJ1022" s="10"/>
      <c r="BCK1022" s="10"/>
      <c r="BCL1022" s="10"/>
      <c r="BCM1022" s="10"/>
      <c r="BCN1022" s="10"/>
      <c r="BCO1022" s="10"/>
      <c r="BCP1022" s="10"/>
      <c r="BCQ1022" s="10"/>
      <c r="BCR1022" s="10"/>
      <c r="BCS1022" s="10"/>
      <c r="BCT1022" s="10"/>
      <c r="BCU1022" s="10"/>
      <c r="BCV1022" s="10"/>
      <c r="BCW1022" s="10"/>
      <c r="BCX1022" s="10"/>
      <c r="BCY1022" s="10"/>
      <c r="BCZ1022" s="10"/>
      <c r="BDA1022" s="10"/>
      <c r="BDB1022" s="10"/>
      <c r="BDC1022" s="10"/>
      <c r="BDD1022" s="10"/>
      <c r="BDE1022" s="10"/>
      <c r="BDF1022" s="10"/>
      <c r="BDG1022" s="10"/>
      <c r="BDH1022" s="10"/>
      <c r="BDI1022" s="10"/>
      <c r="BDJ1022" s="10"/>
      <c r="BDK1022" s="10"/>
      <c r="BDL1022" s="10"/>
      <c r="BDM1022" s="10"/>
      <c r="BDN1022" s="10"/>
      <c r="BDO1022" s="10"/>
      <c r="BDP1022" s="10"/>
      <c r="BDQ1022" s="10"/>
      <c r="BDR1022" s="10"/>
      <c r="BDS1022" s="10"/>
      <c r="BDT1022" s="10"/>
      <c r="BDU1022" s="10"/>
      <c r="BDV1022" s="10"/>
      <c r="BDW1022" s="10"/>
      <c r="BDX1022" s="10"/>
      <c r="BDY1022" s="10"/>
      <c r="BDZ1022" s="10"/>
      <c r="BEA1022" s="10"/>
      <c r="BEB1022" s="10"/>
      <c r="BEC1022" s="10"/>
      <c r="BED1022" s="10"/>
      <c r="BEE1022" s="10"/>
      <c r="BEF1022" s="10"/>
      <c r="BEG1022" s="10"/>
      <c r="BEH1022" s="10"/>
      <c r="BEI1022" s="10"/>
      <c r="BEJ1022" s="10"/>
      <c r="BEK1022" s="10"/>
      <c r="BEL1022" s="10"/>
      <c r="BEM1022" s="10"/>
      <c r="BEN1022" s="10"/>
      <c r="BEO1022" s="10"/>
      <c r="BEP1022" s="10"/>
      <c r="BEQ1022" s="10"/>
      <c r="BER1022" s="10"/>
      <c r="BES1022" s="10"/>
      <c r="BET1022" s="10"/>
      <c r="BEU1022" s="10"/>
      <c r="BEV1022" s="10"/>
      <c r="BEW1022" s="10"/>
      <c r="BEX1022" s="10"/>
      <c r="BEY1022" s="10"/>
      <c r="BEZ1022" s="10"/>
      <c r="BFA1022" s="10"/>
      <c r="BFB1022" s="10"/>
      <c r="BFC1022" s="10"/>
      <c r="BFD1022" s="10"/>
      <c r="BFE1022" s="10"/>
      <c r="BFF1022" s="10"/>
      <c r="BFG1022" s="10"/>
      <c r="BFH1022" s="10"/>
      <c r="BFI1022" s="10"/>
      <c r="BFJ1022" s="10"/>
      <c r="BFK1022" s="10"/>
      <c r="BFL1022" s="10"/>
      <c r="BFM1022" s="10"/>
      <c r="BFN1022" s="10"/>
      <c r="BFO1022" s="10"/>
      <c r="BFP1022" s="10"/>
      <c r="BFQ1022" s="10"/>
      <c r="BFR1022" s="10"/>
      <c r="BFS1022" s="10"/>
      <c r="BFT1022" s="10"/>
      <c r="BFU1022" s="10"/>
      <c r="BFV1022" s="10"/>
      <c r="BFW1022" s="10"/>
      <c r="BFX1022" s="10"/>
      <c r="BFY1022" s="10"/>
      <c r="BFZ1022" s="10"/>
      <c r="BGA1022" s="10"/>
      <c r="BGB1022" s="10"/>
      <c r="BGC1022" s="10"/>
      <c r="BGD1022" s="10"/>
      <c r="BGE1022" s="10"/>
      <c r="BGF1022" s="10"/>
      <c r="BGG1022" s="10"/>
      <c r="BGH1022" s="10"/>
      <c r="BGI1022" s="10"/>
      <c r="BGJ1022" s="10"/>
      <c r="BGK1022" s="10"/>
      <c r="BGL1022" s="10"/>
      <c r="BGM1022" s="10"/>
      <c r="BGN1022" s="10"/>
      <c r="BGO1022" s="10"/>
      <c r="BGP1022" s="10"/>
      <c r="BGQ1022" s="10"/>
      <c r="BGR1022" s="10"/>
      <c r="BGS1022" s="10"/>
      <c r="BGT1022" s="10"/>
      <c r="BGU1022" s="10"/>
      <c r="BGV1022" s="10"/>
      <c r="BGW1022" s="10"/>
      <c r="BGX1022" s="10"/>
      <c r="BGY1022" s="10"/>
      <c r="BGZ1022" s="10"/>
      <c r="BHA1022" s="10"/>
      <c r="BHB1022" s="10"/>
      <c r="BHC1022" s="10"/>
      <c r="BHD1022" s="10"/>
      <c r="BHE1022" s="10"/>
      <c r="BHF1022" s="10"/>
      <c r="BHG1022" s="10"/>
      <c r="BHH1022" s="10"/>
      <c r="BHI1022" s="10"/>
      <c r="BHJ1022" s="10"/>
      <c r="BHK1022" s="10"/>
      <c r="BHL1022" s="10"/>
      <c r="BHM1022" s="10"/>
      <c r="BHN1022" s="10"/>
      <c r="BHO1022" s="10"/>
      <c r="BHP1022" s="10"/>
      <c r="BHQ1022" s="10"/>
      <c r="BHR1022" s="10"/>
      <c r="BHS1022" s="10"/>
      <c r="BHT1022" s="10"/>
      <c r="BHU1022" s="10"/>
      <c r="BHV1022" s="10"/>
      <c r="BHW1022" s="10"/>
      <c r="BHX1022" s="10"/>
      <c r="BHY1022" s="10"/>
      <c r="BHZ1022" s="10"/>
      <c r="BIA1022" s="10"/>
      <c r="BIB1022" s="10"/>
      <c r="BIC1022" s="10"/>
      <c r="BID1022" s="10"/>
      <c r="BIE1022" s="10"/>
      <c r="BIF1022" s="10"/>
      <c r="BIG1022" s="10"/>
      <c r="BIH1022" s="10"/>
      <c r="BII1022" s="10"/>
      <c r="BIJ1022" s="10"/>
      <c r="BIK1022" s="10"/>
      <c r="BIL1022" s="10"/>
      <c r="BIM1022" s="10"/>
      <c r="BIN1022" s="10"/>
      <c r="BIO1022" s="10"/>
      <c r="BIP1022" s="10"/>
      <c r="BIQ1022" s="10"/>
      <c r="BIR1022" s="10"/>
      <c r="BIS1022" s="10"/>
      <c r="BIT1022" s="10"/>
      <c r="BIU1022" s="10"/>
      <c r="BIV1022" s="10"/>
      <c r="BIW1022" s="10"/>
      <c r="BIX1022" s="10"/>
      <c r="BIY1022" s="10"/>
      <c r="BIZ1022" s="10"/>
      <c r="BJA1022" s="10"/>
      <c r="BJB1022" s="10"/>
      <c r="BJC1022" s="10"/>
      <c r="BJD1022" s="10"/>
      <c r="BJE1022" s="10"/>
      <c r="BJF1022" s="10"/>
      <c r="BJG1022" s="10"/>
      <c r="BJH1022" s="10"/>
      <c r="BJI1022" s="10"/>
      <c r="BJJ1022" s="10"/>
      <c r="BJK1022" s="10"/>
      <c r="BJL1022" s="10"/>
      <c r="BJM1022" s="10"/>
      <c r="BJN1022" s="10"/>
      <c r="BJO1022" s="10"/>
      <c r="BJP1022" s="10"/>
      <c r="BJQ1022" s="10"/>
      <c r="BJR1022" s="10"/>
      <c r="BJS1022" s="10"/>
      <c r="BJT1022" s="10"/>
      <c r="BJU1022" s="10"/>
      <c r="BJV1022" s="10"/>
      <c r="BJW1022" s="10"/>
      <c r="BJX1022" s="10"/>
      <c r="BJY1022" s="10"/>
      <c r="BJZ1022" s="10"/>
      <c r="BKA1022" s="10"/>
      <c r="BKB1022" s="10"/>
      <c r="BKC1022" s="10"/>
      <c r="BKD1022" s="10"/>
      <c r="BKE1022" s="10"/>
      <c r="BKF1022" s="10"/>
      <c r="BKG1022" s="10"/>
      <c r="BKH1022" s="10"/>
      <c r="BKI1022" s="10"/>
      <c r="BKJ1022" s="10"/>
      <c r="BKK1022" s="10"/>
      <c r="BKL1022" s="10"/>
      <c r="BKM1022" s="10"/>
      <c r="BKN1022" s="10"/>
      <c r="BKO1022" s="10"/>
      <c r="BKP1022" s="10"/>
      <c r="BKQ1022" s="10"/>
      <c r="BKR1022" s="10"/>
      <c r="BKS1022" s="10"/>
      <c r="BKT1022" s="10"/>
      <c r="BKU1022" s="10"/>
      <c r="BKV1022" s="10"/>
      <c r="BKW1022" s="10"/>
      <c r="BKX1022" s="10"/>
      <c r="BKY1022" s="10"/>
      <c r="BKZ1022" s="10"/>
      <c r="BLA1022" s="10"/>
      <c r="BLB1022" s="10"/>
      <c r="BLC1022" s="10"/>
      <c r="BLD1022" s="10"/>
      <c r="BLE1022" s="10"/>
      <c r="BLF1022" s="10"/>
      <c r="BLG1022" s="10"/>
      <c r="BLH1022" s="10"/>
      <c r="BLI1022" s="10"/>
      <c r="BLJ1022" s="10"/>
      <c r="BLK1022" s="10"/>
      <c r="BLL1022" s="10"/>
      <c r="BLM1022" s="10"/>
      <c r="BLN1022" s="10"/>
      <c r="BLO1022" s="10"/>
      <c r="BLP1022" s="10"/>
      <c r="BLQ1022" s="10"/>
      <c r="BLR1022" s="10"/>
      <c r="BLS1022" s="10"/>
      <c r="BLT1022" s="10"/>
      <c r="BLU1022" s="10"/>
      <c r="BLV1022" s="10"/>
      <c r="BLW1022" s="10"/>
      <c r="BLX1022" s="10"/>
      <c r="BLY1022" s="10"/>
      <c r="BLZ1022" s="10"/>
      <c r="BMA1022" s="10"/>
      <c r="BMB1022" s="10"/>
      <c r="BMC1022" s="10"/>
      <c r="BMD1022" s="10"/>
      <c r="BME1022" s="10"/>
      <c r="BMF1022" s="10"/>
      <c r="BMG1022" s="10"/>
      <c r="BMH1022" s="10"/>
      <c r="BMI1022" s="10"/>
      <c r="BMJ1022" s="10"/>
      <c r="BMK1022" s="10"/>
      <c r="BML1022" s="10"/>
      <c r="BMM1022" s="10"/>
      <c r="BMN1022" s="10"/>
      <c r="BMO1022" s="10"/>
      <c r="BMP1022" s="10"/>
      <c r="BMQ1022" s="10"/>
      <c r="BMR1022" s="10"/>
      <c r="BMS1022" s="10"/>
      <c r="BMT1022" s="10"/>
      <c r="BMU1022" s="10"/>
      <c r="BMV1022" s="10"/>
      <c r="BMW1022" s="10"/>
      <c r="BMX1022" s="10"/>
      <c r="BMY1022" s="10"/>
      <c r="BMZ1022" s="10"/>
      <c r="BNA1022" s="10"/>
      <c r="BNB1022" s="10"/>
      <c r="BNC1022" s="10"/>
      <c r="BND1022" s="10"/>
      <c r="BNE1022" s="10"/>
      <c r="BNF1022" s="10"/>
      <c r="BNG1022" s="10"/>
      <c r="BNH1022" s="10"/>
      <c r="BNI1022" s="10"/>
      <c r="BNJ1022" s="10"/>
      <c r="BNK1022" s="10"/>
      <c r="BNL1022" s="10"/>
      <c r="BNM1022" s="10"/>
      <c r="BNN1022" s="10"/>
      <c r="BNO1022" s="10"/>
      <c r="BNP1022" s="10"/>
      <c r="BNQ1022" s="10"/>
      <c r="BNR1022" s="10"/>
      <c r="BNS1022" s="10"/>
      <c r="BNT1022" s="10"/>
      <c r="BNU1022" s="10"/>
      <c r="BNV1022" s="10"/>
      <c r="BNW1022" s="10"/>
      <c r="BNX1022" s="10"/>
      <c r="BNY1022" s="10"/>
      <c r="BNZ1022" s="10"/>
      <c r="BOA1022" s="10"/>
      <c r="BOB1022" s="10"/>
      <c r="BOC1022" s="10"/>
      <c r="BOD1022" s="10"/>
      <c r="BOE1022" s="10"/>
      <c r="BOF1022" s="10"/>
      <c r="BOG1022" s="10"/>
      <c r="BOH1022" s="10"/>
      <c r="BOI1022" s="10"/>
      <c r="BOJ1022" s="10"/>
      <c r="BOK1022" s="10"/>
      <c r="BOL1022" s="10"/>
      <c r="BOM1022" s="10"/>
      <c r="BON1022" s="10"/>
      <c r="BOO1022" s="10"/>
      <c r="BOP1022" s="10"/>
      <c r="BOQ1022" s="10"/>
      <c r="BOR1022" s="10"/>
      <c r="BOS1022" s="10"/>
      <c r="BOT1022" s="10"/>
      <c r="BOU1022" s="10"/>
      <c r="BOV1022" s="10"/>
      <c r="BOW1022" s="10"/>
      <c r="BOX1022" s="10"/>
      <c r="BOY1022" s="10"/>
      <c r="BOZ1022" s="10"/>
      <c r="BPA1022" s="10"/>
      <c r="BPB1022" s="10"/>
      <c r="BPC1022" s="10"/>
      <c r="BPD1022" s="10"/>
      <c r="BPE1022" s="10"/>
      <c r="BPF1022" s="10"/>
      <c r="BPG1022" s="10"/>
      <c r="BPH1022" s="10"/>
      <c r="BPI1022" s="10"/>
      <c r="BPJ1022" s="10"/>
      <c r="BPK1022" s="10"/>
      <c r="BPL1022" s="10"/>
      <c r="BPM1022" s="10"/>
      <c r="BPN1022" s="10"/>
      <c r="BPO1022" s="10"/>
      <c r="BPP1022" s="10"/>
      <c r="BPQ1022" s="10"/>
      <c r="BPR1022" s="10"/>
      <c r="BPS1022" s="10"/>
      <c r="BPT1022" s="10"/>
      <c r="BPU1022" s="10"/>
      <c r="BPV1022" s="10"/>
      <c r="BPW1022" s="10"/>
      <c r="BPX1022" s="10"/>
      <c r="BPY1022" s="10"/>
      <c r="BPZ1022" s="10"/>
      <c r="BQA1022" s="10"/>
      <c r="BQB1022" s="10"/>
      <c r="BQC1022" s="10"/>
      <c r="BQD1022" s="10"/>
      <c r="BQE1022" s="10"/>
      <c r="BQF1022" s="10"/>
      <c r="BQG1022" s="10"/>
      <c r="BQH1022" s="10"/>
      <c r="BQI1022" s="10"/>
      <c r="BQJ1022" s="10"/>
      <c r="BQK1022" s="10"/>
      <c r="BQL1022" s="10"/>
      <c r="BQM1022" s="10"/>
      <c r="BQN1022" s="10"/>
      <c r="BQO1022" s="10"/>
      <c r="BQP1022" s="10"/>
      <c r="BQQ1022" s="10"/>
      <c r="BQR1022" s="10"/>
      <c r="BQS1022" s="10"/>
      <c r="BQT1022" s="10"/>
      <c r="BQU1022" s="10"/>
      <c r="BQV1022" s="10"/>
      <c r="BQW1022" s="10"/>
      <c r="BQX1022" s="10"/>
      <c r="BQY1022" s="10"/>
      <c r="BQZ1022" s="10"/>
      <c r="BRA1022" s="10"/>
      <c r="BRB1022" s="10"/>
      <c r="BRC1022" s="10"/>
      <c r="BRD1022" s="10"/>
      <c r="BRE1022" s="10"/>
      <c r="BRF1022" s="10"/>
      <c r="BRG1022" s="10"/>
      <c r="BRH1022" s="10"/>
      <c r="BRI1022" s="10"/>
      <c r="BRJ1022" s="10"/>
      <c r="BRK1022" s="10"/>
      <c r="BRL1022" s="10"/>
      <c r="BRM1022" s="10"/>
      <c r="BRN1022" s="10"/>
      <c r="BRO1022" s="10"/>
      <c r="BRP1022" s="10"/>
      <c r="BRQ1022" s="10"/>
      <c r="BRR1022" s="10"/>
      <c r="BRS1022" s="10"/>
      <c r="BRT1022" s="10"/>
      <c r="BRU1022" s="10"/>
      <c r="BRV1022" s="10"/>
      <c r="BRW1022" s="10"/>
      <c r="BRX1022" s="10"/>
      <c r="BRY1022" s="10"/>
      <c r="BRZ1022" s="10"/>
      <c r="BSA1022" s="10"/>
      <c r="BSB1022" s="10"/>
      <c r="BSC1022" s="10"/>
      <c r="BSD1022" s="10"/>
      <c r="BSE1022" s="10"/>
      <c r="BSF1022" s="10"/>
      <c r="BSG1022" s="10"/>
      <c r="BSH1022" s="10"/>
      <c r="BSI1022" s="10"/>
      <c r="BSJ1022" s="10"/>
      <c r="BSK1022" s="10"/>
      <c r="BSL1022" s="10"/>
      <c r="BSM1022" s="10"/>
      <c r="BSN1022" s="10"/>
      <c r="BSO1022" s="10"/>
      <c r="BSP1022" s="10"/>
      <c r="BSQ1022" s="10"/>
      <c r="BSR1022" s="10"/>
      <c r="BSS1022" s="10"/>
      <c r="BST1022" s="10"/>
      <c r="BSU1022" s="10"/>
      <c r="BSV1022" s="10"/>
      <c r="BSW1022" s="10"/>
      <c r="BSX1022" s="10"/>
      <c r="BSY1022" s="10"/>
      <c r="BSZ1022" s="10"/>
      <c r="BTA1022" s="10"/>
      <c r="BTB1022" s="10"/>
      <c r="BTC1022" s="10"/>
      <c r="BTD1022" s="10"/>
      <c r="BTE1022" s="10"/>
      <c r="BTF1022" s="10"/>
      <c r="BTG1022" s="10"/>
      <c r="BTH1022" s="10"/>
      <c r="BTI1022" s="10"/>
      <c r="BTJ1022" s="10"/>
      <c r="BTK1022" s="10"/>
      <c r="BTL1022" s="10"/>
      <c r="BTM1022" s="10"/>
      <c r="BTN1022" s="10"/>
      <c r="BTO1022" s="10"/>
      <c r="BTP1022" s="10"/>
      <c r="BTQ1022" s="10"/>
      <c r="BTR1022" s="10"/>
      <c r="BTS1022" s="10"/>
      <c r="BTT1022" s="10"/>
      <c r="BTU1022" s="10"/>
      <c r="BTV1022" s="10"/>
      <c r="BTW1022" s="10"/>
      <c r="BTX1022" s="10"/>
      <c r="BTY1022" s="10"/>
      <c r="BTZ1022" s="10"/>
      <c r="BUA1022" s="10"/>
      <c r="BUB1022" s="10"/>
      <c r="BUC1022" s="10"/>
      <c r="BUD1022" s="10"/>
      <c r="BUE1022" s="10"/>
      <c r="BUF1022" s="10"/>
      <c r="BUG1022" s="10"/>
      <c r="BUH1022" s="10"/>
      <c r="BUI1022" s="10"/>
      <c r="BUJ1022" s="10"/>
      <c r="BUK1022" s="10"/>
      <c r="BUL1022" s="10"/>
      <c r="BUM1022" s="10"/>
      <c r="BUN1022" s="10"/>
      <c r="BUO1022" s="10"/>
      <c r="BUP1022" s="10"/>
      <c r="BUQ1022" s="10"/>
      <c r="BUR1022" s="10"/>
      <c r="BUS1022" s="10"/>
      <c r="BUT1022" s="10"/>
      <c r="BUU1022" s="10"/>
      <c r="BUV1022" s="10"/>
      <c r="BUW1022" s="10"/>
      <c r="BUX1022" s="10"/>
      <c r="BUY1022" s="10"/>
      <c r="BUZ1022" s="10"/>
      <c r="BVA1022" s="10"/>
      <c r="BVB1022" s="10"/>
      <c r="BVC1022" s="10"/>
      <c r="BVD1022" s="10"/>
      <c r="BVE1022" s="10"/>
      <c r="BVF1022" s="10"/>
      <c r="BVG1022" s="10"/>
      <c r="BVH1022" s="10"/>
      <c r="BVI1022" s="10"/>
      <c r="BVJ1022" s="10"/>
      <c r="BVK1022" s="10"/>
      <c r="BVL1022" s="10"/>
      <c r="BVM1022" s="10"/>
      <c r="BVN1022" s="10"/>
      <c r="BVO1022" s="10"/>
      <c r="BVP1022" s="10"/>
      <c r="BVQ1022" s="10"/>
      <c r="BVR1022" s="10"/>
      <c r="BVS1022" s="10"/>
      <c r="BVT1022" s="10"/>
      <c r="BVU1022" s="10"/>
      <c r="BVV1022" s="10"/>
      <c r="BVW1022" s="10"/>
      <c r="BVX1022" s="10"/>
      <c r="BVY1022" s="10"/>
      <c r="BVZ1022" s="10"/>
      <c r="BWA1022" s="10"/>
      <c r="BWB1022" s="10"/>
      <c r="BWC1022" s="10"/>
      <c r="BWD1022" s="10"/>
      <c r="BWE1022" s="10"/>
      <c r="BWF1022" s="10"/>
      <c r="BWG1022" s="10"/>
      <c r="BWH1022" s="10"/>
      <c r="BWI1022" s="10"/>
      <c r="BWJ1022" s="10"/>
      <c r="BWK1022" s="10"/>
      <c r="BWL1022" s="10"/>
      <c r="BWM1022" s="10"/>
      <c r="BWN1022" s="10"/>
      <c r="BWO1022" s="10"/>
      <c r="BWP1022" s="10"/>
      <c r="BWQ1022" s="10"/>
      <c r="BWR1022" s="10"/>
      <c r="BWS1022" s="10"/>
      <c r="BWT1022" s="10"/>
      <c r="BWU1022" s="10"/>
      <c r="BWV1022" s="10"/>
      <c r="BWW1022" s="10"/>
      <c r="BWX1022" s="10"/>
      <c r="BWY1022" s="10"/>
      <c r="BWZ1022" s="10"/>
      <c r="BXA1022" s="10"/>
      <c r="BXB1022" s="10"/>
      <c r="BXC1022" s="10"/>
      <c r="BXD1022" s="10"/>
      <c r="BXE1022" s="10"/>
      <c r="BXF1022" s="10"/>
      <c r="BXG1022" s="10"/>
      <c r="BXH1022" s="10"/>
      <c r="BXI1022" s="10"/>
      <c r="BXJ1022" s="10"/>
      <c r="BXK1022" s="10"/>
      <c r="BXL1022" s="10"/>
      <c r="BXM1022" s="10"/>
      <c r="BXN1022" s="10"/>
      <c r="BXO1022" s="10"/>
      <c r="BXP1022" s="10"/>
      <c r="BXQ1022" s="10"/>
      <c r="BXR1022" s="10"/>
      <c r="BXS1022" s="10"/>
      <c r="BXT1022" s="10"/>
      <c r="BXU1022" s="10"/>
      <c r="BXV1022" s="10"/>
      <c r="BXW1022" s="10"/>
      <c r="BXX1022" s="10"/>
      <c r="BXY1022" s="10"/>
      <c r="BXZ1022" s="10"/>
      <c r="BYA1022" s="10"/>
      <c r="BYB1022" s="10"/>
      <c r="BYC1022" s="10"/>
      <c r="BYD1022" s="10"/>
      <c r="BYE1022" s="10"/>
      <c r="BYF1022" s="10"/>
      <c r="BYG1022" s="10"/>
      <c r="BYH1022" s="10"/>
      <c r="BYI1022" s="10"/>
      <c r="BYJ1022" s="10"/>
      <c r="BYK1022" s="10"/>
      <c r="BYL1022" s="10"/>
      <c r="BYM1022" s="10"/>
      <c r="BYN1022" s="10"/>
      <c r="BYO1022" s="10"/>
      <c r="BYP1022" s="10"/>
      <c r="BYQ1022" s="10"/>
      <c r="BYR1022" s="10"/>
      <c r="BYS1022" s="10"/>
      <c r="BYT1022" s="10"/>
      <c r="BYU1022" s="10"/>
      <c r="BYV1022" s="10"/>
      <c r="BYW1022" s="10"/>
      <c r="BYX1022" s="10"/>
      <c r="BYY1022" s="10"/>
      <c r="BYZ1022" s="10"/>
      <c r="BZA1022" s="10"/>
      <c r="BZB1022" s="10"/>
      <c r="BZC1022" s="10"/>
      <c r="BZD1022" s="10"/>
      <c r="BZE1022" s="10"/>
      <c r="BZF1022" s="10"/>
      <c r="BZG1022" s="10"/>
      <c r="BZH1022" s="10"/>
      <c r="BZI1022" s="10"/>
      <c r="BZJ1022" s="10"/>
      <c r="BZK1022" s="10"/>
      <c r="BZL1022" s="10"/>
      <c r="BZM1022" s="10"/>
      <c r="BZN1022" s="10"/>
      <c r="BZO1022" s="10"/>
      <c r="BZP1022" s="10"/>
      <c r="BZQ1022" s="10"/>
      <c r="BZR1022" s="10"/>
      <c r="BZS1022" s="10"/>
      <c r="BZT1022" s="10"/>
      <c r="BZU1022" s="10"/>
      <c r="BZV1022" s="10"/>
      <c r="BZW1022" s="10"/>
      <c r="BZX1022" s="10"/>
      <c r="BZY1022" s="10"/>
      <c r="BZZ1022" s="10"/>
      <c r="CAA1022" s="10"/>
      <c r="CAB1022" s="10"/>
      <c r="CAC1022" s="10"/>
      <c r="CAD1022" s="10"/>
      <c r="CAE1022" s="10"/>
      <c r="CAF1022" s="10"/>
      <c r="CAG1022" s="10"/>
      <c r="CAH1022" s="10"/>
      <c r="CAI1022" s="10"/>
      <c r="CAJ1022" s="10"/>
      <c r="CAK1022" s="10"/>
      <c r="CAL1022" s="10"/>
      <c r="CAM1022" s="10"/>
      <c r="CAN1022" s="10"/>
      <c r="CAO1022" s="10"/>
      <c r="CAP1022" s="10"/>
      <c r="CAQ1022" s="10"/>
      <c r="CAR1022" s="10"/>
      <c r="CAS1022" s="10"/>
      <c r="CAT1022" s="10"/>
      <c r="CAU1022" s="10"/>
      <c r="CAV1022" s="10"/>
      <c r="CAW1022" s="10"/>
      <c r="CAX1022" s="10"/>
      <c r="CAY1022" s="10"/>
      <c r="CAZ1022" s="10"/>
      <c r="CBA1022" s="10"/>
      <c r="CBB1022" s="10"/>
      <c r="CBC1022" s="10"/>
      <c r="CBD1022" s="10"/>
      <c r="CBE1022" s="10"/>
      <c r="CBF1022" s="10"/>
      <c r="CBG1022" s="10"/>
      <c r="CBH1022" s="10"/>
      <c r="CBI1022" s="10"/>
      <c r="CBJ1022" s="10"/>
      <c r="CBK1022" s="10"/>
      <c r="CBL1022" s="10"/>
      <c r="CBM1022" s="10"/>
      <c r="CBN1022" s="10"/>
      <c r="CBO1022" s="10"/>
      <c r="CBP1022" s="10"/>
      <c r="CBQ1022" s="10"/>
      <c r="CBR1022" s="10"/>
      <c r="CBS1022" s="10"/>
      <c r="CBT1022" s="10"/>
      <c r="CBU1022" s="10"/>
      <c r="CBV1022" s="10"/>
      <c r="CBW1022" s="10"/>
      <c r="CBX1022" s="10"/>
      <c r="CBY1022" s="10"/>
      <c r="CBZ1022" s="10"/>
      <c r="CCA1022" s="10"/>
      <c r="CCB1022" s="10"/>
      <c r="CCC1022" s="10"/>
      <c r="CCD1022" s="10"/>
      <c r="CCE1022" s="10"/>
      <c r="CCF1022" s="10"/>
      <c r="CCG1022" s="10"/>
      <c r="CCH1022" s="10"/>
      <c r="CCI1022" s="10"/>
      <c r="CCJ1022" s="10"/>
      <c r="CCK1022" s="10"/>
      <c r="CCL1022" s="10"/>
      <c r="CCM1022" s="10"/>
      <c r="CCN1022" s="10"/>
      <c r="CCO1022" s="10"/>
      <c r="CCP1022" s="10"/>
      <c r="CCQ1022" s="10"/>
      <c r="CCR1022" s="10"/>
      <c r="CCS1022" s="10"/>
      <c r="CCT1022" s="10"/>
      <c r="CCU1022" s="10"/>
      <c r="CCV1022" s="10"/>
      <c r="CCW1022" s="10"/>
      <c r="CCX1022" s="10"/>
      <c r="CCY1022" s="10"/>
      <c r="CCZ1022" s="10"/>
      <c r="CDA1022" s="10"/>
      <c r="CDB1022" s="10"/>
      <c r="CDC1022" s="10"/>
      <c r="CDD1022" s="10"/>
      <c r="CDE1022" s="10"/>
      <c r="CDF1022" s="10"/>
      <c r="CDG1022" s="10"/>
      <c r="CDH1022" s="10"/>
      <c r="CDI1022" s="10"/>
      <c r="CDJ1022" s="10"/>
      <c r="CDK1022" s="10"/>
      <c r="CDL1022" s="10"/>
      <c r="CDM1022" s="10"/>
      <c r="CDN1022" s="10"/>
      <c r="CDO1022" s="10"/>
      <c r="CDP1022" s="10"/>
      <c r="CDQ1022" s="10"/>
      <c r="CDR1022" s="10"/>
      <c r="CDS1022" s="10"/>
      <c r="CDT1022" s="10"/>
      <c r="CDU1022" s="10"/>
      <c r="CDV1022" s="10"/>
      <c r="CDW1022" s="10"/>
      <c r="CDX1022" s="10"/>
      <c r="CDY1022" s="10"/>
      <c r="CDZ1022" s="10"/>
      <c r="CEA1022" s="10"/>
      <c r="CEB1022" s="10"/>
      <c r="CEC1022" s="10"/>
      <c r="CED1022" s="10"/>
      <c r="CEE1022" s="10"/>
      <c r="CEF1022" s="10"/>
      <c r="CEG1022" s="10"/>
      <c r="CEH1022" s="10"/>
      <c r="CEI1022" s="10"/>
      <c r="CEJ1022" s="10"/>
      <c r="CEK1022" s="10"/>
      <c r="CEL1022" s="10"/>
      <c r="CEM1022" s="10"/>
      <c r="CEN1022" s="10"/>
      <c r="CEO1022" s="10"/>
      <c r="CEP1022" s="10"/>
      <c r="CEQ1022" s="10"/>
      <c r="CER1022" s="10"/>
      <c r="CES1022" s="10"/>
      <c r="CET1022" s="10"/>
      <c r="CEU1022" s="10"/>
      <c r="CEV1022" s="10"/>
      <c r="CEW1022" s="10"/>
      <c r="CEX1022" s="10"/>
      <c r="CEY1022" s="10"/>
      <c r="CEZ1022" s="10"/>
      <c r="CFA1022" s="10"/>
      <c r="CFB1022" s="10"/>
      <c r="CFC1022" s="10"/>
      <c r="CFD1022" s="10"/>
      <c r="CFE1022" s="10"/>
      <c r="CFF1022" s="10"/>
      <c r="CFG1022" s="10"/>
      <c r="CFH1022" s="10"/>
      <c r="CFI1022" s="10"/>
      <c r="CFJ1022" s="10"/>
      <c r="CFK1022" s="10"/>
      <c r="CFL1022" s="10"/>
      <c r="CFM1022" s="10"/>
      <c r="CFN1022" s="10"/>
      <c r="CFO1022" s="10"/>
      <c r="CFP1022" s="10"/>
      <c r="CFQ1022" s="10"/>
      <c r="CFR1022" s="10"/>
      <c r="CFS1022" s="10"/>
      <c r="CFT1022" s="10"/>
      <c r="CFU1022" s="10"/>
      <c r="CFV1022" s="10"/>
      <c r="CFW1022" s="10"/>
      <c r="CFX1022" s="10"/>
      <c r="CFY1022" s="10"/>
      <c r="CFZ1022" s="10"/>
      <c r="CGA1022" s="10"/>
      <c r="CGB1022" s="10"/>
      <c r="CGC1022" s="10"/>
      <c r="CGD1022" s="10"/>
      <c r="CGE1022" s="10"/>
      <c r="CGF1022" s="10"/>
      <c r="CGG1022" s="10"/>
      <c r="CGH1022" s="10"/>
      <c r="CGI1022" s="10"/>
      <c r="CGJ1022" s="10"/>
      <c r="CGK1022" s="10"/>
      <c r="CGL1022" s="10"/>
      <c r="CGM1022" s="10"/>
      <c r="CGN1022" s="10"/>
      <c r="CGO1022" s="10"/>
      <c r="CGP1022" s="10"/>
      <c r="CGQ1022" s="10"/>
      <c r="CGR1022" s="10"/>
      <c r="CGS1022" s="10"/>
      <c r="CGT1022" s="10"/>
      <c r="CGU1022" s="10"/>
      <c r="CGV1022" s="10"/>
      <c r="CGW1022" s="10"/>
      <c r="CGX1022" s="10"/>
      <c r="CGY1022" s="10"/>
      <c r="CGZ1022" s="10"/>
      <c r="CHA1022" s="10"/>
      <c r="CHB1022" s="10"/>
      <c r="CHC1022" s="10"/>
      <c r="CHD1022" s="10"/>
      <c r="CHE1022" s="10"/>
      <c r="CHF1022" s="10"/>
      <c r="CHG1022" s="10"/>
      <c r="CHH1022" s="10"/>
      <c r="CHI1022" s="10"/>
      <c r="CHJ1022" s="10"/>
      <c r="CHK1022" s="10"/>
      <c r="CHL1022" s="10"/>
      <c r="CHM1022" s="10"/>
      <c r="CHN1022" s="10"/>
      <c r="CHO1022" s="10"/>
      <c r="CHP1022" s="10"/>
      <c r="CHQ1022" s="10"/>
      <c r="CHR1022" s="10"/>
      <c r="CHS1022" s="10"/>
      <c r="CHT1022" s="10"/>
      <c r="CHU1022" s="10"/>
      <c r="CHV1022" s="10"/>
      <c r="CHW1022" s="10"/>
      <c r="CHX1022" s="10"/>
      <c r="CHY1022" s="10"/>
      <c r="CHZ1022" s="10"/>
      <c r="CIA1022" s="10"/>
      <c r="CIB1022" s="10"/>
      <c r="CIC1022" s="10"/>
      <c r="CID1022" s="10"/>
      <c r="CIE1022" s="10"/>
      <c r="CIF1022" s="10"/>
      <c r="CIG1022" s="10"/>
      <c r="CIH1022" s="10"/>
      <c r="CII1022" s="10"/>
      <c r="CIJ1022" s="10"/>
      <c r="CIK1022" s="10"/>
      <c r="CIL1022" s="10"/>
      <c r="CIM1022" s="10"/>
      <c r="CIN1022" s="10"/>
      <c r="CIO1022" s="10"/>
      <c r="CIP1022" s="10"/>
      <c r="CIQ1022" s="10"/>
      <c r="CIR1022" s="10"/>
      <c r="CIS1022" s="10"/>
      <c r="CIT1022" s="10"/>
      <c r="CIU1022" s="10"/>
      <c r="CIV1022" s="10"/>
      <c r="CIW1022" s="10"/>
      <c r="CIX1022" s="10"/>
      <c r="CIY1022" s="10"/>
      <c r="CIZ1022" s="10"/>
      <c r="CJA1022" s="10"/>
      <c r="CJB1022" s="10"/>
      <c r="CJC1022" s="10"/>
      <c r="CJD1022" s="10"/>
      <c r="CJE1022" s="10"/>
      <c r="CJF1022" s="10"/>
      <c r="CJG1022" s="10"/>
      <c r="CJH1022" s="10"/>
      <c r="CJI1022" s="10"/>
      <c r="CJJ1022" s="10"/>
      <c r="CJK1022" s="10"/>
      <c r="CJL1022" s="10"/>
      <c r="CJM1022" s="10"/>
      <c r="CJN1022" s="10"/>
      <c r="CJO1022" s="10"/>
      <c r="CJP1022" s="10"/>
      <c r="CJQ1022" s="10"/>
      <c r="CJR1022" s="10"/>
      <c r="CJS1022" s="10"/>
      <c r="CJT1022" s="10"/>
      <c r="CJU1022" s="10"/>
      <c r="CJV1022" s="10"/>
      <c r="CJW1022" s="10"/>
      <c r="CJX1022" s="10"/>
      <c r="CJY1022" s="10"/>
      <c r="CJZ1022" s="10"/>
      <c r="CKA1022" s="10"/>
      <c r="CKB1022" s="10"/>
      <c r="CKC1022" s="10"/>
      <c r="CKD1022" s="10"/>
      <c r="CKE1022" s="10"/>
      <c r="CKF1022" s="10"/>
      <c r="CKG1022" s="10"/>
      <c r="CKH1022" s="10"/>
      <c r="CKI1022" s="10"/>
      <c r="CKJ1022" s="10"/>
      <c r="CKK1022" s="10"/>
      <c r="CKL1022" s="10"/>
      <c r="CKM1022" s="10"/>
      <c r="CKN1022" s="10"/>
      <c r="CKO1022" s="10"/>
      <c r="CKP1022" s="10"/>
      <c r="CKQ1022" s="10"/>
      <c r="CKR1022" s="10"/>
      <c r="CKS1022" s="10"/>
      <c r="CKT1022" s="10"/>
      <c r="CKU1022" s="10"/>
      <c r="CKV1022" s="10"/>
      <c r="CKW1022" s="10"/>
      <c r="CKX1022" s="10"/>
      <c r="CKY1022" s="10"/>
      <c r="CKZ1022" s="10"/>
      <c r="CLA1022" s="10"/>
      <c r="CLB1022" s="10"/>
      <c r="CLC1022" s="10"/>
      <c r="CLD1022" s="10"/>
      <c r="CLE1022" s="10"/>
      <c r="CLF1022" s="10"/>
      <c r="CLG1022" s="10"/>
      <c r="CLH1022" s="10"/>
      <c r="CLI1022" s="10"/>
      <c r="CLJ1022" s="10"/>
      <c r="CLK1022" s="10"/>
      <c r="CLL1022" s="10"/>
      <c r="CLM1022" s="10"/>
      <c r="CLN1022" s="10"/>
      <c r="CLO1022" s="10"/>
      <c r="CLP1022" s="10"/>
      <c r="CLQ1022" s="10"/>
      <c r="CLR1022" s="10"/>
      <c r="CLS1022" s="10"/>
      <c r="CLT1022" s="10"/>
      <c r="CLU1022" s="10"/>
      <c r="CLV1022" s="10"/>
      <c r="CLW1022" s="10"/>
      <c r="CLX1022" s="10"/>
      <c r="CLY1022" s="10"/>
      <c r="CLZ1022" s="10"/>
      <c r="CMA1022" s="10"/>
      <c r="CMB1022" s="10"/>
      <c r="CMC1022" s="10"/>
      <c r="CMD1022" s="10"/>
      <c r="CME1022" s="10"/>
      <c r="CMF1022" s="10"/>
      <c r="CMG1022" s="10"/>
      <c r="CMH1022" s="10"/>
      <c r="CMI1022" s="10"/>
      <c r="CMJ1022" s="10"/>
      <c r="CMK1022" s="10"/>
      <c r="CML1022" s="10"/>
      <c r="CMM1022" s="10"/>
      <c r="CMN1022" s="10"/>
      <c r="CMO1022" s="10"/>
      <c r="CMP1022" s="10"/>
      <c r="CMQ1022" s="10"/>
      <c r="CMR1022" s="10"/>
      <c r="CMS1022" s="10"/>
      <c r="CMT1022" s="10"/>
      <c r="CMU1022" s="10"/>
      <c r="CMV1022" s="10"/>
      <c r="CMW1022" s="10"/>
      <c r="CMX1022" s="10"/>
      <c r="CMY1022" s="10"/>
      <c r="CMZ1022" s="10"/>
      <c r="CNA1022" s="10"/>
      <c r="CNB1022" s="10"/>
      <c r="CNC1022" s="10"/>
      <c r="CND1022" s="10"/>
      <c r="CNE1022" s="10"/>
      <c r="CNF1022" s="10"/>
      <c r="CNG1022" s="10"/>
      <c r="CNH1022" s="10"/>
      <c r="CNI1022" s="10"/>
      <c r="CNJ1022" s="10"/>
      <c r="CNK1022" s="10"/>
      <c r="CNL1022" s="10"/>
      <c r="CNM1022" s="10"/>
      <c r="CNN1022" s="10"/>
      <c r="CNO1022" s="10"/>
      <c r="CNP1022" s="10"/>
      <c r="CNQ1022" s="10"/>
      <c r="CNR1022" s="10"/>
      <c r="CNS1022" s="10"/>
      <c r="CNT1022" s="10"/>
      <c r="CNU1022" s="10"/>
      <c r="CNV1022" s="10"/>
      <c r="CNW1022" s="10"/>
      <c r="CNX1022" s="10"/>
      <c r="CNY1022" s="10"/>
      <c r="CNZ1022" s="10"/>
      <c r="COA1022" s="10"/>
      <c r="COB1022" s="10"/>
      <c r="COC1022" s="10"/>
      <c r="COD1022" s="10"/>
      <c r="COE1022" s="10"/>
      <c r="COF1022" s="10"/>
      <c r="COG1022" s="10"/>
      <c r="COH1022" s="10"/>
      <c r="COI1022" s="10"/>
      <c r="COJ1022" s="10"/>
      <c r="COK1022" s="10"/>
      <c r="COL1022" s="10"/>
      <c r="COM1022" s="10"/>
      <c r="CON1022" s="10"/>
      <c r="COO1022" s="10"/>
      <c r="COP1022" s="10"/>
      <c r="COQ1022" s="10"/>
      <c r="COR1022" s="10"/>
      <c r="COS1022" s="10"/>
      <c r="COT1022" s="10"/>
      <c r="COU1022" s="10"/>
      <c r="COV1022" s="10"/>
      <c r="COW1022" s="10"/>
      <c r="COX1022" s="10"/>
      <c r="COY1022" s="10"/>
      <c r="COZ1022" s="10"/>
      <c r="CPA1022" s="10"/>
      <c r="CPB1022" s="10"/>
      <c r="CPC1022" s="10"/>
      <c r="CPD1022" s="10"/>
      <c r="CPE1022" s="10"/>
      <c r="CPF1022" s="10"/>
      <c r="CPG1022" s="10"/>
      <c r="CPH1022" s="10"/>
      <c r="CPI1022" s="10"/>
      <c r="CPJ1022" s="10"/>
      <c r="CPK1022" s="10"/>
      <c r="CPL1022" s="10"/>
      <c r="CPM1022" s="10"/>
      <c r="CPN1022" s="10"/>
      <c r="CPO1022" s="10"/>
      <c r="CPP1022" s="10"/>
      <c r="CPQ1022" s="10"/>
      <c r="CPR1022" s="10"/>
      <c r="CPS1022" s="10"/>
      <c r="CPT1022" s="10"/>
      <c r="CPU1022" s="10"/>
      <c r="CPV1022" s="10"/>
      <c r="CPW1022" s="10"/>
      <c r="CPX1022" s="10"/>
      <c r="CPY1022" s="10"/>
      <c r="CPZ1022" s="10"/>
      <c r="CQA1022" s="10"/>
      <c r="CQB1022" s="10"/>
      <c r="CQC1022" s="10"/>
      <c r="CQD1022" s="10"/>
      <c r="CQE1022" s="10"/>
      <c r="CQF1022" s="10"/>
      <c r="CQG1022" s="10"/>
      <c r="CQH1022" s="10"/>
      <c r="CQI1022" s="10"/>
      <c r="CQJ1022" s="10"/>
      <c r="CQK1022" s="10"/>
      <c r="CQL1022" s="10"/>
      <c r="CQM1022" s="10"/>
      <c r="CQN1022" s="10"/>
      <c r="CQO1022" s="10"/>
      <c r="CQP1022" s="10"/>
      <c r="CQQ1022" s="10"/>
      <c r="CQR1022" s="10"/>
      <c r="CQS1022" s="10"/>
      <c r="CQT1022" s="10"/>
      <c r="CQU1022" s="10"/>
      <c r="CQV1022" s="10"/>
      <c r="CQW1022" s="10"/>
      <c r="CQX1022" s="10"/>
      <c r="CQY1022" s="10"/>
      <c r="CQZ1022" s="10"/>
      <c r="CRA1022" s="10"/>
      <c r="CRB1022" s="10"/>
      <c r="CRC1022" s="10"/>
      <c r="CRD1022" s="10"/>
      <c r="CRE1022" s="10"/>
      <c r="CRF1022" s="10"/>
      <c r="CRG1022" s="10"/>
      <c r="CRH1022" s="10"/>
      <c r="CRI1022" s="10"/>
      <c r="CRJ1022" s="10"/>
      <c r="CRK1022" s="10"/>
      <c r="CRL1022" s="10"/>
      <c r="CRM1022" s="10"/>
      <c r="CRN1022" s="10"/>
      <c r="CRO1022" s="10"/>
      <c r="CRP1022" s="10"/>
      <c r="CRQ1022" s="10"/>
      <c r="CRR1022" s="10"/>
      <c r="CRS1022" s="10"/>
      <c r="CRT1022" s="10"/>
      <c r="CRU1022" s="10"/>
      <c r="CRV1022" s="10"/>
      <c r="CRW1022" s="10"/>
      <c r="CRX1022" s="10"/>
      <c r="CRY1022" s="10"/>
      <c r="CRZ1022" s="10"/>
      <c r="CSA1022" s="10"/>
      <c r="CSB1022" s="10"/>
      <c r="CSC1022" s="10"/>
      <c r="CSD1022" s="10"/>
      <c r="CSE1022" s="10"/>
      <c r="CSF1022" s="10"/>
      <c r="CSG1022" s="10"/>
      <c r="CSH1022" s="10"/>
      <c r="CSI1022" s="10"/>
      <c r="CSJ1022" s="10"/>
      <c r="CSK1022" s="10"/>
      <c r="CSL1022" s="10"/>
      <c r="CSM1022" s="10"/>
      <c r="CSN1022" s="10"/>
      <c r="CSO1022" s="10"/>
      <c r="CSP1022" s="10"/>
      <c r="CSQ1022" s="10"/>
      <c r="CSR1022" s="10"/>
      <c r="CSS1022" s="10"/>
      <c r="CST1022" s="10"/>
      <c r="CSU1022" s="10"/>
      <c r="CSV1022" s="10"/>
      <c r="CSW1022" s="10"/>
      <c r="CSX1022" s="10"/>
      <c r="CSY1022" s="10"/>
      <c r="CSZ1022" s="10"/>
      <c r="CTA1022" s="10"/>
      <c r="CTB1022" s="10"/>
      <c r="CTC1022" s="10"/>
      <c r="CTD1022" s="10"/>
      <c r="CTE1022" s="10"/>
      <c r="CTF1022" s="10"/>
      <c r="CTG1022" s="10"/>
      <c r="CTH1022" s="10"/>
      <c r="CTI1022" s="10"/>
      <c r="CTJ1022" s="10"/>
      <c r="CTK1022" s="10"/>
      <c r="CTL1022" s="10"/>
      <c r="CTM1022" s="10"/>
      <c r="CTN1022" s="10"/>
      <c r="CTO1022" s="10"/>
      <c r="CTP1022" s="10"/>
      <c r="CTQ1022" s="10"/>
      <c r="CTR1022" s="10"/>
      <c r="CTS1022" s="10"/>
      <c r="CTT1022" s="10"/>
      <c r="CTU1022" s="10"/>
      <c r="CTV1022" s="10"/>
      <c r="CTW1022" s="10"/>
      <c r="CTX1022" s="10"/>
      <c r="CTY1022" s="10"/>
      <c r="CTZ1022" s="10"/>
      <c r="CUA1022" s="10"/>
      <c r="CUB1022" s="10"/>
      <c r="CUC1022" s="10"/>
      <c r="CUD1022" s="10"/>
      <c r="CUE1022" s="10"/>
      <c r="CUF1022" s="10"/>
      <c r="CUG1022" s="10"/>
      <c r="CUH1022" s="10"/>
      <c r="CUI1022" s="10"/>
      <c r="CUJ1022" s="10"/>
      <c r="CUK1022" s="10"/>
      <c r="CUL1022" s="10"/>
      <c r="CUM1022" s="10"/>
      <c r="CUN1022" s="10"/>
      <c r="CUO1022" s="10"/>
      <c r="CUP1022" s="10"/>
      <c r="CUQ1022" s="10"/>
      <c r="CUR1022" s="10"/>
      <c r="CUS1022" s="10"/>
      <c r="CUT1022" s="10"/>
      <c r="CUU1022" s="10"/>
      <c r="CUV1022" s="10"/>
      <c r="CUW1022" s="10"/>
      <c r="CUX1022" s="10"/>
      <c r="CUY1022" s="10"/>
      <c r="CUZ1022" s="10"/>
      <c r="CVA1022" s="10"/>
      <c r="CVB1022" s="10"/>
      <c r="CVC1022" s="10"/>
      <c r="CVD1022" s="10"/>
      <c r="CVE1022" s="10"/>
      <c r="CVF1022" s="10"/>
      <c r="CVG1022" s="10"/>
      <c r="CVH1022" s="10"/>
      <c r="CVI1022" s="10"/>
      <c r="CVJ1022" s="10"/>
      <c r="CVK1022" s="10"/>
      <c r="CVL1022" s="10"/>
      <c r="CVM1022" s="10"/>
      <c r="CVN1022" s="10"/>
      <c r="CVO1022" s="10"/>
      <c r="CVP1022" s="10"/>
      <c r="CVQ1022" s="10"/>
      <c r="CVR1022" s="10"/>
      <c r="CVS1022" s="10"/>
      <c r="CVT1022" s="10"/>
      <c r="CVU1022" s="10"/>
      <c r="CVV1022" s="10"/>
      <c r="CVW1022" s="10"/>
      <c r="CVX1022" s="10"/>
      <c r="CVY1022" s="10"/>
      <c r="CVZ1022" s="10"/>
      <c r="CWA1022" s="10"/>
      <c r="CWB1022" s="10"/>
      <c r="CWC1022" s="10"/>
      <c r="CWD1022" s="10"/>
      <c r="CWE1022" s="10"/>
      <c r="CWF1022" s="10"/>
      <c r="CWG1022" s="10"/>
      <c r="CWH1022" s="10"/>
      <c r="CWI1022" s="10"/>
      <c r="CWJ1022" s="10"/>
      <c r="CWK1022" s="10"/>
      <c r="CWL1022" s="10"/>
      <c r="CWM1022" s="10"/>
      <c r="CWN1022" s="10"/>
      <c r="CWO1022" s="10"/>
      <c r="CWP1022" s="10"/>
      <c r="CWQ1022" s="10"/>
      <c r="CWR1022" s="10"/>
      <c r="CWS1022" s="10"/>
      <c r="CWT1022" s="10"/>
      <c r="CWU1022" s="10"/>
      <c r="CWV1022" s="10"/>
      <c r="CWW1022" s="10"/>
      <c r="CWX1022" s="10"/>
      <c r="CWY1022" s="10"/>
      <c r="CWZ1022" s="10"/>
      <c r="CXA1022" s="10"/>
      <c r="CXB1022" s="10"/>
      <c r="CXC1022" s="10"/>
      <c r="CXD1022" s="10"/>
      <c r="CXE1022" s="10"/>
      <c r="CXF1022" s="10"/>
      <c r="CXG1022" s="10"/>
      <c r="CXH1022" s="10"/>
      <c r="CXI1022" s="10"/>
      <c r="CXJ1022" s="10"/>
      <c r="CXK1022" s="10"/>
      <c r="CXL1022" s="10"/>
      <c r="CXM1022" s="10"/>
      <c r="CXN1022" s="10"/>
      <c r="CXO1022" s="10"/>
      <c r="CXP1022" s="10"/>
      <c r="CXQ1022" s="10"/>
      <c r="CXR1022" s="10"/>
      <c r="CXS1022" s="10"/>
      <c r="CXT1022" s="10"/>
      <c r="CXU1022" s="10"/>
      <c r="CXV1022" s="10"/>
      <c r="CXW1022" s="10"/>
      <c r="CXX1022" s="10"/>
      <c r="CXY1022" s="10"/>
      <c r="CXZ1022" s="10"/>
      <c r="CYA1022" s="10"/>
      <c r="CYB1022" s="10"/>
      <c r="CYC1022" s="10"/>
      <c r="CYD1022" s="10"/>
      <c r="CYE1022" s="10"/>
      <c r="CYF1022" s="10"/>
      <c r="CYG1022" s="10"/>
      <c r="CYH1022" s="10"/>
      <c r="CYI1022" s="10"/>
      <c r="CYJ1022" s="10"/>
      <c r="CYK1022" s="10"/>
      <c r="CYL1022" s="10"/>
      <c r="CYM1022" s="10"/>
      <c r="CYN1022" s="10"/>
      <c r="CYO1022" s="10"/>
      <c r="CYP1022" s="10"/>
      <c r="CYQ1022" s="10"/>
      <c r="CYR1022" s="10"/>
      <c r="CYS1022" s="10"/>
      <c r="CYT1022" s="10"/>
      <c r="CYU1022" s="10"/>
      <c r="CYV1022" s="10"/>
      <c r="CYW1022" s="10"/>
      <c r="CYX1022" s="10"/>
      <c r="CYY1022" s="10"/>
      <c r="CYZ1022" s="10"/>
      <c r="CZA1022" s="10"/>
      <c r="CZB1022" s="10"/>
      <c r="CZC1022" s="10"/>
      <c r="CZD1022" s="10"/>
      <c r="CZE1022" s="10"/>
      <c r="CZF1022" s="10"/>
      <c r="CZG1022" s="10"/>
      <c r="CZH1022" s="10"/>
      <c r="CZI1022" s="10"/>
      <c r="CZJ1022" s="10"/>
      <c r="CZK1022" s="10"/>
      <c r="CZL1022" s="10"/>
      <c r="CZM1022" s="10"/>
      <c r="CZN1022" s="10"/>
      <c r="CZO1022" s="10"/>
      <c r="CZP1022" s="10"/>
      <c r="CZQ1022" s="10"/>
      <c r="CZR1022" s="10"/>
      <c r="CZS1022" s="10"/>
      <c r="CZT1022" s="10"/>
      <c r="CZU1022" s="10"/>
      <c r="CZV1022" s="10"/>
      <c r="CZW1022" s="10"/>
      <c r="CZX1022" s="10"/>
      <c r="CZY1022" s="10"/>
      <c r="CZZ1022" s="10"/>
      <c r="DAA1022" s="10"/>
      <c r="DAB1022" s="10"/>
      <c r="DAC1022" s="10"/>
      <c r="DAD1022" s="10"/>
      <c r="DAE1022" s="10"/>
      <c r="DAF1022" s="10"/>
      <c r="DAG1022" s="10"/>
      <c r="DAH1022" s="10"/>
      <c r="DAI1022" s="10"/>
      <c r="DAJ1022" s="10"/>
      <c r="DAK1022" s="10"/>
      <c r="DAL1022" s="10"/>
      <c r="DAM1022" s="10"/>
      <c r="DAN1022" s="10"/>
      <c r="DAO1022" s="10"/>
      <c r="DAP1022" s="10"/>
      <c r="DAQ1022" s="10"/>
      <c r="DAR1022" s="10"/>
      <c r="DAS1022" s="10"/>
      <c r="DAT1022" s="10"/>
      <c r="DAU1022" s="10"/>
      <c r="DAV1022" s="10"/>
      <c r="DAW1022" s="10"/>
      <c r="DAX1022" s="10"/>
      <c r="DAY1022" s="10"/>
      <c r="DAZ1022" s="10"/>
      <c r="DBA1022" s="10"/>
      <c r="DBB1022" s="10"/>
      <c r="DBC1022" s="10"/>
      <c r="DBD1022" s="10"/>
      <c r="DBE1022" s="10"/>
      <c r="DBF1022" s="10"/>
      <c r="DBG1022" s="10"/>
      <c r="DBH1022" s="10"/>
      <c r="DBI1022" s="10"/>
      <c r="DBJ1022" s="10"/>
      <c r="DBK1022" s="10"/>
      <c r="DBL1022" s="10"/>
      <c r="DBM1022" s="10"/>
      <c r="DBN1022" s="10"/>
      <c r="DBO1022" s="10"/>
      <c r="DBP1022" s="10"/>
      <c r="DBQ1022" s="10"/>
      <c r="DBR1022" s="10"/>
      <c r="DBS1022" s="10"/>
      <c r="DBT1022" s="10"/>
      <c r="DBU1022" s="10"/>
      <c r="DBV1022" s="10"/>
      <c r="DBW1022" s="10"/>
      <c r="DBX1022" s="10"/>
      <c r="DBY1022" s="10"/>
      <c r="DBZ1022" s="10"/>
      <c r="DCA1022" s="10"/>
      <c r="DCB1022" s="10"/>
      <c r="DCC1022" s="10"/>
      <c r="DCD1022" s="10"/>
      <c r="DCE1022" s="10"/>
      <c r="DCF1022" s="10"/>
      <c r="DCG1022" s="10"/>
      <c r="DCH1022" s="10"/>
      <c r="DCI1022" s="10"/>
      <c r="DCJ1022" s="10"/>
      <c r="DCK1022" s="10"/>
      <c r="DCL1022" s="10"/>
      <c r="DCM1022" s="10"/>
      <c r="DCN1022" s="10"/>
      <c r="DCO1022" s="10"/>
      <c r="DCP1022" s="10"/>
      <c r="DCQ1022" s="10"/>
      <c r="DCR1022" s="10"/>
      <c r="DCS1022" s="10"/>
      <c r="DCT1022" s="10"/>
      <c r="DCU1022" s="10"/>
      <c r="DCV1022" s="10"/>
      <c r="DCW1022" s="10"/>
      <c r="DCX1022" s="10"/>
      <c r="DCY1022" s="10"/>
      <c r="DCZ1022" s="10"/>
      <c r="DDA1022" s="10"/>
      <c r="DDB1022" s="10"/>
      <c r="DDC1022" s="10"/>
      <c r="DDD1022" s="10"/>
      <c r="DDE1022" s="10"/>
      <c r="DDF1022" s="10"/>
      <c r="DDG1022" s="10"/>
      <c r="DDH1022" s="10"/>
      <c r="DDI1022" s="10"/>
      <c r="DDJ1022" s="10"/>
      <c r="DDK1022" s="10"/>
      <c r="DDL1022" s="10"/>
      <c r="DDM1022" s="10"/>
      <c r="DDN1022" s="10"/>
      <c r="DDO1022" s="10"/>
      <c r="DDP1022" s="10"/>
      <c r="DDQ1022" s="10"/>
      <c r="DDR1022" s="10"/>
      <c r="DDS1022" s="10"/>
      <c r="DDT1022" s="10"/>
      <c r="DDU1022" s="10"/>
      <c r="DDV1022" s="10"/>
      <c r="DDW1022" s="10"/>
      <c r="DDX1022" s="10"/>
      <c r="DDY1022" s="10"/>
      <c r="DDZ1022" s="10"/>
      <c r="DEA1022" s="10"/>
      <c r="DEB1022" s="10"/>
      <c r="DEC1022" s="10"/>
      <c r="DED1022" s="10"/>
      <c r="DEE1022" s="10"/>
      <c r="DEF1022" s="10"/>
      <c r="DEG1022" s="10"/>
      <c r="DEH1022" s="10"/>
      <c r="DEI1022" s="10"/>
      <c r="DEJ1022" s="10"/>
      <c r="DEK1022" s="10"/>
      <c r="DEL1022" s="10"/>
      <c r="DEM1022" s="10"/>
      <c r="DEN1022" s="10"/>
      <c r="DEO1022" s="10"/>
      <c r="DEP1022" s="10"/>
      <c r="DEQ1022" s="10"/>
      <c r="DER1022" s="10"/>
      <c r="DES1022" s="10"/>
      <c r="DET1022" s="10"/>
      <c r="DEU1022" s="10"/>
      <c r="DEV1022" s="10"/>
      <c r="DEW1022" s="10"/>
      <c r="DEX1022" s="10"/>
      <c r="DEY1022" s="10"/>
      <c r="DEZ1022" s="10"/>
      <c r="DFA1022" s="10"/>
      <c r="DFB1022" s="10"/>
      <c r="DFC1022" s="10"/>
      <c r="DFD1022" s="10"/>
      <c r="DFE1022" s="10"/>
      <c r="DFF1022" s="10"/>
      <c r="DFG1022" s="10"/>
      <c r="DFH1022" s="10"/>
      <c r="DFI1022" s="10"/>
      <c r="DFJ1022" s="10"/>
      <c r="DFK1022" s="10"/>
      <c r="DFL1022" s="10"/>
      <c r="DFM1022" s="10"/>
      <c r="DFN1022" s="10"/>
      <c r="DFO1022" s="10"/>
      <c r="DFP1022" s="10"/>
      <c r="DFQ1022" s="10"/>
      <c r="DFR1022" s="10"/>
      <c r="DFS1022" s="10"/>
      <c r="DFT1022" s="10"/>
      <c r="DFU1022" s="10"/>
      <c r="DFV1022" s="10"/>
      <c r="DFW1022" s="10"/>
      <c r="DFX1022" s="10"/>
      <c r="DFY1022" s="10"/>
      <c r="DFZ1022" s="10"/>
      <c r="DGA1022" s="10"/>
      <c r="DGB1022" s="10"/>
      <c r="DGC1022" s="10"/>
      <c r="DGD1022" s="10"/>
      <c r="DGE1022" s="10"/>
      <c r="DGF1022" s="10"/>
      <c r="DGG1022" s="10"/>
      <c r="DGH1022" s="10"/>
      <c r="DGI1022" s="10"/>
      <c r="DGJ1022" s="10"/>
      <c r="DGK1022" s="10"/>
      <c r="DGL1022" s="10"/>
      <c r="DGM1022" s="10"/>
      <c r="DGN1022" s="10"/>
      <c r="DGO1022" s="10"/>
      <c r="DGP1022" s="10"/>
      <c r="DGQ1022" s="10"/>
      <c r="DGR1022" s="10"/>
      <c r="DGS1022" s="10"/>
      <c r="DGT1022" s="10"/>
      <c r="DGU1022" s="10"/>
      <c r="DGV1022" s="10"/>
      <c r="DGW1022" s="10"/>
      <c r="DGX1022" s="10"/>
      <c r="DGY1022" s="10"/>
      <c r="DGZ1022" s="10"/>
      <c r="DHA1022" s="10"/>
      <c r="DHB1022" s="10"/>
      <c r="DHC1022" s="10"/>
      <c r="DHD1022" s="10"/>
      <c r="DHE1022" s="10"/>
      <c r="DHF1022" s="10"/>
      <c r="DHG1022" s="10"/>
      <c r="DHH1022" s="10"/>
      <c r="DHI1022" s="10"/>
      <c r="DHJ1022" s="10"/>
      <c r="DHK1022" s="10"/>
      <c r="DHL1022" s="10"/>
      <c r="DHM1022" s="10"/>
      <c r="DHN1022" s="10"/>
      <c r="DHO1022" s="10"/>
      <c r="DHP1022" s="10"/>
      <c r="DHQ1022" s="10"/>
      <c r="DHR1022" s="10"/>
      <c r="DHS1022" s="10"/>
      <c r="DHT1022" s="10"/>
      <c r="DHU1022" s="10"/>
      <c r="DHV1022" s="10"/>
      <c r="DHW1022" s="10"/>
      <c r="DHX1022" s="10"/>
      <c r="DHY1022" s="10"/>
      <c r="DHZ1022" s="10"/>
      <c r="DIA1022" s="10"/>
      <c r="DIB1022" s="10"/>
      <c r="DIC1022" s="10"/>
      <c r="DID1022" s="10"/>
      <c r="DIE1022" s="10"/>
      <c r="DIF1022" s="10"/>
      <c r="DIG1022" s="10"/>
      <c r="DIH1022" s="10"/>
      <c r="DII1022" s="10"/>
      <c r="DIJ1022" s="10"/>
      <c r="DIK1022" s="10"/>
      <c r="DIL1022" s="10"/>
      <c r="DIM1022" s="10"/>
      <c r="DIN1022" s="10"/>
      <c r="DIO1022" s="10"/>
      <c r="DIP1022" s="10"/>
      <c r="DIQ1022" s="10"/>
      <c r="DIR1022" s="10"/>
      <c r="DIS1022" s="10"/>
      <c r="DIT1022" s="10"/>
      <c r="DIU1022" s="10"/>
      <c r="DIV1022" s="10"/>
      <c r="DIW1022" s="10"/>
      <c r="DIX1022" s="10"/>
      <c r="DIY1022" s="10"/>
      <c r="DIZ1022" s="10"/>
      <c r="DJA1022" s="10"/>
      <c r="DJB1022" s="10"/>
      <c r="DJC1022" s="10"/>
      <c r="DJD1022" s="10"/>
      <c r="DJE1022" s="10"/>
      <c r="DJF1022" s="10"/>
      <c r="DJG1022" s="10"/>
      <c r="DJH1022" s="10"/>
      <c r="DJI1022" s="10"/>
      <c r="DJJ1022" s="10"/>
      <c r="DJK1022" s="10"/>
      <c r="DJL1022" s="10"/>
      <c r="DJM1022" s="10"/>
      <c r="DJN1022" s="10"/>
      <c r="DJO1022" s="10"/>
      <c r="DJP1022" s="10"/>
      <c r="DJQ1022" s="10"/>
      <c r="DJR1022" s="10"/>
      <c r="DJS1022" s="10"/>
      <c r="DJT1022" s="10"/>
      <c r="DJU1022" s="10"/>
      <c r="DJV1022" s="10"/>
      <c r="DJW1022" s="10"/>
      <c r="DJX1022" s="10"/>
      <c r="DJY1022" s="10"/>
      <c r="DJZ1022" s="10"/>
      <c r="DKA1022" s="10"/>
      <c r="DKB1022" s="10"/>
      <c r="DKC1022" s="10"/>
      <c r="DKD1022" s="10"/>
      <c r="DKE1022" s="10"/>
      <c r="DKF1022" s="10"/>
      <c r="DKG1022" s="10"/>
      <c r="DKH1022" s="10"/>
      <c r="DKI1022" s="10"/>
      <c r="DKJ1022" s="10"/>
      <c r="DKK1022" s="10"/>
      <c r="DKL1022" s="10"/>
      <c r="DKM1022" s="10"/>
      <c r="DKN1022" s="10"/>
      <c r="DKO1022" s="10"/>
      <c r="DKP1022" s="10"/>
      <c r="DKQ1022" s="10"/>
      <c r="DKR1022" s="10"/>
      <c r="DKS1022" s="10"/>
      <c r="DKT1022" s="10"/>
      <c r="DKU1022" s="10"/>
      <c r="DKV1022" s="10"/>
      <c r="DKW1022" s="10"/>
      <c r="DKX1022" s="10"/>
      <c r="DKY1022" s="10"/>
      <c r="DKZ1022" s="10"/>
      <c r="DLA1022" s="10"/>
      <c r="DLB1022" s="10"/>
      <c r="DLC1022" s="10"/>
      <c r="DLD1022" s="10"/>
      <c r="DLE1022" s="10"/>
      <c r="DLF1022" s="10"/>
      <c r="DLG1022" s="10"/>
      <c r="DLH1022" s="10"/>
      <c r="DLI1022" s="10"/>
      <c r="DLJ1022" s="10"/>
      <c r="DLK1022" s="10"/>
      <c r="DLL1022" s="10"/>
      <c r="DLM1022" s="10"/>
      <c r="DLN1022" s="10"/>
      <c r="DLO1022" s="10"/>
      <c r="DLP1022" s="10"/>
      <c r="DLQ1022" s="10"/>
      <c r="DLR1022" s="10"/>
      <c r="DLS1022" s="10"/>
      <c r="DLT1022" s="10"/>
      <c r="DLU1022" s="10"/>
      <c r="DLV1022" s="10"/>
      <c r="DLW1022" s="10"/>
      <c r="DLX1022" s="10"/>
      <c r="DLY1022" s="10"/>
      <c r="DLZ1022" s="10"/>
      <c r="DMA1022" s="10"/>
      <c r="DMB1022" s="10"/>
      <c r="DMC1022" s="10"/>
      <c r="DMD1022" s="10"/>
      <c r="DME1022" s="10"/>
      <c r="DMF1022" s="10"/>
      <c r="DMG1022" s="10"/>
      <c r="DMH1022" s="10"/>
      <c r="DMI1022" s="10"/>
      <c r="DMJ1022" s="10"/>
      <c r="DMK1022" s="10"/>
      <c r="DML1022" s="10"/>
      <c r="DMM1022" s="10"/>
      <c r="DMN1022" s="10"/>
      <c r="DMO1022" s="10"/>
      <c r="DMP1022" s="10"/>
      <c r="DMQ1022" s="10"/>
      <c r="DMR1022" s="10"/>
      <c r="DMS1022" s="10"/>
      <c r="DMT1022" s="10"/>
      <c r="DMU1022" s="10"/>
      <c r="DMV1022" s="10"/>
      <c r="DMW1022" s="10"/>
      <c r="DMX1022" s="10"/>
      <c r="DMY1022" s="10"/>
      <c r="DMZ1022" s="10"/>
      <c r="DNA1022" s="10"/>
      <c r="DNB1022" s="10"/>
      <c r="DNC1022" s="10"/>
      <c r="DND1022" s="10"/>
      <c r="DNE1022" s="10"/>
      <c r="DNF1022" s="10"/>
      <c r="DNG1022" s="10"/>
      <c r="DNH1022" s="10"/>
      <c r="DNI1022" s="10"/>
      <c r="DNJ1022" s="10"/>
      <c r="DNK1022" s="10"/>
      <c r="DNL1022" s="10"/>
      <c r="DNM1022" s="10"/>
      <c r="DNN1022" s="10"/>
      <c r="DNO1022" s="10"/>
      <c r="DNP1022" s="10"/>
      <c r="DNQ1022" s="10"/>
      <c r="DNR1022" s="10"/>
      <c r="DNS1022" s="10"/>
      <c r="DNT1022" s="10"/>
      <c r="DNU1022" s="10"/>
      <c r="DNV1022" s="10"/>
      <c r="DNW1022" s="10"/>
      <c r="DNX1022" s="10"/>
      <c r="DNY1022" s="10"/>
      <c r="DNZ1022" s="10"/>
      <c r="DOA1022" s="10"/>
      <c r="DOB1022" s="10"/>
      <c r="DOC1022" s="10"/>
      <c r="DOD1022" s="10"/>
      <c r="DOE1022" s="10"/>
      <c r="DOF1022" s="10"/>
      <c r="DOG1022" s="10"/>
      <c r="DOH1022" s="10"/>
      <c r="DOI1022" s="10"/>
      <c r="DOJ1022" s="10"/>
      <c r="DOK1022" s="10"/>
      <c r="DOL1022" s="10"/>
      <c r="DOM1022" s="10"/>
      <c r="DON1022" s="10"/>
      <c r="DOO1022" s="10"/>
      <c r="DOP1022" s="10"/>
      <c r="DOQ1022" s="10"/>
      <c r="DOR1022" s="10"/>
      <c r="DOS1022" s="10"/>
      <c r="DOT1022" s="10"/>
      <c r="DOU1022" s="10"/>
      <c r="DOV1022" s="10"/>
      <c r="DOW1022" s="10"/>
      <c r="DOX1022" s="10"/>
      <c r="DOY1022" s="10"/>
      <c r="DOZ1022" s="10"/>
      <c r="DPA1022" s="10"/>
      <c r="DPB1022" s="10"/>
      <c r="DPC1022" s="10"/>
      <c r="DPD1022" s="10"/>
      <c r="DPE1022" s="10"/>
      <c r="DPF1022" s="10"/>
      <c r="DPG1022" s="10"/>
      <c r="DPH1022" s="10"/>
      <c r="DPI1022" s="10"/>
      <c r="DPJ1022" s="10"/>
      <c r="DPK1022" s="10"/>
      <c r="DPL1022" s="10"/>
      <c r="DPM1022" s="10"/>
      <c r="DPN1022" s="10"/>
      <c r="DPO1022" s="10"/>
      <c r="DPP1022" s="10"/>
      <c r="DPQ1022" s="10"/>
      <c r="DPR1022" s="10"/>
      <c r="DPS1022" s="10"/>
      <c r="DPT1022" s="10"/>
      <c r="DPU1022" s="10"/>
      <c r="DPV1022" s="10"/>
      <c r="DPW1022" s="10"/>
      <c r="DPX1022" s="10"/>
      <c r="DPY1022" s="10"/>
      <c r="DPZ1022" s="10"/>
      <c r="DQA1022" s="10"/>
      <c r="DQB1022" s="10"/>
      <c r="DQC1022" s="10"/>
      <c r="DQD1022" s="10"/>
      <c r="DQE1022" s="10"/>
      <c r="DQF1022" s="10"/>
      <c r="DQG1022" s="10"/>
      <c r="DQH1022" s="10"/>
      <c r="DQI1022" s="10"/>
      <c r="DQJ1022" s="10"/>
      <c r="DQK1022" s="10"/>
      <c r="DQL1022" s="10"/>
      <c r="DQM1022" s="10"/>
      <c r="DQN1022" s="10"/>
      <c r="DQO1022" s="10"/>
      <c r="DQP1022" s="10"/>
      <c r="DQQ1022" s="10"/>
      <c r="DQR1022" s="10"/>
      <c r="DQS1022" s="10"/>
      <c r="DQT1022" s="10"/>
      <c r="DQU1022" s="10"/>
      <c r="DQV1022" s="10"/>
      <c r="DQW1022" s="10"/>
      <c r="DQX1022" s="10"/>
      <c r="DQY1022" s="10"/>
      <c r="DQZ1022" s="10"/>
      <c r="DRA1022" s="10"/>
      <c r="DRB1022" s="10"/>
      <c r="DRC1022" s="10"/>
      <c r="DRD1022" s="10"/>
      <c r="DRE1022" s="10"/>
      <c r="DRF1022" s="10"/>
      <c r="DRG1022" s="10"/>
      <c r="DRH1022" s="10"/>
      <c r="DRI1022" s="10"/>
      <c r="DRJ1022" s="10"/>
      <c r="DRK1022" s="10"/>
      <c r="DRL1022" s="10"/>
      <c r="DRM1022" s="10"/>
      <c r="DRN1022" s="10"/>
      <c r="DRO1022" s="10"/>
      <c r="DRP1022" s="10"/>
      <c r="DRQ1022" s="10"/>
      <c r="DRR1022" s="10"/>
      <c r="DRS1022" s="10"/>
      <c r="DRT1022" s="10"/>
      <c r="DRU1022" s="10"/>
      <c r="DRV1022" s="10"/>
      <c r="DRW1022" s="10"/>
      <c r="DRX1022" s="10"/>
      <c r="DRY1022" s="10"/>
      <c r="DRZ1022" s="10"/>
      <c r="DSA1022" s="10"/>
      <c r="DSB1022" s="10"/>
      <c r="DSC1022" s="10"/>
      <c r="DSD1022" s="10"/>
      <c r="DSE1022" s="10"/>
      <c r="DSF1022" s="10"/>
      <c r="DSG1022" s="10"/>
      <c r="DSH1022" s="10"/>
      <c r="DSI1022" s="10"/>
      <c r="DSJ1022" s="10"/>
      <c r="DSK1022" s="10"/>
      <c r="DSL1022" s="10"/>
      <c r="DSM1022" s="10"/>
      <c r="DSN1022" s="10"/>
      <c r="DSO1022" s="10"/>
      <c r="DSP1022" s="10"/>
      <c r="DSQ1022" s="10"/>
      <c r="DSR1022" s="10"/>
      <c r="DSS1022" s="10"/>
      <c r="DST1022" s="10"/>
      <c r="DSU1022" s="10"/>
      <c r="DSV1022" s="10"/>
      <c r="DSW1022" s="10"/>
      <c r="DSX1022" s="10"/>
      <c r="DSY1022" s="10"/>
      <c r="DSZ1022" s="10"/>
      <c r="DTA1022" s="10"/>
      <c r="DTB1022" s="10"/>
      <c r="DTC1022" s="10"/>
      <c r="DTD1022" s="10"/>
      <c r="DTE1022" s="10"/>
      <c r="DTF1022" s="10"/>
      <c r="DTG1022" s="10"/>
      <c r="DTH1022" s="10"/>
      <c r="DTI1022" s="10"/>
      <c r="DTJ1022" s="10"/>
      <c r="DTK1022" s="10"/>
      <c r="DTL1022" s="10"/>
      <c r="DTM1022" s="10"/>
      <c r="DTN1022" s="10"/>
      <c r="DTO1022" s="10"/>
      <c r="DTP1022" s="10"/>
      <c r="DTQ1022" s="10"/>
      <c r="DTR1022" s="10"/>
      <c r="DTS1022" s="10"/>
      <c r="DTT1022" s="10"/>
      <c r="DTU1022" s="10"/>
      <c r="DTV1022" s="10"/>
      <c r="DTW1022" s="10"/>
      <c r="DTX1022" s="10"/>
      <c r="DTY1022" s="10"/>
      <c r="DTZ1022" s="10"/>
      <c r="DUA1022" s="10"/>
      <c r="DUB1022" s="10"/>
      <c r="DUC1022" s="10"/>
      <c r="DUD1022" s="10"/>
      <c r="DUE1022" s="10"/>
      <c r="DUF1022" s="10"/>
      <c r="DUG1022" s="10"/>
      <c r="DUH1022" s="10"/>
      <c r="DUI1022" s="10"/>
      <c r="DUJ1022" s="10"/>
      <c r="DUK1022" s="10"/>
      <c r="DUL1022" s="10"/>
      <c r="DUM1022" s="10"/>
      <c r="DUN1022" s="10"/>
      <c r="DUO1022" s="10"/>
      <c r="DUP1022" s="10"/>
      <c r="DUQ1022" s="10"/>
      <c r="DUR1022" s="10"/>
      <c r="DUS1022" s="10"/>
      <c r="DUT1022" s="10"/>
      <c r="DUU1022" s="10"/>
      <c r="DUV1022" s="10"/>
      <c r="DUW1022" s="10"/>
      <c r="DUX1022" s="10"/>
      <c r="DUY1022" s="10"/>
      <c r="DUZ1022" s="10"/>
      <c r="DVA1022" s="10"/>
      <c r="DVB1022" s="10"/>
      <c r="DVC1022" s="10"/>
      <c r="DVD1022" s="10"/>
      <c r="DVE1022" s="10"/>
      <c r="DVF1022" s="10"/>
      <c r="DVG1022" s="10"/>
      <c r="DVH1022" s="10"/>
      <c r="DVI1022" s="10"/>
      <c r="DVJ1022" s="10"/>
      <c r="DVK1022" s="10"/>
      <c r="DVL1022" s="10"/>
      <c r="DVM1022" s="10"/>
      <c r="DVN1022" s="10"/>
      <c r="DVO1022" s="10"/>
      <c r="DVP1022" s="10"/>
      <c r="DVQ1022" s="10"/>
      <c r="DVR1022" s="10"/>
      <c r="DVS1022" s="10"/>
      <c r="DVT1022" s="10"/>
      <c r="DVU1022" s="10"/>
      <c r="DVV1022" s="10"/>
      <c r="DVW1022" s="10"/>
      <c r="DVX1022" s="10"/>
      <c r="DVY1022" s="10"/>
      <c r="DVZ1022" s="10"/>
      <c r="DWA1022" s="10"/>
      <c r="DWB1022" s="10"/>
      <c r="DWC1022" s="10"/>
      <c r="DWD1022" s="10"/>
      <c r="DWE1022" s="10"/>
      <c r="DWF1022" s="10"/>
      <c r="DWG1022" s="10"/>
      <c r="DWH1022" s="10"/>
      <c r="DWI1022" s="10"/>
      <c r="DWJ1022" s="10"/>
      <c r="DWK1022" s="10"/>
      <c r="DWL1022" s="10"/>
      <c r="DWM1022" s="10"/>
      <c r="DWN1022" s="10"/>
      <c r="DWO1022" s="10"/>
      <c r="DWP1022" s="10"/>
      <c r="DWQ1022" s="10"/>
      <c r="DWR1022" s="10"/>
      <c r="DWS1022" s="10"/>
      <c r="DWT1022" s="10"/>
      <c r="DWU1022" s="10"/>
      <c r="DWV1022" s="10"/>
      <c r="DWW1022" s="10"/>
      <c r="DWX1022" s="10"/>
      <c r="DWY1022" s="10"/>
      <c r="DWZ1022" s="10"/>
      <c r="DXA1022" s="10"/>
      <c r="DXB1022" s="10"/>
      <c r="DXC1022" s="10"/>
      <c r="DXD1022" s="10"/>
      <c r="DXE1022" s="10"/>
      <c r="DXF1022" s="10"/>
      <c r="DXG1022" s="10"/>
      <c r="DXH1022" s="10"/>
      <c r="DXI1022" s="10"/>
      <c r="DXJ1022" s="10"/>
      <c r="DXK1022" s="10"/>
      <c r="DXL1022" s="10"/>
      <c r="DXM1022" s="10"/>
      <c r="DXN1022" s="10"/>
      <c r="DXO1022" s="10"/>
      <c r="DXP1022" s="10"/>
      <c r="DXQ1022" s="10"/>
      <c r="DXR1022" s="10"/>
      <c r="DXS1022" s="10"/>
      <c r="DXT1022" s="10"/>
      <c r="DXU1022" s="10"/>
      <c r="DXV1022" s="10"/>
      <c r="DXW1022" s="10"/>
      <c r="DXX1022" s="10"/>
      <c r="DXY1022" s="10"/>
      <c r="DXZ1022" s="10"/>
      <c r="DYA1022" s="10"/>
      <c r="DYB1022" s="10"/>
      <c r="DYC1022" s="10"/>
      <c r="DYD1022" s="10"/>
      <c r="DYE1022" s="10"/>
      <c r="DYF1022" s="10"/>
      <c r="DYG1022" s="10"/>
      <c r="DYH1022" s="10"/>
      <c r="DYI1022" s="10"/>
      <c r="DYJ1022" s="10"/>
      <c r="DYK1022" s="10"/>
      <c r="DYL1022" s="10"/>
      <c r="DYM1022" s="10"/>
      <c r="DYN1022" s="10"/>
      <c r="DYO1022" s="10"/>
      <c r="DYP1022" s="10"/>
      <c r="DYQ1022" s="10"/>
      <c r="DYR1022" s="10"/>
      <c r="DYS1022" s="10"/>
      <c r="DYT1022" s="10"/>
      <c r="DYU1022" s="10"/>
      <c r="DYV1022" s="10"/>
      <c r="DYW1022" s="10"/>
      <c r="DYX1022" s="10"/>
      <c r="DYY1022" s="10"/>
      <c r="DYZ1022" s="10"/>
      <c r="DZA1022" s="10"/>
      <c r="DZB1022" s="10"/>
      <c r="DZC1022" s="10"/>
      <c r="DZD1022" s="10"/>
      <c r="DZE1022" s="10"/>
      <c r="DZF1022" s="10"/>
      <c r="DZG1022" s="10"/>
      <c r="DZH1022" s="10"/>
      <c r="DZI1022" s="10"/>
      <c r="DZJ1022" s="10"/>
      <c r="DZK1022" s="10"/>
      <c r="DZL1022" s="10"/>
      <c r="DZM1022" s="10"/>
      <c r="DZN1022" s="10"/>
      <c r="DZO1022" s="10"/>
      <c r="DZP1022" s="10"/>
      <c r="DZQ1022" s="10"/>
      <c r="DZR1022" s="10"/>
      <c r="DZS1022" s="10"/>
      <c r="DZT1022" s="10"/>
      <c r="DZU1022" s="10"/>
      <c r="DZV1022" s="10"/>
      <c r="DZW1022" s="10"/>
      <c r="DZX1022" s="10"/>
      <c r="DZY1022" s="10"/>
      <c r="DZZ1022" s="10"/>
      <c r="EAA1022" s="10"/>
      <c r="EAB1022" s="10"/>
      <c r="EAC1022" s="10"/>
      <c r="EAD1022" s="10"/>
      <c r="EAE1022" s="10"/>
      <c r="EAF1022" s="10"/>
      <c r="EAG1022" s="10"/>
      <c r="EAH1022" s="10"/>
      <c r="EAI1022" s="10"/>
      <c r="EAJ1022" s="10"/>
      <c r="EAK1022" s="10"/>
      <c r="EAL1022" s="10"/>
      <c r="EAM1022" s="10"/>
      <c r="EAN1022" s="10"/>
      <c r="EAO1022" s="10"/>
      <c r="EAP1022" s="10"/>
      <c r="EAQ1022" s="10"/>
      <c r="EAR1022" s="10"/>
      <c r="EAS1022" s="10"/>
      <c r="EAT1022" s="10"/>
      <c r="EAU1022" s="10"/>
      <c r="EAV1022" s="10"/>
      <c r="EAW1022" s="10"/>
      <c r="EAX1022" s="10"/>
      <c r="EAY1022" s="10"/>
      <c r="EAZ1022" s="10"/>
      <c r="EBA1022" s="10"/>
      <c r="EBB1022" s="10"/>
      <c r="EBC1022" s="10"/>
      <c r="EBD1022" s="10"/>
      <c r="EBE1022" s="10"/>
      <c r="EBF1022" s="10"/>
      <c r="EBG1022" s="10"/>
      <c r="EBH1022" s="10"/>
      <c r="EBI1022" s="10"/>
      <c r="EBJ1022" s="10"/>
      <c r="EBK1022" s="10"/>
      <c r="EBL1022" s="10"/>
      <c r="EBM1022" s="10"/>
      <c r="EBN1022" s="10"/>
      <c r="EBO1022" s="10"/>
      <c r="EBP1022" s="10"/>
      <c r="EBQ1022" s="10"/>
      <c r="EBR1022" s="10"/>
      <c r="EBS1022" s="10"/>
      <c r="EBT1022" s="10"/>
      <c r="EBU1022" s="10"/>
      <c r="EBV1022" s="10"/>
      <c r="EBW1022" s="10"/>
      <c r="EBX1022" s="10"/>
      <c r="EBY1022" s="10"/>
      <c r="EBZ1022" s="10"/>
      <c r="ECA1022" s="10"/>
      <c r="ECB1022" s="10"/>
      <c r="ECC1022" s="10"/>
      <c r="ECD1022" s="10"/>
      <c r="ECE1022" s="10"/>
      <c r="ECF1022" s="10"/>
      <c r="ECG1022" s="10"/>
      <c r="ECH1022" s="10"/>
      <c r="ECI1022" s="10"/>
      <c r="ECJ1022" s="10"/>
      <c r="ECK1022" s="10"/>
      <c r="ECL1022" s="10"/>
      <c r="ECM1022" s="10"/>
      <c r="ECN1022" s="10"/>
      <c r="ECO1022" s="10"/>
      <c r="ECP1022" s="10"/>
      <c r="ECQ1022" s="10"/>
      <c r="ECR1022" s="10"/>
      <c r="ECS1022" s="10"/>
      <c r="ECT1022" s="10"/>
      <c r="ECU1022" s="10"/>
      <c r="ECV1022" s="10"/>
      <c r="ECW1022" s="10"/>
      <c r="ECX1022" s="10"/>
      <c r="ECY1022" s="10"/>
      <c r="ECZ1022" s="10"/>
      <c r="EDA1022" s="10"/>
      <c r="EDB1022" s="10"/>
      <c r="EDC1022" s="10"/>
      <c r="EDD1022" s="10"/>
      <c r="EDE1022" s="10"/>
      <c r="EDF1022" s="10"/>
      <c r="EDG1022" s="10"/>
      <c r="EDH1022" s="10"/>
      <c r="EDI1022" s="10"/>
      <c r="EDJ1022" s="10"/>
      <c r="EDK1022" s="10"/>
      <c r="EDL1022" s="10"/>
      <c r="EDM1022" s="10"/>
      <c r="EDN1022" s="10"/>
      <c r="EDO1022" s="10"/>
      <c r="EDP1022" s="10"/>
      <c r="EDQ1022" s="10"/>
      <c r="EDR1022" s="10"/>
      <c r="EDS1022" s="10"/>
      <c r="EDT1022" s="10"/>
      <c r="EDU1022" s="10"/>
      <c r="EDV1022" s="10"/>
      <c r="EDW1022" s="10"/>
      <c r="EDX1022" s="10"/>
      <c r="EDY1022" s="10"/>
      <c r="EDZ1022" s="10"/>
      <c r="EEA1022" s="10"/>
      <c r="EEB1022" s="10"/>
      <c r="EEC1022" s="10"/>
      <c r="EED1022" s="10"/>
      <c r="EEE1022" s="10"/>
      <c r="EEF1022" s="10"/>
      <c r="EEG1022" s="10"/>
      <c r="EEH1022" s="10"/>
      <c r="EEI1022" s="10"/>
      <c r="EEJ1022" s="10"/>
      <c r="EEK1022" s="10"/>
      <c r="EEL1022" s="10"/>
      <c r="EEM1022" s="10"/>
      <c r="EEN1022" s="10"/>
      <c r="EEO1022" s="10"/>
      <c r="EEP1022" s="10"/>
      <c r="EEQ1022" s="10"/>
      <c r="EER1022" s="10"/>
      <c r="EES1022" s="10"/>
      <c r="EET1022" s="10"/>
      <c r="EEU1022" s="10"/>
      <c r="EEV1022" s="10"/>
      <c r="EEW1022" s="10"/>
      <c r="EEX1022" s="10"/>
      <c r="EEY1022" s="10"/>
      <c r="EEZ1022" s="10"/>
      <c r="EFA1022" s="10"/>
      <c r="EFB1022" s="10"/>
      <c r="EFC1022" s="10"/>
      <c r="EFD1022" s="10"/>
      <c r="EFE1022" s="10"/>
      <c r="EFF1022" s="10"/>
      <c r="EFG1022" s="10"/>
      <c r="EFH1022" s="10"/>
      <c r="EFI1022" s="10"/>
      <c r="EFJ1022" s="10"/>
      <c r="EFK1022" s="10"/>
      <c r="EFL1022" s="10"/>
      <c r="EFM1022" s="10"/>
      <c r="EFN1022" s="10"/>
      <c r="EFO1022" s="10"/>
      <c r="EFP1022" s="10"/>
      <c r="EFQ1022" s="10"/>
      <c r="EFR1022" s="10"/>
      <c r="EFS1022" s="10"/>
      <c r="EFT1022" s="10"/>
      <c r="EFU1022" s="10"/>
      <c r="EFV1022" s="10"/>
      <c r="EFW1022" s="10"/>
      <c r="EFX1022" s="10"/>
      <c r="EFY1022" s="10"/>
      <c r="EFZ1022" s="10"/>
      <c r="EGA1022" s="10"/>
      <c r="EGB1022" s="10"/>
      <c r="EGC1022" s="10"/>
      <c r="EGD1022" s="10"/>
      <c r="EGE1022" s="10"/>
      <c r="EGF1022" s="10"/>
      <c r="EGG1022" s="10"/>
      <c r="EGH1022" s="10"/>
      <c r="EGI1022" s="10"/>
      <c r="EGJ1022" s="10"/>
      <c r="EGK1022" s="10"/>
      <c r="EGL1022" s="10"/>
      <c r="EGM1022" s="10"/>
      <c r="EGN1022" s="10"/>
      <c r="EGO1022" s="10"/>
      <c r="EGP1022" s="10"/>
      <c r="EGQ1022" s="10"/>
      <c r="EGR1022" s="10"/>
      <c r="EGS1022" s="10"/>
      <c r="EGT1022" s="10"/>
      <c r="EGU1022" s="10"/>
      <c r="EGV1022" s="10"/>
      <c r="EGW1022" s="10"/>
      <c r="EGX1022" s="10"/>
      <c r="EGY1022" s="10"/>
      <c r="EGZ1022" s="10"/>
      <c r="EHA1022" s="10"/>
      <c r="EHB1022" s="10"/>
      <c r="EHC1022" s="10"/>
      <c r="EHD1022" s="10"/>
      <c r="EHE1022" s="10"/>
      <c r="EHF1022" s="10"/>
      <c r="EHG1022" s="10"/>
      <c r="EHH1022" s="10"/>
      <c r="EHI1022" s="10"/>
      <c r="EHJ1022" s="10"/>
      <c r="EHK1022" s="10"/>
      <c r="EHL1022" s="10"/>
      <c r="EHM1022" s="10"/>
      <c r="EHN1022" s="10"/>
      <c r="EHO1022" s="10"/>
      <c r="EHP1022" s="10"/>
      <c r="EHQ1022" s="10"/>
      <c r="EHR1022" s="10"/>
      <c r="EHS1022" s="10"/>
      <c r="EHT1022" s="10"/>
      <c r="EHU1022" s="10"/>
      <c r="EHV1022" s="10"/>
      <c r="EHW1022" s="10"/>
      <c r="EHX1022" s="10"/>
      <c r="EHY1022" s="10"/>
      <c r="EHZ1022" s="10"/>
      <c r="EIA1022" s="10"/>
      <c r="EIB1022" s="10"/>
      <c r="EIC1022" s="10"/>
      <c r="EID1022" s="10"/>
      <c r="EIE1022" s="10"/>
      <c r="EIF1022" s="10"/>
      <c r="EIG1022" s="10"/>
      <c r="EIH1022" s="10"/>
      <c r="EII1022" s="10"/>
      <c r="EIJ1022" s="10"/>
      <c r="EIK1022" s="10"/>
      <c r="EIL1022" s="10"/>
      <c r="EIM1022" s="10"/>
      <c r="EIN1022" s="10"/>
      <c r="EIO1022" s="10"/>
      <c r="EIP1022" s="10"/>
      <c r="EIQ1022" s="10"/>
      <c r="EIR1022" s="10"/>
      <c r="EIS1022" s="10"/>
      <c r="EIT1022" s="10"/>
      <c r="EIU1022" s="10"/>
      <c r="EIV1022" s="10"/>
      <c r="EIW1022" s="10"/>
      <c r="EIX1022" s="10"/>
      <c r="EIY1022" s="10"/>
      <c r="EIZ1022" s="10"/>
      <c r="EJA1022" s="10"/>
      <c r="EJB1022" s="10"/>
      <c r="EJC1022" s="10"/>
      <c r="EJD1022" s="10"/>
      <c r="EJE1022" s="10"/>
      <c r="EJF1022" s="10"/>
      <c r="EJG1022" s="10"/>
      <c r="EJH1022" s="10"/>
      <c r="EJI1022" s="10"/>
      <c r="EJJ1022" s="10"/>
      <c r="EJK1022" s="10"/>
      <c r="EJL1022" s="10"/>
      <c r="EJM1022" s="10"/>
      <c r="EJN1022" s="10"/>
      <c r="EJO1022" s="10"/>
      <c r="EJP1022" s="10"/>
      <c r="EJQ1022" s="10"/>
      <c r="EJR1022" s="10"/>
      <c r="EJS1022" s="10"/>
      <c r="EJT1022" s="10"/>
      <c r="EJU1022" s="10"/>
      <c r="EJV1022" s="10"/>
      <c r="EJW1022" s="10"/>
      <c r="EJX1022" s="10"/>
      <c r="EJY1022" s="10"/>
      <c r="EJZ1022" s="10"/>
      <c r="EKA1022" s="10"/>
      <c r="EKB1022" s="10"/>
      <c r="EKC1022" s="10"/>
      <c r="EKD1022" s="10"/>
      <c r="EKE1022" s="10"/>
      <c r="EKF1022" s="10"/>
      <c r="EKG1022" s="10"/>
      <c r="EKH1022" s="10"/>
      <c r="EKI1022" s="10"/>
      <c r="EKJ1022" s="10"/>
      <c r="EKK1022" s="10"/>
      <c r="EKL1022" s="10"/>
      <c r="EKM1022" s="10"/>
      <c r="EKN1022" s="10"/>
      <c r="EKO1022" s="10"/>
      <c r="EKP1022" s="10"/>
      <c r="EKQ1022" s="10"/>
      <c r="EKR1022" s="10"/>
      <c r="EKS1022" s="10"/>
      <c r="EKT1022" s="10"/>
      <c r="EKU1022" s="10"/>
      <c r="EKV1022" s="10"/>
      <c r="EKW1022" s="10"/>
      <c r="EKX1022" s="10"/>
      <c r="EKY1022" s="10"/>
      <c r="EKZ1022" s="10"/>
      <c r="ELA1022" s="10"/>
      <c r="ELB1022" s="10"/>
      <c r="ELC1022" s="10"/>
      <c r="ELD1022" s="10"/>
      <c r="ELE1022" s="10"/>
      <c r="ELF1022" s="10"/>
      <c r="ELG1022" s="10"/>
      <c r="ELH1022" s="10"/>
      <c r="ELI1022" s="10"/>
      <c r="ELJ1022" s="10"/>
      <c r="ELK1022" s="10"/>
      <c r="ELL1022" s="10"/>
      <c r="ELM1022" s="10"/>
      <c r="ELN1022" s="10"/>
      <c r="ELO1022" s="10"/>
      <c r="ELP1022" s="10"/>
      <c r="ELQ1022" s="10"/>
      <c r="ELR1022" s="10"/>
      <c r="ELS1022" s="10"/>
      <c r="ELT1022" s="10"/>
      <c r="ELU1022" s="10"/>
      <c r="ELV1022" s="10"/>
      <c r="ELW1022" s="10"/>
      <c r="ELX1022" s="10"/>
      <c r="ELY1022" s="10"/>
      <c r="ELZ1022" s="10"/>
      <c r="EMA1022" s="10"/>
      <c r="EMB1022" s="10"/>
      <c r="EMC1022" s="10"/>
      <c r="EMD1022" s="10"/>
      <c r="EME1022" s="10"/>
      <c r="EMF1022" s="10"/>
      <c r="EMG1022" s="10"/>
      <c r="EMH1022" s="10"/>
      <c r="EMI1022" s="10"/>
      <c r="EMJ1022" s="10"/>
      <c r="EMK1022" s="10"/>
      <c r="EML1022" s="10"/>
      <c r="EMM1022" s="10"/>
      <c r="EMN1022" s="10"/>
      <c r="EMO1022" s="10"/>
      <c r="EMP1022" s="10"/>
      <c r="EMQ1022" s="10"/>
      <c r="EMR1022" s="10"/>
      <c r="EMS1022" s="10"/>
      <c r="EMT1022" s="10"/>
      <c r="EMU1022" s="10"/>
      <c r="EMV1022" s="10"/>
      <c r="EMW1022" s="10"/>
      <c r="EMX1022" s="10"/>
      <c r="EMY1022" s="10"/>
      <c r="EMZ1022" s="10"/>
      <c r="ENA1022" s="10"/>
      <c r="ENB1022" s="10"/>
      <c r="ENC1022" s="10"/>
      <c r="END1022" s="10"/>
      <c r="ENE1022" s="10"/>
      <c r="ENF1022" s="10"/>
      <c r="ENG1022" s="10"/>
      <c r="ENH1022" s="10"/>
      <c r="ENI1022" s="10"/>
      <c r="ENJ1022" s="10"/>
      <c r="ENK1022" s="10"/>
      <c r="ENL1022" s="10"/>
      <c r="ENM1022" s="10"/>
      <c r="ENN1022" s="10"/>
      <c r="ENO1022" s="10"/>
      <c r="ENP1022" s="10"/>
      <c r="ENQ1022" s="10"/>
      <c r="ENR1022" s="10"/>
      <c r="ENS1022" s="10"/>
      <c r="ENT1022" s="10"/>
      <c r="ENU1022" s="10"/>
      <c r="ENV1022" s="10"/>
      <c r="ENW1022" s="10"/>
      <c r="ENX1022" s="10"/>
      <c r="ENY1022" s="10"/>
      <c r="ENZ1022" s="10"/>
      <c r="EOA1022" s="10"/>
      <c r="EOB1022" s="10"/>
      <c r="EOC1022" s="10"/>
      <c r="EOD1022" s="10"/>
      <c r="EOE1022" s="10"/>
      <c r="EOF1022" s="10"/>
      <c r="EOG1022" s="10"/>
      <c r="EOH1022" s="10"/>
      <c r="EOI1022" s="10"/>
      <c r="EOJ1022" s="10"/>
      <c r="EOK1022" s="10"/>
      <c r="EOL1022" s="10"/>
      <c r="EOM1022" s="10"/>
      <c r="EON1022" s="10"/>
      <c r="EOO1022" s="10"/>
      <c r="EOP1022" s="10"/>
      <c r="EOQ1022" s="10"/>
      <c r="EOR1022" s="10"/>
      <c r="EOS1022" s="10"/>
      <c r="EOT1022" s="10"/>
      <c r="EOU1022" s="10"/>
      <c r="EOV1022" s="10"/>
      <c r="EOW1022" s="10"/>
      <c r="EOX1022" s="10"/>
      <c r="EOY1022" s="10"/>
      <c r="EOZ1022" s="10"/>
      <c r="EPA1022" s="10"/>
      <c r="EPB1022" s="10"/>
      <c r="EPC1022" s="10"/>
      <c r="EPD1022" s="10"/>
      <c r="EPE1022" s="10"/>
      <c r="EPF1022" s="10"/>
      <c r="EPG1022" s="10"/>
      <c r="EPH1022" s="10"/>
      <c r="EPI1022" s="10"/>
      <c r="EPJ1022" s="10"/>
      <c r="EPK1022" s="10"/>
      <c r="EPL1022" s="10"/>
      <c r="EPM1022" s="10"/>
      <c r="EPN1022" s="10"/>
      <c r="EPO1022" s="10"/>
      <c r="EPP1022" s="10"/>
      <c r="EPQ1022" s="10"/>
      <c r="EPR1022" s="10"/>
      <c r="EPS1022" s="10"/>
      <c r="EPT1022" s="10"/>
      <c r="EPU1022" s="10"/>
      <c r="EPV1022" s="10"/>
      <c r="EPW1022" s="10"/>
      <c r="EPX1022" s="10"/>
      <c r="EPY1022" s="10"/>
      <c r="EPZ1022" s="10"/>
      <c r="EQA1022" s="10"/>
      <c r="EQB1022" s="10"/>
      <c r="EQC1022" s="10"/>
      <c r="EQD1022" s="10"/>
      <c r="EQE1022" s="10"/>
      <c r="EQF1022" s="10"/>
      <c r="EQG1022" s="10"/>
      <c r="EQH1022" s="10"/>
      <c r="EQI1022" s="10"/>
      <c r="EQJ1022" s="10"/>
      <c r="EQK1022" s="10"/>
      <c r="EQL1022" s="10"/>
      <c r="EQM1022" s="10"/>
      <c r="EQN1022" s="10"/>
      <c r="EQO1022" s="10"/>
      <c r="EQP1022" s="10"/>
      <c r="EQQ1022" s="10"/>
      <c r="EQR1022" s="10"/>
      <c r="EQS1022" s="10"/>
      <c r="EQT1022" s="10"/>
      <c r="EQU1022" s="10"/>
      <c r="EQV1022" s="10"/>
      <c r="EQW1022" s="10"/>
      <c r="EQX1022" s="10"/>
      <c r="EQY1022" s="10"/>
      <c r="EQZ1022" s="10"/>
      <c r="ERA1022" s="10"/>
      <c r="ERB1022" s="10"/>
      <c r="ERC1022" s="10"/>
      <c r="ERD1022" s="10"/>
      <c r="ERE1022" s="10"/>
      <c r="ERF1022" s="10"/>
      <c r="ERG1022" s="10"/>
      <c r="ERH1022" s="10"/>
      <c r="ERI1022" s="10"/>
      <c r="ERJ1022" s="10"/>
      <c r="ERK1022" s="10"/>
      <c r="ERL1022" s="10"/>
      <c r="ERM1022" s="10"/>
      <c r="ERN1022" s="10"/>
      <c r="ERO1022" s="10"/>
      <c r="ERP1022" s="10"/>
      <c r="ERQ1022" s="10"/>
      <c r="ERR1022" s="10"/>
      <c r="ERS1022" s="10"/>
      <c r="ERT1022" s="10"/>
      <c r="ERU1022" s="10"/>
      <c r="ERV1022" s="10"/>
      <c r="ERW1022" s="10"/>
      <c r="ERX1022" s="10"/>
      <c r="ERY1022" s="10"/>
      <c r="ERZ1022" s="10"/>
      <c r="ESA1022" s="10"/>
      <c r="ESB1022" s="10"/>
      <c r="ESC1022" s="10"/>
      <c r="ESD1022" s="10"/>
      <c r="ESE1022" s="10"/>
      <c r="ESF1022" s="10"/>
      <c r="ESG1022" s="10"/>
      <c r="ESH1022" s="10"/>
      <c r="ESI1022" s="10"/>
      <c r="ESJ1022" s="10"/>
      <c r="ESK1022" s="10"/>
      <c r="ESL1022" s="10"/>
      <c r="ESM1022" s="10"/>
      <c r="ESN1022" s="10"/>
      <c r="ESO1022" s="10"/>
      <c r="ESP1022" s="10"/>
      <c r="ESQ1022" s="10"/>
      <c r="ESR1022" s="10"/>
      <c r="ESS1022" s="10"/>
      <c r="EST1022" s="10"/>
      <c r="ESU1022" s="10"/>
      <c r="ESV1022" s="10"/>
      <c r="ESW1022" s="10"/>
      <c r="ESX1022" s="10"/>
      <c r="ESY1022" s="10"/>
      <c r="ESZ1022" s="10"/>
      <c r="ETA1022" s="10"/>
      <c r="ETB1022" s="10"/>
      <c r="ETC1022" s="10"/>
      <c r="ETD1022" s="10"/>
      <c r="ETE1022" s="10"/>
      <c r="ETF1022" s="10"/>
      <c r="ETG1022" s="10"/>
      <c r="ETH1022" s="10"/>
      <c r="ETI1022" s="10"/>
      <c r="ETJ1022" s="10"/>
      <c r="ETK1022" s="10"/>
      <c r="ETL1022" s="10"/>
      <c r="ETM1022" s="10"/>
      <c r="ETN1022" s="10"/>
      <c r="ETO1022" s="10"/>
      <c r="ETP1022" s="10"/>
      <c r="ETQ1022" s="10"/>
      <c r="ETR1022" s="10"/>
      <c r="ETS1022" s="10"/>
      <c r="ETT1022" s="10"/>
      <c r="ETU1022" s="10"/>
      <c r="ETV1022" s="10"/>
      <c r="ETW1022" s="10"/>
      <c r="ETX1022" s="10"/>
      <c r="ETY1022" s="10"/>
      <c r="ETZ1022" s="10"/>
      <c r="EUA1022" s="10"/>
      <c r="EUB1022" s="10"/>
      <c r="EUC1022" s="10"/>
      <c r="EUD1022" s="10"/>
      <c r="EUE1022" s="10"/>
      <c r="EUF1022" s="10"/>
      <c r="EUG1022" s="10"/>
      <c r="EUH1022" s="10"/>
      <c r="EUI1022" s="10"/>
      <c r="EUJ1022" s="10"/>
      <c r="EUK1022" s="10"/>
      <c r="EUL1022" s="10"/>
      <c r="EUM1022" s="10"/>
      <c r="EUN1022" s="10"/>
      <c r="EUO1022" s="10"/>
      <c r="EUP1022" s="10"/>
      <c r="EUQ1022" s="10"/>
      <c r="EUR1022" s="10"/>
      <c r="EUS1022" s="10"/>
      <c r="EUT1022" s="10"/>
      <c r="EUU1022" s="10"/>
      <c r="EUV1022" s="10"/>
      <c r="EUW1022" s="10"/>
      <c r="EUX1022" s="10"/>
      <c r="EUY1022" s="10"/>
      <c r="EUZ1022" s="10"/>
      <c r="EVA1022" s="10"/>
      <c r="EVB1022" s="10"/>
      <c r="EVC1022" s="10"/>
      <c r="EVD1022" s="10"/>
      <c r="EVE1022" s="10"/>
      <c r="EVF1022" s="10"/>
      <c r="EVG1022" s="10"/>
      <c r="EVH1022" s="10"/>
      <c r="EVI1022" s="10"/>
      <c r="EVJ1022" s="10"/>
      <c r="EVK1022" s="10"/>
      <c r="EVL1022" s="10"/>
      <c r="EVM1022" s="10"/>
      <c r="EVN1022" s="10"/>
      <c r="EVO1022" s="10"/>
      <c r="EVP1022" s="10"/>
      <c r="EVQ1022" s="10"/>
      <c r="EVR1022" s="10"/>
      <c r="EVS1022" s="10"/>
      <c r="EVT1022" s="10"/>
      <c r="EVU1022" s="10"/>
      <c r="EVV1022" s="10"/>
      <c r="EVW1022" s="10"/>
      <c r="EVX1022" s="10"/>
      <c r="EVY1022" s="10"/>
      <c r="EVZ1022" s="10"/>
      <c r="EWA1022" s="10"/>
      <c r="EWB1022" s="10"/>
      <c r="EWC1022" s="10"/>
      <c r="EWD1022" s="10"/>
      <c r="EWE1022" s="10"/>
      <c r="EWF1022" s="10"/>
      <c r="EWG1022" s="10"/>
      <c r="EWH1022" s="10"/>
      <c r="EWI1022" s="10"/>
      <c r="EWJ1022" s="10"/>
      <c r="EWK1022" s="10"/>
      <c r="EWL1022" s="10"/>
      <c r="EWM1022" s="10"/>
      <c r="EWN1022" s="10"/>
      <c r="EWO1022" s="10"/>
      <c r="EWP1022" s="10"/>
      <c r="EWQ1022" s="10"/>
      <c r="EWR1022" s="10"/>
      <c r="EWS1022" s="10"/>
      <c r="EWT1022" s="10"/>
      <c r="EWU1022" s="10"/>
      <c r="EWV1022" s="10"/>
      <c r="EWW1022" s="10"/>
      <c r="EWX1022" s="10"/>
      <c r="EWY1022" s="10"/>
      <c r="EWZ1022" s="10"/>
      <c r="EXA1022" s="10"/>
      <c r="EXB1022" s="10"/>
      <c r="EXC1022" s="10"/>
      <c r="EXD1022" s="10"/>
      <c r="EXE1022" s="10"/>
      <c r="EXF1022" s="10"/>
      <c r="EXG1022" s="10"/>
      <c r="EXH1022" s="10"/>
      <c r="EXI1022" s="10"/>
      <c r="EXJ1022" s="10"/>
      <c r="EXK1022" s="10"/>
      <c r="EXL1022" s="10"/>
      <c r="EXM1022" s="10"/>
      <c r="EXN1022" s="10"/>
      <c r="EXO1022" s="10"/>
      <c r="EXP1022" s="10"/>
      <c r="EXQ1022" s="10"/>
      <c r="EXR1022" s="10"/>
      <c r="EXS1022" s="10"/>
      <c r="EXT1022" s="10"/>
      <c r="EXU1022" s="10"/>
      <c r="EXV1022" s="10"/>
      <c r="EXW1022" s="10"/>
      <c r="EXX1022" s="10"/>
      <c r="EXY1022" s="10"/>
      <c r="EXZ1022" s="10"/>
      <c r="EYA1022" s="10"/>
      <c r="EYB1022" s="10"/>
      <c r="EYC1022" s="10"/>
      <c r="EYD1022" s="10"/>
      <c r="EYE1022" s="10"/>
      <c r="EYF1022" s="10"/>
      <c r="EYG1022" s="10"/>
      <c r="EYH1022" s="10"/>
      <c r="EYI1022" s="10"/>
      <c r="EYJ1022" s="10"/>
      <c r="EYK1022" s="10"/>
      <c r="EYL1022" s="10"/>
      <c r="EYM1022" s="10"/>
      <c r="EYN1022" s="10"/>
      <c r="EYO1022" s="10"/>
      <c r="EYP1022" s="10"/>
      <c r="EYQ1022" s="10"/>
      <c r="EYR1022" s="10"/>
      <c r="EYS1022" s="10"/>
      <c r="EYT1022" s="10"/>
      <c r="EYU1022" s="10"/>
      <c r="EYV1022" s="10"/>
      <c r="EYW1022" s="10"/>
      <c r="EYX1022" s="10"/>
      <c r="EYY1022" s="10"/>
      <c r="EYZ1022" s="10"/>
      <c r="EZA1022" s="10"/>
      <c r="EZB1022" s="10"/>
      <c r="EZC1022" s="10"/>
      <c r="EZD1022" s="10"/>
      <c r="EZE1022" s="10"/>
      <c r="EZF1022" s="10"/>
      <c r="EZG1022" s="10"/>
      <c r="EZH1022" s="10"/>
      <c r="EZI1022" s="10"/>
      <c r="EZJ1022" s="10"/>
      <c r="EZK1022" s="10"/>
      <c r="EZL1022" s="10"/>
      <c r="EZM1022" s="10"/>
      <c r="EZN1022" s="10"/>
      <c r="EZO1022" s="10"/>
      <c r="EZP1022" s="10"/>
      <c r="EZQ1022" s="10"/>
      <c r="EZR1022" s="10"/>
      <c r="EZS1022" s="10"/>
      <c r="EZT1022" s="10"/>
      <c r="EZU1022" s="10"/>
      <c r="EZV1022" s="10"/>
      <c r="EZW1022" s="10"/>
      <c r="EZX1022" s="10"/>
      <c r="EZY1022" s="10"/>
      <c r="EZZ1022" s="10"/>
      <c r="FAA1022" s="10"/>
      <c r="FAB1022" s="10"/>
      <c r="FAC1022" s="10"/>
      <c r="FAD1022" s="10"/>
      <c r="FAE1022" s="10"/>
      <c r="FAF1022" s="10"/>
      <c r="FAG1022" s="10"/>
      <c r="FAH1022" s="10"/>
      <c r="FAI1022" s="10"/>
      <c r="FAJ1022" s="10"/>
      <c r="FAK1022" s="10"/>
      <c r="FAL1022" s="10"/>
      <c r="FAM1022" s="10"/>
      <c r="FAN1022" s="10"/>
      <c r="FAO1022" s="10"/>
      <c r="FAP1022" s="10"/>
      <c r="FAQ1022" s="10"/>
      <c r="FAR1022" s="10"/>
      <c r="FAS1022" s="10"/>
      <c r="FAT1022" s="10"/>
      <c r="FAU1022" s="10"/>
      <c r="FAV1022" s="10"/>
      <c r="FAW1022" s="10"/>
      <c r="FAX1022" s="10"/>
      <c r="FAY1022" s="10"/>
      <c r="FAZ1022" s="10"/>
      <c r="FBA1022" s="10"/>
      <c r="FBB1022" s="10"/>
      <c r="FBC1022" s="10"/>
      <c r="FBD1022" s="10"/>
      <c r="FBE1022" s="10"/>
      <c r="FBF1022" s="10"/>
      <c r="FBG1022" s="10"/>
      <c r="FBH1022" s="10"/>
      <c r="FBI1022" s="10"/>
      <c r="FBJ1022" s="10"/>
      <c r="FBK1022" s="10"/>
      <c r="FBL1022" s="10"/>
      <c r="FBM1022" s="10"/>
      <c r="FBN1022" s="10"/>
      <c r="FBO1022" s="10"/>
      <c r="FBP1022" s="10"/>
      <c r="FBQ1022" s="10"/>
      <c r="FBR1022" s="10"/>
      <c r="FBS1022" s="10"/>
      <c r="FBT1022" s="10"/>
      <c r="FBU1022" s="10"/>
      <c r="FBV1022" s="10"/>
      <c r="FBW1022" s="10"/>
      <c r="FBX1022" s="10"/>
      <c r="FBY1022" s="10"/>
      <c r="FBZ1022" s="10"/>
      <c r="FCA1022" s="10"/>
      <c r="FCB1022" s="10"/>
      <c r="FCC1022" s="10"/>
      <c r="FCD1022" s="10"/>
      <c r="FCE1022" s="10"/>
      <c r="FCF1022" s="10"/>
      <c r="FCG1022" s="10"/>
      <c r="FCH1022" s="10"/>
      <c r="FCI1022" s="10"/>
      <c r="FCJ1022" s="10"/>
      <c r="FCK1022" s="10"/>
      <c r="FCL1022" s="10"/>
      <c r="FCM1022" s="10"/>
      <c r="FCN1022" s="10"/>
      <c r="FCO1022" s="10"/>
      <c r="FCP1022" s="10"/>
      <c r="FCQ1022" s="10"/>
      <c r="FCR1022" s="10"/>
      <c r="FCS1022" s="10"/>
      <c r="FCT1022" s="10"/>
      <c r="FCU1022" s="10"/>
      <c r="FCV1022" s="10"/>
      <c r="FCW1022" s="10"/>
      <c r="FCX1022" s="10"/>
      <c r="FCY1022" s="10"/>
      <c r="FCZ1022" s="10"/>
      <c r="FDA1022" s="10"/>
      <c r="FDB1022" s="10"/>
      <c r="FDC1022" s="10"/>
      <c r="FDD1022" s="10"/>
      <c r="FDE1022" s="10"/>
      <c r="FDF1022" s="10"/>
      <c r="FDG1022" s="10"/>
      <c r="FDH1022" s="10"/>
      <c r="FDI1022" s="10"/>
      <c r="FDJ1022" s="10"/>
      <c r="FDK1022" s="10"/>
      <c r="FDL1022" s="10"/>
      <c r="FDM1022" s="10"/>
      <c r="FDN1022" s="10"/>
      <c r="FDO1022" s="10"/>
      <c r="FDP1022" s="10"/>
      <c r="FDQ1022" s="10"/>
      <c r="FDR1022" s="10"/>
      <c r="FDS1022" s="10"/>
      <c r="FDT1022" s="10"/>
      <c r="FDU1022" s="10"/>
      <c r="FDV1022" s="10"/>
      <c r="FDW1022" s="10"/>
      <c r="FDX1022" s="10"/>
      <c r="FDY1022" s="10"/>
      <c r="FDZ1022" s="10"/>
      <c r="FEA1022" s="10"/>
      <c r="FEB1022" s="10"/>
      <c r="FEC1022" s="10"/>
      <c r="FED1022" s="10"/>
      <c r="FEE1022" s="10"/>
      <c r="FEF1022" s="10"/>
      <c r="FEG1022" s="10"/>
      <c r="FEH1022" s="10"/>
      <c r="FEI1022" s="10"/>
      <c r="FEJ1022" s="10"/>
      <c r="FEK1022" s="10"/>
      <c r="FEL1022" s="10"/>
      <c r="FEM1022" s="10"/>
      <c r="FEN1022" s="10"/>
      <c r="FEO1022" s="10"/>
      <c r="FEP1022" s="10"/>
      <c r="FEQ1022" s="10"/>
      <c r="FER1022" s="10"/>
      <c r="FES1022" s="10"/>
      <c r="FET1022" s="10"/>
      <c r="FEU1022" s="10"/>
      <c r="FEV1022" s="10"/>
      <c r="FEW1022" s="10"/>
      <c r="FEX1022" s="10"/>
      <c r="FEY1022" s="10"/>
      <c r="FEZ1022" s="10"/>
      <c r="FFA1022" s="10"/>
      <c r="FFB1022" s="10"/>
      <c r="FFC1022" s="10"/>
      <c r="FFD1022" s="10"/>
      <c r="FFE1022" s="10"/>
      <c r="FFF1022" s="10"/>
      <c r="FFG1022" s="10"/>
      <c r="FFH1022" s="10"/>
      <c r="FFI1022" s="10"/>
      <c r="FFJ1022" s="10"/>
      <c r="FFK1022" s="10"/>
      <c r="FFL1022" s="10"/>
      <c r="FFM1022" s="10"/>
      <c r="FFN1022" s="10"/>
      <c r="FFO1022" s="10"/>
      <c r="FFP1022" s="10"/>
      <c r="FFQ1022" s="10"/>
      <c r="FFR1022" s="10"/>
      <c r="FFS1022" s="10"/>
      <c r="FFT1022" s="10"/>
      <c r="FFU1022" s="10"/>
      <c r="FFV1022" s="10"/>
      <c r="FFW1022" s="10"/>
      <c r="FFX1022" s="10"/>
      <c r="FFY1022" s="10"/>
      <c r="FFZ1022" s="10"/>
      <c r="FGA1022" s="10"/>
      <c r="FGB1022" s="10"/>
      <c r="FGC1022" s="10"/>
      <c r="FGD1022" s="10"/>
      <c r="FGE1022" s="10"/>
      <c r="FGF1022" s="10"/>
      <c r="FGG1022" s="10"/>
      <c r="FGH1022" s="10"/>
      <c r="FGI1022" s="10"/>
      <c r="FGJ1022" s="10"/>
      <c r="FGK1022" s="10"/>
      <c r="FGL1022" s="10"/>
      <c r="FGM1022" s="10"/>
      <c r="FGN1022" s="10"/>
      <c r="FGO1022" s="10"/>
      <c r="FGP1022" s="10"/>
      <c r="FGQ1022" s="10"/>
      <c r="FGR1022" s="10"/>
      <c r="FGS1022" s="10"/>
      <c r="FGT1022" s="10"/>
      <c r="FGU1022" s="10"/>
      <c r="FGV1022" s="10"/>
      <c r="FGW1022" s="10"/>
      <c r="FGX1022" s="10"/>
      <c r="FGY1022" s="10"/>
      <c r="FGZ1022" s="10"/>
      <c r="FHA1022" s="10"/>
      <c r="FHB1022" s="10"/>
      <c r="FHC1022" s="10"/>
      <c r="FHD1022" s="10"/>
      <c r="FHE1022" s="10"/>
      <c r="FHF1022" s="10"/>
      <c r="FHG1022" s="10"/>
      <c r="FHH1022" s="10"/>
      <c r="FHI1022" s="10"/>
      <c r="FHJ1022" s="10"/>
      <c r="FHK1022" s="10"/>
      <c r="FHL1022" s="10"/>
      <c r="FHM1022" s="10"/>
      <c r="FHN1022" s="10"/>
      <c r="FHO1022" s="10"/>
      <c r="FHP1022" s="10"/>
      <c r="FHQ1022" s="10"/>
      <c r="FHR1022" s="10"/>
      <c r="FHS1022" s="10"/>
      <c r="FHT1022" s="10"/>
      <c r="FHU1022" s="10"/>
      <c r="FHV1022" s="10"/>
      <c r="FHW1022" s="10"/>
      <c r="FHX1022" s="10"/>
      <c r="FHY1022" s="10"/>
      <c r="FHZ1022" s="10"/>
      <c r="FIA1022" s="10"/>
      <c r="FIB1022" s="10"/>
      <c r="FIC1022" s="10"/>
      <c r="FID1022" s="10"/>
      <c r="FIE1022" s="10"/>
      <c r="FIF1022" s="10"/>
      <c r="FIG1022" s="10"/>
      <c r="FIH1022" s="10"/>
      <c r="FII1022" s="10"/>
      <c r="FIJ1022" s="10"/>
      <c r="FIK1022" s="10"/>
      <c r="FIL1022" s="10"/>
      <c r="FIM1022" s="10"/>
      <c r="FIN1022" s="10"/>
      <c r="FIO1022" s="10"/>
      <c r="FIP1022" s="10"/>
      <c r="FIQ1022" s="10"/>
      <c r="FIR1022" s="10"/>
      <c r="FIS1022" s="10"/>
      <c r="FIT1022" s="10"/>
      <c r="FIU1022" s="10"/>
      <c r="FIV1022" s="10"/>
      <c r="FIW1022" s="10"/>
      <c r="FIX1022" s="10"/>
      <c r="FIY1022" s="10"/>
      <c r="FIZ1022" s="10"/>
      <c r="FJA1022" s="10"/>
      <c r="FJB1022" s="10"/>
      <c r="FJC1022" s="10"/>
      <c r="FJD1022" s="10"/>
      <c r="FJE1022" s="10"/>
      <c r="FJF1022" s="10"/>
      <c r="FJG1022" s="10"/>
      <c r="FJH1022" s="10"/>
      <c r="FJI1022" s="10"/>
      <c r="FJJ1022" s="10"/>
      <c r="FJK1022" s="10"/>
      <c r="FJL1022" s="10"/>
      <c r="FJM1022" s="10"/>
      <c r="FJN1022" s="10"/>
      <c r="FJO1022" s="10"/>
      <c r="FJP1022" s="10"/>
      <c r="FJQ1022" s="10"/>
      <c r="FJR1022" s="10"/>
      <c r="FJS1022" s="10"/>
      <c r="FJT1022" s="10"/>
      <c r="FJU1022" s="10"/>
      <c r="FJV1022" s="10"/>
      <c r="FJW1022" s="10"/>
      <c r="FJX1022" s="10"/>
      <c r="FJY1022" s="10"/>
      <c r="FJZ1022" s="10"/>
      <c r="FKA1022" s="10"/>
      <c r="FKB1022" s="10"/>
      <c r="FKC1022" s="10"/>
      <c r="FKD1022" s="10"/>
      <c r="FKE1022" s="10"/>
      <c r="FKF1022" s="10"/>
      <c r="FKG1022" s="10"/>
      <c r="FKH1022" s="10"/>
      <c r="FKI1022" s="10"/>
      <c r="FKJ1022" s="10"/>
      <c r="FKK1022" s="10"/>
      <c r="FKL1022" s="10"/>
      <c r="FKM1022" s="10"/>
      <c r="FKN1022" s="10"/>
      <c r="FKO1022" s="10"/>
      <c r="FKP1022" s="10"/>
      <c r="FKQ1022" s="10"/>
      <c r="FKR1022" s="10"/>
      <c r="FKS1022" s="10"/>
      <c r="FKT1022" s="10"/>
      <c r="FKU1022" s="10"/>
      <c r="FKV1022" s="10"/>
      <c r="FKW1022" s="10"/>
      <c r="FKX1022" s="10"/>
      <c r="FKY1022" s="10"/>
      <c r="FKZ1022" s="10"/>
      <c r="FLA1022" s="10"/>
      <c r="FLB1022" s="10"/>
      <c r="FLC1022" s="10"/>
      <c r="FLD1022" s="10"/>
      <c r="FLE1022" s="10"/>
      <c r="FLF1022" s="10"/>
      <c r="FLG1022" s="10"/>
      <c r="FLH1022" s="10"/>
      <c r="FLI1022" s="10"/>
      <c r="FLJ1022" s="10"/>
      <c r="FLK1022" s="10"/>
      <c r="FLL1022" s="10"/>
      <c r="FLM1022" s="10"/>
      <c r="FLN1022" s="10"/>
      <c r="FLO1022" s="10"/>
      <c r="FLP1022" s="10"/>
      <c r="FLQ1022" s="10"/>
      <c r="FLR1022" s="10"/>
      <c r="FLS1022" s="10"/>
      <c r="FLT1022" s="10"/>
      <c r="FLU1022" s="10"/>
      <c r="FLV1022" s="10"/>
      <c r="FLW1022" s="10"/>
      <c r="FLX1022" s="10"/>
      <c r="FLY1022" s="10"/>
      <c r="FLZ1022" s="10"/>
      <c r="FMA1022" s="10"/>
      <c r="FMB1022" s="10"/>
      <c r="FMC1022" s="10"/>
      <c r="FMD1022" s="10"/>
      <c r="FME1022" s="10"/>
      <c r="FMF1022" s="10"/>
      <c r="FMG1022" s="10"/>
      <c r="FMH1022" s="10"/>
      <c r="FMI1022" s="10"/>
      <c r="FMJ1022" s="10"/>
      <c r="FMK1022" s="10"/>
      <c r="FML1022" s="10"/>
      <c r="FMM1022" s="10"/>
      <c r="FMN1022" s="10"/>
      <c r="FMO1022" s="10"/>
      <c r="FMP1022" s="10"/>
      <c r="FMQ1022" s="10"/>
      <c r="FMR1022" s="10"/>
      <c r="FMS1022" s="10"/>
      <c r="FMT1022" s="10"/>
      <c r="FMU1022" s="10"/>
      <c r="FMV1022" s="10"/>
      <c r="FMW1022" s="10"/>
      <c r="FMX1022" s="10"/>
      <c r="FMY1022" s="10"/>
      <c r="FMZ1022" s="10"/>
      <c r="FNA1022" s="10"/>
      <c r="FNB1022" s="10"/>
      <c r="FNC1022" s="10"/>
      <c r="FND1022" s="10"/>
      <c r="FNE1022" s="10"/>
      <c r="FNF1022" s="10"/>
      <c r="FNG1022" s="10"/>
      <c r="FNH1022" s="10"/>
      <c r="FNI1022" s="10"/>
      <c r="FNJ1022" s="10"/>
      <c r="FNK1022" s="10"/>
      <c r="FNL1022" s="10"/>
      <c r="FNM1022" s="10"/>
      <c r="FNN1022" s="10"/>
      <c r="FNO1022" s="10"/>
      <c r="FNP1022" s="10"/>
      <c r="FNQ1022" s="10"/>
      <c r="FNR1022" s="10"/>
      <c r="FNS1022" s="10"/>
      <c r="FNT1022" s="10"/>
      <c r="FNU1022" s="10"/>
      <c r="FNV1022" s="10"/>
      <c r="FNW1022" s="10"/>
      <c r="FNX1022" s="10"/>
      <c r="FNY1022" s="10"/>
      <c r="FNZ1022" s="10"/>
      <c r="FOA1022" s="10"/>
      <c r="FOB1022" s="10"/>
      <c r="FOC1022" s="10"/>
      <c r="FOD1022" s="10"/>
      <c r="FOE1022" s="10"/>
      <c r="FOF1022" s="10"/>
      <c r="FOG1022" s="10"/>
      <c r="FOH1022" s="10"/>
      <c r="FOI1022" s="10"/>
      <c r="FOJ1022" s="10"/>
      <c r="FOK1022" s="10"/>
      <c r="FOL1022" s="10"/>
      <c r="FOM1022" s="10"/>
      <c r="FON1022" s="10"/>
      <c r="FOO1022" s="10"/>
      <c r="FOP1022" s="10"/>
      <c r="FOQ1022" s="10"/>
      <c r="FOR1022" s="10"/>
      <c r="FOS1022" s="10"/>
      <c r="FOT1022" s="10"/>
      <c r="FOU1022" s="10"/>
      <c r="FOV1022" s="10"/>
      <c r="FOW1022" s="10"/>
      <c r="FOX1022" s="10"/>
      <c r="FOY1022" s="10"/>
      <c r="FOZ1022" s="10"/>
      <c r="FPA1022" s="10"/>
      <c r="FPB1022" s="10"/>
      <c r="FPC1022" s="10"/>
      <c r="FPD1022" s="10"/>
      <c r="FPE1022" s="10"/>
      <c r="FPF1022" s="10"/>
      <c r="FPG1022" s="10"/>
      <c r="FPH1022" s="10"/>
      <c r="FPI1022" s="10"/>
      <c r="FPJ1022" s="10"/>
      <c r="FPK1022" s="10"/>
      <c r="FPL1022" s="10"/>
      <c r="FPM1022" s="10"/>
      <c r="FPN1022" s="10"/>
      <c r="FPO1022" s="10"/>
      <c r="FPP1022" s="10"/>
      <c r="FPQ1022" s="10"/>
      <c r="FPR1022" s="10"/>
      <c r="FPS1022" s="10"/>
      <c r="FPT1022" s="10"/>
      <c r="FPU1022" s="10"/>
      <c r="FPV1022" s="10"/>
      <c r="FPW1022" s="10"/>
      <c r="FPX1022" s="10"/>
      <c r="FPY1022" s="10"/>
      <c r="FPZ1022" s="10"/>
      <c r="FQA1022" s="10"/>
      <c r="FQB1022" s="10"/>
      <c r="FQC1022" s="10"/>
      <c r="FQD1022" s="10"/>
      <c r="FQE1022" s="10"/>
      <c r="FQF1022" s="10"/>
      <c r="FQG1022" s="10"/>
      <c r="FQH1022" s="10"/>
      <c r="FQI1022" s="10"/>
      <c r="FQJ1022" s="10"/>
      <c r="FQK1022" s="10"/>
      <c r="FQL1022" s="10"/>
      <c r="FQM1022" s="10"/>
      <c r="FQN1022" s="10"/>
      <c r="FQO1022" s="10"/>
      <c r="FQP1022" s="10"/>
      <c r="FQQ1022" s="10"/>
      <c r="FQR1022" s="10"/>
      <c r="FQS1022" s="10"/>
      <c r="FQT1022" s="10"/>
      <c r="FQU1022" s="10"/>
      <c r="FQV1022" s="10"/>
      <c r="FQW1022" s="10"/>
      <c r="FQX1022" s="10"/>
      <c r="FQY1022" s="10"/>
      <c r="FQZ1022" s="10"/>
      <c r="FRA1022" s="10"/>
      <c r="FRB1022" s="10"/>
      <c r="FRC1022" s="10"/>
      <c r="FRD1022" s="10"/>
      <c r="FRE1022" s="10"/>
      <c r="FRF1022" s="10"/>
      <c r="FRG1022" s="10"/>
      <c r="FRH1022" s="10"/>
      <c r="FRI1022" s="10"/>
      <c r="FRJ1022" s="10"/>
      <c r="FRK1022" s="10"/>
      <c r="FRL1022" s="10"/>
      <c r="FRM1022" s="10"/>
      <c r="FRN1022" s="10"/>
      <c r="FRO1022" s="10"/>
      <c r="FRP1022" s="10"/>
      <c r="FRQ1022" s="10"/>
      <c r="FRR1022" s="10"/>
      <c r="FRS1022" s="10"/>
      <c r="FRT1022" s="10"/>
      <c r="FRU1022" s="10"/>
      <c r="FRV1022" s="10"/>
      <c r="FRW1022" s="10"/>
      <c r="FRX1022" s="10"/>
      <c r="FRY1022" s="10"/>
      <c r="FRZ1022" s="10"/>
      <c r="FSA1022" s="10"/>
      <c r="FSB1022" s="10"/>
      <c r="FSC1022" s="10"/>
      <c r="FSD1022" s="10"/>
      <c r="FSE1022" s="10"/>
      <c r="FSF1022" s="10"/>
      <c r="FSG1022" s="10"/>
      <c r="FSH1022" s="10"/>
      <c r="FSI1022" s="10"/>
      <c r="FSJ1022" s="10"/>
      <c r="FSK1022" s="10"/>
      <c r="FSL1022" s="10"/>
      <c r="FSM1022" s="10"/>
      <c r="FSN1022" s="10"/>
      <c r="FSO1022" s="10"/>
      <c r="FSP1022" s="10"/>
      <c r="FSQ1022" s="10"/>
      <c r="FSR1022" s="10"/>
      <c r="FSS1022" s="10"/>
      <c r="FST1022" s="10"/>
      <c r="FSU1022" s="10"/>
      <c r="FSV1022" s="10"/>
      <c r="FSW1022" s="10"/>
      <c r="FSX1022" s="10"/>
      <c r="FSY1022" s="10"/>
      <c r="FSZ1022" s="10"/>
      <c r="FTA1022" s="10"/>
      <c r="FTB1022" s="10"/>
      <c r="FTC1022" s="10"/>
      <c r="FTD1022" s="10"/>
      <c r="FTE1022" s="10"/>
      <c r="FTF1022" s="10"/>
      <c r="FTG1022" s="10"/>
      <c r="FTH1022" s="10"/>
      <c r="FTI1022" s="10"/>
      <c r="FTJ1022" s="10"/>
      <c r="FTK1022" s="10"/>
      <c r="FTL1022" s="10"/>
      <c r="FTM1022" s="10"/>
      <c r="FTN1022" s="10"/>
      <c r="FTO1022" s="10"/>
      <c r="FTP1022" s="10"/>
      <c r="FTQ1022" s="10"/>
      <c r="FTR1022" s="10"/>
      <c r="FTS1022" s="10"/>
      <c r="FTT1022" s="10"/>
      <c r="FTU1022" s="10"/>
      <c r="FTV1022" s="10"/>
      <c r="FTW1022" s="10"/>
      <c r="FTX1022" s="10"/>
      <c r="FTY1022" s="10"/>
      <c r="FTZ1022" s="10"/>
      <c r="FUA1022" s="10"/>
      <c r="FUB1022" s="10"/>
      <c r="FUC1022" s="10"/>
      <c r="FUD1022" s="10"/>
      <c r="FUE1022" s="10"/>
      <c r="FUF1022" s="10"/>
      <c r="FUG1022" s="10"/>
      <c r="FUH1022" s="10"/>
      <c r="FUI1022" s="10"/>
      <c r="FUJ1022" s="10"/>
      <c r="FUK1022" s="10"/>
      <c r="FUL1022" s="10"/>
      <c r="FUM1022" s="10"/>
      <c r="FUN1022" s="10"/>
      <c r="FUO1022" s="10"/>
      <c r="FUP1022" s="10"/>
      <c r="FUQ1022" s="10"/>
      <c r="FUR1022" s="10"/>
      <c r="FUS1022" s="10"/>
      <c r="FUT1022" s="10"/>
      <c r="FUU1022" s="10"/>
      <c r="FUV1022" s="10"/>
      <c r="FUW1022" s="10"/>
      <c r="FUX1022" s="10"/>
      <c r="FUY1022" s="10"/>
      <c r="FUZ1022" s="10"/>
      <c r="FVA1022" s="10"/>
      <c r="FVB1022" s="10"/>
      <c r="FVC1022" s="10"/>
      <c r="FVD1022" s="10"/>
      <c r="FVE1022" s="10"/>
      <c r="FVF1022" s="10"/>
      <c r="FVG1022" s="10"/>
      <c r="FVH1022" s="10"/>
      <c r="FVI1022" s="10"/>
      <c r="FVJ1022" s="10"/>
      <c r="FVK1022" s="10"/>
      <c r="FVL1022" s="10"/>
      <c r="FVM1022" s="10"/>
      <c r="FVN1022" s="10"/>
      <c r="FVO1022" s="10"/>
      <c r="FVP1022" s="10"/>
      <c r="FVQ1022" s="10"/>
      <c r="FVR1022" s="10"/>
      <c r="FVS1022" s="10"/>
      <c r="FVT1022" s="10"/>
      <c r="FVU1022" s="10"/>
      <c r="FVV1022" s="10"/>
      <c r="FVW1022" s="10"/>
      <c r="FVX1022" s="10"/>
      <c r="FVY1022" s="10"/>
      <c r="FVZ1022" s="10"/>
      <c r="FWA1022" s="10"/>
      <c r="FWB1022" s="10"/>
      <c r="FWC1022" s="10"/>
      <c r="FWD1022" s="10"/>
      <c r="FWE1022" s="10"/>
      <c r="FWF1022" s="10"/>
      <c r="FWG1022" s="10"/>
      <c r="FWH1022" s="10"/>
      <c r="FWI1022" s="10"/>
      <c r="FWJ1022" s="10"/>
      <c r="FWK1022" s="10"/>
      <c r="FWL1022" s="10"/>
      <c r="FWM1022" s="10"/>
      <c r="FWN1022" s="10"/>
      <c r="FWO1022" s="10"/>
      <c r="FWP1022" s="10"/>
      <c r="FWQ1022" s="10"/>
      <c r="FWR1022" s="10"/>
      <c r="FWS1022" s="10"/>
      <c r="FWT1022" s="10"/>
      <c r="FWU1022" s="10"/>
      <c r="FWV1022" s="10"/>
      <c r="FWW1022" s="10"/>
      <c r="FWX1022" s="10"/>
      <c r="FWY1022" s="10"/>
      <c r="FWZ1022" s="10"/>
      <c r="FXA1022" s="10"/>
      <c r="FXB1022" s="10"/>
      <c r="FXC1022" s="10"/>
      <c r="FXD1022" s="10"/>
      <c r="FXE1022" s="10"/>
      <c r="FXF1022" s="10"/>
      <c r="FXG1022" s="10"/>
      <c r="FXH1022" s="10"/>
      <c r="FXI1022" s="10"/>
      <c r="FXJ1022" s="10"/>
      <c r="FXK1022" s="10"/>
      <c r="FXL1022" s="10"/>
      <c r="FXM1022" s="10"/>
      <c r="FXN1022" s="10"/>
      <c r="FXO1022" s="10"/>
      <c r="FXP1022" s="10"/>
      <c r="FXQ1022" s="10"/>
      <c r="FXR1022" s="10"/>
      <c r="FXS1022" s="10"/>
      <c r="FXT1022" s="10"/>
      <c r="FXU1022" s="10"/>
      <c r="FXV1022" s="10"/>
      <c r="FXW1022" s="10"/>
      <c r="FXX1022" s="10"/>
      <c r="FXY1022" s="10"/>
      <c r="FXZ1022" s="10"/>
      <c r="FYA1022" s="10"/>
      <c r="FYB1022" s="10"/>
      <c r="FYC1022" s="10"/>
      <c r="FYD1022" s="10"/>
      <c r="FYE1022" s="10"/>
      <c r="FYF1022" s="10"/>
      <c r="FYG1022" s="10"/>
      <c r="FYH1022" s="10"/>
      <c r="FYI1022" s="10"/>
      <c r="FYJ1022" s="10"/>
      <c r="FYK1022" s="10"/>
      <c r="FYL1022" s="10"/>
      <c r="FYM1022" s="10"/>
      <c r="FYN1022" s="10"/>
      <c r="FYO1022" s="10"/>
      <c r="FYP1022" s="10"/>
      <c r="FYQ1022" s="10"/>
      <c r="FYR1022" s="10"/>
      <c r="FYS1022" s="10"/>
      <c r="FYT1022" s="10"/>
      <c r="FYU1022" s="10"/>
      <c r="FYV1022" s="10"/>
      <c r="FYW1022" s="10"/>
      <c r="FYX1022" s="10"/>
      <c r="FYY1022" s="10"/>
      <c r="FYZ1022" s="10"/>
      <c r="FZA1022" s="10"/>
      <c r="FZB1022" s="10"/>
      <c r="FZC1022" s="10"/>
      <c r="FZD1022" s="10"/>
      <c r="FZE1022" s="10"/>
      <c r="FZF1022" s="10"/>
      <c r="FZG1022" s="10"/>
      <c r="FZH1022" s="10"/>
      <c r="FZI1022" s="10"/>
      <c r="FZJ1022" s="10"/>
      <c r="FZK1022" s="10"/>
      <c r="FZL1022" s="10"/>
      <c r="FZM1022" s="10"/>
      <c r="FZN1022" s="10"/>
      <c r="FZO1022" s="10"/>
      <c r="FZP1022" s="10"/>
      <c r="FZQ1022" s="10"/>
      <c r="FZR1022" s="10"/>
      <c r="FZS1022" s="10"/>
      <c r="FZT1022" s="10"/>
      <c r="FZU1022" s="10"/>
      <c r="FZV1022" s="10"/>
      <c r="FZW1022" s="10"/>
      <c r="FZX1022" s="10"/>
      <c r="FZY1022" s="10"/>
      <c r="FZZ1022" s="10"/>
      <c r="GAA1022" s="10"/>
      <c r="GAB1022" s="10"/>
      <c r="GAC1022" s="10"/>
      <c r="GAD1022" s="10"/>
      <c r="GAE1022" s="10"/>
      <c r="GAF1022" s="10"/>
      <c r="GAG1022" s="10"/>
      <c r="GAH1022" s="10"/>
      <c r="GAI1022" s="10"/>
      <c r="GAJ1022" s="10"/>
      <c r="GAK1022" s="10"/>
      <c r="GAL1022" s="10"/>
      <c r="GAM1022" s="10"/>
      <c r="GAN1022" s="10"/>
      <c r="GAO1022" s="10"/>
      <c r="GAP1022" s="10"/>
      <c r="GAQ1022" s="10"/>
      <c r="GAR1022" s="10"/>
      <c r="GAS1022" s="10"/>
      <c r="GAT1022" s="10"/>
      <c r="GAU1022" s="10"/>
      <c r="GAV1022" s="10"/>
      <c r="GAW1022" s="10"/>
      <c r="GAX1022" s="10"/>
      <c r="GAY1022" s="10"/>
      <c r="GAZ1022" s="10"/>
      <c r="GBA1022" s="10"/>
      <c r="GBB1022" s="10"/>
      <c r="GBC1022" s="10"/>
      <c r="GBD1022" s="10"/>
      <c r="GBE1022" s="10"/>
      <c r="GBF1022" s="10"/>
      <c r="GBG1022" s="10"/>
      <c r="GBH1022" s="10"/>
      <c r="GBI1022" s="10"/>
      <c r="GBJ1022" s="10"/>
      <c r="GBK1022" s="10"/>
      <c r="GBL1022" s="10"/>
      <c r="GBM1022" s="10"/>
      <c r="GBN1022" s="10"/>
      <c r="GBO1022" s="10"/>
      <c r="GBP1022" s="10"/>
      <c r="GBQ1022" s="10"/>
      <c r="GBR1022" s="10"/>
      <c r="GBS1022" s="10"/>
      <c r="GBT1022" s="10"/>
      <c r="GBU1022" s="10"/>
      <c r="GBV1022" s="10"/>
      <c r="GBW1022" s="10"/>
      <c r="GBX1022" s="10"/>
      <c r="GBY1022" s="10"/>
      <c r="GBZ1022" s="10"/>
      <c r="GCA1022" s="10"/>
      <c r="GCB1022" s="10"/>
      <c r="GCC1022" s="10"/>
      <c r="GCD1022" s="10"/>
      <c r="GCE1022" s="10"/>
      <c r="GCF1022" s="10"/>
      <c r="GCG1022" s="10"/>
      <c r="GCH1022" s="10"/>
      <c r="GCI1022" s="10"/>
      <c r="GCJ1022" s="10"/>
      <c r="GCK1022" s="10"/>
      <c r="GCL1022" s="10"/>
      <c r="GCM1022" s="10"/>
      <c r="GCN1022" s="10"/>
      <c r="GCO1022" s="10"/>
      <c r="GCP1022" s="10"/>
      <c r="GCQ1022" s="10"/>
      <c r="GCR1022" s="10"/>
      <c r="GCS1022" s="10"/>
      <c r="GCT1022" s="10"/>
      <c r="GCU1022" s="10"/>
      <c r="GCV1022" s="10"/>
      <c r="GCW1022" s="10"/>
      <c r="GCX1022" s="10"/>
      <c r="GCY1022" s="10"/>
      <c r="GCZ1022" s="10"/>
      <c r="GDA1022" s="10"/>
      <c r="GDB1022" s="10"/>
      <c r="GDC1022" s="10"/>
      <c r="GDD1022" s="10"/>
      <c r="GDE1022" s="10"/>
      <c r="GDF1022" s="10"/>
      <c r="GDG1022" s="10"/>
      <c r="GDH1022" s="10"/>
      <c r="GDI1022" s="10"/>
      <c r="GDJ1022" s="10"/>
      <c r="GDK1022" s="10"/>
      <c r="GDL1022" s="10"/>
      <c r="GDM1022" s="10"/>
      <c r="GDN1022" s="10"/>
      <c r="GDO1022" s="10"/>
      <c r="GDP1022" s="10"/>
      <c r="GDQ1022" s="10"/>
      <c r="GDR1022" s="10"/>
      <c r="GDS1022" s="10"/>
      <c r="GDT1022" s="10"/>
      <c r="GDU1022" s="10"/>
      <c r="GDV1022" s="10"/>
      <c r="GDW1022" s="10"/>
      <c r="GDX1022" s="10"/>
      <c r="GDY1022" s="10"/>
      <c r="GDZ1022" s="10"/>
      <c r="GEA1022" s="10"/>
      <c r="GEB1022" s="10"/>
      <c r="GEC1022" s="10"/>
      <c r="GED1022" s="10"/>
      <c r="GEE1022" s="10"/>
      <c r="GEF1022" s="10"/>
      <c r="GEG1022" s="10"/>
      <c r="GEH1022" s="10"/>
      <c r="GEI1022" s="10"/>
      <c r="GEJ1022" s="10"/>
      <c r="GEK1022" s="10"/>
      <c r="GEL1022" s="10"/>
      <c r="GEM1022" s="10"/>
      <c r="GEN1022" s="10"/>
      <c r="GEO1022" s="10"/>
      <c r="GEP1022" s="10"/>
      <c r="GEQ1022" s="10"/>
      <c r="GER1022" s="10"/>
      <c r="GES1022" s="10"/>
      <c r="GET1022" s="10"/>
      <c r="GEU1022" s="10"/>
      <c r="GEV1022" s="10"/>
      <c r="GEW1022" s="10"/>
      <c r="GEX1022" s="10"/>
      <c r="GEY1022" s="10"/>
      <c r="GEZ1022" s="10"/>
      <c r="GFA1022" s="10"/>
      <c r="GFB1022" s="10"/>
      <c r="GFC1022" s="10"/>
      <c r="GFD1022" s="10"/>
      <c r="GFE1022" s="10"/>
      <c r="GFF1022" s="10"/>
      <c r="GFG1022" s="10"/>
      <c r="GFH1022" s="10"/>
      <c r="GFI1022" s="10"/>
      <c r="GFJ1022" s="10"/>
      <c r="GFK1022" s="10"/>
      <c r="GFL1022" s="10"/>
      <c r="GFM1022" s="10"/>
      <c r="GFN1022" s="10"/>
      <c r="GFO1022" s="10"/>
      <c r="GFP1022" s="10"/>
      <c r="GFQ1022" s="10"/>
      <c r="GFR1022" s="10"/>
      <c r="GFS1022" s="10"/>
      <c r="GFT1022" s="10"/>
      <c r="GFU1022" s="10"/>
      <c r="GFV1022" s="10"/>
      <c r="GFW1022" s="10"/>
      <c r="GFX1022" s="10"/>
      <c r="GFY1022" s="10"/>
      <c r="GFZ1022" s="10"/>
      <c r="GGA1022" s="10"/>
      <c r="GGB1022" s="10"/>
      <c r="GGC1022" s="10"/>
      <c r="GGD1022" s="10"/>
      <c r="GGE1022" s="10"/>
      <c r="GGF1022" s="10"/>
      <c r="GGG1022" s="10"/>
      <c r="GGH1022" s="10"/>
      <c r="GGI1022" s="10"/>
      <c r="GGJ1022" s="10"/>
      <c r="GGK1022" s="10"/>
      <c r="GGL1022" s="10"/>
      <c r="GGM1022" s="10"/>
      <c r="GGN1022" s="10"/>
      <c r="GGO1022" s="10"/>
      <c r="GGP1022" s="10"/>
      <c r="GGQ1022" s="10"/>
      <c r="GGR1022" s="10"/>
      <c r="GGS1022" s="10"/>
      <c r="GGT1022" s="10"/>
      <c r="GGU1022" s="10"/>
      <c r="GGV1022" s="10"/>
      <c r="GGW1022" s="10"/>
      <c r="GGX1022" s="10"/>
      <c r="GGY1022" s="10"/>
      <c r="GGZ1022" s="10"/>
      <c r="GHA1022" s="10"/>
      <c r="GHB1022" s="10"/>
      <c r="GHC1022" s="10"/>
      <c r="GHD1022" s="10"/>
      <c r="GHE1022" s="10"/>
      <c r="GHF1022" s="10"/>
      <c r="GHG1022" s="10"/>
      <c r="GHH1022" s="10"/>
      <c r="GHI1022" s="10"/>
      <c r="GHJ1022" s="10"/>
      <c r="GHK1022" s="10"/>
      <c r="GHL1022" s="10"/>
      <c r="GHM1022" s="10"/>
      <c r="GHN1022" s="10"/>
      <c r="GHO1022" s="10"/>
      <c r="GHP1022" s="10"/>
      <c r="GHQ1022" s="10"/>
      <c r="GHR1022" s="10"/>
      <c r="GHS1022" s="10"/>
      <c r="GHT1022" s="10"/>
      <c r="GHU1022" s="10"/>
      <c r="GHV1022" s="10"/>
      <c r="GHW1022" s="10"/>
      <c r="GHX1022" s="10"/>
      <c r="GHY1022" s="10"/>
      <c r="GHZ1022" s="10"/>
      <c r="GIA1022" s="10"/>
      <c r="GIB1022" s="10"/>
      <c r="GIC1022" s="10"/>
      <c r="GID1022" s="10"/>
      <c r="GIE1022" s="10"/>
      <c r="GIF1022" s="10"/>
      <c r="GIG1022" s="10"/>
      <c r="GIH1022" s="10"/>
      <c r="GII1022" s="10"/>
      <c r="GIJ1022" s="10"/>
      <c r="GIK1022" s="10"/>
      <c r="GIL1022" s="10"/>
      <c r="GIM1022" s="10"/>
      <c r="GIN1022" s="10"/>
      <c r="GIO1022" s="10"/>
      <c r="GIP1022" s="10"/>
      <c r="GIQ1022" s="10"/>
      <c r="GIR1022" s="10"/>
      <c r="GIS1022" s="10"/>
      <c r="GIT1022" s="10"/>
      <c r="GIU1022" s="10"/>
      <c r="GIV1022" s="10"/>
      <c r="GIW1022" s="10"/>
      <c r="GIX1022" s="10"/>
      <c r="GIY1022" s="10"/>
      <c r="GIZ1022" s="10"/>
      <c r="GJA1022" s="10"/>
      <c r="GJB1022" s="10"/>
      <c r="GJC1022" s="10"/>
      <c r="GJD1022" s="10"/>
      <c r="GJE1022" s="10"/>
      <c r="GJF1022" s="10"/>
      <c r="GJG1022" s="10"/>
      <c r="GJH1022" s="10"/>
      <c r="GJI1022" s="10"/>
      <c r="GJJ1022" s="10"/>
      <c r="GJK1022" s="10"/>
      <c r="GJL1022" s="10"/>
      <c r="GJM1022" s="10"/>
      <c r="GJN1022" s="10"/>
      <c r="GJO1022" s="10"/>
      <c r="GJP1022" s="10"/>
      <c r="GJQ1022" s="10"/>
      <c r="GJR1022" s="10"/>
      <c r="GJS1022" s="10"/>
      <c r="GJT1022" s="10"/>
      <c r="GJU1022" s="10"/>
      <c r="GJV1022" s="10"/>
      <c r="GJW1022" s="10"/>
      <c r="GJX1022" s="10"/>
      <c r="GJY1022" s="10"/>
      <c r="GJZ1022" s="10"/>
      <c r="GKA1022" s="10"/>
      <c r="GKB1022" s="10"/>
      <c r="GKC1022" s="10"/>
      <c r="GKD1022" s="10"/>
      <c r="GKE1022" s="10"/>
      <c r="GKF1022" s="10"/>
      <c r="GKG1022" s="10"/>
      <c r="GKH1022" s="10"/>
      <c r="GKI1022" s="10"/>
      <c r="GKJ1022" s="10"/>
      <c r="GKK1022" s="10"/>
      <c r="GKL1022" s="10"/>
      <c r="GKM1022" s="10"/>
      <c r="GKN1022" s="10"/>
      <c r="GKO1022" s="10"/>
      <c r="GKP1022" s="10"/>
      <c r="GKQ1022" s="10"/>
      <c r="GKR1022" s="10"/>
      <c r="GKS1022" s="10"/>
      <c r="GKT1022" s="10"/>
      <c r="GKU1022" s="10"/>
      <c r="GKV1022" s="10"/>
      <c r="GKW1022" s="10"/>
      <c r="GKX1022" s="10"/>
      <c r="GKY1022" s="10"/>
      <c r="GKZ1022" s="10"/>
      <c r="GLA1022" s="10"/>
      <c r="GLB1022" s="10"/>
      <c r="GLC1022" s="10"/>
      <c r="GLD1022" s="10"/>
      <c r="GLE1022" s="10"/>
      <c r="GLF1022" s="10"/>
      <c r="GLG1022" s="10"/>
      <c r="GLH1022" s="10"/>
      <c r="GLI1022" s="10"/>
      <c r="GLJ1022" s="10"/>
      <c r="GLK1022" s="10"/>
      <c r="GLL1022" s="10"/>
      <c r="GLM1022" s="10"/>
      <c r="GLN1022" s="10"/>
      <c r="GLO1022" s="10"/>
      <c r="GLP1022" s="10"/>
      <c r="GLQ1022" s="10"/>
      <c r="GLR1022" s="10"/>
      <c r="GLS1022" s="10"/>
      <c r="GLT1022" s="10"/>
      <c r="GLU1022" s="10"/>
      <c r="GLV1022" s="10"/>
      <c r="GLW1022" s="10"/>
      <c r="GLX1022" s="10"/>
      <c r="GLY1022" s="10"/>
      <c r="GLZ1022" s="10"/>
      <c r="GMA1022" s="10"/>
      <c r="GMB1022" s="10"/>
      <c r="GMC1022" s="10"/>
      <c r="GMD1022" s="10"/>
      <c r="GME1022" s="10"/>
      <c r="GMF1022" s="10"/>
      <c r="GMG1022" s="10"/>
      <c r="GMH1022" s="10"/>
      <c r="GMI1022" s="10"/>
      <c r="GMJ1022" s="10"/>
      <c r="GMK1022" s="10"/>
      <c r="GML1022" s="10"/>
      <c r="GMM1022" s="10"/>
      <c r="GMN1022" s="10"/>
      <c r="GMO1022" s="10"/>
      <c r="GMP1022" s="10"/>
      <c r="GMQ1022" s="10"/>
      <c r="GMR1022" s="10"/>
      <c r="GMS1022" s="10"/>
      <c r="GMT1022" s="10"/>
      <c r="GMU1022" s="10"/>
      <c r="GMV1022" s="10"/>
      <c r="GMW1022" s="10"/>
      <c r="GMX1022" s="10"/>
      <c r="GMY1022" s="10"/>
      <c r="GMZ1022" s="10"/>
      <c r="GNA1022" s="10"/>
      <c r="GNB1022" s="10"/>
      <c r="GNC1022" s="10"/>
      <c r="GND1022" s="10"/>
      <c r="GNE1022" s="10"/>
      <c r="GNF1022" s="10"/>
      <c r="GNG1022" s="10"/>
      <c r="GNH1022" s="10"/>
      <c r="GNI1022" s="10"/>
      <c r="GNJ1022" s="10"/>
      <c r="GNK1022" s="10"/>
      <c r="GNL1022" s="10"/>
      <c r="GNM1022" s="10"/>
      <c r="GNN1022" s="10"/>
      <c r="GNO1022" s="10"/>
      <c r="GNP1022" s="10"/>
      <c r="GNQ1022" s="10"/>
      <c r="GNR1022" s="10"/>
      <c r="GNS1022" s="10"/>
      <c r="GNT1022" s="10"/>
      <c r="GNU1022" s="10"/>
      <c r="GNV1022" s="10"/>
      <c r="GNW1022" s="10"/>
      <c r="GNX1022" s="10"/>
      <c r="GNY1022" s="10"/>
      <c r="GNZ1022" s="10"/>
      <c r="GOA1022" s="10"/>
      <c r="GOB1022" s="10"/>
      <c r="GOC1022" s="10"/>
      <c r="GOD1022" s="10"/>
      <c r="GOE1022" s="10"/>
      <c r="GOF1022" s="10"/>
      <c r="GOG1022" s="10"/>
      <c r="GOH1022" s="10"/>
      <c r="GOI1022" s="10"/>
      <c r="GOJ1022" s="10"/>
      <c r="GOK1022" s="10"/>
      <c r="GOL1022" s="10"/>
      <c r="GOM1022" s="10"/>
      <c r="GON1022" s="10"/>
      <c r="GOO1022" s="10"/>
      <c r="GOP1022" s="10"/>
      <c r="GOQ1022" s="10"/>
      <c r="GOR1022" s="10"/>
      <c r="GOS1022" s="10"/>
      <c r="GOT1022" s="10"/>
      <c r="GOU1022" s="10"/>
      <c r="GOV1022" s="10"/>
      <c r="GOW1022" s="10"/>
      <c r="GOX1022" s="10"/>
      <c r="GOY1022" s="10"/>
      <c r="GOZ1022" s="10"/>
      <c r="GPA1022" s="10"/>
      <c r="GPB1022" s="10"/>
      <c r="GPC1022" s="10"/>
      <c r="GPD1022" s="10"/>
      <c r="GPE1022" s="10"/>
      <c r="GPF1022" s="10"/>
      <c r="GPG1022" s="10"/>
      <c r="GPH1022" s="10"/>
      <c r="GPI1022" s="10"/>
      <c r="GPJ1022" s="10"/>
      <c r="GPK1022" s="10"/>
      <c r="GPL1022" s="10"/>
      <c r="GPM1022" s="10"/>
      <c r="GPN1022" s="10"/>
      <c r="GPO1022" s="10"/>
      <c r="GPP1022" s="10"/>
      <c r="GPQ1022" s="10"/>
      <c r="GPR1022" s="10"/>
      <c r="GPS1022" s="10"/>
      <c r="GPT1022" s="10"/>
      <c r="GPU1022" s="10"/>
      <c r="GPV1022" s="10"/>
      <c r="GPW1022" s="10"/>
      <c r="GPX1022" s="10"/>
      <c r="GPY1022" s="10"/>
      <c r="GPZ1022" s="10"/>
      <c r="GQA1022" s="10"/>
      <c r="GQB1022" s="10"/>
      <c r="GQC1022" s="10"/>
      <c r="GQD1022" s="10"/>
      <c r="GQE1022" s="10"/>
      <c r="GQF1022" s="10"/>
      <c r="GQG1022" s="10"/>
      <c r="GQH1022" s="10"/>
      <c r="GQI1022" s="10"/>
      <c r="GQJ1022" s="10"/>
      <c r="GQK1022" s="10"/>
      <c r="GQL1022" s="10"/>
      <c r="GQM1022" s="10"/>
      <c r="GQN1022" s="10"/>
      <c r="GQO1022" s="10"/>
      <c r="GQP1022" s="10"/>
      <c r="GQQ1022" s="10"/>
      <c r="GQR1022" s="10"/>
      <c r="GQS1022" s="10"/>
      <c r="GQT1022" s="10"/>
      <c r="GQU1022" s="10"/>
      <c r="GQV1022" s="10"/>
      <c r="GQW1022" s="10"/>
      <c r="GQX1022" s="10"/>
      <c r="GQY1022" s="10"/>
      <c r="GQZ1022" s="10"/>
      <c r="GRA1022" s="10"/>
      <c r="GRB1022" s="10"/>
      <c r="GRC1022" s="10"/>
      <c r="GRD1022" s="10"/>
      <c r="GRE1022" s="10"/>
      <c r="GRF1022" s="10"/>
      <c r="GRG1022" s="10"/>
      <c r="GRH1022" s="10"/>
      <c r="GRI1022" s="10"/>
      <c r="GRJ1022" s="10"/>
      <c r="GRK1022" s="10"/>
      <c r="GRL1022" s="10"/>
      <c r="GRM1022" s="10"/>
      <c r="GRN1022" s="10"/>
      <c r="GRO1022" s="10"/>
      <c r="GRP1022" s="10"/>
      <c r="GRQ1022" s="10"/>
      <c r="GRR1022" s="10"/>
      <c r="GRS1022" s="10"/>
      <c r="GRT1022" s="10"/>
      <c r="GRU1022" s="10"/>
      <c r="GRV1022" s="10"/>
      <c r="GRW1022" s="10"/>
      <c r="GRX1022" s="10"/>
      <c r="GRY1022" s="10"/>
      <c r="GRZ1022" s="10"/>
      <c r="GSA1022" s="10"/>
      <c r="GSB1022" s="10"/>
      <c r="GSC1022" s="10"/>
      <c r="GSD1022" s="10"/>
      <c r="GSE1022" s="10"/>
      <c r="GSF1022" s="10"/>
      <c r="GSG1022" s="10"/>
      <c r="GSH1022" s="10"/>
      <c r="GSI1022" s="10"/>
      <c r="GSJ1022" s="10"/>
      <c r="GSK1022" s="10"/>
      <c r="GSL1022" s="10"/>
      <c r="GSM1022" s="10"/>
      <c r="GSN1022" s="10"/>
      <c r="GSO1022" s="10"/>
      <c r="GSP1022" s="10"/>
      <c r="GSQ1022" s="10"/>
      <c r="GSR1022" s="10"/>
      <c r="GSS1022" s="10"/>
      <c r="GST1022" s="10"/>
      <c r="GSU1022" s="10"/>
      <c r="GSV1022" s="10"/>
      <c r="GSW1022" s="10"/>
      <c r="GSX1022" s="10"/>
      <c r="GSY1022" s="10"/>
      <c r="GSZ1022" s="10"/>
      <c r="GTA1022" s="10"/>
      <c r="GTB1022" s="10"/>
      <c r="GTC1022" s="10"/>
      <c r="GTD1022" s="10"/>
      <c r="GTE1022" s="10"/>
      <c r="GTF1022" s="10"/>
      <c r="GTG1022" s="10"/>
      <c r="GTH1022" s="10"/>
      <c r="GTI1022" s="10"/>
      <c r="GTJ1022" s="10"/>
      <c r="GTK1022" s="10"/>
      <c r="GTL1022" s="10"/>
      <c r="GTM1022" s="10"/>
      <c r="GTN1022" s="10"/>
      <c r="GTO1022" s="10"/>
      <c r="GTP1022" s="10"/>
      <c r="GTQ1022" s="10"/>
      <c r="GTR1022" s="10"/>
      <c r="GTS1022" s="10"/>
      <c r="GTT1022" s="10"/>
      <c r="GTU1022" s="10"/>
      <c r="GTV1022" s="10"/>
      <c r="GTW1022" s="10"/>
      <c r="GTX1022" s="10"/>
      <c r="GTY1022" s="10"/>
      <c r="GTZ1022" s="10"/>
      <c r="GUA1022" s="10"/>
      <c r="GUB1022" s="10"/>
      <c r="GUC1022" s="10"/>
      <c r="GUD1022" s="10"/>
      <c r="GUE1022" s="10"/>
      <c r="GUF1022" s="10"/>
      <c r="GUG1022" s="10"/>
      <c r="GUH1022" s="10"/>
      <c r="GUI1022" s="10"/>
      <c r="GUJ1022" s="10"/>
      <c r="GUK1022" s="10"/>
      <c r="GUL1022" s="10"/>
      <c r="GUM1022" s="10"/>
      <c r="GUN1022" s="10"/>
      <c r="GUO1022" s="10"/>
      <c r="GUP1022" s="10"/>
      <c r="GUQ1022" s="10"/>
      <c r="GUR1022" s="10"/>
      <c r="GUS1022" s="10"/>
      <c r="GUT1022" s="10"/>
      <c r="GUU1022" s="10"/>
      <c r="GUV1022" s="10"/>
      <c r="GUW1022" s="10"/>
      <c r="GUX1022" s="10"/>
      <c r="GUY1022" s="10"/>
      <c r="GUZ1022" s="10"/>
      <c r="GVA1022" s="10"/>
      <c r="GVB1022" s="10"/>
      <c r="GVC1022" s="10"/>
      <c r="GVD1022" s="10"/>
      <c r="GVE1022" s="10"/>
      <c r="GVF1022" s="10"/>
      <c r="GVG1022" s="10"/>
      <c r="GVH1022" s="10"/>
      <c r="GVI1022" s="10"/>
      <c r="GVJ1022" s="10"/>
      <c r="GVK1022" s="10"/>
      <c r="GVL1022" s="10"/>
      <c r="GVM1022" s="10"/>
      <c r="GVN1022" s="10"/>
      <c r="GVO1022" s="10"/>
      <c r="GVP1022" s="10"/>
      <c r="GVQ1022" s="10"/>
      <c r="GVR1022" s="10"/>
      <c r="GVS1022" s="10"/>
      <c r="GVT1022" s="10"/>
      <c r="GVU1022" s="10"/>
      <c r="GVV1022" s="10"/>
      <c r="GVW1022" s="10"/>
      <c r="GVX1022" s="10"/>
      <c r="GVY1022" s="10"/>
      <c r="GVZ1022" s="10"/>
      <c r="GWA1022" s="10"/>
      <c r="GWB1022" s="10"/>
      <c r="GWC1022" s="10"/>
      <c r="GWD1022" s="10"/>
      <c r="GWE1022" s="10"/>
      <c r="GWF1022" s="10"/>
      <c r="GWG1022" s="10"/>
      <c r="GWH1022" s="10"/>
      <c r="GWI1022" s="10"/>
      <c r="GWJ1022" s="10"/>
      <c r="GWK1022" s="10"/>
      <c r="GWL1022" s="10"/>
      <c r="GWM1022" s="10"/>
      <c r="GWN1022" s="10"/>
      <c r="GWO1022" s="10"/>
      <c r="GWP1022" s="10"/>
      <c r="GWQ1022" s="10"/>
      <c r="GWR1022" s="10"/>
      <c r="GWS1022" s="10"/>
      <c r="GWT1022" s="10"/>
      <c r="GWU1022" s="10"/>
      <c r="GWV1022" s="10"/>
      <c r="GWW1022" s="10"/>
      <c r="GWX1022" s="10"/>
      <c r="GWY1022" s="10"/>
      <c r="GWZ1022" s="10"/>
      <c r="GXA1022" s="10"/>
      <c r="GXB1022" s="10"/>
      <c r="GXC1022" s="10"/>
      <c r="GXD1022" s="10"/>
      <c r="GXE1022" s="10"/>
      <c r="GXF1022" s="10"/>
      <c r="GXG1022" s="10"/>
      <c r="GXH1022" s="10"/>
      <c r="GXI1022" s="10"/>
      <c r="GXJ1022" s="10"/>
      <c r="GXK1022" s="10"/>
      <c r="GXL1022" s="10"/>
      <c r="GXM1022" s="10"/>
      <c r="GXN1022" s="10"/>
      <c r="GXO1022" s="10"/>
      <c r="GXP1022" s="10"/>
      <c r="GXQ1022" s="10"/>
      <c r="GXR1022" s="10"/>
      <c r="GXS1022" s="10"/>
      <c r="GXT1022" s="10"/>
      <c r="GXU1022" s="10"/>
      <c r="GXV1022" s="10"/>
      <c r="GXW1022" s="10"/>
      <c r="GXX1022" s="10"/>
      <c r="GXY1022" s="10"/>
      <c r="GXZ1022" s="10"/>
      <c r="GYA1022" s="10"/>
      <c r="GYB1022" s="10"/>
      <c r="GYC1022" s="10"/>
      <c r="GYD1022" s="10"/>
      <c r="GYE1022" s="10"/>
      <c r="GYF1022" s="10"/>
      <c r="GYG1022" s="10"/>
      <c r="GYH1022" s="10"/>
      <c r="GYI1022" s="10"/>
      <c r="GYJ1022" s="10"/>
      <c r="GYK1022" s="10"/>
      <c r="GYL1022" s="10"/>
      <c r="GYM1022" s="10"/>
      <c r="GYN1022" s="10"/>
      <c r="GYO1022" s="10"/>
      <c r="GYP1022" s="10"/>
      <c r="GYQ1022" s="10"/>
      <c r="GYR1022" s="10"/>
      <c r="GYS1022" s="10"/>
      <c r="GYT1022" s="10"/>
      <c r="GYU1022" s="10"/>
      <c r="GYV1022" s="10"/>
      <c r="GYW1022" s="10"/>
      <c r="GYX1022" s="10"/>
      <c r="GYY1022" s="10"/>
      <c r="GYZ1022" s="10"/>
      <c r="GZA1022" s="10"/>
      <c r="GZB1022" s="10"/>
      <c r="GZC1022" s="10"/>
      <c r="GZD1022" s="10"/>
      <c r="GZE1022" s="10"/>
      <c r="GZF1022" s="10"/>
      <c r="GZG1022" s="10"/>
      <c r="GZH1022" s="10"/>
      <c r="GZI1022" s="10"/>
      <c r="GZJ1022" s="10"/>
      <c r="GZK1022" s="10"/>
      <c r="GZL1022" s="10"/>
      <c r="GZM1022" s="10"/>
      <c r="GZN1022" s="10"/>
      <c r="GZO1022" s="10"/>
      <c r="GZP1022" s="10"/>
      <c r="GZQ1022" s="10"/>
      <c r="GZR1022" s="10"/>
      <c r="GZS1022" s="10"/>
      <c r="GZT1022" s="10"/>
      <c r="GZU1022" s="10"/>
      <c r="GZV1022" s="10"/>
      <c r="GZW1022" s="10"/>
      <c r="GZX1022" s="10"/>
      <c r="GZY1022" s="10"/>
      <c r="GZZ1022" s="10"/>
      <c r="HAA1022" s="10"/>
      <c r="HAB1022" s="10"/>
      <c r="HAC1022" s="10"/>
      <c r="HAD1022" s="10"/>
      <c r="HAE1022" s="10"/>
      <c r="HAF1022" s="10"/>
      <c r="HAG1022" s="10"/>
      <c r="HAH1022" s="10"/>
      <c r="HAI1022" s="10"/>
      <c r="HAJ1022" s="10"/>
      <c r="HAK1022" s="10"/>
      <c r="HAL1022" s="10"/>
      <c r="HAM1022" s="10"/>
      <c r="HAN1022" s="10"/>
      <c r="HAO1022" s="10"/>
      <c r="HAP1022" s="10"/>
      <c r="HAQ1022" s="10"/>
      <c r="HAR1022" s="10"/>
      <c r="HAS1022" s="10"/>
      <c r="HAT1022" s="10"/>
      <c r="HAU1022" s="10"/>
      <c r="HAV1022" s="10"/>
      <c r="HAW1022" s="10"/>
      <c r="HAX1022" s="10"/>
      <c r="HAY1022" s="10"/>
      <c r="HAZ1022" s="10"/>
      <c r="HBA1022" s="10"/>
      <c r="HBB1022" s="10"/>
      <c r="HBC1022" s="10"/>
      <c r="HBD1022" s="10"/>
      <c r="HBE1022" s="10"/>
      <c r="HBF1022" s="10"/>
      <c r="HBG1022" s="10"/>
      <c r="HBH1022" s="10"/>
      <c r="HBI1022" s="10"/>
      <c r="HBJ1022" s="10"/>
      <c r="HBK1022" s="10"/>
      <c r="HBL1022" s="10"/>
      <c r="HBM1022" s="10"/>
      <c r="HBN1022" s="10"/>
      <c r="HBO1022" s="10"/>
      <c r="HBP1022" s="10"/>
      <c r="HBQ1022" s="10"/>
      <c r="HBR1022" s="10"/>
      <c r="HBS1022" s="10"/>
      <c r="HBT1022" s="10"/>
      <c r="HBU1022" s="10"/>
      <c r="HBV1022" s="10"/>
      <c r="HBW1022" s="10"/>
      <c r="HBX1022" s="10"/>
      <c r="HBY1022" s="10"/>
      <c r="HBZ1022" s="10"/>
      <c r="HCA1022" s="10"/>
      <c r="HCB1022" s="10"/>
      <c r="HCC1022" s="10"/>
      <c r="HCD1022" s="10"/>
      <c r="HCE1022" s="10"/>
      <c r="HCF1022" s="10"/>
      <c r="HCG1022" s="10"/>
      <c r="HCH1022" s="10"/>
      <c r="HCI1022" s="10"/>
      <c r="HCJ1022" s="10"/>
      <c r="HCK1022" s="10"/>
      <c r="HCL1022" s="10"/>
      <c r="HCM1022" s="10"/>
      <c r="HCN1022" s="10"/>
      <c r="HCO1022" s="10"/>
      <c r="HCP1022" s="10"/>
      <c r="HCQ1022" s="10"/>
      <c r="HCR1022" s="10"/>
      <c r="HCS1022" s="10"/>
      <c r="HCT1022" s="10"/>
      <c r="HCU1022" s="10"/>
      <c r="HCV1022" s="10"/>
      <c r="HCW1022" s="10"/>
      <c r="HCX1022" s="10"/>
      <c r="HCY1022" s="10"/>
      <c r="HCZ1022" s="10"/>
      <c r="HDA1022" s="10"/>
      <c r="HDB1022" s="10"/>
      <c r="HDC1022" s="10"/>
      <c r="HDD1022" s="10"/>
      <c r="HDE1022" s="10"/>
      <c r="HDF1022" s="10"/>
      <c r="HDG1022" s="10"/>
      <c r="HDH1022" s="10"/>
      <c r="HDI1022" s="10"/>
      <c r="HDJ1022" s="10"/>
      <c r="HDK1022" s="10"/>
      <c r="HDL1022" s="10"/>
      <c r="HDM1022" s="10"/>
      <c r="HDN1022" s="10"/>
      <c r="HDO1022" s="10"/>
      <c r="HDP1022" s="10"/>
      <c r="HDQ1022" s="10"/>
      <c r="HDR1022" s="10"/>
      <c r="HDS1022" s="10"/>
      <c r="HDT1022" s="10"/>
      <c r="HDU1022" s="10"/>
      <c r="HDV1022" s="10"/>
      <c r="HDW1022" s="10"/>
      <c r="HDX1022" s="10"/>
      <c r="HDY1022" s="10"/>
      <c r="HDZ1022" s="10"/>
      <c r="HEA1022" s="10"/>
      <c r="HEB1022" s="10"/>
      <c r="HEC1022" s="10"/>
      <c r="HED1022" s="10"/>
      <c r="HEE1022" s="10"/>
      <c r="HEF1022" s="10"/>
      <c r="HEG1022" s="10"/>
      <c r="HEH1022" s="10"/>
      <c r="HEI1022" s="10"/>
      <c r="HEJ1022" s="10"/>
      <c r="HEK1022" s="10"/>
      <c r="HEL1022" s="10"/>
      <c r="HEM1022" s="10"/>
      <c r="HEN1022" s="10"/>
      <c r="HEO1022" s="10"/>
      <c r="HEP1022" s="10"/>
      <c r="HEQ1022" s="10"/>
      <c r="HER1022" s="10"/>
      <c r="HES1022" s="10"/>
      <c r="HET1022" s="10"/>
      <c r="HEU1022" s="10"/>
      <c r="HEV1022" s="10"/>
      <c r="HEW1022" s="10"/>
      <c r="HEX1022" s="10"/>
      <c r="HEY1022" s="10"/>
      <c r="HEZ1022" s="10"/>
      <c r="HFA1022" s="10"/>
      <c r="HFB1022" s="10"/>
      <c r="HFC1022" s="10"/>
      <c r="HFD1022" s="10"/>
      <c r="HFE1022" s="10"/>
      <c r="HFF1022" s="10"/>
      <c r="HFG1022" s="10"/>
      <c r="HFH1022" s="10"/>
      <c r="HFI1022" s="10"/>
      <c r="HFJ1022" s="10"/>
      <c r="HFK1022" s="10"/>
      <c r="HFL1022" s="10"/>
      <c r="HFM1022" s="10"/>
      <c r="HFN1022" s="10"/>
      <c r="HFO1022" s="10"/>
      <c r="HFP1022" s="10"/>
      <c r="HFQ1022" s="10"/>
      <c r="HFR1022" s="10"/>
      <c r="HFS1022" s="10"/>
      <c r="HFT1022" s="10"/>
      <c r="HFU1022" s="10"/>
      <c r="HFV1022" s="10"/>
      <c r="HFW1022" s="10"/>
      <c r="HFX1022" s="10"/>
      <c r="HFY1022" s="10"/>
      <c r="HFZ1022" s="10"/>
      <c r="HGA1022" s="10"/>
      <c r="HGB1022" s="10"/>
      <c r="HGC1022" s="10"/>
      <c r="HGD1022" s="10"/>
      <c r="HGE1022" s="10"/>
      <c r="HGF1022" s="10"/>
      <c r="HGG1022" s="10"/>
      <c r="HGH1022" s="10"/>
      <c r="HGI1022" s="10"/>
      <c r="HGJ1022" s="10"/>
      <c r="HGK1022" s="10"/>
      <c r="HGL1022" s="10"/>
      <c r="HGM1022" s="10"/>
      <c r="HGN1022" s="10"/>
      <c r="HGO1022" s="10"/>
      <c r="HGP1022" s="10"/>
      <c r="HGQ1022" s="10"/>
      <c r="HGR1022" s="10"/>
      <c r="HGS1022" s="10"/>
      <c r="HGT1022" s="10"/>
      <c r="HGU1022" s="10"/>
      <c r="HGV1022" s="10"/>
      <c r="HGW1022" s="10"/>
      <c r="HGX1022" s="10"/>
      <c r="HGY1022" s="10"/>
      <c r="HGZ1022" s="10"/>
      <c r="HHA1022" s="10"/>
      <c r="HHB1022" s="10"/>
      <c r="HHC1022" s="10"/>
      <c r="HHD1022" s="10"/>
      <c r="HHE1022" s="10"/>
      <c r="HHF1022" s="10"/>
      <c r="HHG1022" s="10"/>
      <c r="HHH1022" s="10"/>
      <c r="HHI1022" s="10"/>
      <c r="HHJ1022" s="10"/>
      <c r="HHK1022" s="10"/>
      <c r="HHL1022" s="10"/>
      <c r="HHM1022" s="10"/>
      <c r="HHN1022" s="10"/>
      <c r="HHO1022" s="10"/>
      <c r="HHP1022" s="10"/>
      <c r="HHQ1022" s="10"/>
      <c r="HHR1022" s="10"/>
      <c r="HHS1022" s="10"/>
      <c r="HHT1022" s="10"/>
      <c r="HHU1022" s="10"/>
      <c r="HHV1022" s="10"/>
      <c r="HHW1022" s="10"/>
      <c r="HHX1022" s="10"/>
      <c r="HHY1022" s="10"/>
      <c r="HHZ1022" s="10"/>
      <c r="HIA1022" s="10"/>
      <c r="HIB1022" s="10"/>
      <c r="HIC1022" s="10"/>
      <c r="HID1022" s="10"/>
      <c r="HIE1022" s="10"/>
      <c r="HIF1022" s="10"/>
      <c r="HIG1022" s="10"/>
      <c r="HIH1022" s="10"/>
      <c r="HII1022" s="10"/>
      <c r="HIJ1022" s="10"/>
      <c r="HIK1022" s="10"/>
      <c r="HIL1022" s="10"/>
      <c r="HIM1022" s="10"/>
      <c r="HIN1022" s="10"/>
      <c r="HIO1022" s="10"/>
      <c r="HIP1022" s="10"/>
      <c r="HIQ1022" s="10"/>
      <c r="HIR1022" s="10"/>
      <c r="HIS1022" s="10"/>
      <c r="HIT1022" s="10"/>
      <c r="HIU1022" s="10"/>
      <c r="HIV1022" s="10"/>
      <c r="HIW1022" s="10"/>
      <c r="HIX1022" s="10"/>
      <c r="HIY1022" s="10"/>
      <c r="HIZ1022" s="10"/>
      <c r="HJA1022" s="10"/>
      <c r="HJB1022" s="10"/>
      <c r="HJC1022" s="10"/>
      <c r="HJD1022" s="10"/>
      <c r="HJE1022" s="10"/>
      <c r="HJF1022" s="10"/>
      <c r="HJG1022" s="10"/>
      <c r="HJH1022" s="10"/>
      <c r="HJI1022" s="10"/>
      <c r="HJJ1022" s="10"/>
      <c r="HJK1022" s="10"/>
      <c r="HJL1022" s="10"/>
      <c r="HJM1022" s="10"/>
      <c r="HJN1022" s="10"/>
      <c r="HJO1022" s="10"/>
      <c r="HJP1022" s="10"/>
      <c r="HJQ1022" s="10"/>
      <c r="HJR1022" s="10"/>
      <c r="HJS1022" s="10"/>
      <c r="HJT1022" s="10"/>
      <c r="HJU1022" s="10"/>
      <c r="HJV1022" s="10"/>
      <c r="HJW1022" s="10"/>
      <c r="HJX1022" s="10"/>
      <c r="HJY1022" s="10"/>
      <c r="HJZ1022" s="10"/>
      <c r="HKA1022" s="10"/>
      <c r="HKB1022" s="10"/>
      <c r="HKC1022" s="10"/>
      <c r="HKD1022" s="10"/>
      <c r="HKE1022" s="10"/>
      <c r="HKF1022" s="10"/>
      <c r="HKG1022" s="10"/>
      <c r="HKH1022" s="10"/>
      <c r="HKI1022" s="10"/>
      <c r="HKJ1022" s="10"/>
      <c r="HKK1022" s="10"/>
      <c r="HKL1022" s="10"/>
      <c r="HKM1022" s="10"/>
      <c r="HKN1022" s="10"/>
      <c r="HKO1022" s="10"/>
      <c r="HKP1022" s="10"/>
      <c r="HKQ1022" s="10"/>
      <c r="HKR1022" s="10"/>
      <c r="HKS1022" s="10"/>
      <c r="HKT1022" s="10"/>
      <c r="HKU1022" s="10"/>
      <c r="HKV1022" s="10"/>
      <c r="HKW1022" s="10"/>
      <c r="HKX1022" s="10"/>
      <c r="HKY1022" s="10"/>
      <c r="HKZ1022" s="10"/>
      <c r="HLA1022" s="10"/>
      <c r="HLB1022" s="10"/>
      <c r="HLC1022" s="10"/>
      <c r="HLD1022" s="10"/>
      <c r="HLE1022" s="10"/>
      <c r="HLF1022" s="10"/>
      <c r="HLG1022" s="10"/>
      <c r="HLH1022" s="10"/>
      <c r="HLI1022" s="10"/>
      <c r="HLJ1022" s="10"/>
      <c r="HLK1022" s="10"/>
      <c r="HLL1022" s="10"/>
      <c r="HLM1022" s="10"/>
      <c r="HLN1022" s="10"/>
      <c r="HLO1022" s="10"/>
      <c r="HLP1022" s="10"/>
      <c r="HLQ1022" s="10"/>
      <c r="HLR1022" s="10"/>
      <c r="HLS1022" s="10"/>
      <c r="HLT1022" s="10"/>
      <c r="HLU1022" s="10"/>
      <c r="HLV1022" s="10"/>
      <c r="HLW1022" s="10"/>
      <c r="HLX1022" s="10"/>
      <c r="HLY1022" s="10"/>
      <c r="HLZ1022" s="10"/>
      <c r="HMA1022" s="10"/>
      <c r="HMB1022" s="10"/>
      <c r="HMC1022" s="10"/>
      <c r="HMD1022" s="10"/>
      <c r="HME1022" s="10"/>
      <c r="HMF1022" s="10"/>
      <c r="HMG1022" s="10"/>
      <c r="HMH1022" s="10"/>
      <c r="HMI1022" s="10"/>
      <c r="HMJ1022" s="10"/>
      <c r="HMK1022" s="10"/>
      <c r="HML1022" s="10"/>
      <c r="HMM1022" s="10"/>
      <c r="HMN1022" s="10"/>
      <c r="HMO1022" s="10"/>
      <c r="HMP1022" s="10"/>
      <c r="HMQ1022" s="10"/>
      <c r="HMR1022" s="10"/>
      <c r="HMS1022" s="10"/>
      <c r="HMT1022" s="10"/>
      <c r="HMU1022" s="10"/>
      <c r="HMV1022" s="10"/>
      <c r="HMW1022" s="10"/>
      <c r="HMX1022" s="10"/>
      <c r="HMY1022" s="10"/>
      <c r="HMZ1022" s="10"/>
      <c r="HNA1022" s="10"/>
      <c r="HNB1022" s="10"/>
      <c r="HNC1022" s="10"/>
      <c r="HND1022" s="10"/>
      <c r="HNE1022" s="10"/>
      <c r="HNF1022" s="10"/>
      <c r="HNG1022" s="10"/>
      <c r="HNH1022" s="10"/>
      <c r="HNI1022" s="10"/>
      <c r="HNJ1022" s="10"/>
      <c r="HNK1022" s="10"/>
      <c r="HNL1022" s="10"/>
      <c r="HNM1022" s="10"/>
      <c r="HNN1022" s="10"/>
      <c r="HNO1022" s="10"/>
      <c r="HNP1022" s="10"/>
      <c r="HNQ1022" s="10"/>
      <c r="HNR1022" s="10"/>
      <c r="HNS1022" s="10"/>
      <c r="HNT1022" s="10"/>
      <c r="HNU1022" s="10"/>
      <c r="HNV1022" s="10"/>
      <c r="HNW1022" s="10"/>
      <c r="HNX1022" s="10"/>
      <c r="HNY1022" s="10"/>
      <c r="HNZ1022" s="10"/>
      <c r="HOA1022" s="10"/>
      <c r="HOB1022" s="10"/>
      <c r="HOC1022" s="10"/>
      <c r="HOD1022" s="10"/>
      <c r="HOE1022" s="10"/>
      <c r="HOF1022" s="10"/>
      <c r="HOG1022" s="10"/>
      <c r="HOH1022" s="10"/>
      <c r="HOI1022" s="10"/>
      <c r="HOJ1022" s="10"/>
      <c r="HOK1022" s="10"/>
      <c r="HOL1022" s="10"/>
      <c r="HOM1022" s="10"/>
      <c r="HON1022" s="10"/>
      <c r="HOO1022" s="10"/>
      <c r="HOP1022" s="10"/>
      <c r="HOQ1022" s="10"/>
      <c r="HOR1022" s="10"/>
      <c r="HOS1022" s="10"/>
      <c r="HOT1022" s="10"/>
      <c r="HOU1022" s="10"/>
      <c r="HOV1022" s="10"/>
      <c r="HOW1022" s="10"/>
      <c r="HOX1022" s="10"/>
      <c r="HOY1022" s="10"/>
      <c r="HOZ1022" s="10"/>
      <c r="HPA1022" s="10"/>
      <c r="HPB1022" s="10"/>
      <c r="HPC1022" s="10"/>
      <c r="HPD1022" s="10"/>
      <c r="HPE1022" s="10"/>
      <c r="HPF1022" s="10"/>
      <c r="HPG1022" s="10"/>
      <c r="HPH1022" s="10"/>
      <c r="HPI1022" s="10"/>
      <c r="HPJ1022" s="10"/>
      <c r="HPK1022" s="10"/>
      <c r="HPL1022" s="10"/>
      <c r="HPM1022" s="10"/>
      <c r="HPN1022" s="10"/>
      <c r="HPO1022" s="10"/>
      <c r="HPP1022" s="10"/>
      <c r="HPQ1022" s="10"/>
      <c r="HPR1022" s="10"/>
      <c r="HPS1022" s="10"/>
      <c r="HPT1022" s="10"/>
      <c r="HPU1022" s="10"/>
      <c r="HPV1022" s="10"/>
      <c r="HPW1022" s="10"/>
      <c r="HPX1022" s="10"/>
      <c r="HPY1022" s="10"/>
      <c r="HPZ1022" s="10"/>
      <c r="HQA1022" s="10"/>
      <c r="HQB1022" s="10"/>
      <c r="HQC1022" s="10"/>
      <c r="HQD1022" s="10"/>
      <c r="HQE1022" s="10"/>
      <c r="HQF1022" s="10"/>
      <c r="HQG1022" s="10"/>
      <c r="HQH1022" s="10"/>
      <c r="HQI1022" s="10"/>
      <c r="HQJ1022" s="10"/>
      <c r="HQK1022" s="10"/>
      <c r="HQL1022" s="10"/>
      <c r="HQM1022" s="10"/>
      <c r="HQN1022" s="10"/>
      <c r="HQO1022" s="10"/>
      <c r="HQP1022" s="10"/>
      <c r="HQQ1022" s="10"/>
      <c r="HQR1022" s="10"/>
      <c r="HQS1022" s="10"/>
      <c r="HQT1022" s="10"/>
      <c r="HQU1022" s="10"/>
      <c r="HQV1022" s="10"/>
      <c r="HQW1022" s="10"/>
      <c r="HQX1022" s="10"/>
      <c r="HQY1022" s="10"/>
      <c r="HQZ1022" s="10"/>
      <c r="HRA1022" s="10"/>
      <c r="HRB1022" s="10"/>
      <c r="HRC1022" s="10"/>
      <c r="HRD1022" s="10"/>
      <c r="HRE1022" s="10"/>
      <c r="HRF1022" s="10"/>
      <c r="HRG1022" s="10"/>
      <c r="HRH1022" s="10"/>
      <c r="HRI1022" s="10"/>
      <c r="HRJ1022" s="10"/>
      <c r="HRK1022" s="10"/>
      <c r="HRL1022" s="10"/>
      <c r="HRM1022" s="10"/>
      <c r="HRN1022" s="10"/>
      <c r="HRO1022" s="10"/>
      <c r="HRP1022" s="10"/>
      <c r="HRQ1022" s="10"/>
      <c r="HRR1022" s="10"/>
      <c r="HRS1022" s="10"/>
      <c r="HRT1022" s="10"/>
      <c r="HRU1022" s="10"/>
      <c r="HRV1022" s="10"/>
      <c r="HRW1022" s="10"/>
      <c r="HRX1022" s="10"/>
      <c r="HRY1022" s="10"/>
      <c r="HRZ1022" s="10"/>
      <c r="HSA1022" s="10"/>
      <c r="HSB1022" s="10"/>
      <c r="HSC1022" s="10"/>
      <c r="HSD1022" s="10"/>
      <c r="HSE1022" s="10"/>
      <c r="HSF1022" s="10"/>
      <c r="HSG1022" s="10"/>
      <c r="HSH1022" s="10"/>
      <c r="HSI1022" s="10"/>
      <c r="HSJ1022" s="10"/>
      <c r="HSK1022" s="10"/>
      <c r="HSL1022" s="10"/>
      <c r="HSM1022" s="10"/>
      <c r="HSN1022" s="10"/>
      <c r="HSO1022" s="10"/>
      <c r="HSP1022" s="10"/>
      <c r="HSQ1022" s="10"/>
      <c r="HSR1022" s="10"/>
      <c r="HSS1022" s="10"/>
      <c r="HST1022" s="10"/>
      <c r="HSU1022" s="10"/>
      <c r="HSV1022" s="10"/>
      <c r="HSW1022" s="10"/>
      <c r="HSX1022" s="10"/>
      <c r="HSY1022" s="10"/>
      <c r="HSZ1022" s="10"/>
      <c r="HTA1022" s="10"/>
      <c r="HTB1022" s="10"/>
      <c r="HTC1022" s="10"/>
      <c r="HTD1022" s="10"/>
      <c r="HTE1022" s="10"/>
      <c r="HTF1022" s="10"/>
      <c r="HTG1022" s="10"/>
      <c r="HTH1022" s="10"/>
      <c r="HTI1022" s="10"/>
      <c r="HTJ1022" s="10"/>
      <c r="HTK1022" s="10"/>
      <c r="HTL1022" s="10"/>
      <c r="HTM1022" s="10"/>
      <c r="HTN1022" s="10"/>
      <c r="HTO1022" s="10"/>
      <c r="HTP1022" s="10"/>
      <c r="HTQ1022" s="10"/>
      <c r="HTR1022" s="10"/>
      <c r="HTS1022" s="10"/>
      <c r="HTT1022" s="10"/>
      <c r="HTU1022" s="10"/>
      <c r="HTV1022" s="10"/>
      <c r="HTW1022" s="10"/>
      <c r="HTX1022" s="10"/>
      <c r="HTY1022" s="10"/>
      <c r="HTZ1022" s="10"/>
      <c r="HUA1022" s="10"/>
      <c r="HUB1022" s="10"/>
      <c r="HUC1022" s="10"/>
      <c r="HUD1022" s="10"/>
      <c r="HUE1022" s="10"/>
      <c r="HUF1022" s="10"/>
      <c r="HUG1022" s="10"/>
      <c r="HUH1022" s="10"/>
      <c r="HUI1022" s="10"/>
      <c r="HUJ1022" s="10"/>
      <c r="HUK1022" s="10"/>
      <c r="HUL1022" s="10"/>
      <c r="HUM1022" s="10"/>
      <c r="HUN1022" s="10"/>
      <c r="HUO1022" s="10"/>
      <c r="HUP1022" s="10"/>
      <c r="HUQ1022" s="10"/>
      <c r="HUR1022" s="10"/>
      <c r="HUS1022" s="10"/>
      <c r="HUT1022" s="10"/>
      <c r="HUU1022" s="10"/>
      <c r="HUV1022" s="10"/>
      <c r="HUW1022" s="10"/>
      <c r="HUX1022" s="10"/>
      <c r="HUY1022" s="10"/>
      <c r="HUZ1022" s="10"/>
      <c r="HVA1022" s="10"/>
      <c r="HVB1022" s="10"/>
      <c r="HVC1022" s="10"/>
      <c r="HVD1022" s="10"/>
      <c r="HVE1022" s="10"/>
      <c r="HVF1022" s="10"/>
      <c r="HVG1022" s="10"/>
      <c r="HVH1022" s="10"/>
      <c r="HVI1022" s="10"/>
      <c r="HVJ1022" s="10"/>
      <c r="HVK1022" s="10"/>
      <c r="HVL1022" s="10"/>
      <c r="HVM1022" s="10"/>
      <c r="HVN1022" s="10"/>
      <c r="HVO1022" s="10"/>
      <c r="HVP1022" s="10"/>
      <c r="HVQ1022" s="10"/>
      <c r="HVR1022" s="10"/>
      <c r="HVS1022" s="10"/>
      <c r="HVT1022" s="10"/>
      <c r="HVU1022" s="10"/>
      <c r="HVV1022" s="10"/>
      <c r="HVW1022" s="10"/>
      <c r="HVX1022" s="10"/>
      <c r="HVY1022" s="10"/>
      <c r="HVZ1022" s="10"/>
      <c r="HWA1022" s="10"/>
      <c r="HWB1022" s="10"/>
      <c r="HWC1022" s="10"/>
      <c r="HWD1022" s="10"/>
      <c r="HWE1022" s="10"/>
      <c r="HWF1022" s="10"/>
      <c r="HWG1022" s="10"/>
      <c r="HWH1022" s="10"/>
      <c r="HWI1022" s="10"/>
      <c r="HWJ1022" s="10"/>
      <c r="HWK1022" s="10"/>
      <c r="HWL1022" s="10"/>
      <c r="HWM1022" s="10"/>
      <c r="HWN1022" s="10"/>
      <c r="HWO1022" s="10"/>
      <c r="HWP1022" s="10"/>
      <c r="HWQ1022" s="10"/>
      <c r="HWR1022" s="10"/>
      <c r="HWS1022" s="10"/>
      <c r="HWT1022" s="10"/>
      <c r="HWU1022" s="10"/>
      <c r="HWV1022" s="10"/>
      <c r="HWW1022" s="10"/>
      <c r="HWX1022" s="10"/>
      <c r="HWY1022" s="10"/>
      <c r="HWZ1022" s="10"/>
      <c r="HXA1022" s="10"/>
      <c r="HXB1022" s="10"/>
      <c r="HXC1022" s="10"/>
      <c r="HXD1022" s="10"/>
      <c r="HXE1022" s="10"/>
      <c r="HXF1022" s="10"/>
      <c r="HXG1022" s="10"/>
      <c r="HXH1022" s="10"/>
      <c r="HXI1022" s="10"/>
      <c r="HXJ1022" s="10"/>
      <c r="HXK1022" s="10"/>
      <c r="HXL1022" s="10"/>
      <c r="HXM1022" s="10"/>
      <c r="HXN1022" s="10"/>
      <c r="HXO1022" s="10"/>
      <c r="HXP1022" s="10"/>
      <c r="HXQ1022" s="10"/>
      <c r="HXR1022" s="10"/>
      <c r="HXS1022" s="10"/>
      <c r="HXT1022" s="10"/>
      <c r="HXU1022" s="10"/>
      <c r="HXV1022" s="10"/>
      <c r="HXW1022" s="10"/>
      <c r="HXX1022" s="10"/>
      <c r="HXY1022" s="10"/>
      <c r="HXZ1022" s="10"/>
      <c r="HYA1022" s="10"/>
      <c r="HYB1022" s="10"/>
      <c r="HYC1022" s="10"/>
      <c r="HYD1022" s="10"/>
      <c r="HYE1022" s="10"/>
      <c r="HYF1022" s="10"/>
      <c r="HYG1022" s="10"/>
      <c r="HYH1022" s="10"/>
      <c r="HYI1022" s="10"/>
      <c r="HYJ1022" s="10"/>
      <c r="HYK1022" s="10"/>
      <c r="HYL1022" s="10"/>
      <c r="HYM1022" s="10"/>
      <c r="HYN1022" s="10"/>
      <c r="HYO1022" s="10"/>
      <c r="HYP1022" s="10"/>
      <c r="HYQ1022" s="10"/>
      <c r="HYR1022" s="10"/>
      <c r="HYS1022" s="10"/>
      <c r="HYT1022" s="10"/>
      <c r="HYU1022" s="10"/>
      <c r="HYV1022" s="10"/>
      <c r="HYW1022" s="10"/>
      <c r="HYX1022" s="10"/>
      <c r="HYY1022" s="10"/>
      <c r="HYZ1022" s="10"/>
      <c r="HZA1022" s="10"/>
      <c r="HZB1022" s="10"/>
      <c r="HZC1022" s="10"/>
      <c r="HZD1022" s="10"/>
      <c r="HZE1022" s="10"/>
      <c r="HZF1022" s="10"/>
      <c r="HZG1022" s="10"/>
      <c r="HZH1022" s="10"/>
      <c r="HZI1022" s="10"/>
      <c r="HZJ1022" s="10"/>
      <c r="HZK1022" s="10"/>
      <c r="HZL1022" s="10"/>
      <c r="HZM1022" s="10"/>
      <c r="HZN1022" s="10"/>
      <c r="HZO1022" s="10"/>
      <c r="HZP1022" s="10"/>
      <c r="HZQ1022" s="10"/>
      <c r="HZR1022" s="10"/>
      <c r="HZS1022" s="10"/>
      <c r="HZT1022" s="10"/>
      <c r="HZU1022" s="10"/>
      <c r="HZV1022" s="10"/>
      <c r="HZW1022" s="10"/>
      <c r="HZX1022" s="10"/>
      <c r="HZY1022" s="10"/>
      <c r="HZZ1022" s="10"/>
      <c r="IAA1022" s="10"/>
      <c r="IAB1022" s="10"/>
      <c r="IAC1022" s="10"/>
      <c r="IAD1022" s="10"/>
      <c r="IAE1022" s="10"/>
      <c r="IAF1022" s="10"/>
      <c r="IAG1022" s="10"/>
      <c r="IAH1022" s="10"/>
      <c r="IAI1022" s="10"/>
      <c r="IAJ1022" s="10"/>
      <c r="IAK1022" s="10"/>
      <c r="IAL1022" s="10"/>
      <c r="IAM1022" s="10"/>
      <c r="IAN1022" s="10"/>
      <c r="IAO1022" s="10"/>
      <c r="IAP1022" s="10"/>
      <c r="IAQ1022" s="10"/>
      <c r="IAR1022" s="10"/>
      <c r="IAS1022" s="10"/>
      <c r="IAT1022" s="10"/>
      <c r="IAU1022" s="10"/>
      <c r="IAV1022" s="10"/>
      <c r="IAW1022" s="10"/>
      <c r="IAX1022" s="10"/>
      <c r="IAY1022" s="10"/>
      <c r="IAZ1022" s="10"/>
      <c r="IBA1022" s="10"/>
      <c r="IBB1022" s="10"/>
      <c r="IBC1022" s="10"/>
      <c r="IBD1022" s="10"/>
      <c r="IBE1022" s="10"/>
      <c r="IBF1022" s="10"/>
      <c r="IBG1022" s="10"/>
      <c r="IBH1022" s="10"/>
      <c r="IBI1022" s="10"/>
      <c r="IBJ1022" s="10"/>
      <c r="IBK1022" s="10"/>
      <c r="IBL1022" s="10"/>
      <c r="IBM1022" s="10"/>
      <c r="IBN1022" s="10"/>
      <c r="IBO1022" s="10"/>
      <c r="IBP1022" s="10"/>
      <c r="IBQ1022" s="10"/>
      <c r="IBR1022" s="10"/>
      <c r="IBS1022" s="10"/>
      <c r="IBT1022" s="10"/>
      <c r="IBU1022" s="10"/>
      <c r="IBV1022" s="10"/>
      <c r="IBW1022" s="10"/>
      <c r="IBX1022" s="10"/>
      <c r="IBY1022" s="10"/>
      <c r="IBZ1022" s="10"/>
      <c r="ICA1022" s="10"/>
      <c r="ICB1022" s="10"/>
      <c r="ICC1022" s="10"/>
      <c r="ICD1022" s="10"/>
      <c r="ICE1022" s="10"/>
      <c r="ICF1022" s="10"/>
      <c r="ICG1022" s="10"/>
      <c r="ICH1022" s="10"/>
      <c r="ICI1022" s="10"/>
      <c r="ICJ1022" s="10"/>
      <c r="ICK1022" s="10"/>
      <c r="ICL1022" s="10"/>
      <c r="ICM1022" s="10"/>
      <c r="ICN1022" s="10"/>
      <c r="ICO1022" s="10"/>
      <c r="ICP1022" s="10"/>
      <c r="ICQ1022" s="10"/>
      <c r="ICR1022" s="10"/>
      <c r="ICS1022" s="10"/>
      <c r="ICT1022" s="10"/>
      <c r="ICU1022" s="10"/>
      <c r="ICV1022" s="10"/>
      <c r="ICW1022" s="10"/>
      <c r="ICX1022" s="10"/>
      <c r="ICY1022" s="10"/>
      <c r="ICZ1022" s="10"/>
      <c r="IDA1022" s="10"/>
      <c r="IDB1022" s="10"/>
      <c r="IDC1022" s="10"/>
      <c r="IDD1022" s="10"/>
      <c r="IDE1022" s="10"/>
      <c r="IDF1022" s="10"/>
      <c r="IDG1022" s="10"/>
      <c r="IDH1022" s="10"/>
      <c r="IDI1022" s="10"/>
      <c r="IDJ1022" s="10"/>
      <c r="IDK1022" s="10"/>
      <c r="IDL1022" s="10"/>
      <c r="IDM1022" s="10"/>
      <c r="IDN1022" s="10"/>
      <c r="IDO1022" s="10"/>
      <c r="IDP1022" s="10"/>
      <c r="IDQ1022" s="10"/>
      <c r="IDR1022" s="10"/>
      <c r="IDS1022" s="10"/>
      <c r="IDT1022" s="10"/>
      <c r="IDU1022" s="10"/>
      <c r="IDV1022" s="10"/>
      <c r="IDW1022" s="10"/>
      <c r="IDX1022" s="10"/>
      <c r="IDY1022" s="10"/>
      <c r="IDZ1022" s="10"/>
      <c r="IEA1022" s="10"/>
      <c r="IEB1022" s="10"/>
      <c r="IEC1022" s="10"/>
      <c r="IED1022" s="10"/>
      <c r="IEE1022" s="10"/>
      <c r="IEF1022" s="10"/>
      <c r="IEG1022" s="10"/>
      <c r="IEH1022" s="10"/>
      <c r="IEI1022" s="10"/>
      <c r="IEJ1022" s="10"/>
      <c r="IEK1022" s="10"/>
      <c r="IEL1022" s="10"/>
      <c r="IEM1022" s="10"/>
      <c r="IEN1022" s="10"/>
      <c r="IEO1022" s="10"/>
      <c r="IEP1022" s="10"/>
      <c r="IEQ1022" s="10"/>
      <c r="IER1022" s="10"/>
      <c r="IES1022" s="10"/>
      <c r="IET1022" s="10"/>
      <c r="IEU1022" s="10"/>
      <c r="IEV1022" s="10"/>
      <c r="IEW1022" s="10"/>
      <c r="IEX1022" s="10"/>
      <c r="IEY1022" s="10"/>
      <c r="IEZ1022" s="10"/>
      <c r="IFA1022" s="10"/>
      <c r="IFB1022" s="10"/>
      <c r="IFC1022" s="10"/>
      <c r="IFD1022" s="10"/>
      <c r="IFE1022" s="10"/>
      <c r="IFF1022" s="10"/>
      <c r="IFG1022" s="10"/>
      <c r="IFH1022" s="10"/>
      <c r="IFI1022" s="10"/>
      <c r="IFJ1022" s="10"/>
      <c r="IFK1022" s="10"/>
      <c r="IFL1022" s="10"/>
      <c r="IFM1022" s="10"/>
      <c r="IFN1022" s="10"/>
      <c r="IFO1022" s="10"/>
      <c r="IFP1022" s="10"/>
      <c r="IFQ1022" s="10"/>
      <c r="IFR1022" s="10"/>
      <c r="IFS1022" s="10"/>
      <c r="IFT1022" s="10"/>
      <c r="IFU1022" s="10"/>
      <c r="IFV1022" s="10"/>
      <c r="IFW1022" s="10"/>
      <c r="IFX1022" s="10"/>
      <c r="IFY1022" s="10"/>
      <c r="IFZ1022" s="10"/>
      <c r="IGA1022" s="10"/>
      <c r="IGB1022" s="10"/>
      <c r="IGC1022" s="10"/>
      <c r="IGD1022" s="10"/>
      <c r="IGE1022" s="10"/>
      <c r="IGF1022" s="10"/>
      <c r="IGG1022" s="10"/>
      <c r="IGH1022" s="10"/>
      <c r="IGI1022" s="10"/>
      <c r="IGJ1022" s="10"/>
      <c r="IGK1022" s="10"/>
      <c r="IGL1022" s="10"/>
      <c r="IGM1022" s="10"/>
      <c r="IGN1022" s="10"/>
      <c r="IGO1022" s="10"/>
      <c r="IGP1022" s="10"/>
      <c r="IGQ1022" s="10"/>
      <c r="IGR1022" s="10"/>
      <c r="IGS1022" s="10"/>
      <c r="IGT1022" s="10"/>
      <c r="IGU1022" s="10"/>
      <c r="IGV1022" s="10"/>
      <c r="IGW1022" s="10"/>
      <c r="IGX1022" s="10"/>
      <c r="IGY1022" s="10"/>
      <c r="IGZ1022" s="10"/>
      <c r="IHA1022" s="10"/>
      <c r="IHB1022" s="10"/>
      <c r="IHC1022" s="10"/>
      <c r="IHD1022" s="10"/>
      <c r="IHE1022" s="10"/>
      <c r="IHF1022" s="10"/>
      <c r="IHG1022" s="10"/>
      <c r="IHH1022" s="10"/>
      <c r="IHI1022" s="10"/>
      <c r="IHJ1022" s="10"/>
      <c r="IHK1022" s="10"/>
      <c r="IHL1022" s="10"/>
      <c r="IHM1022" s="10"/>
      <c r="IHN1022" s="10"/>
      <c r="IHO1022" s="10"/>
      <c r="IHP1022" s="10"/>
      <c r="IHQ1022" s="10"/>
      <c r="IHR1022" s="10"/>
      <c r="IHS1022" s="10"/>
      <c r="IHT1022" s="10"/>
      <c r="IHU1022" s="10"/>
      <c r="IHV1022" s="10"/>
      <c r="IHW1022" s="10"/>
      <c r="IHX1022" s="10"/>
      <c r="IHY1022" s="10"/>
      <c r="IHZ1022" s="10"/>
      <c r="IIA1022" s="10"/>
      <c r="IIB1022" s="10"/>
      <c r="IIC1022" s="10"/>
      <c r="IID1022" s="10"/>
      <c r="IIE1022" s="10"/>
      <c r="IIF1022" s="10"/>
      <c r="IIG1022" s="10"/>
      <c r="IIH1022" s="10"/>
      <c r="III1022" s="10"/>
      <c r="IIJ1022" s="10"/>
      <c r="IIK1022" s="10"/>
      <c r="IIL1022" s="10"/>
      <c r="IIM1022" s="10"/>
      <c r="IIN1022" s="10"/>
      <c r="IIO1022" s="10"/>
      <c r="IIP1022" s="10"/>
      <c r="IIQ1022" s="10"/>
      <c r="IIR1022" s="10"/>
      <c r="IIS1022" s="10"/>
      <c r="IIT1022" s="10"/>
      <c r="IIU1022" s="10"/>
      <c r="IIV1022" s="10"/>
      <c r="IIW1022" s="10"/>
      <c r="IIX1022" s="10"/>
      <c r="IIY1022" s="10"/>
      <c r="IIZ1022" s="10"/>
      <c r="IJA1022" s="10"/>
      <c r="IJB1022" s="10"/>
      <c r="IJC1022" s="10"/>
      <c r="IJD1022" s="10"/>
      <c r="IJE1022" s="10"/>
      <c r="IJF1022" s="10"/>
      <c r="IJG1022" s="10"/>
      <c r="IJH1022" s="10"/>
      <c r="IJI1022" s="10"/>
      <c r="IJJ1022" s="10"/>
      <c r="IJK1022" s="10"/>
      <c r="IJL1022" s="10"/>
      <c r="IJM1022" s="10"/>
      <c r="IJN1022" s="10"/>
      <c r="IJO1022" s="10"/>
      <c r="IJP1022" s="10"/>
      <c r="IJQ1022" s="10"/>
      <c r="IJR1022" s="10"/>
      <c r="IJS1022" s="10"/>
      <c r="IJT1022" s="10"/>
      <c r="IJU1022" s="10"/>
      <c r="IJV1022" s="10"/>
      <c r="IJW1022" s="10"/>
      <c r="IJX1022" s="10"/>
      <c r="IJY1022" s="10"/>
      <c r="IJZ1022" s="10"/>
      <c r="IKA1022" s="10"/>
      <c r="IKB1022" s="10"/>
      <c r="IKC1022" s="10"/>
      <c r="IKD1022" s="10"/>
      <c r="IKE1022" s="10"/>
      <c r="IKF1022" s="10"/>
      <c r="IKG1022" s="10"/>
      <c r="IKH1022" s="10"/>
      <c r="IKI1022" s="10"/>
      <c r="IKJ1022" s="10"/>
      <c r="IKK1022" s="10"/>
      <c r="IKL1022" s="10"/>
      <c r="IKM1022" s="10"/>
      <c r="IKN1022" s="10"/>
      <c r="IKO1022" s="10"/>
      <c r="IKP1022" s="10"/>
      <c r="IKQ1022" s="10"/>
      <c r="IKR1022" s="10"/>
      <c r="IKS1022" s="10"/>
      <c r="IKT1022" s="10"/>
      <c r="IKU1022" s="10"/>
      <c r="IKV1022" s="10"/>
      <c r="IKW1022" s="10"/>
      <c r="IKX1022" s="10"/>
      <c r="IKY1022" s="10"/>
      <c r="IKZ1022" s="10"/>
      <c r="ILA1022" s="10"/>
      <c r="ILB1022" s="10"/>
      <c r="ILC1022" s="10"/>
      <c r="ILD1022" s="10"/>
      <c r="ILE1022" s="10"/>
      <c r="ILF1022" s="10"/>
      <c r="ILG1022" s="10"/>
      <c r="ILH1022" s="10"/>
      <c r="ILI1022" s="10"/>
      <c r="ILJ1022" s="10"/>
      <c r="ILK1022" s="10"/>
      <c r="ILL1022" s="10"/>
      <c r="ILM1022" s="10"/>
      <c r="ILN1022" s="10"/>
      <c r="ILO1022" s="10"/>
      <c r="ILP1022" s="10"/>
      <c r="ILQ1022" s="10"/>
      <c r="ILR1022" s="10"/>
      <c r="ILS1022" s="10"/>
      <c r="ILT1022" s="10"/>
      <c r="ILU1022" s="10"/>
      <c r="ILV1022" s="10"/>
      <c r="ILW1022" s="10"/>
      <c r="ILX1022" s="10"/>
      <c r="ILY1022" s="10"/>
      <c r="ILZ1022" s="10"/>
      <c r="IMA1022" s="10"/>
      <c r="IMB1022" s="10"/>
      <c r="IMC1022" s="10"/>
      <c r="IMD1022" s="10"/>
      <c r="IME1022" s="10"/>
      <c r="IMF1022" s="10"/>
      <c r="IMG1022" s="10"/>
      <c r="IMH1022" s="10"/>
      <c r="IMI1022" s="10"/>
      <c r="IMJ1022" s="10"/>
      <c r="IMK1022" s="10"/>
      <c r="IML1022" s="10"/>
      <c r="IMM1022" s="10"/>
      <c r="IMN1022" s="10"/>
      <c r="IMO1022" s="10"/>
      <c r="IMP1022" s="10"/>
      <c r="IMQ1022" s="10"/>
      <c r="IMR1022" s="10"/>
      <c r="IMS1022" s="10"/>
      <c r="IMT1022" s="10"/>
      <c r="IMU1022" s="10"/>
      <c r="IMV1022" s="10"/>
      <c r="IMW1022" s="10"/>
      <c r="IMX1022" s="10"/>
      <c r="IMY1022" s="10"/>
      <c r="IMZ1022" s="10"/>
      <c r="INA1022" s="10"/>
      <c r="INB1022" s="10"/>
      <c r="INC1022" s="10"/>
      <c r="IND1022" s="10"/>
      <c r="INE1022" s="10"/>
      <c r="INF1022" s="10"/>
      <c r="ING1022" s="10"/>
      <c r="INH1022" s="10"/>
      <c r="INI1022" s="10"/>
      <c r="INJ1022" s="10"/>
      <c r="INK1022" s="10"/>
      <c r="INL1022" s="10"/>
      <c r="INM1022" s="10"/>
      <c r="INN1022" s="10"/>
      <c r="INO1022" s="10"/>
      <c r="INP1022" s="10"/>
      <c r="INQ1022" s="10"/>
      <c r="INR1022" s="10"/>
      <c r="INS1022" s="10"/>
      <c r="INT1022" s="10"/>
      <c r="INU1022" s="10"/>
      <c r="INV1022" s="10"/>
      <c r="INW1022" s="10"/>
      <c r="INX1022" s="10"/>
      <c r="INY1022" s="10"/>
      <c r="INZ1022" s="10"/>
      <c r="IOA1022" s="10"/>
      <c r="IOB1022" s="10"/>
      <c r="IOC1022" s="10"/>
      <c r="IOD1022" s="10"/>
      <c r="IOE1022" s="10"/>
      <c r="IOF1022" s="10"/>
      <c r="IOG1022" s="10"/>
      <c r="IOH1022" s="10"/>
      <c r="IOI1022" s="10"/>
      <c r="IOJ1022" s="10"/>
      <c r="IOK1022" s="10"/>
      <c r="IOL1022" s="10"/>
      <c r="IOM1022" s="10"/>
      <c r="ION1022" s="10"/>
      <c r="IOO1022" s="10"/>
      <c r="IOP1022" s="10"/>
      <c r="IOQ1022" s="10"/>
      <c r="IOR1022" s="10"/>
      <c r="IOS1022" s="10"/>
      <c r="IOT1022" s="10"/>
      <c r="IOU1022" s="10"/>
      <c r="IOV1022" s="10"/>
      <c r="IOW1022" s="10"/>
      <c r="IOX1022" s="10"/>
      <c r="IOY1022" s="10"/>
      <c r="IOZ1022" s="10"/>
      <c r="IPA1022" s="10"/>
      <c r="IPB1022" s="10"/>
      <c r="IPC1022" s="10"/>
      <c r="IPD1022" s="10"/>
      <c r="IPE1022" s="10"/>
      <c r="IPF1022" s="10"/>
      <c r="IPG1022" s="10"/>
      <c r="IPH1022" s="10"/>
      <c r="IPI1022" s="10"/>
      <c r="IPJ1022" s="10"/>
      <c r="IPK1022" s="10"/>
      <c r="IPL1022" s="10"/>
      <c r="IPM1022" s="10"/>
      <c r="IPN1022" s="10"/>
      <c r="IPO1022" s="10"/>
      <c r="IPP1022" s="10"/>
      <c r="IPQ1022" s="10"/>
      <c r="IPR1022" s="10"/>
      <c r="IPS1022" s="10"/>
      <c r="IPT1022" s="10"/>
      <c r="IPU1022" s="10"/>
      <c r="IPV1022" s="10"/>
      <c r="IPW1022" s="10"/>
      <c r="IPX1022" s="10"/>
      <c r="IPY1022" s="10"/>
      <c r="IPZ1022" s="10"/>
      <c r="IQA1022" s="10"/>
      <c r="IQB1022" s="10"/>
      <c r="IQC1022" s="10"/>
      <c r="IQD1022" s="10"/>
      <c r="IQE1022" s="10"/>
      <c r="IQF1022" s="10"/>
      <c r="IQG1022" s="10"/>
      <c r="IQH1022" s="10"/>
      <c r="IQI1022" s="10"/>
      <c r="IQJ1022" s="10"/>
      <c r="IQK1022" s="10"/>
      <c r="IQL1022" s="10"/>
      <c r="IQM1022" s="10"/>
      <c r="IQN1022" s="10"/>
      <c r="IQO1022" s="10"/>
      <c r="IQP1022" s="10"/>
      <c r="IQQ1022" s="10"/>
      <c r="IQR1022" s="10"/>
      <c r="IQS1022" s="10"/>
      <c r="IQT1022" s="10"/>
      <c r="IQU1022" s="10"/>
      <c r="IQV1022" s="10"/>
      <c r="IQW1022" s="10"/>
      <c r="IQX1022" s="10"/>
      <c r="IQY1022" s="10"/>
      <c r="IQZ1022" s="10"/>
      <c r="IRA1022" s="10"/>
      <c r="IRB1022" s="10"/>
      <c r="IRC1022" s="10"/>
      <c r="IRD1022" s="10"/>
      <c r="IRE1022" s="10"/>
      <c r="IRF1022" s="10"/>
      <c r="IRG1022" s="10"/>
      <c r="IRH1022" s="10"/>
      <c r="IRI1022" s="10"/>
      <c r="IRJ1022" s="10"/>
      <c r="IRK1022" s="10"/>
      <c r="IRL1022" s="10"/>
      <c r="IRM1022" s="10"/>
      <c r="IRN1022" s="10"/>
      <c r="IRO1022" s="10"/>
      <c r="IRP1022" s="10"/>
      <c r="IRQ1022" s="10"/>
      <c r="IRR1022" s="10"/>
      <c r="IRS1022" s="10"/>
      <c r="IRT1022" s="10"/>
      <c r="IRU1022" s="10"/>
      <c r="IRV1022" s="10"/>
      <c r="IRW1022" s="10"/>
      <c r="IRX1022" s="10"/>
      <c r="IRY1022" s="10"/>
      <c r="IRZ1022" s="10"/>
      <c r="ISA1022" s="10"/>
      <c r="ISB1022" s="10"/>
      <c r="ISC1022" s="10"/>
      <c r="ISD1022" s="10"/>
      <c r="ISE1022" s="10"/>
      <c r="ISF1022" s="10"/>
      <c r="ISG1022" s="10"/>
      <c r="ISH1022" s="10"/>
      <c r="ISI1022" s="10"/>
      <c r="ISJ1022" s="10"/>
      <c r="ISK1022" s="10"/>
      <c r="ISL1022" s="10"/>
      <c r="ISM1022" s="10"/>
      <c r="ISN1022" s="10"/>
      <c r="ISO1022" s="10"/>
      <c r="ISP1022" s="10"/>
      <c r="ISQ1022" s="10"/>
      <c r="ISR1022" s="10"/>
      <c r="ISS1022" s="10"/>
      <c r="IST1022" s="10"/>
      <c r="ISU1022" s="10"/>
      <c r="ISV1022" s="10"/>
      <c r="ISW1022" s="10"/>
      <c r="ISX1022" s="10"/>
      <c r="ISY1022" s="10"/>
      <c r="ISZ1022" s="10"/>
      <c r="ITA1022" s="10"/>
      <c r="ITB1022" s="10"/>
      <c r="ITC1022" s="10"/>
      <c r="ITD1022" s="10"/>
      <c r="ITE1022" s="10"/>
      <c r="ITF1022" s="10"/>
      <c r="ITG1022" s="10"/>
      <c r="ITH1022" s="10"/>
      <c r="ITI1022" s="10"/>
      <c r="ITJ1022" s="10"/>
      <c r="ITK1022" s="10"/>
      <c r="ITL1022" s="10"/>
      <c r="ITM1022" s="10"/>
      <c r="ITN1022" s="10"/>
      <c r="ITO1022" s="10"/>
      <c r="ITP1022" s="10"/>
      <c r="ITQ1022" s="10"/>
      <c r="ITR1022" s="10"/>
      <c r="ITS1022" s="10"/>
      <c r="ITT1022" s="10"/>
      <c r="ITU1022" s="10"/>
      <c r="ITV1022" s="10"/>
      <c r="ITW1022" s="10"/>
      <c r="ITX1022" s="10"/>
      <c r="ITY1022" s="10"/>
      <c r="ITZ1022" s="10"/>
      <c r="IUA1022" s="10"/>
      <c r="IUB1022" s="10"/>
      <c r="IUC1022" s="10"/>
      <c r="IUD1022" s="10"/>
      <c r="IUE1022" s="10"/>
      <c r="IUF1022" s="10"/>
      <c r="IUG1022" s="10"/>
      <c r="IUH1022" s="10"/>
      <c r="IUI1022" s="10"/>
      <c r="IUJ1022" s="10"/>
      <c r="IUK1022" s="10"/>
      <c r="IUL1022" s="10"/>
      <c r="IUM1022" s="10"/>
      <c r="IUN1022" s="10"/>
      <c r="IUO1022" s="10"/>
      <c r="IUP1022" s="10"/>
      <c r="IUQ1022" s="10"/>
      <c r="IUR1022" s="10"/>
      <c r="IUS1022" s="10"/>
      <c r="IUT1022" s="10"/>
      <c r="IUU1022" s="10"/>
      <c r="IUV1022" s="10"/>
      <c r="IUW1022" s="10"/>
      <c r="IUX1022" s="10"/>
      <c r="IUY1022" s="10"/>
      <c r="IUZ1022" s="10"/>
      <c r="IVA1022" s="10"/>
      <c r="IVB1022" s="10"/>
      <c r="IVC1022" s="10"/>
      <c r="IVD1022" s="10"/>
      <c r="IVE1022" s="10"/>
      <c r="IVF1022" s="10"/>
      <c r="IVG1022" s="10"/>
      <c r="IVH1022" s="10"/>
      <c r="IVI1022" s="10"/>
      <c r="IVJ1022" s="10"/>
      <c r="IVK1022" s="10"/>
      <c r="IVL1022" s="10"/>
      <c r="IVM1022" s="10"/>
      <c r="IVN1022" s="10"/>
      <c r="IVO1022" s="10"/>
      <c r="IVP1022" s="10"/>
      <c r="IVQ1022" s="10"/>
      <c r="IVR1022" s="10"/>
      <c r="IVS1022" s="10"/>
      <c r="IVT1022" s="10"/>
      <c r="IVU1022" s="10"/>
      <c r="IVV1022" s="10"/>
      <c r="IVW1022" s="10"/>
      <c r="IVX1022" s="10"/>
      <c r="IVY1022" s="10"/>
      <c r="IVZ1022" s="10"/>
      <c r="IWA1022" s="10"/>
      <c r="IWB1022" s="10"/>
      <c r="IWC1022" s="10"/>
      <c r="IWD1022" s="10"/>
      <c r="IWE1022" s="10"/>
      <c r="IWF1022" s="10"/>
      <c r="IWG1022" s="10"/>
      <c r="IWH1022" s="10"/>
      <c r="IWI1022" s="10"/>
      <c r="IWJ1022" s="10"/>
      <c r="IWK1022" s="10"/>
      <c r="IWL1022" s="10"/>
      <c r="IWM1022" s="10"/>
      <c r="IWN1022" s="10"/>
      <c r="IWO1022" s="10"/>
      <c r="IWP1022" s="10"/>
      <c r="IWQ1022" s="10"/>
      <c r="IWR1022" s="10"/>
      <c r="IWS1022" s="10"/>
      <c r="IWT1022" s="10"/>
      <c r="IWU1022" s="10"/>
      <c r="IWV1022" s="10"/>
      <c r="IWW1022" s="10"/>
      <c r="IWX1022" s="10"/>
      <c r="IWY1022" s="10"/>
      <c r="IWZ1022" s="10"/>
      <c r="IXA1022" s="10"/>
      <c r="IXB1022" s="10"/>
      <c r="IXC1022" s="10"/>
      <c r="IXD1022" s="10"/>
      <c r="IXE1022" s="10"/>
      <c r="IXF1022" s="10"/>
      <c r="IXG1022" s="10"/>
      <c r="IXH1022" s="10"/>
      <c r="IXI1022" s="10"/>
      <c r="IXJ1022" s="10"/>
      <c r="IXK1022" s="10"/>
      <c r="IXL1022" s="10"/>
      <c r="IXM1022" s="10"/>
      <c r="IXN1022" s="10"/>
      <c r="IXO1022" s="10"/>
      <c r="IXP1022" s="10"/>
      <c r="IXQ1022" s="10"/>
      <c r="IXR1022" s="10"/>
      <c r="IXS1022" s="10"/>
      <c r="IXT1022" s="10"/>
      <c r="IXU1022" s="10"/>
      <c r="IXV1022" s="10"/>
      <c r="IXW1022" s="10"/>
      <c r="IXX1022" s="10"/>
      <c r="IXY1022" s="10"/>
      <c r="IXZ1022" s="10"/>
      <c r="IYA1022" s="10"/>
      <c r="IYB1022" s="10"/>
      <c r="IYC1022" s="10"/>
      <c r="IYD1022" s="10"/>
      <c r="IYE1022" s="10"/>
      <c r="IYF1022" s="10"/>
      <c r="IYG1022" s="10"/>
      <c r="IYH1022" s="10"/>
      <c r="IYI1022" s="10"/>
      <c r="IYJ1022" s="10"/>
      <c r="IYK1022" s="10"/>
      <c r="IYL1022" s="10"/>
      <c r="IYM1022" s="10"/>
      <c r="IYN1022" s="10"/>
      <c r="IYO1022" s="10"/>
      <c r="IYP1022" s="10"/>
      <c r="IYQ1022" s="10"/>
      <c r="IYR1022" s="10"/>
      <c r="IYS1022" s="10"/>
      <c r="IYT1022" s="10"/>
      <c r="IYU1022" s="10"/>
      <c r="IYV1022" s="10"/>
      <c r="IYW1022" s="10"/>
      <c r="IYX1022" s="10"/>
      <c r="IYY1022" s="10"/>
      <c r="IYZ1022" s="10"/>
      <c r="IZA1022" s="10"/>
      <c r="IZB1022" s="10"/>
      <c r="IZC1022" s="10"/>
      <c r="IZD1022" s="10"/>
      <c r="IZE1022" s="10"/>
      <c r="IZF1022" s="10"/>
      <c r="IZG1022" s="10"/>
      <c r="IZH1022" s="10"/>
      <c r="IZI1022" s="10"/>
      <c r="IZJ1022" s="10"/>
      <c r="IZK1022" s="10"/>
      <c r="IZL1022" s="10"/>
      <c r="IZM1022" s="10"/>
      <c r="IZN1022" s="10"/>
      <c r="IZO1022" s="10"/>
      <c r="IZP1022" s="10"/>
      <c r="IZQ1022" s="10"/>
      <c r="IZR1022" s="10"/>
      <c r="IZS1022" s="10"/>
      <c r="IZT1022" s="10"/>
      <c r="IZU1022" s="10"/>
      <c r="IZV1022" s="10"/>
      <c r="IZW1022" s="10"/>
      <c r="IZX1022" s="10"/>
      <c r="IZY1022" s="10"/>
      <c r="IZZ1022" s="10"/>
      <c r="JAA1022" s="10"/>
      <c r="JAB1022" s="10"/>
      <c r="JAC1022" s="10"/>
      <c r="JAD1022" s="10"/>
      <c r="JAE1022" s="10"/>
      <c r="JAF1022" s="10"/>
      <c r="JAG1022" s="10"/>
      <c r="JAH1022" s="10"/>
      <c r="JAI1022" s="10"/>
      <c r="JAJ1022" s="10"/>
      <c r="JAK1022" s="10"/>
      <c r="JAL1022" s="10"/>
      <c r="JAM1022" s="10"/>
      <c r="JAN1022" s="10"/>
      <c r="JAO1022" s="10"/>
      <c r="JAP1022" s="10"/>
      <c r="JAQ1022" s="10"/>
      <c r="JAR1022" s="10"/>
      <c r="JAS1022" s="10"/>
      <c r="JAT1022" s="10"/>
      <c r="JAU1022" s="10"/>
      <c r="JAV1022" s="10"/>
      <c r="JAW1022" s="10"/>
      <c r="JAX1022" s="10"/>
      <c r="JAY1022" s="10"/>
      <c r="JAZ1022" s="10"/>
      <c r="JBA1022" s="10"/>
      <c r="JBB1022" s="10"/>
      <c r="JBC1022" s="10"/>
      <c r="JBD1022" s="10"/>
      <c r="JBE1022" s="10"/>
      <c r="JBF1022" s="10"/>
      <c r="JBG1022" s="10"/>
      <c r="JBH1022" s="10"/>
      <c r="JBI1022" s="10"/>
      <c r="JBJ1022" s="10"/>
      <c r="JBK1022" s="10"/>
      <c r="JBL1022" s="10"/>
      <c r="JBM1022" s="10"/>
      <c r="JBN1022" s="10"/>
      <c r="JBO1022" s="10"/>
      <c r="JBP1022" s="10"/>
      <c r="JBQ1022" s="10"/>
      <c r="JBR1022" s="10"/>
      <c r="JBS1022" s="10"/>
      <c r="JBT1022" s="10"/>
      <c r="JBU1022" s="10"/>
      <c r="JBV1022" s="10"/>
      <c r="JBW1022" s="10"/>
      <c r="JBX1022" s="10"/>
      <c r="JBY1022" s="10"/>
      <c r="JBZ1022" s="10"/>
      <c r="JCA1022" s="10"/>
      <c r="JCB1022" s="10"/>
      <c r="JCC1022" s="10"/>
      <c r="JCD1022" s="10"/>
      <c r="JCE1022" s="10"/>
      <c r="JCF1022" s="10"/>
      <c r="JCG1022" s="10"/>
      <c r="JCH1022" s="10"/>
      <c r="JCI1022" s="10"/>
      <c r="JCJ1022" s="10"/>
      <c r="JCK1022" s="10"/>
      <c r="JCL1022" s="10"/>
      <c r="JCM1022" s="10"/>
      <c r="JCN1022" s="10"/>
      <c r="JCO1022" s="10"/>
      <c r="JCP1022" s="10"/>
      <c r="JCQ1022" s="10"/>
      <c r="JCR1022" s="10"/>
      <c r="JCS1022" s="10"/>
      <c r="JCT1022" s="10"/>
      <c r="JCU1022" s="10"/>
      <c r="JCV1022" s="10"/>
      <c r="JCW1022" s="10"/>
      <c r="JCX1022" s="10"/>
      <c r="JCY1022" s="10"/>
      <c r="JCZ1022" s="10"/>
      <c r="JDA1022" s="10"/>
      <c r="JDB1022" s="10"/>
      <c r="JDC1022" s="10"/>
      <c r="JDD1022" s="10"/>
      <c r="JDE1022" s="10"/>
      <c r="JDF1022" s="10"/>
      <c r="JDG1022" s="10"/>
      <c r="JDH1022" s="10"/>
      <c r="JDI1022" s="10"/>
      <c r="JDJ1022" s="10"/>
      <c r="JDK1022" s="10"/>
      <c r="JDL1022" s="10"/>
      <c r="JDM1022" s="10"/>
      <c r="JDN1022" s="10"/>
      <c r="JDO1022" s="10"/>
      <c r="JDP1022" s="10"/>
      <c r="JDQ1022" s="10"/>
      <c r="JDR1022" s="10"/>
      <c r="JDS1022" s="10"/>
      <c r="JDT1022" s="10"/>
      <c r="JDU1022" s="10"/>
      <c r="JDV1022" s="10"/>
      <c r="JDW1022" s="10"/>
      <c r="JDX1022" s="10"/>
      <c r="JDY1022" s="10"/>
      <c r="JDZ1022" s="10"/>
      <c r="JEA1022" s="10"/>
      <c r="JEB1022" s="10"/>
      <c r="JEC1022" s="10"/>
      <c r="JED1022" s="10"/>
      <c r="JEE1022" s="10"/>
      <c r="JEF1022" s="10"/>
      <c r="JEG1022" s="10"/>
      <c r="JEH1022" s="10"/>
      <c r="JEI1022" s="10"/>
      <c r="JEJ1022" s="10"/>
      <c r="JEK1022" s="10"/>
      <c r="JEL1022" s="10"/>
      <c r="JEM1022" s="10"/>
      <c r="JEN1022" s="10"/>
      <c r="JEO1022" s="10"/>
      <c r="JEP1022" s="10"/>
      <c r="JEQ1022" s="10"/>
      <c r="JER1022" s="10"/>
      <c r="JES1022" s="10"/>
      <c r="JET1022" s="10"/>
      <c r="JEU1022" s="10"/>
      <c r="JEV1022" s="10"/>
      <c r="JEW1022" s="10"/>
      <c r="JEX1022" s="10"/>
      <c r="JEY1022" s="10"/>
      <c r="JEZ1022" s="10"/>
      <c r="JFA1022" s="10"/>
      <c r="JFB1022" s="10"/>
      <c r="JFC1022" s="10"/>
      <c r="JFD1022" s="10"/>
      <c r="JFE1022" s="10"/>
      <c r="JFF1022" s="10"/>
      <c r="JFG1022" s="10"/>
      <c r="JFH1022" s="10"/>
      <c r="JFI1022" s="10"/>
      <c r="JFJ1022" s="10"/>
      <c r="JFK1022" s="10"/>
      <c r="JFL1022" s="10"/>
      <c r="JFM1022" s="10"/>
      <c r="JFN1022" s="10"/>
      <c r="JFO1022" s="10"/>
      <c r="JFP1022" s="10"/>
      <c r="JFQ1022" s="10"/>
      <c r="JFR1022" s="10"/>
      <c r="JFS1022" s="10"/>
      <c r="JFT1022" s="10"/>
      <c r="JFU1022" s="10"/>
      <c r="JFV1022" s="10"/>
      <c r="JFW1022" s="10"/>
      <c r="JFX1022" s="10"/>
      <c r="JFY1022" s="10"/>
      <c r="JFZ1022" s="10"/>
      <c r="JGA1022" s="10"/>
      <c r="JGB1022" s="10"/>
      <c r="JGC1022" s="10"/>
      <c r="JGD1022" s="10"/>
      <c r="JGE1022" s="10"/>
      <c r="JGF1022" s="10"/>
      <c r="JGG1022" s="10"/>
      <c r="JGH1022" s="10"/>
      <c r="JGI1022" s="10"/>
      <c r="JGJ1022" s="10"/>
      <c r="JGK1022" s="10"/>
      <c r="JGL1022" s="10"/>
      <c r="JGM1022" s="10"/>
      <c r="JGN1022" s="10"/>
      <c r="JGO1022" s="10"/>
      <c r="JGP1022" s="10"/>
      <c r="JGQ1022" s="10"/>
      <c r="JGR1022" s="10"/>
      <c r="JGS1022" s="10"/>
      <c r="JGT1022" s="10"/>
      <c r="JGU1022" s="10"/>
      <c r="JGV1022" s="10"/>
      <c r="JGW1022" s="10"/>
      <c r="JGX1022" s="10"/>
      <c r="JGY1022" s="10"/>
      <c r="JGZ1022" s="10"/>
      <c r="JHA1022" s="10"/>
      <c r="JHB1022" s="10"/>
      <c r="JHC1022" s="10"/>
      <c r="JHD1022" s="10"/>
      <c r="JHE1022" s="10"/>
      <c r="JHF1022" s="10"/>
      <c r="JHG1022" s="10"/>
      <c r="JHH1022" s="10"/>
      <c r="JHI1022" s="10"/>
      <c r="JHJ1022" s="10"/>
      <c r="JHK1022" s="10"/>
      <c r="JHL1022" s="10"/>
      <c r="JHM1022" s="10"/>
      <c r="JHN1022" s="10"/>
      <c r="JHO1022" s="10"/>
      <c r="JHP1022" s="10"/>
      <c r="JHQ1022" s="10"/>
      <c r="JHR1022" s="10"/>
      <c r="JHS1022" s="10"/>
      <c r="JHT1022" s="10"/>
      <c r="JHU1022" s="10"/>
      <c r="JHV1022" s="10"/>
      <c r="JHW1022" s="10"/>
      <c r="JHX1022" s="10"/>
      <c r="JHY1022" s="10"/>
      <c r="JHZ1022" s="10"/>
      <c r="JIA1022" s="10"/>
      <c r="JIB1022" s="10"/>
      <c r="JIC1022" s="10"/>
      <c r="JID1022" s="10"/>
      <c r="JIE1022" s="10"/>
      <c r="JIF1022" s="10"/>
      <c r="JIG1022" s="10"/>
      <c r="JIH1022" s="10"/>
      <c r="JII1022" s="10"/>
      <c r="JIJ1022" s="10"/>
      <c r="JIK1022" s="10"/>
      <c r="JIL1022" s="10"/>
      <c r="JIM1022" s="10"/>
      <c r="JIN1022" s="10"/>
      <c r="JIO1022" s="10"/>
      <c r="JIP1022" s="10"/>
      <c r="JIQ1022" s="10"/>
      <c r="JIR1022" s="10"/>
      <c r="JIS1022" s="10"/>
      <c r="JIT1022" s="10"/>
      <c r="JIU1022" s="10"/>
      <c r="JIV1022" s="10"/>
      <c r="JIW1022" s="10"/>
      <c r="JIX1022" s="10"/>
      <c r="JIY1022" s="10"/>
      <c r="JIZ1022" s="10"/>
      <c r="JJA1022" s="10"/>
      <c r="JJB1022" s="10"/>
      <c r="JJC1022" s="10"/>
      <c r="JJD1022" s="10"/>
      <c r="JJE1022" s="10"/>
      <c r="JJF1022" s="10"/>
      <c r="JJG1022" s="10"/>
      <c r="JJH1022" s="10"/>
      <c r="JJI1022" s="10"/>
      <c r="JJJ1022" s="10"/>
      <c r="JJK1022" s="10"/>
      <c r="JJL1022" s="10"/>
      <c r="JJM1022" s="10"/>
      <c r="JJN1022" s="10"/>
      <c r="JJO1022" s="10"/>
      <c r="JJP1022" s="10"/>
      <c r="JJQ1022" s="10"/>
      <c r="JJR1022" s="10"/>
      <c r="JJS1022" s="10"/>
      <c r="JJT1022" s="10"/>
      <c r="JJU1022" s="10"/>
      <c r="JJV1022" s="10"/>
      <c r="JJW1022" s="10"/>
      <c r="JJX1022" s="10"/>
      <c r="JJY1022" s="10"/>
      <c r="JJZ1022" s="10"/>
      <c r="JKA1022" s="10"/>
      <c r="JKB1022" s="10"/>
      <c r="JKC1022" s="10"/>
      <c r="JKD1022" s="10"/>
      <c r="JKE1022" s="10"/>
      <c r="JKF1022" s="10"/>
      <c r="JKG1022" s="10"/>
      <c r="JKH1022" s="10"/>
      <c r="JKI1022" s="10"/>
      <c r="JKJ1022" s="10"/>
      <c r="JKK1022" s="10"/>
      <c r="JKL1022" s="10"/>
      <c r="JKM1022" s="10"/>
      <c r="JKN1022" s="10"/>
      <c r="JKO1022" s="10"/>
      <c r="JKP1022" s="10"/>
      <c r="JKQ1022" s="10"/>
      <c r="JKR1022" s="10"/>
      <c r="JKS1022" s="10"/>
      <c r="JKT1022" s="10"/>
      <c r="JKU1022" s="10"/>
      <c r="JKV1022" s="10"/>
      <c r="JKW1022" s="10"/>
      <c r="JKX1022" s="10"/>
      <c r="JKY1022" s="10"/>
      <c r="JKZ1022" s="10"/>
      <c r="JLA1022" s="10"/>
      <c r="JLB1022" s="10"/>
      <c r="JLC1022" s="10"/>
      <c r="JLD1022" s="10"/>
      <c r="JLE1022" s="10"/>
      <c r="JLF1022" s="10"/>
      <c r="JLG1022" s="10"/>
      <c r="JLH1022" s="10"/>
      <c r="JLI1022" s="10"/>
      <c r="JLJ1022" s="10"/>
      <c r="JLK1022" s="10"/>
      <c r="JLL1022" s="10"/>
      <c r="JLM1022" s="10"/>
      <c r="JLN1022" s="10"/>
      <c r="JLO1022" s="10"/>
      <c r="JLP1022" s="10"/>
      <c r="JLQ1022" s="10"/>
      <c r="JLR1022" s="10"/>
      <c r="JLS1022" s="10"/>
      <c r="JLT1022" s="10"/>
      <c r="JLU1022" s="10"/>
      <c r="JLV1022" s="10"/>
      <c r="JLW1022" s="10"/>
      <c r="JLX1022" s="10"/>
      <c r="JLY1022" s="10"/>
      <c r="JLZ1022" s="10"/>
      <c r="JMA1022" s="10"/>
      <c r="JMB1022" s="10"/>
      <c r="JMC1022" s="10"/>
      <c r="JMD1022" s="10"/>
      <c r="JME1022" s="10"/>
      <c r="JMF1022" s="10"/>
      <c r="JMG1022" s="10"/>
      <c r="JMH1022" s="10"/>
      <c r="JMI1022" s="10"/>
      <c r="JMJ1022" s="10"/>
      <c r="JMK1022" s="10"/>
      <c r="JML1022" s="10"/>
      <c r="JMM1022" s="10"/>
      <c r="JMN1022" s="10"/>
      <c r="JMO1022" s="10"/>
      <c r="JMP1022" s="10"/>
      <c r="JMQ1022" s="10"/>
      <c r="JMR1022" s="10"/>
      <c r="JMS1022" s="10"/>
      <c r="JMT1022" s="10"/>
      <c r="JMU1022" s="10"/>
      <c r="JMV1022" s="10"/>
      <c r="JMW1022" s="10"/>
      <c r="JMX1022" s="10"/>
      <c r="JMY1022" s="10"/>
      <c r="JMZ1022" s="10"/>
      <c r="JNA1022" s="10"/>
      <c r="JNB1022" s="10"/>
      <c r="JNC1022" s="10"/>
      <c r="JND1022" s="10"/>
      <c r="JNE1022" s="10"/>
      <c r="JNF1022" s="10"/>
      <c r="JNG1022" s="10"/>
      <c r="JNH1022" s="10"/>
      <c r="JNI1022" s="10"/>
      <c r="JNJ1022" s="10"/>
      <c r="JNK1022" s="10"/>
      <c r="JNL1022" s="10"/>
      <c r="JNM1022" s="10"/>
      <c r="JNN1022" s="10"/>
      <c r="JNO1022" s="10"/>
      <c r="JNP1022" s="10"/>
      <c r="JNQ1022" s="10"/>
      <c r="JNR1022" s="10"/>
      <c r="JNS1022" s="10"/>
      <c r="JNT1022" s="10"/>
      <c r="JNU1022" s="10"/>
      <c r="JNV1022" s="10"/>
      <c r="JNW1022" s="10"/>
      <c r="JNX1022" s="10"/>
      <c r="JNY1022" s="10"/>
      <c r="JNZ1022" s="10"/>
      <c r="JOA1022" s="10"/>
      <c r="JOB1022" s="10"/>
      <c r="JOC1022" s="10"/>
      <c r="JOD1022" s="10"/>
      <c r="JOE1022" s="10"/>
      <c r="JOF1022" s="10"/>
      <c r="JOG1022" s="10"/>
      <c r="JOH1022" s="10"/>
      <c r="JOI1022" s="10"/>
      <c r="JOJ1022" s="10"/>
      <c r="JOK1022" s="10"/>
      <c r="JOL1022" s="10"/>
      <c r="JOM1022" s="10"/>
      <c r="JON1022" s="10"/>
      <c r="JOO1022" s="10"/>
      <c r="JOP1022" s="10"/>
      <c r="JOQ1022" s="10"/>
      <c r="JOR1022" s="10"/>
      <c r="JOS1022" s="10"/>
      <c r="JOT1022" s="10"/>
      <c r="JOU1022" s="10"/>
      <c r="JOV1022" s="10"/>
      <c r="JOW1022" s="10"/>
      <c r="JOX1022" s="10"/>
      <c r="JOY1022" s="10"/>
      <c r="JOZ1022" s="10"/>
      <c r="JPA1022" s="10"/>
      <c r="JPB1022" s="10"/>
      <c r="JPC1022" s="10"/>
      <c r="JPD1022" s="10"/>
      <c r="JPE1022" s="10"/>
      <c r="JPF1022" s="10"/>
      <c r="JPG1022" s="10"/>
      <c r="JPH1022" s="10"/>
      <c r="JPI1022" s="10"/>
      <c r="JPJ1022" s="10"/>
      <c r="JPK1022" s="10"/>
      <c r="JPL1022" s="10"/>
      <c r="JPM1022" s="10"/>
      <c r="JPN1022" s="10"/>
      <c r="JPO1022" s="10"/>
      <c r="JPP1022" s="10"/>
      <c r="JPQ1022" s="10"/>
      <c r="JPR1022" s="10"/>
      <c r="JPS1022" s="10"/>
      <c r="JPT1022" s="10"/>
      <c r="JPU1022" s="10"/>
      <c r="JPV1022" s="10"/>
      <c r="JPW1022" s="10"/>
      <c r="JPX1022" s="10"/>
      <c r="JPY1022" s="10"/>
      <c r="JPZ1022" s="10"/>
      <c r="JQA1022" s="10"/>
      <c r="JQB1022" s="10"/>
      <c r="JQC1022" s="10"/>
      <c r="JQD1022" s="10"/>
      <c r="JQE1022" s="10"/>
      <c r="JQF1022" s="10"/>
      <c r="JQG1022" s="10"/>
      <c r="JQH1022" s="10"/>
      <c r="JQI1022" s="10"/>
      <c r="JQJ1022" s="10"/>
      <c r="JQK1022" s="10"/>
      <c r="JQL1022" s="10"/>
      <c r="JQM1022" s="10"/>
      <c r="JQN1022" s="10"/>
      <c r="JQO1022" s="10"/>
      <c r="JQP1022" s="10"/>
      <c r="JQQ1022" s="10"/>
      <c r="JQR1022" s="10"/>
      <c r="JQS1022" s="10"/>
      <c r="JQT1022" s="10"/>
      <c r="JQU1022" s="10"/>
      <c r="JQV1022" s="10"/>
      <c r="JQW1022" s="10"/>
      <c r="JQX1022" s="10"/>
      <c r="JQY1022" s="10"/>
      <c r="JQZ1022" s="10"/>
      <c r="JRA1022" s="10"/>
      <c r="JRB1022" s="10"/>
      <c r="JRC1022" s="10"/>
      <c r="JRD1022" s="10"/>
      <c r="JRE1022" s="10"/>
      <c r="JRF1022" s="10"/>
      <c r="JRG1022" s="10"/>
      <c r="JRH1022" s="10"/>
      <c r="JRI1022" s="10"/>
      <c r="JRJ1022" s="10"/>
      <c r="JRK1022" s="10"/>
      <c r="JRL1022" s="10"/>
      <c r="JRM1022" s="10"/>
      <c r="JRN1022" s="10"/>
      <c r="JRO1022" s="10"/>
      <c r="JRP1022" s="10"/>
      <c r="JRQ1022" s="10"/>
      <c r="JRR1022" s="10"/>
      <c r="JRS1022" s="10"/>
      <c r="JRT1022" s="10"/>
      <c r="JRU1022" s="10"/>
      <c r="JRV1022" s="10"/>
      <c r="JRW1022" s="10"/>
      <c r="JRX1022" s="10"/>
      <c r="JRY1022" s="10"/>
      <c r="JRZ1022" s="10"/>
      <c r="JSA1022" s="10"/>
      <c r="JSB1022" s="10"/>
      <c r="JSC1022" s="10"/>
      <c r="JSD1022" s="10"/>
      <c r="JSE1022" s="10"/>
      <c r="JSF1022" s="10"/>
      <c r="JSG1022" s="10"/>
      <c r="JSH1022" s="10"/>
      <c r="JSI1022" s="10"/>
      <c r="JSJ1022" s="10"/>
      <c r="JSK1022" s="10"/>
      <c r="JSL1022" s="10"/>
      <c r="JSM1022" s="10"/>
      <c r="JSN1022" s="10"/>
      <c r="JSO1022" s="10"/>
      <c r="JSP1022" s="10"/>
      <c r="JSQ1022" s="10"/>
      <c r="JSR1022" s="10"/>
      <c r="JSS1022" s="10"/>
      <c r="JST1022" s="10"/>
      <c r="JSU1022" s="10"/>
      <c r="JSV1022" s="10"/>
      <c r="JSW1022" s="10"/>
      <c r="JSX1022" s="10"/>
      <c r="JSY1022" s="10"/>
      <c r="JSZ1022" s="10"/>
      <c r="JTA1022" s="10"/>
      <c r="JTB1022" s="10"/>
      <c r="JTC1022" s="10"/>
      <c r="JTD1022" s="10"/>
      <c r="JTE1022" s="10"/>
      <c r="JTF1022" s="10"/>
      <c r="JTG1022" s="10"/>
      <c r="JTH1022" s="10"/>
      <c r="JTI1022" s="10"/>
      <c r="JTJ1022" s="10"/>
      <c r="JTK1022" s="10"/>
      <c r="JTL1022" s="10"/>
      <c r="JTM1022" s="10"/>
      <c r="JTN1022" s="10"/>
      <c r="JTO1022" s="10"/>
      <c r="JTP1022" s="10"/>
      <c r="JTQ1022" s="10"/>
      <c r="JTR1022" s="10"/>
      <c r="JTS1022" s="10"/>
      <c r="JTT1022" s="10"/>
      <c r="JTU1022" s="10"/>
      <c r="JTV1022" s="10"/>
      <c r="JTW1022" s="10"/>
      <c r="JTX1022" s="10"/>
      <c r="JTY1022" s="10"/>
      <c r="JTZ1022" s="10"/>
      <c r="JUA1022" s="10"/>
      <c r="JUB1022" s="10"/>
      <c r="JUC1022" s="10"/>
      <c r="JUD1022" s="10"/>
      <c r="JUE1022" s="10"/>
      <c r="JUF1022" s="10"/>
      <c r="JUG1022" s="10"/>
      <c r="JUH1022" s="10"/>
      <c r="JUI1022" s="10"/>
      <c r="JUJ1022" s="10"/>
      <c r="JUK1022" s="10"/>
      <c r="JUL1022" s="10"/>
      <c r="JUM1022" s="10"/>
      <c r="JUN1022" s="10"/>
      <c r="JUO1022" s="10"/>
      <c r="JUP1022" s="10"/>
      <c r="JUQ1022" s="10"/>
      <c r="JUR1022" s="10"/>
      <c r="JUS1022" s="10"/>
      <c r="JUT1022" s="10"/>
      <c r="JUU1022" s="10"/>
      <c r="JUV1022" s="10"/>
      <c r="JUW1022" s="10"/>
      <c r="JUX1022" s="10"/>
      <c r="JUY1022" s="10"/>
      <c r="JUZ1022" s="10"/>
      <c r="JVA1022" s="10"/>
      <c r="JVB1022" s="10"/>
      <c r="JVC1022" s="10"/>
      <c r="JVD1022" s="10"/>
      <c r="JVE1022" s="10"/>
      <c r="JVF1022" s="10"/>
      <c r="JVG1022" s="10"/>
      <c r="JVH1022" s="10"/>
      <c r="JVI1022" s="10"/>
      <c r="JVJ1022" s="10"/>
      <c r="JVK1022" s="10"/>
      <c r="JVL1022" s="10"/>
      <c r="JVM1022" s="10"/>
      <c r="JVN1022" s="10"/>
      <c r="JVO1022" s="10"/>
      <c r="JVP1022" s="10"/>
      <c r="JVQ1022" s="10"/>
      <c r="JVR1022" s="10"/>
      <c r="JVS1022" s="10"/>
      <c r="JVT1022" s="10"/>
      <c r="JVU1022" s="10"/>
      <c r="JVV1022" s="10"/>
      <c r="JVW1022" s="10"/>
      <c r="JVX1022" s="10"/>
      <c r="JVY1022" s="10"/>
      <c r="JVZ1022" s="10"/>
      <c r="JWA1022" s="10"/>
      <c r="JWB1022" s="10"/>
      <c r="JWC1022" s="10"/>
      <c r="JWD1022" s="10"/>
      <c r="JWE1022" s="10"/>
      <c r="JWF1022" s="10"/>
      <c r="JWG1022" s="10"/>
      <c r="JWH1022" s="10"/>
      <c r="JWI1022" s="10"/>
      <c r="JWJ1022" s="10"/>
      <c r="JWK1022" s="10"/>
      <c r="JWL1022" s="10"/>
      <c r="JWM1022" s="10"/>
      <c r="JWN1022" s="10"/>
      <c r="JWO1022" s="10"/>
      <c r="JWP1022" s="10"/>
      <c r="JWQ1022" s="10"/>
      <c r="JWR1022" s="10"/>
      <c r="JWS1022" s="10"/>
      <c r="JWT1022" s="10"/>
      <c r="JWU1022" s="10"/>
      <c r="JWV1022" s="10"/>
      <c r="JWW1022" s="10"/>
      <c r="JWX1022" s="10"/>
      <c r="JWY1022" s="10"/>
      <c r="JWZ1022" s="10"/>
      <c r="JXA1022" s="10"/>
      <c r="JXB1022" s="10"/>
      <c r="JXC1022" s="10"/>
      <c r="JXD1022" s="10"/>
      <c r="JXE1022" s="10"/>
      <c r="JXF1022" s="10"/>
      <c r="JXG1022" s="10"/>
      <c r="JXH1022" s="10"/>
      <c r="JXI1022" s="10"/>
      <c r="JXJ1022" s="10"/>
      <c r="JXK1022" s="10"/>
      <c r="JXL1022" s="10"/>
      <c r="JXM1022" s="10"/>
      <c r="JXN1022" s="10"/>
      <c r="JXO1022" s="10"/>
      <c r="JXP1022" s="10"/>
      <c r="JXQ1022" s="10"/>
      <c r="JXR1022" s="10"/>
      <c r="JXS1022" s="10"/>
      <c r="JXT1022" s="10"/>
      <c r="JXU1022" s="10"/>
      <c r="JXV1022" s="10"/>
      <c r="JXW1022" s="10"/>
      <c r="JXX1022" s="10"/>
      <c r="JXY1022" s="10"/>
      <c r="JXZ1022" s="10"/>
      <c r="JYA1022" s="10"/>
      <c r="JYB1022" s="10"/>
      <c r="JYC1022" s="10"/>
      <c r="JYD1022" s="10"/>
      <c r="JYE1022" s="10"/>
      <c r="JYF1022" s="10"/>
      <c r="JYG1022" s="10"/>
      <c r="JYH1022" s="10"/>
      <c r="JYI1022" s="10"/>
      <c r="JYJ1022" s="10"/>
      <c r="JYK1022" s="10"/>
      <c r="JYL1022" s="10"/>
      <c r="JYM1022" s="10"/>
      <c r="JYN1022" s="10"/>
      <c r="JYO1022" s="10"/>
      <c r="JYP1022" s="10"/>
      <c r="JYQ1022" s="10"/>
      <c r="JYR1022" s="10"/>
      <c r="JYS1022" s="10"/>
      <c r="JYT1022" s="10"/>
      <c r="JYU1022" s="10"/>
      <c r="JYV1022" s="10"/>
      <c r="JYW1022" s="10"/>
      <c r="JYX1022" s="10"/>
      <c r="JYY1022" s="10"/>
      <c r="JYZ1022" s="10"/>
      <c r="JZA1022" s="10"/>
      <c r="JZB1022" s="10"/>
      <c r="JZC1022" s="10"/>
      <c r="JZD1022" s="10"/>
      <c r="JZE1022" s="10"/>
      <c r="JZF1022" s="10"/>
      <c r="JZG1022" s="10"/>
      <c r="JZH1022" s="10"/>
      <c r="JZI1022" s="10"/>
      <c r="JZJ1022" s="10"/>
      <c r="JZK1022" s="10"/>
      <c r="JZL1022" s="10"/>
      <c r="JZM1022" s="10"/>
      <c r="JZN1022" s="10"/>
      <c r="JZO1022" s="10"/>
      <c r="JZP1022" s="10"/>
      <c r="JZQ1022" s="10"/>
      <c r="JZR1022" s="10"/>
      <c r="JZS1022" s="10"/>
      <c r="JZT1022" s="10"/>
      <c r="JZU1022" s="10"/>
      <c r="JZV1022" s="10"/>
      <c r="JZW1022" s="10"/>
      <c r="JZX1022" s="10"/>
      <c r="JZY1022" s="10"/>
      <c r="JZZ1022" s="10"/>
      <c r="KAA1022" s="10"/>
      <c r="KAB1022" s="10"/>
      <c r="KAC1022" s="10"/>
      <c r="KAD1022" s="10"/>
      <c r="KAE1022" s="10"/>
      <c r="KAF1022" s="10"/>
      <c r="KAG1022" s="10"/>
      <c r="KAH1022" s="10"/>
      <c r="KAI1022" s="10"/>
      <c r="KAJ1022" s="10"/>
      <c r="KAK1022" s="10"/>
      <c r="KAL1022" s="10"/>
      <c r="KAM1022" s="10"/>
      <c r="KAN1022" s="10"/>
      <c r="KAO1022" s="10"/>
      <c r="KAP1022" s="10"/>
      <c r="KAQ1022" s="10"/>
      <c r="KAR1022" s="10"/>
      <c r="KAS1022" s="10"/>
      <c r="KAT1022" s="10"/>
      <c r="KAU1022" s="10"/>
      <c r="KAV1022" s="10"/>
      <c r="KAW1022" s="10"/>
      <c r="KAX1022" s="10"/>
      <c r="KAY1022" s="10"/>
      <c r="KAZ1022" s="10"/>
      <c r="KBA1022" s="10"/>
      <c r="KBB1022" s="10"/>
      <c r="KBC1022" s="10"/>
      <c r="KBD1022" s="10"/>
      <c r="KBE1022" s="10"/>
      <c r="KBF1022" s="10"/>
      <c r="KBG1022" s="10"/>
      <c r="KBH1022" s="10"/>
      <c r="KBI1022" s="10"/>
      <c r="KBJ1022" s="10"/>
      <c r="KBK1022" s="10"/>
      <c r="KBL1022" s="10"/>
      <c r="KBM1022" s="10"/>
      <c r="KBN1022" s="10"/>
      <c r="KBO1022" s="10"/>
      <c r="KBP1022" s="10"/>
      <c r="KBQ1022" s="10"/>
      <c r="KBR1022" s="10"/>
      <c r="KBS1022" s="10"/>
      <c r="KBT1022" s="10"/>
      <c r="KBU1022" s="10"/>
      <c r="KBV1022" s="10"/>
      <c r="KBW1022" s="10"/>
      <c r="KBX1022" s="10"/>
      <c r="KBY1022" s="10"/>
      <c r="KBZ1022" s="10"/>
      <c r="KCA1022" s="10"/>
      <c r="KCB1022" s="10"/>
      <c r="KCC1022" s="10"/>
      <c r="KCD1022" s="10"/>
      <c r="KCE1022" s="10"/>
      <c r="KCF1022" s="10"/>
      <c r="KCG1022" s="10"/>
      <c r="KCH1022" s="10"/>
      <c r="KCI1022" s="10"/>
      <c r="KCJ1022" s="10"/>
      <c r="KCK1022" s="10"/>
      <c r="KCL1022" s="10"/>
      <c r="KCM1022" s="10"/>
      <c r="KCN1022" s="10"/>
      <c r="KCO1022" s="10"/>
      <c r="KCP1022" s="10"/>
      <c r="KCQ1022" s="10"/>
      <c r="KCR1022" s="10"/>
      <c r="KCS1022" s="10"/>
      <c r="KCT1022" s="10"/>
      <c r="KCU1022" s="10"/>
      <c r="KCV1022" s="10"/>
      <c r="KCW1022" s="10"/>
      <c r="KCX1022" s="10"/>
      <c r="KCY1022" s="10"/>
      <c r="KCZ1022" s="10"/>
      <c r="KDA1022" s="10"/>
      <c r="KDB1022" s="10"/>
      <c r="KDC1022" s="10"/>
      <c r="KDD1022" s="10"/>
      <c r="KDE1022" s="10"/>
      <c r="KDF1022" s="10"/>
      <c r="KDG1022" s="10"/>
      <c r="KDH1022" s="10"/>
      <c r="KDI1022" s="10"/>
      <c r="KDJ1022" s="10"/>
      <c r="KDK1022" s="10"/>
      <c r="KDL1022" s="10"/>
      <c r="KDM1022" s="10"/>
      <c r="KDN1022" s="10"/>
      <c r="KDO1022" s="10"/>
      <c r="KDP1022" s="10"/>
      <c r="KDQ1022" s="10"/>
      <c r="KDR1022" s="10"/>
      <c r="KDS1022" s="10"/>
      <c r="KDT1022" s="10"/>
      <c r="KDU1022" s="10"/>
      <c r="KDV1022" s="10"/>
      <c r="KDW1022" s="10"/>
      <c r="KDX1022" s="10"/>
      <c r="KDY1022" s="10"/>
      <c r="KDZ1022" s="10"/>
      <c r="KEA1022" s="10"/>
      <c r="KEB1022" s="10"/>
      <c r="KEC1022" s="10"/>
      <c r="KED1022" s="10"/>
      <c r="KEE1022" s="10"/>
      <c r="KEF1022" s="10"/>
      <c r="KEG1022" s="10"/>
      <c r="KEH1022" s="10"/>
      <c r="KEI1022" s="10"/>
      <c r="KEJ1022" s="10"/>
      <c r="KEK1022" s="10"/>
      <c r="KEL1022" s="10"/>
      <c r="KEM1022" s="10"/>
      <c r="KEN1022" s="10"/>
      <c r="KEO1022" s="10"/>
      <c r="KEP1022" s="10"/>
      <c r="KEQ1022" s="10"/>
      <c r="KER1022" s="10"/>
      <c r="KES1022" s="10"/>
      <c r="KET1022" s="10"/>
      <c r="KEU1022" s="10"/>
      <c r="KEV1022" s="10"/>
      <c r="KEW1022" s="10"/>
      <c r="KEX1022" s="10"/>
      <c r="KEY1022" s="10"/>
      <c r="KEZ1022" s="10"/>
      <c r="KFA1022" s="10"/>
      <c r="KFB1022" s="10"/>
      <c r="KFC1022" s="10"/>
      <c r="KFD1022" s="10"/>
      <c r="KFE1022" s="10"/>
      <c r="KFF1022" s="10"/>
      <c r="KFG1022" s="10"/>
      <c r="KFH1022" s="10"/>
      <c r="KFI1022" s="10"/>
      <c r="KFJ1022" s="10"/>
      <c r="KFK1022" s="10"/>
      <c r="KFL1022" s="10"/>
      <c r="KFM1022" s="10"/>
      <c r="KFN1022" s="10"/>
      <c r="KFO1022" s="10"/>
      <c r="KFP1022" s="10"/>
      <c r="KFQ1022" s="10"/>
      <c r="KFR1022" s="10"/>
      <c r="KFS1022" s="10"/>
      <c r="KFT1022" s="10"/>
      <c r="KFU1022" s="10"/>
      <c r="KFV1022" s="10"/>
      <c r="KFW1022" s="10"/>
      <c r="KFX1022" s="10"/>
      <c r="KFY1022" s="10"/>
      <c r="KFZ1022" s="10"/>
      <c r="KGA1022" s="10"/>
      <c r="KGB1022" s="10"/>
      <c r="KGC1022" s="10"/>
      <c r="KGD1022" s="10"/>
      <c r="KGE1022" s="10"/>
      <c r="KGF1022" s="10"/>
      <c r="KGG1022" s="10"/>
      <c r="KGH1022" s="10"/>
      <c r="KGI1022" s="10"/>
      <c r="KGJ1022" s="10"/>
      <c r="KGK1022" s="10"/>
      <c r="KGL1022" s="10"/>
      <c r="KGM1022" s="10"/>
      <c r="KGN1022" s="10"/>
      <c r="KGO1022" s="10"/>
      <c r="KGP1022" s="10"/>
      <c r="KGQ1022" s="10"/>
      <c r="KGR1022" s="10"/>
      <c r="KGS1022" s="10"/>
      <c r="KGT1022" s="10"/>
      <c r="KGU1022" s="10"/>
      <c r="KGV1022" s="10"/>
      <c r="KGW1022" s="10"/>
      <c r="KGX1022" s="10"/>
      <c r="KGY1022" s="10"/>
      <c r="KGZ1022" s="10"/>
      <c r="KHA1022" s="10"/>
      <c r="KHB1022" s="10"/>
      <c r="KHC1022" s="10"/>
      <c r="KHD1022" s="10"/>
      <c r="KHE1022" s="10"/>
      <c r="KHF1022" s="10"/>
      <c r="KHG1022" s="10"/>
      <c r="KHH1022" s="10"/>
      <c r="KHI1022" s="10"/>
      <c r="KHJ1022" s="10"/>
      <c r="KHK1022" s="10"/>
      <c r="KHL1022" s="10"/>
      <c r="KHM1022" s="10"/>
      <c r="KHN1022" s="10"/>
      <c r="KHO1022" s="10"/>
      <c r="KHP1022" s="10"/>
      <c r="KHQ1022" s="10"/>
      <c r="KHR1022" s="10"/>
      <c r="KHS1022" s="10"/>
      <c r="KHT1022" s="10"/>
      <c r="KHU1022" s="10"/>
      <c r="KHV1022" s="10"/>
      <c r="KHW1022" s="10"/>
      <c r="KHX1022" s="10"/>
      <c r="KHY1022" s="10"/>
      <c r="KHZ1022" s="10"/>
      <c r="KIA1022" s="10"/>
      <c r="KIB1022" s="10"/>
      <c r="KIC1022" s="10"/>
      <c r="KID1022" s="10"/>
      <c r="KIE1022" s="10"/>
      <c r="KIF1022" s="10"/>
      <c r="KIG1022" s="10"/>
      <c r="KIH1022" s="10"/>
      <c r="KII1022" s="10"/>
      <c r="KIJ1022" s="10"/>
      <c r="KIK1022" s="10"/>
      <c r="KIL1022" s="10"/>
      <c r="KIM1022" s="10"/>
      <c r="KIN1022" s="10"/>
      <c r="KIO1022" s="10"/>
      <c r="KIP1022" s="10"/>
      <c r="KIQ1022" s="10"/>
      <c r="KIR1022" s="10"/>
      <c r="KIS1022" s="10"/>
      <c r="KIT1022" s="10"/>
      <c r="KIU1022" s="10"/>
      <c r="KIV1022" s="10"/>
      <c r="KIW1022" s="10"/>
      <c r="KIX1022" s="10"/>
      <c r="KIY1022" s="10"/>
      <c r="KIZ1022" s="10"/>
      <c r="KJA1022" s="10"/>
      <c r="KJB1022" s="10"/>
      <c r="KJC1022" s="10"/>
      <c r="KJD1022" s="10"/>
      <c r="KJE1022" s="10"/>
      <c r="KJF1022" s="10"/>
      <c r="KJG1022" s="10"/>
      <c r="KJH1022" s="10"/>
      <c r="KJI1022" s="10"/>
      <c r="KJJ1022" s="10"/>
      <c r="KJK1022" s="10"/>
      <c r="KJL1022" s="10"/>
      <c r="KJM1022" s="10"/>
      <c r="KJN1022" s="10"/>
      <c r="KJO1022" s="10"/>
      <c r="KJP1022" s="10"/>
      <c r="KJQ1022" s="10"/>
      <c r="KJR1022" s="10"/>
      <c r="KJS1022" s="10"/>
      <c r="KJT1022" s="10"/>
      <c r="KJU1022" s="10"/>
      <c r="KJV1022" s="10"/>
      <c r="KJW1022" s="10"/>
      <c r="KJX1022" s="10"/>
      <c r="KJY1022" s="10"/>
      <c r="KJZ1022" s="10"/>
      <c r="KKA1022" s="10"/>
      <c r="KKB1022" s="10"/>
      <c r="KKC1022" s="10"/>
      <c r="KKD1022" s="10"/>
      <c r="KKE1022" s="10"/>
      <c r="KKF1022" s="10"/>
      <c r="KKG1022" s="10"/>
      <c r="KKH1022" s="10"/>
      <c r="KKI1022" s="10"/>
      <c r="KKJ1022" s="10"/>
      <c r="KKK1022" s="10"/>
      <c r="KKL1022" s="10"/>
      <c r="KKM1022" s="10"/>
      <c r="KKN1022" s="10"/>
      <c r="KKO1022" s="10"/>
      <c r="KKP1022" s="10"/>
      <c r="KKQ1022" s="10"/>
      <c r="KKR1022" s="10"/>
      <c r="KKS1022" s="10"/>
      <c r="KKT1022" s="10"/>
      <c r="KKU1022" s="10"/>
      <c r="KKV1022" s="10"/>
      <c r="KKW1022" s="10"/>
      <c r="KKX1022" s="10"/>
      <c r="KKY1022" s="10"/>
      <c r="KKZ1022" s="10"/>
      <c r="KLA1022" s="10"/>
      <c r="KLB1022" s="10"/>
      <c r="KLC1022" s="10"/>
      <c r="KLD1022" s="10"/>
      <c r="KLE1022" s="10"/>
      <c r="KLF1022" s="10"/>
      <c r="KLG1022" s="10"/>
      <c r="KLH1022" s="10"/>
      <c r="KLI1022" s="10"/>
      <c r="KLJ1022" s="10"/>
      <c r="KLK1022" s="10"/>
      <c r="KLL1022" s="10"/>
      <c r="KLM1022" s="10"/>
      <c r="KLN1022" s="10"/>
      <c r="KLO1022" s="10"/>
      <c r="KLP1022" s="10"/>
      <c r="KLQ1022" s="10"/>
      <c r="KLR1022" s="10"/>
      <c r="KLS1022" s="10"/>
      <c r="KLT1022" s="10"/>
      <c r="KLU1022" s="10"/>
      <c r="KLV1022" s="10"/>
      <c r="KLW1022" s="10"/>
      <c r="KLX1022" s="10"/>
      <c r="KLY1022" s="10"/>
      <c r="KLZ1022" s="10"/>
      <c r="KMA1022" s="10"/>
      <c r="KMB1022" s="10"/>
      <c r="KMC1022" s="10"/>
      <c r="KMD1022" s="10"/>
      <c r="KME1022" s="10"/>
      <c r="KMF1022" s="10"/>
      <c r="KMG1022" s="10"/>
      <c r="KMH1022" s="10"/>
      <c r="KMI1022" s="10"/>
      <c r="KMJ1022" s="10"/>
      <c r="KMK1022" s="10"/>
      <c r="KML1022" s="10"/>
      <c r="KMM1022" s="10"/>
      <c r="KMN1022" s="10"/>
      <c r="KMO1022" s="10"/>
      <c r="KMP1022" s="10"/>
      <c r="KMQ1022" s="10"/>
      <c r="KMR1022" s="10"/>
      <c r="KMS1022" s="10"/>
      <c r="KMT1022" s="10"/>
      <c r="KMU1022" s="10"/>
      <c r="KMV1022" s="10"/>
      <c r="KMW1022" s="10"/>
      <c r="KMX1022" s="10"/>
      <c r="KMY1022" s="10"/>
      <c r="KMZ1022" s="10"/>
      <c r="KNA1022" s="10"/>
      <c r="KNB1022" s="10"/>
      <c r="KNC1022" s="10"/>
      <c r="KND1022" s="10"/>
      <c r="KNE1022" s="10"/>
      <c r="KNF1022" s="10"/>
      <c r="KNG1022" s="10"/>
      <c r="KNH1022" s="10"/>
      <c r="KNI1022" s="10"/>
      <c r="KNJ1022" s="10"/>
      <c r="KNK1022" s="10"/>
      <c r="KNL1022" s="10"/>
      <c r="KNM1022" s="10"/>
      <c r="KNN1022" s="10"/>
      <c r="KNO1022" s="10"/>
      <c r="KNP1022" s="10"/>
      <c r="KNQ1022" s="10"/>
      <c r="KNR1022" s="10"/>
      <c r="KNS1022" s="10"/>
      <c r="KNT1022" s="10"/>
      <c r="KNU1022" s="10"/>
      <c r="KNV1022" s="10"/>
      <c r="KNW1022" s="10"/>
      <c r="KNX1022" s="10"/>
      <c r="KNY1022" s="10"/>
      <c r="KNZ1022" s="10"/>
      <c r="KOA1022" s="10"/>
      <c r="KOB1022" s="10"/>
      <c r="KOC1022" s="10"/>
      <c r="KOD1022" s="10"/>
      <c r="KOE1022" s="10"/>
      <c r="KOF1022" s="10"/>
      <c r="KOG1022" s="10"/>
      <c r="KOH1022" s="10"/>
      <c r="KOI1022" s="10"/>
      <c r="KOJ1022" s="10"/>
      <c r="KOK1022" s="10"/>
      <c r="KOL1022" s="10"/>
      <c r="KOM1022" s="10"/>
      <c r="KON1022" s="10"/>
      <c r="KOO1022" s="10"/>
      <c r="KOP1022" s="10"/>
      <c r="KOQ1022" s="10"/>
      <c r="KOR1022" s="10"/>
      <c r="KOS1022" s="10"/>
      <c r="KOT1022" s="10"/>
      <c r="KOU1022" s="10"/>
      <c r="KOV1022" s="10"/>
      <c r="KOW1022" s="10"/>
      <c r="KOX1022" s="10"/>
      <c r="KOY1022" s="10"/>
      <c r="KOZ1022" s="10"/>
      <c r="KPA1022" s="10"/>
      <c r="KPB1022" s="10"/>
      <c r="KPC1022" s="10"/>
      <c r="KPD1022" s="10"/>
      <c r="KPE1022" s="10"/>
      <c r="KPF1022" s="10"/>
      <c r="KPG1022" s="10"/>
      <c r="KPH1022" s="10"/>
      <c r="KPI1022" s="10"/>
      <c r="KPJ1022" s="10"/>
      <c r="KPK1022" s="10"/>
      <c r="KPL1022" s="10"/>
      <c r="KPM1022" s="10"/>
      <c r="KPN1022" s="10"/>
      <c r="KPO1022" s="10"/>
      <c r="KPP1022" s="10"/>
      <c r="KPQ1022" s="10"/>
      <c r="KPR1022" s="10"/>
      <c r="KPS1022" s="10"/>
      <c r="KPT1022" s="10"/>
      <c r="KPU1022" s="10"/>
      <c r="KPV1022" s="10"/>
      <c r="KPW1022" s="10"/>
      <c r="KPX1022" s="10"/>
      <c r="KPY1022" s="10"/>
      <c r="KPZ1022" s="10"/>
      <c r="KQA1022" s="10"/>
      <c r="KQB1022" s="10"/>
      <c r="KQC1022" s="10"/>
      <c r="KQD1022" s="10"/>
      <c r="KQE1022" s="10"/>
      <c r="KQF1022" s="10"/>
      <c r="KQG1022" s="10"/>
      <c r="KQH1022" s="10"/>
      <c r="KQI1022" s="10"/>
      <c r="KQJ1022" s="10"/>
      <c r="KQK1022" s="10"/>
      <c r="KQL1022" s="10"/>
      <c r="KQM1022" s="10"/>
      <c r="KQN1022" s="10"/>
      <c r="KQO1022" s="10"/>
      <c r="KQP1022" s="10"/>
      <c r="KQQ1022" s="10"/>
      <c r="KQR1022" s="10"/>
      <c r="KQS1022" s="10"/>
      <c r="KQT1022" s="10"/>
      <c r="KQU1022" s="10"/>
      <c r="KQV1022" s="10"/>
      <c r="KQW1022" s="10"/>
      <c r="KQX1022" s="10"/>
      <c r="KQY1022" s="10"/>
      <c r="KQZ1022" s="10"/>
      <c r="KRA1022" s="10"/>
      <c r="KRB1022" s="10"/>
      <c r="KRC1022" s="10"/>
      <c r="KRD1022" s="10"/>
      <c r="KRE1022" s="10"/>
      <c r="KRF1022" s="10"/>
      <c r="KRG1022" s="10"/>
      <c r="KRH1022" s="10"/>
      <c r="KRI1022" s="10"/>
      <c r="KRJ1022" s="10"/>
      <c r="KRK1022" s="10"/>
      <c r="KRL1022" s="10"/>
      <c r="KRM1022" s="10"/>
      <c r="KRN1022" s="10"/>
      <c r="KRO1022" s="10"/>
      <c r="KRP1022" s="10"/>
      <c r="KRQ1022" s="10"/>
      <c r="KRR1022" s="10"/>
      <c r="KRS1022" s="10"/>
      <c r="KRT1022" s="10"/>
      <c r="KRU1022" s="10"/>
      <c r="KRV1022" s="10"/>
      <c r="KRW1022" s="10"/>
      <c r="KRX1022" s="10"/>
      <c r="KRY1022" s="10"/>
      <c r="KRZ1022" s="10"/>
      <c r="KSA1022" s="10"/>
      <c r="KSB1022" s="10"/>
      <c r="KSC1022" s="10"/>
      <c r="KSD1022" s="10"/>
      <c r="KSE1022" s="10"/>
      <c r="KSF1022" s="10"/>
      <c r="KSG1022" s="10"/>
      <c r="KSH1022" s="10"/>
      <c r="KSI1022" s="10"/>
      <c r="KSJ1022" s="10"/>
      <c r="KSK1022" s="10"/>
      <c r="KSL1022" s="10"/>
      <c r="KSM1022" s="10"/>
      <c r="KSN1022" s="10"/>
      <c r="KSO1022" s="10"/>
      <c r="KSP1022" s="10"/>
      <c r="KSQ1022" s="10"/>
      <c r="KSR1022" s="10"/>
      <c r="KSS1022" s="10"/>
      <c r="KST1022" s="10"/>
      <c r="KSU1022" s="10"/>
      <c r="KSV1022" s="10"/>
      <c r="KSW1022" s="10"/>
      <c r="KSX1022" s="10"/>
      <c r="KSY1022" s="10"/>
      <c r="KSZ1022" s="10"/>
      <c r="KTA1022" s="10"/>
      <c r="KTB1022" s="10"/>
      <c r="KTC1022" s="10"/>
      <c r="KTD1022" s="10"/>
      <c r="KTE1022" s="10"/>
      <c r="KTF1022" s="10"/>
      <c r="KTG1022" s="10"/>
      <c r="KTH1022" s="10"/>
      <c r="KTI1022" s="10"/>
      <c r="KTJ1022" s="10"/>
      <c r="KTK1022" s="10"/>
      <c r="KTL1022" s="10"/>
      <c r="KTM1022" s="10"/>
      <c r="KTN1022" s="10"/>
      <c r="KTO1022" s="10"/>
      <c r="KTP1022" s="10"/>
      <c r="KTQ1022" s="10"/>
      <c r="KTR1022" s="10"/>
      <c r="KTS1022" s="10"/>
      <c r="KTT1022" s="10"/>
      <c r="KTU1022" s="10"/>
      <c r="KTV1022" s="10"/>
      <c r="KTW1022" s="10"/>
      <c r="KTX1022" s="10"/>
      <c r="KTY1022" s="10"/>
      <c r="KTZ1022" s="10"/>
      <c r="KUA1022" s="10"/>
      <c r="KUB1022" s="10"/>
      <c r="KUC1022" s="10"/>
      <c r="KUD1022" s="10"/>
      <c r="KUE1022" s="10"/>
      <c r="KUF1022" s="10"/>
      <c r="KUG1022" s="10"/>
      <c r="KUH1022" s="10"/>
      <c r="KUI1022" s="10"/>
      <c r="KUJ1022" s="10"/>
      <c r="KUK1022" s="10"/>
      <c r="KUL1022" s="10"/>
      <c r="KUM1022" s="10"/>
      <c r="KUN1022" s="10"/>
      <c r="KUO1022" s="10"/>
      <c r="KUP1022" s="10"/>
      <c r="KUQ1022" s="10"/>
      <c r="KUR1022" s="10"/>
      <c r="KUS1022" s="10"/>
      <c r="KUT1022" s="10"/>
      <c r="KUU1022" s="10"/>
      <c r="KUV1022" s="10"/>
      <c r="KUW1022" s="10"/>
      <c r="KUX1022" s="10"/>
      <c r="KUY1022" s="10"/>
      <c r="KUZ1022" s="10"/>
      <c r="KVA1022" s="10"/>
      <c r="KVB1022" s="10"/>
      <c r="KVC1022" s="10"/>
      <c r="KVD1022" s="10"/>
      <c r="KVE1022" s="10"/>
      <c r="KVF1022" s="10"/>
      <c r="KVG1022" s="10"/>
      <c r="KVH1022" s="10"/>
      <c r="KVI1022" s="10"/>
      <c r="KVJ1022" s="10"/>
      <c r="KVK1022" s="10"/>
      <c r="KVL1022" s="10"/>
      <c r="KVM1022" s="10"/>
      <c r="KVN1022" s="10"/>
      <c r="KVO1022" s="10"/>
      <c r="KVP1022" s="10"/>
      <c r="KVQ1022" s="10"/>
      <c r="KVR1022" s="10"/>
      <c r="KVS1022" s="10"/>
      <c r="KVT1022" s="10"/>
      <c r="KVU1022" s="10"/>
      <c r="KVV1022" s="10"/>
      <c r="KVW1022" s="10"/>
      <c r="KVX1022" s="10"/>
      <c r="KVY1022" s="10"/>
      <c r="KVZ1022" s="10"/>
      <c r="KWA1022" s="10"/>
      <c r="KWB1022" s="10"/>
      <c r="KWC1022" s="10"/>
      <c r="KWD1022" s="10"/>
      <c r="KWE1022" s="10"/>
      <c r="KWF1022" s="10"/>
      <c r="KWG1022" s="10"/>
      <c r="KWH1022" s="10"/>
      <c r="KWI1022" s="10"/>
      <c r="KWJ1022" s="10"/>
      <c r="KWK1022" s="10"/>
      <c r="KWL1022" s="10"/>
      <c r="KWM1022" s="10"/>
      <c r="KWN1022" s="10"/>
      <c r="KWO1022" s="10"/>
      <c r="KWP1022" s="10"/>
      <c r="KWQ1022" s="10"/>
      <c r="KWR1022" s="10"/>
      <c r="KWS1022" s="10"/>
      <c r="KWT1022" s="10"/>
      <c r="KWU1022" s="10"/>
      <c r="KWV1022" s="10"/>
      <c r="KWW1022" s="10"/>
      <c r="KWX1022" s="10"/>
      <c r="KWY1022" s="10"/>
      <c r="KWZ1022" s="10"/>
      <c r="KXA1022" s="10"/>
      <c r="KXB1022" s="10"/>
      <c r="KXC1022" s="10"/>
      <c r="KXD1022" s="10"/>
      <c r="KXE1022" s="10"/>
      <c r="KXF1022" s="10"/>
      <c r="KXG1022" s="10"/>
      <c r="KXH1022" s="10"/>
      <c r="KXI1022" s="10"/>
      <c r="KXJ1022" s="10"/>
      <c r="KXK1022" s="10"/>
      <c r="KXL1022" s="10"/>
      <c r="KXM1022" s="10"/>
      <c r="KXN1022" s="10"/>
      <c r="KXO1022" s="10"/>
      <c r="KXP1022" s="10"/>
      <c r="KXQ1022" s="10"/>
      <c r="KXR1022" s="10"/>
      <c r="KXS1022" s="10"/>
      <c r="KXT1022" s="10"/>
      <c r="KXU1022" s="10"/>
      <c r="KXV1022" s="10"/>
      <c r="KXW1022" s="10"/>
      <c r="KXX1022" s="10"/>
      <c r="KXY1022" s="10"/>
      <c r="KXZ1022" s="10"/>
      <c r="KYA1022" s="10"/>
      <c r="KYB1022" s="10"/>
      <c r="KYC1022" s="10"/>
      <c r="KYD1022" s="10"/>
      <c r="KYE1022" s="10"/>
      <c r="KYF1022" s="10"/>
      <c r="KYG1022" s="10"/>
      <c r="KYH1022" s="10"/>
      <c r="KYI1022" s="10"/>
      <c r="KYJ1022" s="10"/>
      <c r="KYK1022" s="10"/>
      <c r="KYL1022" s="10"/>
      <c r="KYM1022" s="10"/>
      <c r="KYN1022" s="10"/>
      <c r="KYO1022" s="10"/>
      <c r="KYP1022" s="10"/>
      <c r="KYQ1022" s="10"/>
      <c r="KYR1022" s="10"/>
      <c r="KYS1022" s="10"/>
      <c r="KYT1022" s="10"/>
      <c r="KYU1022" s="10"/>
      <c r="KYV1022" s="10"/>
      <c r="KYW1022" s="10"/>
      <c r="KYX1022" s="10"/>
      <c r="KYY1022" s="10"/>
      <c r="KYZ1022" s="10"/>
      <c r="KZA1022" s="10"/>
      <c r="KZB1022" s="10"/>
      <c r="KZC1022" s="10"/>
      <c r="KZD1022" s="10"/>
      <c r="KZE1022" s="10"/>
      <c r="KZF1022" s="10"/>
      <c r="KZG1022" s="10"/>
      <c r="KZH1022" s="10"/>
      <c r="KZI1022" s="10"/>
      <c r="KZJ1022" s="10"/>
      <c r="KZK1022" s="10"/>
      <c r="KZL1022" s="10"/>
      <c r="KZM1022" s="10"/>
      <c r="KZN1022" s="10"/>
      <c r="KZO1022" s="10"/>
      <c r="KZP1022" s="10"/>
      <c r="KZQ1022" s="10"/>
      <c r="KZR1022" s="10"/>
      <c r="KZS1022" s="10"/>
      <c r="KZT1022" s="10"/>
      <c r="KZU1022" s="10"/>
      <c r="KZV1022" s="10"/>
      <c r="KZW1022" s="10"/>
      <c r="KZX1022" s="10"/>
      <c r="KZY1022" s="10"/>
      <c r="KZZ1022" s="10"/>
      <c r="LAA1022" s="10"/>
      <c r="LAB1022" s="10"/>
      <c r="LAC1022" s="10"/>
      <c r="LAD1022" s="10"/>
      <c r="LAE1022" s="10"/>
      <c r="LAF1022" s="10"/>
      <c r="LAG1022" s="10"/>
      <c r="LAH1022" s="10"/>
      <c r="LAI1022" s="10"/>
      <c r="LAJ1022" s="10"/>
      <c r="LAK1022" s="10"/>
      <c r="LAL1022" s="10"/>
      <c r="LAM1022" s="10"/>
      <c r="LAN1022" s="10"/>
      <c r="LAO1022" s="10"/>
      <c r="LAP1022" s="10"/>
      <c r="LAQ1022" s="10"/>
      <c r="LAR1022" s="10"/>
      <c r="LAS1022" s="10"/>
      <c r="LAT1022" s="10"/>
      <c r="LAU1022" s="10"/>
      <c r="LAV1022" s="10"/>
      <c r="LAW1022" s="10"/>
      <c r="LAX1022" s="10"/>
      <c r="LAY1022" s="10"/>
      <c r="LAZ1022" s="10"/>
      <c r="LBA1022" s="10"/>
      <c r="LBB1022" s="10"/>
      <c r="LBC1022" s="10"/>
      <c r="LBD1022" s="10"/>
      <c r="LBE1022" s="10"/>
      <c r="LBF1022" s="10"/>
      <c r="LBG1022" s="10"/>
      <c r="LBH1022" s="10"/>
      <c r="LBI1022" s="10"/>
      <c r="LBJ1022" s="10"/>
      <c r="LBK1022" s="10"/>
      <c r="LBL1022" s="10"/>
      <c r="LBM1022" s="10"/>
      <c r="LBN1022" s="10"/>
      <c r="LBO1022" s="10"/>
      <c r="LBP1022" s="10"/>
      <c r="LBQ1022" s="10"/>
      <c r="LBR1022" s="10"/>
      <c r="LBS1022" s="10"/>
      <c r="LBT1022" s="10"/>
      <c r="LBU1022" s="10"/>
      <c r="LBV1022" s="10"/>
      <c r="LBW1022" s="10"/>
      <c r="LBX1022" s="10"/>
      <c r="LBY1022" s="10"/>
      <c r="LBZ1022" s="10"/>
      <c r="LCA1022" s="10"/>
      <c r="LCB1022" s="10"/>
      <c r="LCC1022" s="10"/>
      <c r="LCD1022" s="10"/>
      <c r="LCE1022" s="10"/>
      <c r="LCF1022" s="10"/>
      <c r="LCG1022" s="10"/>
      <c r="LCH1022" s="10"/>
      <c r="LCI1022" s="10"/>
      <c r="LCJ1022" s="10"/>
      <c r="LCK1022" s="10"/>
      <c r="LCL1022" s="10"/>
      <c r="LCM1022" s="10"/>
      <c r="LCN1022" s="10"/>
      <c r="LCO1022" s="10"/>
      <c r="LCP1022" s="10"/>
      <c r="LCQ1022" s="10"/>
      <c r="LCR1022" s="10"/>
      <c r="LCS1022" s="10"/>
      <c r="LCT1022" s="10"/>
      <c r="LCU1022" s="10"/>
      <c r="LCV1022" s="10"/>
      <c r="LCW1022" s="10"/>
      <c r="LCX1022" s="10"/>
      <c r="LCY1022" s="10"/>
      <c r="LCZ1022" s="10"/>
      <c r="LDA1022" s="10"/>
      <c r="LDB1022" s="10"/>
      <c r="LDC1022" s="10"/>
      <c r="LDD1022" s="10"/>
      <c r="LDE1022" s="10"/>
      <c r="LDF1022" s="10"/>
      <c r="LDG1022" s="10"/>
      <c r="LDH1022" s="10"/>
      <c r="LDI1022" s="10"/>
      <c r="LDJ1022" s="10"/>
      <c r="LDK1022" s="10"/>
      <c r="LDL1022" s="10"/>
      <c r="LDM1022" s="10"/>
      <c r="LDN1022" s="10"/>
      <c r="LDO1022" s="10"/>
      <c r="LDP1022" s="10"/>
      <c r="LDQ1022" s="10"/>
      <c r="LDR1022" s="10"/>
      <c r="LDS1022" s="10"/>
      <c r="LDT1022" s="10"/>
      <c r="LDU1022" s="10"/>
      <c r="LDV1022" s="10"/>
      <c r="LDW1022" s="10"/>
      <c r="LDX1022" s="10"/>
      <c r="LDY1022" s="10"/>
      <c r="LDZ1022" s="10"/>
      <c r="LEA1022" s="10"/>
      <c r="LEB1022" s="10"/>
      <c r="LEC1022" s="10"/>
      <c r="LED1022" s="10"/>
      <c r="LEE1022" s="10"/>
      <c r="LEF1022" s="10"/>
      <c r="LEG1022" s="10"/>
      <c r="LEH1022" s="10"/>
      <c r="LEI1022" s="10"/>
      <c r="LEJ1022" s="10"/>
      <c r="LEK1022" s="10"/>
      <c r="LEL1022" s="10"/>
      <c r="LEM1022" s="10"/>
      <c r="LEN1022" s="10"/>
      <c r="LEO1022" s="10"/>
      <c r="LEP1022" s="10"/>
      <c r="LEQ1022" s="10"/>
      <c r="LER1022" s="10"/>
      <c r="LES1022" s="10"/>
      <c r="LET1022" s="10"/>
      <c r="LEU1022" s="10"/>
      <c r="LEV1022" s="10"/>
      <c r="LEW1022" s="10"/>
      <c r="LEX1022" s="10"/>
      <c r="LEY1022" s="10"/>
      <c r="LEZ1022" s="10"/>
      <c r="LFA1022" s="10"/>
      <c r="LFB1022" s="10"/>
      <c r="LFC1022" s="10"/>
      <c r="LFD1022" s="10"/>
      <c r="LFE1022" s="10"/>
      <c r="LFF1022" s="10"/>
      <c r="LFG1022" s="10"/>
      <c r="LFH1022" s="10"/>
      <c r="LFI1022" s="10"/>
      <c r="LFJ1022" s="10"/>
      <c r="LFK1022" s="10"/>
      <c r="LFL1022" s="10"/>
      <c r="LFM1022" s="10"/>
      <c r="LFN1022" s="10"/>
      <c r="LFO1022" s="10"/>
      <c r="LFP1022" s="10"/>
      <c r="LFQ1022" s="10"/>
      <c r="LFR1022" s="10"/>
      <c r="LFS1022" s="10"/>
      <c r="LFT1022" s="10"/>
      <c r="LFU1022" s="10"/>
      <c r="LFV1022" s="10"/>
      <c r="LFW1022" s="10"/>
      <c r="LFX1022" s="10"/>
      <c r="LFY1022" s="10"/>
      <c r="LFZ1022" s="10"/>
      <c r="LGA1022" s="10"/>
      <c r="LGB1022" s="10"/>
      <c r="LGC1022" s="10"/>
      <c r="LGD1022" s="10"/>
      <c r="LGE1022" s="10"/>
      <c r="LGF1022" s="10"/>
      <c r="LGG1022" s="10"/>
      <c r="LGH1022" s="10"/>
      <c r="LGI1022" s="10"/>
      <c r="LGJ1022" s="10"/>
      <c r="LGK1022" s="10"/>
      <c r="LGL1022" s="10"/>
      <c r="LGM1022" s="10"/>
      <c r="LGN1022" s="10"/>
      <c r="LGO1022" s="10"/>
      <c r="LGP1022" s="10"/>
      <c r="LGQ1022" s="10"/>
      <c r="LGR1022" s="10"/>
      <c r="LGS1022" s="10"/>
      <c r="LGT1022" s="10"/>
      <c r="LGU1022" s="10"/>
      <c r="LGV1022" s="10"/>
      <c r="LGW1022" s="10"/>
      <c r="LGX1022" s="10"/>
      <c r="LGY1022" s="10"/>
      <c r="LGZ1022" s="10"/>
      <c r="LHA1022" s="10"/>
      <c r="LHB1022" s="10"/>
      <c r="LHC1022" s="10"/>
      <c r="LHD1022" s="10"/>
      <c r="LHE1022" s="10"/>
      <c r="LHF1022" s="10"/>
      <c r="LHG1022" s="10"/>
      <c r="LHH1022" s="10"/>
      <c r="LHI1022" s="10"/>
      <c r="LHJ1022" s="10"/>
      <c r="LHK1022" s="10"/>
      <c r="LHL1022" s="10"/>
      <c r="LHM1022" s="10"/>
      <c r="LHN1022" s="10"/>
      <c r="LHO1022" s="10"/>
      <c r="LHP1022" s="10"/>
      <c r="LHQ1022" s="10"/>
      <c r="LHR1022" s="10"/>
      <c r="LHS1022" s="10"/>
      <c r="LHT1022" s="10"/>
      <c r="LHU1022" s="10"/>
      <c r="LHV1022" s="10"/>
      <c r="LHW1022" s="10"/>
      <c r="LHX1022" s="10"/>
      <c r="LHY1022" s="10"/>
      <c r="LHZ1022" s="10"/>
      <c r="LIA1022" s="10"/>
      <c r="LIB1022" s="10"/>
      <c r="LIC1022" s="10"/>
      <c r="LID1022" s="10"/>
      <c r="LIE1022" s="10"/>
      <c r="LIF1022" s="10"/>
      <c r="LIG1022" s="10"/>
      <c r="LIH1022" s="10"/>
      <c r="LII1022" s="10"/>
      <c r="LIJ1022" s="10"/>
      <c r="LIK1022" s="10"/>
      <c r="LIL1022" s="10"/>
      <c r="LIM1022" s="10"/>
      <c r="LIN1022" s="10"/>
      <c r="LIO1022" s="10"/>
      <c r="LIP1022" s="10"/>
      <c r="LIQ1022" s="10"/>
      <c r="LIR1022" s="10"/>
      <c r="LIS1022" s="10"/>
      <c r="LIT1022" s="10"/>
      <c r="LIU1022" s="10"/>
      <c r="LIV1022" s="10"/>
      <c r="LIW1022" s="10"/>
      <c r="LIX1022" s="10"/>
      <c r="LIY1022" s="10"/>
      <c r="LIZ1022" s="10"/>
      <c r="LJA1022" s="10"/>
      <c r="LJB1022" s="10"/>
      <c r="LJC1022" s="10"/>
      <c r="LJD1022" s="10"/>
      <c r="LJE1022" s="10"/>
      <c r="LJF1022" s="10"/>
      <c r="LJG1022" s="10"/>
      <c r="LJH1022" s="10"/>
      <c r="LJI1022" s="10"/>
      <c r="LJJ1022" s="10"/>
      <c r="LJK1022" s="10"/>
      <c r="LJL1022" s="10"/>
      <c r="LJM1022" s="10"/>
      <c r="LJN1022" s="10"/>
      <c r="LJO1022" s="10"/>
      <c r="LJP1022" s="10"/>
      <c r="LJQ1022" s="10"/>
      <c r="LJR1022" s="10"/>
      <c r="LJS1022" s="10"/>
      <c r="LJT1022" s="10"/>
      <c r="LJU1022" s="10"/>
      <c r="LJV1022" s="10"/>
      <c r="LJW1022" s="10"/>
      <c r="LJX1022" s="10"/>
      <c r="LJY1022" s="10"/>
      <c r="LJZ1022" s="10"/>
      <c r="LKA1022" s="10"/>
      <c r="LKB1022" s="10"/>
      <c r="LKC1022" s="10"/>
      <c r="LKD1022" s="10"/>
      <c r="LKE1022" s="10"/>
      <c r="LKF1022" s="10"/>
      <c r="LKG1022" s="10"/>
      <c r="LKH1022" s="10"/>
      <c r="LKI1022" s="10"/>
      <c r="LKJ1022" s="10"/>
      <c r="LKK1022" s="10"/>
      <c r="LKL1022" s="10"/>
      <c r="LKM1022" s="10"/>
      <c r="LKN1022" s="10"/>
      <c r="LKO1022" s="10"/>
      <c r="LKP1022" s="10"/>
      <c r="LKQ1022" s="10"/>
      <c r="LKR1022" s="10"/>
      <c r="LKS1022" s="10"/>
      <c r="LKT1022" s="10"/>
      <c r="LKU1022" s="10"/>
      <c r="LKV1022" s="10"/>
      <c r="LKW1022" s="10"/>
      <c r="LKX1022" s="10"/>
      <c r="LKY1022" s="10"/>
      <c r="LKZ1022" s="10"/>
      <c r="LLA1022" s="10"/>
      <c r="LLB1022" s="10"/>
      <c r="LLC1022" s="10"/>
      <c r="LLD1022" s="10"/>
      <c r="LLE1022" s="10"/>
      <c r="LLF1022" s="10"/>
      <c r="LLG1022" s="10"/>
      <c r="LLH1022" s="10"/>
      <c r="LLI1022" s="10"/>
      <c r="LLJ1022" s="10"/>
      <c r="LLK1022" s="10"/>
      <c r="LLL1022" s="10"/>
      <c r="LLM1022" s="10"/>
      <c r="LLN1022" s="10"/>
      <c r="LLO1022" s="10"/>
      <c r="LLP1022" s="10"/>
      <c r="LLQ1022" s="10"/>
      <c r="LLR1022" s="10"/>
      <c r="LLS1022" s="10"/>
      <c r="LLT1022" s="10"/>
      <c r="LLU1022" s="10"/>
      <c r="LLV1022" s="10"/>
      <c r="LLW1022" s="10"/>
      <c r="LLX1022" s="10"/>
      <c r="LLY1022" s="10"/>
      <c r="LLZ1022" s="10"/>
      <c r="LMA1022" s="10"/>
      <c r="LMB1022" s="10"/>
      <c r="LMC1022" s="10"/>
      <c r="LMD1022" s="10"/>
      <c r="LME1022" s="10"/>
      <c r="LMF1022" s="10"/>
      <c r="LMG1022" s="10"/>
      <c r="LMH1022" s="10"/>
      <c r="LMI1022" s="10"/>
      <c r="LMJ1022" s="10"/>
      <c r="LMK1022" s="10"/>
      <c r="LML1022" s="10"/>
      <c r="LMM1022" s="10"/>
      <c r="LMN1022" s="10"/>
      <c r="LMO1022" s="10"/>
      <c r="LMP1022" s="10"/>
      <c r="LMQ1022" s="10"/>
      <c r="LMR1022" s="10"/>
      <c r="LMS1022" s="10"/>
      <c r="LMT1022" s="10"/>
      <c r="LMU1022" s="10"/>
      <c r="LMV1022" s="10"/>
      <c r="LMW1022" s="10"/>
      <c r="LMX1022" s="10"/>
      <c r="LMY1022" s="10"/>
      <c r="LMZ1022" s="10"/>
      <c r="LNA1022" s="10"/>
      <c r="LNB1022" s="10"/>
      <c r="LNC1022" s="10"/>
      <c r="LND1022" s="10"/>
      <c r="LNE1022" s="10"/>
      <c r="LNF1022" s="10"/>
      <c r="LNG1022" s="10"/>
      <c r="LNH1022" s="10"/>
      <c r="LNI1022" s="10"/>
      <c r="LNJ1022" s="10"/>
      <c r="LNK1022" s="10"/>
      <c r="LNL1022" s="10"/>
      <c r="LNM1022" s="10"/>
      <c r="LNN1022" s="10"/>
      <c r="LNO1022" s="10"/>
      <c r="LNP1022" s="10"/>
      <c r="LNQ1022" s="10"/>
      <c r="LNR1022" s="10"/>
      <c r="LNS1022" s="10"/>
      <c r="LNT1022" s="10"/>
      <c r="LNU1022" s="10"/>
      <c r="LNV1022" s="10"/>
      <c r="LNW1022" s="10"/>
      <c r="LNX1022" s="10"/>
      <c r="LNY1022" s="10"/>
      <c r="LNZ1022" s="10"/>
      <c r="LOA1022" s="10"/>
      <c r="LOB1022" s="10"/>
      <c r="LOC1022" s="10"/>
      <c r="LOD1022" s="10"/>
      <c r="LOE1022" s="10"/>
      <c r="LOF1022" s="10"/>
      <c r="LOG1022" s="10"/>
      <c r="LOH1022" s="10"/>
      <c r="LOI1022" s="10"/>
      <c r="LOJ1022" s="10"/>
      <c r="LOK1022" s="10"/>
      <c r="LOL1022" s="10"/>
      <c r="LOM1022" s="10"/>
      <c r="LON1022" s="10"/>
      <c r="LOO1022" s="10"/>
      <c r="LOP1022" s="10"/>
      <c r="LOQ1022" s="10"/>
      <c r="LOR1022" s="10"/>
      <c r="LOS1022" s="10"/>
      <c r="LOT1022" s="10"/>
      <c r="LOU1022" s="10"/>
      <c r="LOV1022" s="10"/>
      <c r="LOW1022" s="10"/>
      <c r="LOX1022" s="10"/>
      <c r="LOY1022" s="10"/>
      <c r="LOZ1022" s="10"/>
      <c r="LPA1022" s="10"/>
      <c r="LPB1022" s="10"/>
      <c r="LPC1022" s="10"/>
      <c r="LPD1022" s="10"/>
      <c r="LPE1022" s="10"/>
      <c r="LPF1022" s="10"/>
      <c r="LPG1022" s="10"/>
      <c r="LPH1022" s="10"/>
      <c r="LPI1022" s="10"/>
      <c r="LPJ1022" s="10"/>
      <c r="LPK1022" s="10"/>
      <c r="LPL1022" s="10"/>
      <c r="LPM1022" s="10"/>
      <c r="LPN1022" s="10"/>
      <c r="LPO1022" s="10"/>
      <c r="LPP1022" s="10"/>
      <c r="LPQ1022" s="10"/>
      <c r="LPR1022" s="10"/>
      <c r="LPS1022" s="10"/>
      <c r="LPT1022" s="10"/>
      <c r="LPU1022" s="10"/>
      <c r="LPV1022" s="10"/>
      <c r="LPW1022" s="10"/>
      <c r="LPX1022" s="10"/>
      <c r="LPY1022" s="10"/>
      <c r="LPZ1022" s="10"/>
      <c r="LQA1022" s="10"/>
      <c r="LQB1022" s="10"/>
      <c r="LQC1022" s="10"/>
      <c r="LQD1022" s="10"/>
      <c r="LQE1022" s="10"/>
      <c r="LQF1022" s="10"/>
      <c r="LQG1022" s="10"/>
      <c r="LQH1022" s="10"/>
      <c r="LQI1022" s="10"/>
      <c r="LQJ1022" s="10"/>
      <c r="LQK1022" s="10"/>
      <c r="LQL1022" s="10"/>
      <c r="LQM1022" s="10"/>
      <c r="LQN1022" s="10"/>
      <c r="LQO1022" s="10"/>
      <c r="LQP1022" s="10"/>
      <c r="LQQ1022" s="10"/>
      <c r="LQR1022" s="10"/>
      <c r="LQS1022" s="10"/>
      <c r="LQT1022" s="10"/>
      <c r="LQU1022" s="10"/>
      <c r="LQV1022" s="10"/>
      <c r="LQW1022" s="10"/>
      <c r="LQX1022" s="10"/>
      <c r="LQY1022" s="10"/>
      <c r="LQZ1022" s="10"/>
      <c r="LRA1022" s="10"/>
      <c r="LRB1022" s="10"/>
      <c r="LRC1022" s="10"/>
      <c r="LRD1022" s="10"/>
      <c r="LRE1022" s="10"/>
      <c r="LRF1022" s="10"/>
      <c r="LRG1022" s="10"/>
      <c r="LRH1022" s="10"/>
      <c r="LRI1022" s="10"/>
      <c r="LRJ1022" s="10"/>
      <c r="LRK1022" s="10"/>
      <c r="LRL1022" s="10"/>
      <c r="LRM1022" s="10"/>
      <c r="LRN1022" s="10"/>
      <c r="LRO1022" s="10"/>
      <c r="LRP1022" s="10"/>
      <c r="LRQ1022" s="10"/>
      <c r="LRR1022" s="10"/>
      <c r="LRS1022" s="10"/>
      <c r="LRT1022" s="10"/>
      <c r="LRU1022" s="10"/>
      <c r="LRV1022" s="10"/>
      <c r="LRW1022" s="10"/>
      <c r="LRX1022" s="10"/>
      <c r="LRY1022" s="10"/>
      <c r="LRZ1022" s="10"/>
      <c r="LSA1022" s="10"/>
      <c r="LSB1022" s="10"/>
      <c r="LSC1022" s="10"/>
      <c r="LSD1022" s="10"/>
      <c r="LSE1022" s="10"/>
      <c r="LSF1022" s="10"/>
      <c r="LSG1022" s="10"/>
      <c r="LSH1022" s="10"/>
      <c r="LSI1022" s="10"/>
      <c r="LSJ1022" s="10"/>
      <c r="LSK1022" s="10"/>
      <c r="LSL1022" s="10"/>
      <c r="LSM1022" s="10"/>
      <c r="LSN1022" s="10"/>
      <c r="LSO1022" s="10"/>
      <c r="LSP1022" s="10"/>
      <c r="LSQ1022" s="10"/>
      <c r="LSR1022" s="10"/>
      <c r="LSS1022" s="10"/>
      <c r="LST1022" s="10"/>
      <c r="LSU1022" s="10"/>
      <c r="LSV1022" s="10"/>
      <c r="LSW1022" s="10"/>
      <c r="LSX1022" s="10"/>
      <c r="LSY1022" s="10"/>
      <c r="LSZ1022" s="10"/>
      <c r="LTA1022" s="10"/>
      <c r="LTB1022" s="10"/>
      <c r="LTC1022" s="10"/>
      <c r="LTD1022" s="10"/>
      <c r="LTE1022" s="10"/>
      <c r="LTF1022" s="10"/>
      <c r="LTG1022" s="10"/>
      <c r="LTH1022" s="10"/>
      <c r="LTI1022" s="10"/>
      <c r="LTJ1022" s="10"/>
      <c r="LTK1022" s="10"/>
      <c r="LTL1022" s="10"/>
      <c r="LTM1022" s="10"/>
      <c r="LTN1022" s="10"/>
      <c r="LTO1022" s="10"/>
      <c r="LTP1022" s="10"/>
      <c r="LTQ1022" s="10"/>
      <c r="LTR1022" s="10"/>
      <c r="LTS1022" s="10"/>
      <c r="LTT1022" s="10"/>
      <c r="LTU1022" s="10"/>
      <c r="LTV1022" s="10"/>
      <c r="LTW1022" s="10"/>
      <c r="LTX1022" s="10"/>
      <c r="LTY1022" s="10"/>
      <c r="LTZ1022" s="10"/>
      <c r="LUA1022" s="10"/>
      <c r="LUB1022" s="10"/>
      <c r="LUC1022" s="10"/>
      <c r="LUD1022" s="10"/>
      <c r="LUE1022" s="10"/>
      <c r="LUF1022" s="10"/>
      <c r="LUG1022" s="10"/>
      <c r="LUH1022" s="10"/>
      <c r="LUI1022" s="10"/>
      <c r="LUJ1022" s="10"/>
      <c r="LUK1022" s="10"/>
      <c r="LUL1022" s="10"/>
      <c r="LUM1022" s="10"/>
      <c r="LUN1022" s="10"/>
      <c r="LUO1022" s="10"/>
      <c r="LUP1022" s="10"/>
      <c r="LUQ1022" s="10"/>
      <c r="LUR1022" s="10"/>
      <c r="LUS1022" s="10"/>
      <c r="LUT1022" s="10"/>
      <c r="LUU1022" s="10"/>
      <c r="LUV1022" s="10"/>
      <c r="LUW1022" s="10"/>
      <c r="LUX1022" s="10"/>
      <c r="LUY1022" s="10"/>
      <c r="LUZ1022" s="10"/>
      <c r="LVA1022" s="10"/>
      <c r="LVB1022" s="10"/>
      <c r="LVC1022" s="10"/>
      <c r="LVD1022" s="10"/>
      <c r="LVE1022" s="10"/>
      <c r="LVF1022" s="10"/>
      <c r="LVG1022" s="10"/>
      <c r="LVH1022" s="10"/>
      <c r="LVI1022" s="10"/>
      <c r="LVJ1022" s="10"/>
      <c r="LVK1022" s="10"/>
      <c r="LVL1022" s="10"/>
      <c r="LVM1022" s="10"/>
      <c r="LVN1022" s="10"/>
      <c r="LVO1022" s="10"/>
      <c r="LVP1022" s="10"/>
      <c r="LVQ1022" s="10"/>
      <c r="LVR1022" s="10"/>
      <c r="LVS1022" s="10"/>
      <c r="LVT1022" s="10"/>
      <c r="LVU1022" s="10"/>
      <c r="LVV1022" s="10"/>
      <c r="LVW1022" s="10"/>
      <c r="LVX1022" s="10"/>
      <c r="LVY1022" s="10"/>
      <c r="LVZ1022" s="10"/>
      <c r="LWA1022" s="10"/>
      <c r="LWB1022" s="10"/>
      <c r="LWC1022" s="10"/>
      <c r="LWD1022" s="10"/>
      <c r="LWE1022" s="10"/>
      <c r="LWF1022" s="10"/>
      <c r="LWG1022" s="10"/>
      <c r="LWH1022" s="10"/>
      <c r="LWI1022" s="10"/>
      <c r="LWJ1022" s="10"/>
      <c r="LWK1022" s="10"/>
      <c r="LWL1022" s="10"/>
      <c r="LWM1022" s="10"/>
      <c r="LWN1022" s="10"/>
      <c r="LWO1022" s="10"/>
      <c r="LWP1022" s="10"/>
      <c r="LWQ1022" s="10"/>
      <c r="LWR1022" s="10"/>
      <c r="LWS1022" s="10"/>
      <c r="LWT1022" s="10"/>
      <c r="LWU1022" s="10"/>
      <c r="LWV1022" s="10"/>
      <c r="LWW1022" s="10"/>
      <c r="LWX1022" s="10"/>
      <c r="LWY1022" s="10"/>
      <c r="LWZ1022" s="10"/>
      <c r="LXA1022" s="10"/>
      <c r="LXB1022" s="10"/>
      <c r="LXC1022" s="10"/>
      <c r="LXD1022" s="10"/>
      <c r="LXE1022" s="10"/>
      <c r="LXF1022" s="10"/>
      <c r="LXG1022" s="10"/>
      <c r="LXH1022" s="10"/>
      <c r="LXI1022" s="10"/>
      <c r="LXJ1022" s="10"/>
      <c r="LXK1022" s="10"/>
      <c r="LXL1022" s="10"/>
      <c r="LXM1022" s="10"/>
      <c r="LXN1022" s="10"/>
      <c r="LXO1022" s="10"/>
      <c r="LXP1022" s="10"/>
      <c r="LXQ1022" s="10"/>
      <c r="LXR1022" s="10"/>
      <c r="LXS1022" s="10"/>
      <c r="LXT1022" s="10"/>
      <c r="LXU1022" s="10"/>
      <c r="LXV1022" s="10"/>
      <c r="LXW1022" s="10"/>
      <c r="LXX1022" s="10"/>
      <c r="LXY1022" s="10"/>
      <c r="LXZ1022" s="10"/>
      <c r="LYA1022" s="10"/>
      <c r="LYB1022" s="10"/>
      <c r="LYC1022" s="10"/>
      <c r="LYD1022" s="10"/>
      <c r="LYE1022" s="10"/>
      <c r="LYF1022" s="10"/>
      <c r="LYG1022" s="10"/>
      <c r="LYH1022" s="10"/>
      <c r="LYI1022" s="10"/>
      <c r="LYJ1022" s="10"/>
      <c r="LYK1022" s="10"/>
      <c r="LYL1022" s="10"/>
      <c r="LYM1022" s="10"/>
      <c r="LYN1022" s="10"/>
      <c r="LYO1022" s="10"/>
      <c r="LYP1022" s="10"/>
      <c r="LYQ1022" s="10"/>
      <c r="LYR1022" s="10"/>
      <c r="LYS1022" s="10"/>
      <c r="LYT1022" s="10"/>
      <c r="LYU1022" s="10"/>
      <c r="LYV1022" s="10"/>
      <c r="LYW1022" s="10"/>
      <c r="LYX1022" s="10"/>
      <c r="LYY1022" s="10"/>
      <c r="LYZ1022" s="10"/>
      <c r="LZA1022" s="10"/>
      <c r="LZB1022" s="10"/>
      <c r="LZC1022" s="10"/>
      <c r="LZD1022" s="10"/>
      <c r="LZE1022" s="10"/>
      <c r="LZF1022" s="10"/>
      <c r="LZG1022" s="10"/>
      <c r="LZH1022" s="10"/>
      <c r="LZI1022" s="10"/>
      <c r="LZJ1022" s="10"/>
      <c r="LZK1022" s="10"/>
      <c r="LZL1022" s="10"/>
      <c r="LZM1022" s="10"/>
      <c r="LZN1022" s="10"/>
      <c r="LZO1022" s="10"/>
      <c r="LZP1022" s="10"/>
      <c r="LZQ1022" s="10"/>
      <c r="LZR1022" s="10"/>
      <c r="LZS1022" s="10"/>
      <c r="LZT1022" s="10"/>
      <c r="LZU1022" s="10"/>
      <c r="LZV1022" s="10"/>
      <c r="LZW1022" s="10"/>
      <c r="LZX1022" s="10"/>
      <c r="LZY1022" s="10"/>
      <c r="LZZ1022" s="10"/>
      <c r="MAA1022" s="10"/>
      <c r="MAB1022" s="10"/>
      <c r="MAC1022" s="10"/>
      <c r="MAD1022" s="10"/>
      <c r="MAE1022" s="10"/>
      <c r="MAF1022" s="10"/>
      <c r="MAG1022" s="10"/>
      <c r="MAH1022" s="10"/>
      <c r="MAI1022" s="10"/>
      <c r="MAJ1022" s="10"/>
      <c r="MAK1022" s="10"/>
      <c r="MAL1022" s="10"/>
      <c r="MAM1022" s="10"/>
      <c r="MAN1022" s="10"/>
      <c r="MAO1022" s="10"/>
      <c r="MAP1022" s="10"/>
      <c r="MAQ1022" s="10"/>
      <c r="MAR1022" s="10"/>
      <c r="MAS1022" s="10"/>
      <c r="MAT1022" s="10"/>
      <c r="MAU1022" s="10"/>
      <c r="MAV1022" s="10"/>
      <c r="MAW1022" s="10"/>
      <c r="MAX1022" s="10"/>
      <c r="MAY1022" s="10"/>
      <c r="MAZ1022" s="10"/>
      <c r="MBA1022" s="10"/>
      <c r="MBB1022" s="10"/>
      <c r="MBC1022" s="10"/>
      <c r="MBD1022" s="10"/>
      <c r="MBE1022" s="10"/>
      <c r="MBF1022" s="10"/>
      <c r="MBG1022" s="10"/>
      <c r="MBH1022" s="10"/>
      <c r="MBI1022" s="10"/>
      <c r="MBJ1022" s="10"/>
      <c r="MBK1022" s="10"/>
      <c r="MBL1022" s="10"/>
      <c r="MBM1022" s="10"/>
      <c r="MBN1022" s="10"/>
      <c r="MBO1022" s="10"/>
      <c r="MBP1022" s="10"/>
      <c r="MBQ1022" s="10"/>
      <c r="MBR1022" s="10"/>
      <c r="MBS1022" s="10"/>
      <c r="MBT1022" s="10"/>
      <c r="MBU1022" s="10"/>
      <c r="MBV1022" s="10"/>
      <c r="MBW1022" s="10"/>
      <c r="MBX1022" s="10"/>
      <c r="MBY1022" s="10"/>
      <c r="MBZ1022" s="10"/>
      <c r="MCA1022" s="10"/>
      <c r="MCB1022" s="10"/>
      <c r="MCC1022" s="10"/>
      <c r="MCD1022" s="10"/>
      <c r="MCE1022" s="10"/>
      <c r="MCF1022" s="10"/>
      <c r="MCG1022" s="10"/>
      <c r="MCH1022" s="10"/>
      <c r="MCI1022" s="10"/>
      <c r="MCJ1022" s="10"/>
      <c r="MCK1022" s="10"/>
      <c r="MCL1022" s="10"/>
      <c r="MCM1022" s="10"/>
      <c r="MCN1022" s="10"/>
      <c r="MCO1022" s="10"/>
      <c r="MCP1022" s="10"/>
      <c r="MCQ1022" s="10"/>
      <c r="MCR1022" s="10"/>
      <c r="MCS1022" s="10"/>
      <c r="MCT1022" s="10"/>
      <c r="MCU1022" s="10"/>
      <c r="MCV1022" s="10"/>
      <c r="MCW1022" s="10"/>
      <c r="MCX1022" s="10"/>
      <c r="MCY1022" s="10"/>
      <c r="MCZ1022" s="10"/>
      <c r="MDA1022" s="10"/>
      <c r="MDB1022" s="10"/>
      <c r="MDC1022" s="10"/>
      <c r="MDD1022" s="10"/>
      <c r="MDE1022" s="10"/>
      <c r="MDF1022" s="10"/>
      <c r="MDG1022" s="10"/>
      <c r="MDH1022" s="10"/>
      <c r="MDI1022" s="10"/>
      <c r="MDJ1022" s="10"/>
      <c r="MDK1022" s="10"/>
      <c r="MDL1022" s="10"/>
      <c r="MDM1022" s="10"/>
      <c r="MDN1022" s="10"/>
      <c r="MDO1022" s="10"/>
      <c r="MDP1022" s="10"/>
      <c r="MDQ1022" s="10"/>
      <c r="MDR1022" s="10"/>
      <c r="MDS1022" s="10"/>
      <c r="MDT1022" s="10"/>
      <c r="MDU1022" s="10"/>
      <c r="MDV1022" s="10"/>
      <c r="MDW1022" s="10"/>
      <c r="MDX1022" s="10"/>
      <c r="MDY1022" s="10"/>
      <c r="MDZ1022" s="10"/>
      <c r="MEA1022" s="10"/>
      <c r="MEB1022" s="10"/>
      <c r="MEC1022" s="10"/>
      <c r="MED1022" s="10"/>
      <c r="MEE1022" s="10"/>
      <c r="MEF1022" s="10"/>
      <c r="MEG1022" s="10"/>
      <c r="MEH1022" s="10"/>
      <c r="MEI1022" s="10"/>
      <c r="MEJ1022" s="10"/>
      <c r="MEK1022" s="10"/>
      <c r="MEL1022" s="10"/>
      <c r="MEM1022" s="10"/>
      <c r="MEN1022" s="10"/>
      <c r="MEO1022" s="10"/>
      <c r="MEP1022" s="10"/>
      <c r="MEQ1022" s="10"/>
      <c r="MER1022" s="10"/>
      <c r="MES1022" s="10"/>
      <c r="MET1022" s="10"/>
      <c r="MEU1022" s="10"/>
      <c r="MEV1022" s="10"/>
      <c r="MEW1022" s="10"/>
      <c r="MEX1022" s="10"/>
      <c r="MEY1022" s="10"/>
      <c r="MEZ1022" s="10"/>
      <c r="MFA1022" s="10"/>
      <c r="MFB1022" s="10"/>
      <c r="MFC1022" s="10"/>
      <c r="MFD1022" s="10"/>
      <c r="MFE1022" s="10"/>
      <c r="MFF1022" s="10"/>
      <c r="MFG1022" s="10"/>
      <c r="MFH1022" s="10"/>
      <c r="MFI1022" s="10"/>
      <c r="MFJ1022" s="10"/>
      <c r="MFK1022" s="10"/>
      <c r="MFL1022" s="10"/>
      <c r="MFM1022" s="10"/>
      <c r="MFN1022" s="10"/>
      <c r="MFO1022" s="10"/>
      <c r="MFP1022" s="10"/>
      <c r="MFQ1022" s="10"/>
      <c r="MFR1022" s="10"/>
      <c r="MFS1022" s="10"/>
      <c r="MFT1022" s="10"/>
      <c r="MFU1022" s="10"/>
      <c r="MFV1022" s="10"/>
      <c r="MFW1022" s="10"/>
      <c r="MFX1022" s="10"/>
      <c r="MFY1022" s="10"/>
      <c r="MFZ1022" s="10"/>
      <c r="MGA1022" s="10"/>
      <c r="MGB1022" s="10"/>
      <c r="MGC1022" s="10"/>
      <c r="MGD1022" s="10"/>
      <c r="MGE1022" s="10"/>
      <c r="MGF1022" s="10"/>
      <c r="MGG1022" s="10"/>
      <c r="MGH1022" s="10"/>
      <c r="MGI1022" s="10"/>
      <c r="MGJ1022" s="10"/>
      <c r="MGK1022" s="10"/>
      <c r="MGL1022" s="10"/>
      <c r="MGM1022" s="10"/>
      <c r="MGN1022" s="10"/>
      <c r="MGO1022" s="10"/>
      <c r="MGP1022" s="10"/>
      <c r="MGQ1022" s="10"/>
      <c r="MGR1022" s="10"/>
      <c r="MGS1022" s="10"/>
      <c r="MGT1022" s="10"/>
      <c r="MGU1022" s="10"/>
      <c r="MGV1022" s="10"/>
      <c r="MGW1022" s="10"/>
      <c r="MGX1022" s="10"/>
      <c r="MGY1022" s="10"/>
      <c r="MGZ1022" s="10"/>
      <c r="MHA1022" s="10"/>
      <c r="MHB1022" s="10"/>
      <c r="MHC1022" s="10"/>
      <c r="MHD1022" s="10"/>
      <c r="MHE1022" s="10"/>
      <c r="MHF1022" s="10"/>
      <c r="MHG1022" s="10"/>
      <c r="MHH1022" s="10"/>
      <c r="MHI1022" s="10"/>
      <c r="MHJ1022" s="10"/>
      <c r="MHK1022" s="10"/>
      <c r="MHL1022" s="10"/>
      <c r="MHM1022" s="10"/>
      <c r="MHN1022" s="10"/>
      <c r="MHO1022" s="10"/>
      <c r="MHP1022" s="10"/>
      <c r="MHQ1022" s="10"/>
      <c r="MHR1022" s="10"/>
      <c r="MHS1022" s="10"/>
      <c r="MHT1022" s="10"/>
      <c r="MHU1022" s="10"/>
      <c r="MHV1022" s="10"/>
      <c r="MHW1022" s="10"/>
      <c r="MHX1022" s="10"/>
      <c r="MHY1022" s="10"/>
      <c r="MHZ1022" s="10"/>
      <c r="MIA1022" s="10"/>
      <c r="MIB1022" s="10"/>
      <c r="MIC1022" s="10"/>
      <c r="MID1022" s="10"/>
      <c r="MIE1022" s="10"/>
      <c r="MIF1022" s="10"/>
      <c r="MIG1022" s="10"/>
      <c r="MIH1022" s="10"/>
      <c r="MII1022" s="10"/>
      <c r="MIJ1022" s="10"/>
      <c r="MIK1022" s="10"/>
      <c r="MIL1022" s="10"/>
      <c r="MIM1022" s="10"/>
      <c r="MIN1022" s="10"/>
      <c r="MIO1022" s="10"/>
      <c r="MIP1022" s="10"/>
      <c r="MIQ1022" s="10"/>
      <c r="MIR1022" s="10"/>
      <c r="MIS1022" s="10"/>
      <c r="MIT1022" s="10"/>
      <c r="MIU1022" s="10"/>
      <c r="MIV1022" s="10"/>
      <c r="MIW1022" s="10"/>
      <c r="MIX1022" s="10"/>
      <c r="MIY1022" s="10"/>
      <c r="MIZ1022" s="10"/>
      <c r="MJA1022" s="10"/>
      <c r="MJB1022" s="10"/>
      <c r="MJC1022" s="10"/>
      <c r="MJD1022" s="10"/>
      <c r="MJE1022" s="10"/>
      <c r="MJF1022" s="10"/>
      <c r="MJG1022" s="10"/>
      <c r="MJH1022" s="10"/>
      <c r="MJI1022" s="10"/>
      <c r="MJJ1022" s="10"/>
      <c r="MJK1022" s="10"/>
      <c r="MJL1022" s="10"/>
      <c r="MJM1022" s="10"/>
      <c r="MJN1022" s="10"/>
      <c r="MJO1022" s="10"/>
      <c r="MJP1022" s="10"/>
      <c r="MJQ1022" s="10"/>
      <c r="MJR1022" s="10"/>
      <c r="MJS1022" s="10"/>
      <c r="MJT1022" s="10"/>
      <c r="MJU1022" s="10"/>
      <c r="MJV1022" s="10"/>
      <c r="MJW1022" s="10"/>
      <c r="MJX1022" s="10"/>
      <c r="MJY1022" s="10"/>
      <c r="MJZ1022" s="10"/>
      <c r="MKA1022" s="10"/>
      <c r="MKB1022" s="10"/>
      <c r="MKC1022" s="10"/>
      <c r="MKD1022" s="10"/>
      <c r="MKE1022" s="10"/>
      <c r="MKF1022" s="10"/>
      <c r="MKG1022" s="10"/>
      <c r="MKH1022" s="10"/>
      <c r="MKI1022" s="10"/>
      <c r="MKJ1022" s="10"/>
      <c r="MKK1022" s="10"/>
      <c r="MKL1022" s="10"/>
      <c r="MKM1022" s="10"/>
      <c r="MKN1022" s="10"/>
      <c r="MKO1022" s="10"/>
      <c r="MKP1022" s="10"/>
      <c r="MKQ1022" s="10"/>
      <c r="MKR1022" s="10"/>
      <c r="MKS1022" s="10"/>
      <c r="MKT1022" s="10"/>
      <c r="MKU1022" s="10"/>
      <c r="MKV1022" s="10"/>
      <c r="MKW1022" s="10"/>
      <c r="MKX1022" s="10"/>
      <c r="MKY1022" s="10"/>
      <c r="MKZ1022" s="10"/>
      <c r="MLA1022" s="10"/>
      <c r="MLB1022" s="10"/>
      <c r="MLC1022" s="10"/>
      <c r="MLD1022" s="10"/>
      <c r="MLE1022" s="10"/>
      <c r="MLF1022" s="10"/>
      <c r="MLG1022" s="10"/>
      <c r="MLH1022" s="10"/>
      <c r="MLI1022" s="10"/>
      <c r="MLJ1022" s="10"/>
      <c r="MLK1022" s="10"/>
      <c r="MLL1022" s="10"/>
      <c r="MLM1022" s="10"/>
      <c r="MLN1022" s="10"/>
      <c r="MLO1022" s="10"/>
      <c r="MLP1022" s="10"/>
      <c r="MLQ1022" s="10"/>
      <c r="MLR1022" s="10"/>
      <c r="MLS1022" s="10"/>
      <c r="MLT1022" s="10"/>
      <c r="MLU1022" s="10"/>
      <c r="MLV1022" s="10"/>
      <c r="MLW1022" s="10"/>
      <c r="MLX1022" s="10"/>
      <c r="MLY1022" s="10"/>
      <c r="MLZ1022" s="10"/>
      <c r="MMA1022" s="10"/>
      <c r="MMB1022" s="10"/>
      <c r="MMC1022" s="10"/>
      <c r="MMD1022" s="10"/>
      <c r="MME1022" s="10"/>
      <c r="MMF1022" s="10"/>
      <c r="MMG1022" s="10"/>
      <c r="MMH1022" s="10"/>
      <c r="MMI1022" s="10"/>
      <c r="MMJ1022" s="10"/>
      <c r="MMK1022" s="10"/>
      <c r="MML1022" s="10"/>
      <c r="MMM1022" s="10"/>
      <c r="MMN1022" s="10"/>
      <c r="MMO1022" s="10"/>
      <c r="MMP1022" s="10"/>
      <c r="MMQ1022" s="10"/>
      <c r="MMR1022" s="10"/>
      <c r="MMS1022" s="10"/>
      <c r="MMT1022" s="10"/>
      <c r="MMU1022" s="10"/>
      <c r="MMV1022" s="10"/>
      <c r="MMW1022" s="10"/>
      <c r="MMX1022" s="10"/>
      <c r="MMY1022" s="10"/>
      <c r="MMZ1022" s="10"/>
      <c r="MNA1022" s="10"/>
      <c r="MNB1022" s="10"/>
      <c r="MNC1022" s="10"/>
      <c r="MND1022" s="10"/>
      <c r="MNE1022" s="10"/>
      <c r="MNF1022" s="10"/>
      <c r="MNG1022" s="10"/>
      <c r="MNH1022" s="10"/>
      <c r="MNI1022" s="10"/>
      <c r="MNJ1022" s="10"/>
      <c r="MNK1022" s="10"/>
      <c r="MNL1022" s="10"/>
      <c r="MNM1022" s="10"/>
      <c r="MNN1022" s="10"/>
      <c r="MNO1022" s="10"/>
      <c r="MNP1022" s="10"/>
      <c r="MNQ1022" s="10"/>
      <c r="MNR1022" s="10"/>
      <c r="MNS1022" s="10"/>
      <c r="MNT1022" s="10"/>
      <c r="MNU1022" s="10"/>
      <c r="MNV1022" s="10"/>
      <c r="MNW1022" s="10"/>
      <c r="MNX1022" s="10"/>
      <c r="MNY1022" s="10"/>
      <c r="MNZ1022" s="10"/>
      <c r="MOA1022" s="10"/>
      <c r="MOB1022" s="10"/>
      <c r="MOC1022" s="10"/>
      <c r="MOD1022" s="10"/>
      <c r="MOE1022" s="10"/>
      <c r="MOF1022" s="10"/>
      <c r="MOG1022" s="10"/>
      <c r="MOH1022" s="10"/>
      <c r="MOI1022" s="10"/>
      <c r="MOJ1022" s="10"/>
      <c r="MOK1022" s="10"/>
      <c r="MOL1022" s="10"/>
      <c r="MOM1022" s="10"/>
      <c r="MON1022" s="10"/>
      <c r="MOO1022" s="10"/>
      <c r="MOP1022" s="10"/>
      <c r="MOQ1022" s="10"/>
      <c r="MOR1022" s="10"/>
      <c r="MOS1022" s="10"/>
      <c r="MOT1022" s="10"/>
      <c r="MOU1022" s="10"/>
      <c r="MOV1022" s="10"/>
      <c r="MOW1022" s="10"/>
      <c r="MOX1022" s="10"/>
      <c r="MOY1022" s="10"/>
      <c r="MOZ1022" s="10"/>
      <c r="MPA1022" s="10"/>
      <c r="MPB1022" s="10"/>
      <c r="MPC1022" s="10"/>
      <c r="MPD1022" s="10"/>
      <c r="MPE1022" s="10"/>
      <c r="MPF1022" s="10"/>
      <c r="MPG1022" s="10"/>
      <c r="MPH1022" s="10"/>
      <c r="MPI1022" s="10"/>
      <c r="MPJ1022" s="10"/>
      <c r="MPK1022" s="10"/>
      <c r="MPL1022" s="10"/>
      <c r="MPM1022" s="10"/>
      <c r="MPN1022" s="10"/>
      <c r="MPO1022" s="10"/>
      <c r="MPP1022" s="10"/>
      <c r="MPQ1022" s="10"/>
      <c r="MPR1022" s="10"/>
      <c r="MPS1022" s="10"/>
      <c r="MPT1022" s="10"/>
      <c r="MPU1022" s="10"/>
      <c r="MPV1022" s="10"/>
      <c r="MPW1022" s="10"/>
      <c r="MPX1022" s="10"/>
      <c r="MPY1022" s="10"/>
      <c r="MPZ1022" s="10"/>
      <c r="MQA1022" s="10"/>
      <c r="MQB1022" s="10"/>
      <c r="MQC1022" s="10"/>
      <c r="MQD1022" s="10"/>
      <c r="MQE1022" s="10"/>
      <c r="MQF1022" s="10"/>
      <c r="MQG1022" s="10"/>
      <c r="MQH1022" s="10"/>
      <c r="MQI1022" s="10"/>
      <c r="MQJ1022" s="10"/>
      <c r="MQK1022" s="10"/>
      <c r="MQL1022" s="10"/>
      <c r="MQM1022" s="10"/>
      <c r="MQN1022" s="10"/>
      <c r="MQO1022" s="10"/>
      <c r="MQP1022" s="10"/>
      <c r="MQQ1022" s="10"/>
      <c r="MQR1022" s="10"/>
      <c r="MQS1022" s="10"/>
      <c r="MQT1022" s="10"/>
      <c r="MQU1022" s="10"/>
      <c r="MQV1022" s="10"/>
      <c r="MQW1022" s="10"/>
      <c r="MQX1022" s="10"/>
      <c r="MQY1022" s="10"/>
      <c r="MQZ1022" s="10"/>
      <c r="MRA1022" s="10"/>
      <c r="MRB1022" s="10"/>
      <c r="MRC1022" s="10"/>
      <c r="MRD1022" s="10"/>
      <c r="MRE1022" s="10"/>
      <c r="MRF1022" s="10"/>
      <c r="MRG1022" s="10"/>
      <c r="MRH1022" s="10"/>
      <c r="MRI1022" s="10"/>
      <c r="MRJ1022" s="10"/>
      <c r="MRK1022" s="10"/>
      <c r="MRL1022" s="10"/>
      <c r="MRM1022" s="10"/>
      <c r="MRN1022" s="10"/>
      <c r="MRO1022" s="10"/>
      <c r="MRP1022" s="10"/>
      <c r="MRQ1022" s="10"/>
      <c r="MRR1022" s="10"/>
      <c r="MRS1022" s="10"/>
      <c r="MRT1022" s="10"/>
      <c r="MRU1022" s="10"/>
      <c r="MRV1022" s="10"/>
      <c r="MRW1022" s="10"/>
      <c r="MRX1022" s="10"/>
      <c r="MRY1022" s="10"/>
      <c r="MRZ1022" s="10"/>
      <c r="MSA1022" s="10"/>
      <c r="MSB1022" s="10"/>
      <c r="MSC1022" s="10"/>
      <c r="MSD1022" s="10"/>
      <c r="MSE1022" s="10"/>
      <c r="MSF1022" s="10"/>
      <c r="MSG1022" s="10"/>
      <c r="MSH1022" s="10"/>
      <c r="MSI1022" s="10"/>
      <c r="MSJ1022" s="10"/>
      <c r="MSK1022" s="10"/>
      <c r="MSL1022" s="10"/>
      <c r="MSM1022" s="10"/>
      <c r="MSN1022" s="10"/>
      <c r="MSO1022" s="10"/>
      <c r="MSP1022" s="10"/>
      <c r="MSQ1022" s="10"/>
      <c r="MSR1022" s="10"/>
      <c r="MSS1022" s="10"/>
      <c r="MST1022" s="10"/>
      <c r="MSU1022" s="10"/>
      <c r="MSV1022" s="10"/>
      <c r="MSW1022" s="10"/>
      <c r="MSX1022" s="10"/>
      <c r="MSY1022" s="10"/>
      <c r="MSZ1022" s="10"/>
      <c r="MTA1022" s="10"/>
      <c r="MTB1022" s="10"/>
      <c r="MTC1022" s="10"/>
      <c r="MTD1022" s="10"/>
      <c r="MTE1022" s="10"/>
      <c r="MTF1022" s="10"/>
      <c r="MTG1022" s="10"/>
      <c r="MTH1022" s="10"/>
      <c r="MTI1022" s="10"/>
      <c r="MTJ1022" s="10"/>
      <c r="MTK1022" s="10"/>
      <c r="MTL1022" s="10"/>
      <c r="MTM1022" s="10"/>
      <c r="MTN1022" s="10"/>
      <c r="MTO1022" s="10"/>
      <c r="MTP1022" s="10"/>
      <c r="MTQ1022" s="10"/>
      <c r="MTR1022" s="10"/>
      <c r="MTS1022" s="10"/>
      <c r="MTT1022" s="10"/>
      <c r="MTU1022" s="10"/>
      <c r="MTV1022" s="10"/>
      <c r="MTW1022" s="10"/>
      <c r="MTX1022" s="10"/>
      <c r="MTY1022" s="10"/>
      <c r="MTZ1022" s="10"/>
      <c r="MUA1022" s="10"/>
      <c r="MUB1022" s="10"/>
      <c r="MUC1022" s="10"/>
      <c r="MUD1022" s="10"/>
      <c r="MUE1022" s="10"/>
      <c r="MUF1022" s="10"/>
      <c r="MUG1022" s="10"/>
      <c r="MUH1022" s="10"/>
      <c r="MUI1022" s="10"/>
      <c r="MUJ1022" s="10"/>
      <c r="MUK1022" s="10"/>
      <c r="MUL1022" s="10"/>
      <c r="MUM1022" s="10"/>
      <c r="MUN1022" s="10"/>
      <c r="MUO1022" s="10"/>
      <c r="MUP1022" s="10"/>
      <c r="MUQ1022" s="10"/>
      <c r="MUR1022" s="10"/>
      <c r="MUS1022" s="10"/>
      <c r="MUT1022" s="10"/>
      <c r="MUU1022" s="10"/>
      <c r="MUV1022" s="10"/>
      <c r="MUW1022" s="10"/>
      <c r="MUX1022" s="10"/>
      <c r="MUY1022" s="10"/>
      <c r="MUZ1022" s="10"/>
      <c r="MVA1022" s="10"/>
      <c r="MVB1022" s="10"/>
      <c r="MVC1022" s="10"/>
      <c r="MVD1022" s="10"/>
      <c r="MVE1022" s="10"/>
      <c r="MVF1022" s="10"/>
      <c r="MVG1022" s="10"/>
      <c r="MVH1022" s="10"/>
      <c r="MVI1022" s="10"/>
      <c r="MVJ1022" s="10"/>
      <c r="MVK1022" s="10"/>
      <c r="MVL1022" s="10"/>
      <c r="MVM1022" s="10"/>
      <c r="MVN1022" s="10"/>
      <c r="MVO1022" s="10"/>
      <c r="MVP1022" s="10"/>
      <c r="MVQ1022" s="10"/>
      <c r="MVR1022" s="10"/>
      <c r="MVS1022" s="10"/>
      <c r="MVT1022" s="10"/>
      <c r="MVU1022" s="10"/>
      <c r="MVV1022" s="10"/>
      <c r="MVW1022" s="10"/>
      <c r="MVX1022" s="10"/>
      <c r="MVY1022" s="10"/>
      <c r="MVZ1022" s="10"/>
      <c r="MWA1022" s="10"/>
      <c r="MWB1022" s="10"/>
      <c r="MWC1022" s="10"/>
      <c r="MWD1022" s="10"/>
      <c r="MWE1022" s="10"/>
      <c r="MWF1022" s="10"/>
      <c r="MWG1022" s="10"/>
      <c r="MWH1022" s="10"/>
      <c r="MWI1022" s="10"/>
      <c r="MWJ1022" s="10"/>
      <c r="MWK1022" s="10"/>
      <c r="MWL1022" s="10"/>
      <c r="MWM1022" s="10"/>
      <c r="MWN1022" s="10"/>
      <c r="MWO1022" s="10"/>
      <c r="MWP1022" s="10"/>
      <c r="MWQ1022" s="10"/>
      <c r="MWR1022" s="10"/>
      <c r="MWS1022" s="10"/>
      <c r="MWT1022" s="10"/>
      <c r="MWU1022" s="10"/>
      <c r="MWV1022" s="10"/>
      <c r="MWW1022" s="10"/>
      <c r="MWX1022" s="10"/>
      <c r="MWY1022" s="10"/>
      <c r="MWZ1022" s="10"/>
      <c r="MXA1022" s="10"/>
      <c r="MXB1022" s="10"/>
      <c r="MXC1022" s="10"/>
      <c r="MXD1022" s="10"/>
      <c r="MXE1022" s="10"/>
      <c r="MXF1022" s="10"/>
      <c r="MXG1022" s="10"/>
      <c r="MXH1022" s="10"/>
      <c r="MXI1022" s="10"/>
      <c r="MXJ1022" s="10"/>
      <c r="MXK1022" s="10"/>
      <c r="MXL1022" s="10"/>
      <c r="MXM1022" s="10"/>
      <c r="MXN1022" s="10"/>
      <c r="MXO1022" s="10"/>
      <c r="MXP1022" s="10"/>
      <c r="MXQ1022" s="10"/>
      <c r="MXR1022" s="10"/>
      <c r="MXS1022" s="10"/>
      <c r="MXT1022" s="10"/>
      <c r="MXU1022" s="10"/>
      <c r="MXV1022" s="10"/>
      <c r="MXW1022" s="10"/>
      <c r="MXX1022" s="10"/>
      <c r="MXY1022" s="10"/>
      <c r="MXZ1022" s="10"/>
      <c r="MYA1022" s="10"/>
      <c r="MYB1022" s="10"/>
      <c r="MYC1022" s="10"/>
      <c r="MYD1022" s="10"/>
      <c r="MYE1022" s="10"/>
      <c r="MYF1022" s="10"/>
      <c r="MYG1022" s="10"/>
      <c r="MYH1022" s="10"/>
      <c r="MYI1022" s="10"/>
      <c r="MYJ1022" s="10"/>
      <c r="MYK1022" s="10"/>
      <c r="MYL1022" s="10"/>
      <c r="MYM1022" s="10"/>
      <c r="MYN1022" s="10"/>
      <c r="MYO1022" s="10"/>
      <c r="MYP1022" s="10"/>
      <c r="MYQ1022" s="10"/>
      <c r="MYR1022" s="10"/>
      <c r="MYS1022" s="10"/>
      <c r="MYT1022" s="10"/>
      <c r="MYU1022" s="10"/>
      <c r="MYV1022" s="10"/>
      <c r="MYW1022" s="10"/>
      <c r="MYX1022" s="10"/>
      <c r="MYY1022" s="10"/>
      <c r="MYZ1022" s="10"/>
      <c r="MZA1022" s="10"/>
      <c r="MZB1022" s="10"/>
      <c r="MZC1022" s="10"/>
      <c r="MZD1022" s="10"/>
      <c r="MZE1022" s="10"/>
      <c r="MZF1022" s="10"/>
      <c r="MZG1022" s="10"/>
      <c r="MZH1022" s="10"/>
      <c r="MZI1022" s="10"/>
      <c r="MZJ1022" s="10"/>
      <c r="MZK1022" s="10"/>
      <c r="MZL1022" s="10"/>
      <c r="MZM1022" s="10"/>
      <c r="MZN1022" s="10"/>
      <c r="MZO1022" s="10"/>
      <c r="MZP1022" s="10"/>
      <c r="MZQ1022" s="10"/>
      <c r="MZR1022" s="10"/>
      <c r="MZS1022" s="10"/>
      <c r="MZT1022" s="10"/>
      <c r="MZU1022" s="10"/>
      <c r="MZV1022" s="10"/>
      <c r="MZW1022" s="10"/>
      <c r="MZX1022" s="10"/>
      <c r="MZY1022" s="10"/>
      <c r="MZZ1022" s="10"/>
      <c r="NAA1022" s="10"/>
      <c r="NAB1022" s="10"/>
      <c r="NAC1022" s="10"/>
      <c r="NAD1022" s="10"/>
      <c r="NAE1022" s="10"/>
      <c r="NAF1022" s="10"/>
      <c r="NAG1022" s="10"/>
      <c r="NAH1022" s="10"/>
      <c r="NAI1022" s="10"/>
      <c r="NAJ1022" s="10"/>
      <c r="NAK1022" s="10"/>
      <c r="NAL1022" s="10"/>
      <c r="NAM1022" s="10"/>
      <c r="NAN1022" s="10"/>
      <c r="NAO1022" s="10"/>
      <c r="NAP1022" s="10"/>
      <c r="NAQ1022" s="10"/>
      <c r="NAR1022" s="10"/>
      <c r="NAS1022" s="10"/>
      <c r="NAT1022" s="10"/>
      <c r="NAU1022" s="10"/>
      <c r="NAV1022" s="10"/>
      <c r="NAW1022" s="10"/>
      <c r="NAX1022" s="10"/>
      <c r="NAY1022" s="10"/>
      <c r="NAZ1022" s="10"/>
      <c r="NBA1022" s="10"/>
      <c r="NBB1022" s="10"/>
      <c r="NBC1022" s="10"/>
      <c r="NBD1022" s="10"/>
      <c r="NBE1022" s="10"/>
      <c r="NBF1022" s="10"/>
      <c r="NBG1022" s="10"/>
      <c r="NBH1022" s="10"/>
      <c r="NBI1022" s="10"/>
      <c r="NBJ1022" s="10"/>
      <c r="NBK1022" s="10"/>
      <c r="NBL1022" s="10"/>
      <c r="NBM1022" s="10"/>
      <c r="NBN1022" s="10"/>
      <c r="NBO1022" s="10"/>
      <c r="NBP1022" s="10"/>
      <c r="NBQ1022" s="10"/>
      <c r="NBR1022" s="10"/>
      <c r="NBS1022" s="10"/>
      <c r="NBT1022" s="10"/>
      <c r="NBU1022" s="10"/>
      <c r="NBV1022" s="10"/>
      <c r="NBW1022" s="10"/>
      <c r="NBX1022" s="10"/>
      <c r="NBY1022" s="10"/>
      <c r="NBZ1022" s="10"/>
      <c r="NCA1022" s="10"/>
      <c r="NCB1022" s="10"/>
      <c r="NCC1022" s="10"/>
      <c r="NCD1022" s="10"/>
      <c r="NCE1022" s="10"/>
      <c r="NCF1022" s="10"/>
      <c r="NCG1022" s="10"/>
      <c r="NCH1022" s="10"/>
      <c r="NCI1022" s="10"/>
      <c r="NCJ1022" s="10"/>
      <c r="NCK1022" s="10"/>
      <c r="NCL1022" s="10"/>
      <c r="NCM1022" s="10"/>
      <c r="NCN1022" s="10"/>
      <c r="NCO1022" s="10"/>
      <c r="NCP1022" s="10"/>
      <c r="NCQ1022" s="10"/>
      <c r="NCR1022" s="10"/>
      <c r="NCS1022" s="10"/>
      <c r="NCT1022" s="10"/>
      <c r="NCU1022" s="10"/>
      <c r="NCV1022" s="10"/>
      <c r="NCW1022" s="10"/>
      <c r="NCX1022" s="10"/>
      <c r="NCY1022" s="10"/>
      <c r="NCZ1022" s="10"/>
      <c r="NDA1022" s="10"/>
      <c r="NDB1022" s="10"/>
      <c r="NDC1022" s="10"/>
      <c r="NDD1022" s="10"/>
      <c r="NDE1022" s="10"/>
      <c r="NDF1022" s="10"/>
      <c r="NDG1022" s="10"/>
      <c r="NDH1022" s="10"/>
      <c r="NDI1022" s="10"/>
      <c r="NDJ1022" s="10"/>
      <c r="NDK1022" s="10"/>
      <c r="NDL1022" s="10"/>
      <c r="NDM1022" s="10"/>
      <c r="NDN1022" s="10"/>
      <c r="NDO1022" s="10"/>
      <c r="NDP1022" s="10"/>
      <c r="NDQ1022" s="10"/>
      <c r="NDR1022" s="10"/>
      <c r="NDS1022" s="10"/>
      <c r="NDT1022" s="10"/>
      <c r="NDU1022" s="10"/>
      <c r="NDV1022" s="10"/>
      <c r="NDW1022" s="10"/>
      <c r="NDX1022" s="10"/>
      <c r="NDY1022" s="10"/>
      <c r="NDZ1022" s="10"/>
      <c r="NEA1022" s="10"/>
      <c r="NEB1022" s="10"/>
      <c r="NEC1022" s="10"/>
      <c r="NED1022" s="10"/>
      <c r="NEE1022" s="10"/>
      <c r="NEF1022" s="10"/>
      <c r="NEG1022" s="10"/>
      <c r="NEH1022" s="10"/>
      <c r="NEI1022" s="10"/>
      <c r="NEJ1022" s="10"/>
      <c r="NEK1022" s="10"/>
      <c r="NEL1022" s="10"/>
      <c r="NEM1022" s="10"/>
      <c r="NEN1022" s="10"/>
      <c r="NEO1022" s="10"/>
      <c r="NEP1022" s="10"/>
      <c r="NEQ1022" s="10"/>
      <c r="NER1022" s="10"/>
      <c r="NES1022" s="10"/>
      <c r="NET1022" s="10"/>
      <c r="NEU1022" s="10"/>
      <c r="NEV1022" s="10"/>
      <c r="NEW1022" s="10"/>
      <c r="NEX1022" s="10"/>
      <c r="NEY1022" s="10"/>
      <c r="NEZ1022" s="10"/>
      <c r="NFA1022" s="10"/>
      <c r="NFB1022" s="10"/>
      <c r="NFC1022" s="10"/>
      <c r="NFD1022" s="10"/>
      <c r="NFE1022" s="10"/>
      <c r="NFF1022" s="10"/>
      <c r="NFG1022" s="10"/>
      <c r="NFH1022" s="10"/>
      <c r="NFI1022" s="10"/>
      <c r="NFJ1022" s="10"/>
      <c r="NFK1022" s="10"/>
      <c r="NFL1022" s="10"/>
      <c r="NFM1022" s="10"/>
      <c r="NFN1022" s="10"/>
      <c r="NFO1022" s="10"/>
      <c r="NFP1022" s="10"/>
      <c r="NFQ1022" s="10"/>
      <c r="NFR1022" s="10"/>
      <c r="NFS1022" s="10"/>
      <c r="NFT1022" s="10"/>
      <c r="NFU1022" s="10"/>
      <c r="NFV1022" s="10"/>
      <c r="NFW1022" s="10"/>
      <c r="NFX1022" s="10"/>
      <c r="NFY1022" s="10"/>
      <c r="NFZ1022" s="10"/>
      <c r="NGA1022" s="10"/>
      <c r="NGB1022" s="10"/>
      <c r="NGC1022" s="10"/>
      <c r="NGD1022" s="10"/>
      <c r="NGE1022" s="10"/>
      <c r="NGF1022" s="10"/>
      <c r="NGG1022" s="10"/>
      <c r="NGH1022" s="10"/>
      <c r="NGI1022" s="10"/>
      <c r="NGJ1022" s="10"/>
      <c r="NGK1022" s="10"/>
      <c r="NGL1022" s="10"/>
      <c r="NGM1022" s="10"/>
      <c r="NGN1022" s="10"/>
      <c r="NGO1022" s="10"/>
      <c r="NGP1022" s="10"/>
      <c r="NGQ1022" s="10"/>
      <c r="NGR1022" s="10"/>
      <c r="NGS1022" s="10"/>
      <c r="NGT1022" s="10"/>
      <c r="NGU1022" s="10"/>
      <c r="NGV1022" s="10"/>
      <c r="NGW1022" s="10"/>
      <c r="NGX1022" s="10"/>
      <c r="NGY1022" s="10"/>
      <c r="NGZ1022" s="10"/>
      <c r="NHA1022" s="10"/>
      <c r="NHB1022" s="10"/>
      <c r="NHC1022" s="10"/>
      <c r="NHD1022" s="10"/>
      <c r="NHE1022" s="10"/>
      <c r="NHF1022" s="10"/>
      <c r="NHG1022" s="10"/>
      <c r="NHH1022" s="10"/>
      <c r="NHI1022" s="10"/>
      <c r="NHJ1022" s="10"/>
      <c r="NHK1022" s="10"/>
      <c r="NHL1022" s="10"/>
      <c r="NHM1022" s="10"/>
      <c r="NHN1022" s="10"/>
      <c r="NHO1022" s="10"/>
      <c r="NHP1022" s="10"/>
      <c r="NHQ1022" s="10"/>
      <c r="NHR1022" s="10"/>
      <c r="NHS1022" s="10"/>
      <c r="NHT1022" s="10"/>
      <c r="NHU1022" s="10"/>
      <c r="NHV1022" s="10"/>
      <c r="NHW1022" s="10"/>
      <c r="NHX1022" s="10"/>
      <c r="NHY1022" s="10"/>
      <c r="NHZ1022" s="10"/>
      <c r="NIA1022" s="10"/>
      <c r="NIB1022" s="10"/>
      <c r="NIC1022" s="10"/>
      <c r="NID1022" s="10"/>
      <c r="NIE1022" s="10"/>
      <c r="NIF1022" s="10"/>
      <c r="NIG1022" s="10"/>
      <c r="NIH1022" s="10"/>
      <c r="NII1022" s="10"/>
      <c r="NIJ1022" s="10"/>
      <c r="NIK1022" s="10"/>
      <c r="NIL1022" s="10"/>
      <c r="NIM1022" s="10"/>
      <c r="NIN1022" s="10"/>
      <c r="NIO1022" s="10"/>
      <c r="NIP1022" s="10"/>
      <c r="NIQ1022" s="10"/>
      <c r="NIR1022" s="10"/>
      <c r="NIS1022" s="10"/>
      <c r="NIT1022" s="10"/>
      <c r="NIU1022" s="10"/>
      <c r="NIV1022" s="10"/>
      <c r="NIW1022" s="10"/>
      <c r="NIX1022" s="10"/>
      <c r="NIY1022" s="10"/>
      <c r="NIZ1022" s="10"/>
      <c r="NJA1022" s="10"/>
      <c r="NJB1022" s="10"/>
      <c r="NJC1022" s="10"/>
      <c r="NJD1022" s="10"/>
      <c r="NJE1022" s="10"/>
      <c r="NJF1022" s="10"/>
      <c r="NJG1022" s="10"/>
      <c r="NJH1022" s="10"/>
      <c r="NJI1022" s="10"/>
      <c r="NJJ1022" s="10"/>
      <c r="NJK1022" s="10"/>
      <c r="NJL1022" s="10"/>
      <c r="NJM1022" s="10"/>
      <c r="NJN1022" s="10"/>
      <c r="NJO1022" s="10"/>
      <c r="NJP1022" s="10"/>
      <c r="NJQ1022" s="10"/>
      <c r="NJR1022" s="10"/>
      <c r="NJS1022" s="10"/>
      <c r="NJT1022" s="10"/>
      <c r="NJU1022" s="10"/>
      <c r="NJV1022" s="10"/>
      <c r="NJW1022" s="10"/>
      <c r="NJX1022" s="10"/>
      <c r="NJY1022" s="10"/>
      <c r="NJZ1022" s="10"/>
      <c r="NKA1022" s="10"/>
      <c r="NKB1022" s="10"/>
      <c r="NKC1022" s="10"/>
      <c r="NKD1022" s="10"/>
      <c r="NKE1022" s="10"/>
      <c r="NKF1022" s="10"/>
      <c r="NKG1022" s="10"/>
      <c r="NKH1022" s="10"/>
      <c r="NKI1022" s="10"/>
      <c r="NKJ1022" s="10"/>
      <c r="NKK1022" s="10"/>
      <c r="NKL1022" s="10"/>
      <c r="NKM1022" s="10"/>
      <c r="NKN1022" s="10"/>
      <c r="NKO1022" s="10"/>
      <c r="NKP1022" s="10"/>
      <c r="NKQ1022" s="10"/>
      <c r="NKR1022" s="10"/>
      <c r="NKS1022" s="10"/>
      <c r="NKT1022" s="10"/>
      <c r="NKU1022" s="10"/>
      <c r="NKV1022" s="10"/>
      <c r="NKW1022" s="10"/>
      <c r="NKX1022" s="10"/>
      <c r="NKY1022" s="10"/>
      <c r="NKZ1022" s="10"/>
      <c r="NLA1022" s="10"/>
      <c r="NLB1022" s="10"/>
      <c r="NLC1022" s="10"/>
      <c r="NLD1022" s="10"/>
      <c r="NLE1022" s="10"/>
      <c r="NLF1022" s="10"/>
      <c r="NLG1022" s="10"/>
      <c r="NLH1022" s="10"/>
      <c r="NLI1022" s="10"/>
      <c r="NLJ1022" s="10"/>
      <c r="NLK1022" s="10"/>
      <c r="NLL1022" s="10"/>
      <c r="NLM1022" s="10"/>
      <c r="NLN1022" s="10"/>
      <c r="NLO1022" s="10"/>
      <c r="NLP1022" s="10"/>
      <c r="NLQ1022" s="10"/>
      <c r="NLR1022" s="10"/>
      <c r="NLS1022" s="10"/>
      <c r="NLT1022" s="10"/>
      <c r="NLU1022" s="10"/>
      <c r="NLV1022" s="10"/>
      <c r="NLW1022" s="10"/>
      <c r="NLX1022" s="10"/>
      <c r="NLY1022" s="10"/>
      <c r="NLZ1022" s="10"/>
      <c r="NMA1022" s="10"/>
      <c r="NMB1022" s="10"/>
      <c r="NMC1022" s="10"/>
      <c r="NMD1022" s="10"/>
      <c r="NME1022" s="10"/>
      <c r="NMF1022" s="10"/>
      <c r="NMG1022" s="10"/>
      <c r="NMH1022" s="10"/>
      <c r="NMI1022" s="10"/>
      <c r="NMJ1022" s="10"/>
      <c r="NMK1022" s="10"/>
      <c r="NML1022" s="10"/>
      <c r="NMM1022" s="10"/>
      <c r="NMN1022" s="10"/>
      <c r="NMO1022" s="10"/>
      <c r="NMP1022" s="10"/>
      <c r="NMQ1022" s="10"/>
      <c r="NMR1022" s="10"/>
      <c r="NMS1022" s="10"/>
      <c r="NMT1022" s="10"/>
      <c r="NMU1022" s="10"/>
      <c r="NMV1022" s="10"/>
      <c r="NMW1022" s="10"/>
      <c r="NMX1022" s="10"/>
      <c r="NMY1022" s="10"/>
      <c r="NMZ1022" s="10"/>
      <c r="NNA1022" s="10"/>
      <c r="NNB1022" s="10"/>
      <c r="NNC1022" s="10"/>
      <c r="NND1022" s="10"/>
      <c r="NNE1022" s="10"/>
      <c r="NNF1022" s="10"/>
      <c r="NNG1022" s="10"/>
      <c r="NNH1022" s="10"/>
      <c r="NNI1022" s="10"/>
      <c r="NNJ1022" s="10"/>
      <c r="NNK1022" s="10"/>
      <c r="NNL1022" s="10"/>
      <c r="NNM1022" s="10"/>
      <c r="NNN1022" s="10"/>
      <c r="NNO1022" s="10"/>
      <c r="NNP1022" s="10"/>
      <c r="NNQ1022" s="10"/>
      <c r="NNR1022" s="10"/>
      <c r="NNS1022" s="10"/>
      <c r="NNT1022" s="10"/>
      <c r="NNU1022" s="10"/>
      <c r="NNV1022" s="10"/>
      <c r="NNW1022" s="10"/>
      <c r="NNX1022" s="10"/>
      <c r="NNY1022" s="10"/>
      <c r="NNZ1022" s="10"/>
      <c r="NOA1022" s="10"/>
      <c r="NOB1022" s="10"/>
      <c r="NOC1022" s="10"/>
      <c r="NOD1022" s="10"/>
      <c r="NOE1022" s="10"/>
      <c r="NOF1022" s="10"/>
      <c r="NOG1022" s="10"/>
      <c r="NOH1022" s="10"/>
      <c r="NOI1022" s="10"/>
      <c r="NOJ1022" s="10"/>
      <c r="NOK1022" s="10"/>
      <c r="NOL1022" s="10"/>
      <c r="NOM1022" s="10"/>
      <c r="NON1022" s="10"/>
      <c r="NOO1022" s="10"/>
      <c r="NOP1022" s="10"/>
      <c r="NOQ1022" s="10"/>
      <c r="NOR1022" s="10"/>
      <c r="NOS1022" s="10"/>
      <c r="NOT1022" s="10"/>
      <c r="NOU1022" s="10"/>
      <c r="NOV1022" s="10"/>
      <c r="NOW1022" s="10"/>
      <c r="NOX1022" s="10"/>
      <c r="NOY1022" s="10"/>
      <c r="NOZ1022" s="10"/>
      <c r="NPA1022" s="10"/>
      <c r="NPB1022" s="10"/>
      <c r="NPC1022" s="10"/>
      <c r="NPD1022" s="10"/>
      <c r="NPE1022" s="10"/>
      <c r="NPF1022" s="10"/>
      <c r="NPG1022" s="10"/>
      <c r="NPH1022" s="10"/>
      <c r="NPI1022" s="10"/>
      <c r="NPJ1022" s="10"/>
      <c r="NPK1022" s="10"/>
      <c r="NPL1022" s="10"/>
      <c r="NPM1022" s="10"/>
      <c r="NPN1022" s="10"/>
      <c r="NPO1022" s="10"/>
      <c r="NPP1022" s="10"/>
      <c r="NPQ1022" s="10"/>
      <c r="NPR1022" s="10"/>
      <c r="NPS1022" s="10"/>
      <c r="NPT1022" s="10"/>
      <c r="NPU1022" s="10"/>
      <c r="NPV1022" s="10"/>
      <c r="NPW1022" s="10"/>
      <c r="NPX1022" s="10"/>
      <c r="NPY1022" s="10"/>
      <c r="NPZ1022" s="10"/>
      <c r="NQA1022" s="10"/>
      <c r="NQB1022" s="10"/>
      <c r="NQC1022" s="10"/>
      <c r="NQD1022" s="10"/>
      <c r="NQE1022" s="10"/>
      <c r="NQF1022" s="10"/>
      <c r="NQG1022" s="10"/>
      <c r="NQH1022" s="10"/>
      <c r="NQI1022" s="10"/>
      <c r="NQJ1022" s="10"/>
      <c r="NQK1022" s="10"/>
      <c r="NQL1022" s="10"/>
      <c r="NQM1022" s="10"/>
      <c r="NQN1022" s="10"/>
      <c r="NQO1022" s="10"/>
      <c r="NQP1022" s="10"/>
      <c r="NQQ1022" s="10"/>
      <c r="NQR1022" s="10"/>
      <c r="NQS1022" s="10"/>
      <c r="NQT1022" s="10"/>
      <c r="NQU1022" s="10"/>
      <c r="NQV1022" s="10"/>
      <c r="NQW1022" s="10"/>
      <c r="NQX1022" s="10"/>
      <c r="NQY1022" s="10"/>
      <c r="NQZ1022" s="10"/>
      <c r="NRA1022" s="10"/>
      <c r="NRB1022" s="10"/>
      <c r="NRC1022" s="10"/>
      <c r="NRD1022" s="10"/>
      <c r="NRE1022" s="10"/>
      <c r="NRF1022" s="10"/>
      <c r="NRG1022" s="10"/>
      <c r="NRH1022" s="10"/>
      <c r="NRI1022" s="10"/>
      <c r="NRJ1022" s="10"/>
      <c r="NRK1022" s="10"/>
      <c r="NRL1022" s="10"/>
      <c r="NRM1022" s="10"/>
      <c r="NRN1022" s="10"/>
      <c r="NRO1022" s="10"/>
      <c r="NRP1022" s="10"/>
      <c r="NRQ1022" s="10"/>
      <c r="NRR1022" s="10"/>
      <c r="NRS1022" s="10"/>
      <c r="NRT1022" s="10"/>
      <c r="NRU1022" s="10"/>
      <c r="NRV1022" s="10"/>
      <c r="NRW1022" s="10"/>
      <c r="NRX1022" s="10"/>
      <c r="NRY1022" s="10"/>
      <c r="NRZ1022" s="10"/>
      <c r="NSA1022" s="10"/>
      <c r="NSB1022" s="10"/>
      <c r="NSC1022" s="10"/>
      <c r="NSD1022" s="10"/>
      <c r="NSE1022" s="10"/>
      <c r="NSF1022" s="10"/>
      <c r="NSG1022" s="10"/>
      <c r="NSH1022" s="10"/>
      <c r="NSI1022" s="10"/>
      <c r="NSJ1022" s="10"/>
      <c r="NSK1022" s="10"/>
      <c r="NSL1022" s="10"/>
      <c r="NSM1022" s="10"/>
      <c r="NSN1022" s="10"/>
      <c r="NSO1022" s="10"/>
      <c r="NSP1022" s="10"/>
      <c r="NSQ1022" s="10"/>
      <c r="NSR1022" s="10"/>
      <c r="NSS1022" s="10"/>
      <c r="NST1022" s="10"/>
      <c r="NSU1022" s="10"/>
      <c r="NSV1022" s="10"/>
      <c r="NSW1022" s="10"/>
      <c r="NSX1022" s="10"/>
      <c r="NSY1022" s="10"/>
      <c r="NSZ1022" s="10"/>
      <c r="NTA1022" s="10"/>
      <c r="NTB1022" s="10"/>
      <c r="NTC1022" s="10"/>
      <c r="NTD1022" s="10"/>
      <c r="NTE1022" s="10"/>
      <c r="NTF1022" s="10"/>
      <c r="NTG1022" s="10"/>
      <c r="NTH1022" s="10"/>
      <c r="NTI1022" s="10"/>
      <c r="NTJ1022" s="10"/>
      <c r="NTK1022" s="10"/>
      <c r="NTL1022" s="10"/>
      <c r="NTM1022" s="10"/>
      <c r="NTN1022" s="10"/>
      <c r="NTO1022" s="10"/>
      <c r="NTP1022" s="10"/>
      <c r="NTQ1022" s="10"/>
      <c r="NTR1022" s="10"/>
      <c r="NTS1022" s="10"/>
      <c r="NTT1022" s="10"/>
      <c r="NTU1022" s="10"/>
      <c r="NTV1022" s="10"/>
      <c r="NTW1022" s="10"/>
      <c r="NTX1022" s="10"/>
      <c r="NTY1022" s="10"/>
      <c r="NTZ1022" s="10"/>
      <c r="NUA1022" s="10"/>
      <c r="NUB1022" s="10"/>
      <c r="NUC1022" s="10"/>
      <c r="NUD1022" s="10"/>
      <c r="NUE1022" s="10"/>
      <c r="NUF1022" s="10"/>
      <c r="NUG1022" s="10"/>
      <c r="NUH1022" s="10"/>
      <c r="NUI1022" s="10"/>
      <c r="NUJ1022" s="10"/>
      <c r="NUK1022" s="10"/>
      <c r="NUL1022" s="10"/>
      <c r="NUM1022" s="10"/>
      <c r="NUN1022" s="10"/>
      <c r="NUO1022" s="10"/>
      <c r="NUP1022" s="10"/>
      <c r="NUQ1022" s="10"/>
      <c r="NUR1022" s="10"/>
      <c r="NUS1022" s="10"/>
      <c r="NUT1022" s="10"/>
      <c r="NUU1022" s="10"/>
      <c r="NUV1022" s="10"/>
      <c r="NUW1022" s="10"/>
      <c r="NUX1022" s="10"/>
      <c r="NUY1022" s="10"/>
      <c r="NUZ1022" s="10"/>
      <c r="NVA1022" s="10"/>
      <c r="NVB1022" s="10"/>
      <c r="NVC1022" s="10"/>
      <c r="NVD1022" s="10"/>
      <c r="NVE1022" s="10"/>
      <c r="NVF1022" s="10"/>
      <c r="NVG1022" s="10"/>
      <c r="NVH1022" s="10"/>
      <c r="NVI1022" s="10"/>
      <c r="NVJ1022" s="10"/>
      <c r="NVK1022" s="10"/>
      <c r="NVL1022" s="10"/>
      <c r="NVM1022" s="10"/>
      <c r="NVN1022" s="10"/>
      <c r="NVO1022" s="10"/>
      <c r="NVP1022" s="10"/>
      <c r="NVQ1022" s="10"/>
      <c r="NVR1022" s="10"/>
      <c r="NVS1022" s="10"/>
      <c r="NVT1022" s="10"/>
      <c r="NVU1022" s="10"/>
      <c r="NVV1022" s="10"/>
      <c r="NVW1022" s="10"/>
      <c r="NVX1022" s="10"/>
      <c r="NVY1022" s="10"/>
      <c r="NVZ1022" s="10"/>
      <c r="NWA1022" s="10"/>
      <c r="NWB1022" s="10"/>
      <c r="NWC1022" s="10"/>
      <c r="NWD1022" s="10"/>
      <c r="NWE1022" s="10"/>
      <c r="NWF1022" s="10"/>
      <c r="NWG1022" s="10"/>
      <c r="NWH1022" s="10"/>
      <c r="NWI1022" s="10"/>
      <c r="NWJ1022" s="10"/>
      <c r="NWK1022" s="10"/>
      <c r="NWL1022" s="10"/>
      <c r="NWM1022" s="10"/>
      <c r="NWN1022" s="10"/>
      <c r="NWO1022" s="10"/>
      <c r="NWP1022" s="10"/>
      <c r="NWQ1022" s="10"/>
      <c r="NWR1022" s="10"/>
      <c r="NWS1022" s="10"/>
      <c r="NWT1022" s="10"/>
      <c r="NWU1022" s="10"/>
      <c r="NWV1022" s="10"/>
      <c r="NWW1022" s="10"/>
      <c r="NWX1022" s="10"/>
      <c r="NWY1022" s="10"/>
      <c r="NWZ1022" s="10"/>
      <c r="NXA1022" s="10"/>
      <c r="NXB1022" s="10"/>
      <c r="NXC1022" s="10"/>
      <c r="NXD1022" s="10"/>
      <c r="NXE1022" s="10"/>
      <c r="NXF1022" s="10"/>
      <c r="NXG1022" s="10"/>
      <c r="NXH1022" s="10"/>
      <c r="NXI1022" s="10"/>
      <c r="NXJ1022" s="10"/>
      <c r="NXK1022" s="10"/>
      <c r="NXL1022" s="10"/>
      <c r="NXM1022" s="10"/>
      <c r="NXN1022" s="10"/>
      <c r="NXO1022" s="10"/>
      <c r="NXP1022" s="10"/>
      <c r="NXQ1022" s="10"/>
      <c r="NXR1022" s="10"/>
      <c r="NXS1022" s="10"/>
      <c r="NXT1022" s="10"/>
      <c r="NXU1022" s="10"/>
      <c r="NXV1022" s="10"/>
      <c r="NXW1022" s="10"/>
      <c r="NXX1022" s="10"/>
      <c r="NXY1022" s="10"/>
      <c r="NXZ1022" s="10"/>
      <c r="NYA1022" s="10"/>
      <c r="NYB1022" s="10"/>
      <c r="NYC1022" s="10"/>
      <c r="NYD1022" s="10"/>
      <c r="NYE1022" s="10"/>
      <c r="NYF1022" s="10"/>
      <c r="NYG1022" s="10"/>
      <c r="NYH1022" s="10"/>
      <c r="NYI1022" s="10"/>
      <c r="NYJ1022" s="10"/>
      <c r="NYK1022" s="10"/>
      <c r="NYL1022" s="10"/>
      <c r="NYM1022" s="10"/>
      <c r="NYN1022" s="10"/>
      <c r="NYO1022" s="10"/>
      <c r="NYP1022" s="10"/>
      <c r="NYQ1022" s="10"/>
      <c r="NYR1022" s="10"/>
      <c r="NYS1022" s="10"/>
      <c r="NYT1022" s="10"/>
      <c r="NYU1022" s="10"/>
      <c r="NYV1022" s="10"/>
      <c r="NYW1022" s="10"/>
      <c r="NYX1022" s="10"/>
      <c r="NYY1022" s="10"/>
      <c r="NYZ1022" s="10"/>
      <c r="NZA1022" s="10"/>
      <c r="NZB1022" s="10"/>
      <c r="NZC1022" s="10"/>
      <c r="NZD1022" s="10"/>
      <c r="NZE1022" s="10"/>
      <c r="NZF1022" s="10"/>
      <c r="NZG1022" s="10"/>
      <c r="NZH1022" s="10"/>
      <c r="NZI1022" s="10"/>
      <c r="NZJ1022" s="10"/>
      <c r="NZK1022" s="10"/>
      <c r="NZL1022" s="10"/>
      <c r="NZM1022" s="10"/>
      <c r="NZN1022" s="10"/>
      <c r="NZO1022" s="10"/>
      <c r="NZP1022" s="10"/>
      <c r="NZQ1022" s="10"/>
      <c r="NZR1022" s="10"/>
      <c r="NZS1022" s="10"/>
      <c r="NZT1022" s="10"/>
      <c r="NZU1022" s="10"/>
      <c r="NZV1022" s="10"/>
      <c r="NZW1022" s="10"/>
      <c r="NZX1022" s="10"/>
      <c r="NZY1022" s="10"/>
      <c r="NZZ1022" s="10"/>
      <c r="OAA1022" s="10"/>
      <c r="OAB1022" s="10"/>
      <c r="OAC1022" s="10"/>
      <c r="OAD1022" s="10"/>
      <c r="OAE1022" s="10"/>
      <c r="OAF1022" s="10"/>
      <c r="OAG1022" s="10"/>
      <c r="OAH1022" s="10"/>
      <c r="OAI1022" s="10"/>
      <c r="OAJ1022" s="10"/>
      <c r="OAK1022" s="10"/>
      <c r="OAL1022" s="10"/>
      <c r="OAM1022" s="10"/>
      <c r="OAN1022" s="10"/>
      <c r="OAO1022" s="10"/>
      <c r="OAP1022" s="10"/>
      <c r="OAQ1022" s="10"/>
      <c r="OAR1022" s="10"/>
      <c r="OAS1022" s="10"/>
      <c r="OAT1022" s="10"/>
      <c r="OAU1022" s="10"/>
      <c r="OAV1022" s="10"/>
      <c r="OAW1022" s="10"/>
      <c r="OAX1022" s="10"/>
      <c r="OAY1022" s="10"/>
      <c r="OAZ1022" s="10"/>
      <c r="OBA1022" s="10"/>
      <c r="OBB1022" s="10"/>
      <c r="OBC1022" s="10"/>
      <c r="OBD1022" s="10"/>
      <c r="OBE1022" s="10"/>
      <c r="OBF1022" s="10"/>
      <c r="OBG1022" s="10"/>
      <c r="OBH1022" s="10"/>
      <c r="OBI1022" s="10"/>
      <c r="OBJ1022" s="10"/>
      <c r="OBK1022" s="10"/>
      <c r="OBL1022" s="10"/>
      <c r="OBM1022" s="10"/>
      <c r="OBN1022" s="10"/>
      <c r="OBO1022" s="10"/>
      <c r="OBP1022" s="10"/>
      <c r="OBQ1022" s="10"/>
      <c r="OBR1022" s="10"/>
      <c r="OBS1022" s="10"/>
      <c r="OBT1022" s="10"/>
      <c r="OBU1022" s="10"/>
      <c r="OBV1022" s="10"/>
      <c r="OBW1022" s="10"/>
      <c r="OBX1022" s="10"/>
      <c r="OBY1022" s="10"/>
      <c r="OBZ1022" s="10"/>
      <c r="OCA1022" s="10"/>
      <c r="OCB1022" s="10"/>
      <c r="OCC1022" s="10"/>
      <c r="OCD1022" s="10"/>
      <c r="OCE1022" s="10"/>
      <c r="OCF1022" s="10"/>
      <c r="OCG1022" s="10"/>
      <c r="OCH1022" s="10"/>
      <c r="OCI1022" s="10"/>
      <c r="OCJ1022" s="10"/>
      <c r="OCK1022" s="10"/>
      <c r="OCL1022" s="10"/>
      <c r="OCM1022" s="10"/>
      <c r="OCN1022" s="10"/>
      <c r="OCO1022" s="10"/>
      <c r="OCP1022" s="10"/>
      <c r="OCQ1022" s="10"/>
      <c r="OCR1022" s="10"/>
      <c r="OCS1022" s="10"/>
      <c r="OCT1022" s="10"/>
      <c r="OCU1022" s="10"/>
      <c r="OCV1022" s="10"/>
      <c r="OCW1022" s="10"/>
      <c r="OCX1022" s="10"/>
      <c r="OCY1022" s="10"/>
      <c r="OCZ1022" s="10"/>
      <c r="ODA1022" s="10"/>
      <c r="ODB1022" s="10"/>
      <c r="ODC1022" s="10"/>
      <c r="ODD1022" s="10"/>
      <c r="ODE1022" s="10"/>
      <c r="ODF1022" s="10"/>
      <c r="ODG1022" s="10"/>
      <c r="ODH1022" s="10"/>
      <c r="ODI1022" s="10"/>
      <c r="ODJ1022" s="10"/>
      <c r="ODK1022" s="10"/>
      <c r="ODL1022" s="10"/>
      <c r="ODM1022" s="10"/>
      <c r="ODN1022" s="10"/>
      <c r="ODO1022" s="10"/>
      <c r="ODP1022" s="10"/>
      <c r="ODQ1022" s="10"/>
      <c r="ODR1022" s="10"/>
      <c r="ODS1022" s="10"/>
      <c r="ODT1022" s="10"/>
      <c r="ODU1022" s="10"/>
      <c r="ODV1022" s="10"/>
      <c r="ODW1022" s="10"/>
      <c r="ODX1022" s="10"/>
      <c r="ODY1022" s="10"/>
      <c r="ODZ1022" s="10"/>
      <c r="OEA1022" s="10"/>
      <c r="OEB1022" s="10"/>
      <c r="OEC1022" s="10"/>
      <c r="OED1022" s="10"/>
      <c r="OEE1022" s="10"/>
      <c r="OEF1022" s="10"/>
      <c r="OEG1022" s="10"/>
      <c r="OEH1022" s="10"/>
      <c r="OEI1022" s="10"/>
      <c r="OEJ1022" s="10"/>
      <c r="OEK1022" s="10"/>
      <c r="OEL1022" s="10"/>
      <c r="OEM1022" s="10"/>
      <c r="OEN1022" s="10"/>
      <c r="OEO1022" s="10"/>
      <c r="OEP1022" s="10"/>
      <c r="OEQ1022" s="10"/>
      <c r="OER1022" s="10"/>
      <c r="OES1022" s="10"/>
      <c r="OET1022" s="10"/>
      <c r="OEU1022" s="10"/>
      <c r="OEV1022" s="10"/>
      <c r="OEW1022" s="10"/>
      <c r="OEX1022" s="10"/>
      <c r="OEY1022" s="10"/>
      <c r="OEZ1022" s="10"/>
      <c r="OFA1022" s="10"/>
      <c r="OFB1022" s="10"/>
      <c r="OFC1022" s="10"/>
      <c r="OFD1022" s="10"/>
      <c r="OFE1022" s="10"/>
      <c r="OFF1022" s="10"/>
      <c r="OFG1022" s="10"/>
      <c r="OFH1022" s="10"/>
      <c r="OFI1022" s="10"/>
      <c r="OFJ1022" s="10"/>
      <c r="OFK1022" s="10"/>
      <c r="OFL1022" s="10"/>
      <c r="OFM1022" s="10"/>
      <c r="OFN1022" s="10"/>
      <c r="OFO1022" s="10"/>
      <c r="OFP1022" s="10"/>
      <c r="OFQ1022" s="10"/>
      <c r="OFR1022" s="10"/>
      <c r="OFS1022" s="10"/>
      <c r="OFT1022" s="10"/>
      <c r="OFU1022" s="10"/>
      <c r="OFV1022" s="10"/>
      <c r="OFW1022" s="10"/>
      <c r="OFX1022" s="10"/>
      <c r="OFY1022" s="10"/>
      <c r="OFZ1022" s="10"/>
      <c r="OGA1022" s="10"/>
      <c r="OGB1022" s="10"/>
      <c r="OGC1022" s="10"/>
      <c r="OGD1022" s="10"/>
      <c r="OGE1022" s="10"/>
      <c r="OGF1022" s="10"/>
      <c r="OGG1022" s="10"/>
      <c r="OGH1022" s="10"/>
      <c r="OGI1022" s="10"/>
      <c r="OGJ1022" s="10"/>
      <c r="OGK1022" s="10"/>
      <c r="OGL1022" s="10"/>
      <c r="OGM1022" s="10"/>
      <c r="OGN1022" s="10"/>
      <c r="OGO1022" s="10"/>
      <c r="OGP1022" s="10"/>
      <c r="OGQ1022" s="10"/>
      <c r="OGR1022" s="10"/>
      <c r="OGS1022" s="10"/>
      <c r="OGT1022" s="10"/>
      <c r="OGU1022" s="10"/>
      <c r="OGV1022" s="10"/>
      <c r="OGW1022" s="10"/>
      <c r="OGX1022" s="10"/>
      <c r="OGY1022" s="10"/>
      <c r="OGZ1022" s="10"/>
      <c r="OHA1022" s="10"/>
      <c r="OHB1022" s="10"/>
      <c r="OHC1022" s="10"/>
      <c r="OHD1022" s="10"/>
      <c r="OHE1022" s="10"/>
      <c r="OHF1022" s="10"/>
      <c r="OHG1022" s="10"/>
      <c r="OHH1022" s="10"/>
      <c r="OHI1022" s="10"/>
      <c r="OHJ1022" s="10"/>
      <c r="OHK1022" s="10"/>
      <c r="OHL1022" s="10"/>
      <c r="OHM1022" s="10"/>
      <c r="OHN1022" s="10"/>
      <c r="OHO1022" s="10"/>
      <c r="OHP1022" s="10"/>
      <c r="OHQ1022" s="10"/>
      <c r="OHR1022" s="10"/>
      <c r="OHS1022" s="10"/>
      <c r="OHT1022" s="10"/>
      <c r="OHU1022" s="10"/>
      <c r="OHV1022" s="10"/>
      <c r="OHW1022" s="10"/>
      <c r="OHX1022" s="10"/>
      <c r="OHY1022" s="10"/>
      <c r="OHZ1022" s="10"/>
      <c r="OIA1022" s="10"/>
      <c r="OIB1022" s="10"/>
      <c r="OIC1022" s="10"/>
      <c r="OID1022" s="10"/>
      <c r="OIE1022" s="10"/>
      <c r="OIF1022" s="10"/>
      <c r="OIG1022" s="10"/>
      <c r="OIH1022" s="10"/>
      <c r="OII1022" s="10"/>
      <c r="OIJ1022" s="10"/>
      <c r="OIK1022" s="10"/>
      <c r="OIL1022" s="10"/>
      <c r="OIM1022" s="10"/>
      <c r="OIN1022" s="10"/>
      <c r="OIO1022" s="10"/>
      <c r="OIP1022" s="10"/>
      <c r="OIQ1022" s="10"/>
      <c r="OIR1022" s="10"/>
      <c r="OIS1022" s="10"/>
      <c r="OIT1022" s="10"/>
      <c r="OIU1022" s="10"/>
      <c r="OIV1022" s="10"/>
      <c r="OIW1022" s="10"/>
      <c r="OIX1022" s="10"/>
      <c r="OIY1022" s="10"/>
      <c r="OIZ1022" s="10"/>
      <c r="OJA1022" s="10"/>
      <c r="OJB1022" s="10"/>
      <c r="OJC1022" s="10"/>
      <c r="OJD1022" s="10"/>
      <c r="OJE1022" s="10"/>
      <c r="OJF1022" s="10"/>
      <c r="OJG1022" s="10"/>
      <c r="OJH1022" s="10"/>
      <c r="OJI1022" s="10"/>
      <c r="OJJ1022" s="10"/>
      <c r="OJK1022" s="10"/>
      <c r="OJL1022" s="10"/>
      <c r="OJM1022" s="10"/>
      <c r="OJN1022" s="10"/>
      <c r="OJO1022" s="10"/>
      <c r="OJP1022" s="10"/>
      <c r="OJQ1022" s="10"/>
      <c r="OJR1022" s="10"/>
      <c r="OJS1022" s="10"/>
      <c r="OJT1022" s="10"/>
      <c r="OJU1022" s="10"/>
      <c r="OJV1022" s="10"/>
      <c r="OJW1022" s="10"/>
      <c r="OJX1022" s="10"/>
      <c r="OJY1022" s="10"/>
      <c r="OJZ1022" s="10"/>
      <c r="OKA1022" s="10"/>
      <c r="OKB1022" s="10"/>
      <c r="OKC1022" s="10"/>
      <c r="OKD1022" s="10"/>
      <c r="OKE1022" s="10"/>
      <c r="OKF1022" s="10"/>
      <c r="OKG1022" s="10"/>
      <c r="OKH1022" s="10"/>
      <c r="OKI1022" s="10"/>
      <c r="OKJ1022" s="10"/>
      <c r="OKK1022" s="10"/>
      <c r="OKL1022" s="10"/>
      <c r="OKM1022" s="10"/>
      <c r="OKN1022" s="10"/>
      <c r="OKO1022" s="10"/>
      <c r="OKP1022" s="10"/>
      <c r="OKQ1022" s="10"/>
      <c r="OKR1022" s="10"/>
      <c r="OKS1022" s="10"/>
      <c r="OKT1022" s="10"/>
      <c r="OKU1022" s="10"/>
      <c r="OKV1022" s="10"/>
      <c r="OKW1022" s="10"/>
      <c r="OKX1022" s="10"/>
      <c r="OKY1022" s="10"/>
      <c r="OKZ1022" s="10"/>
      <c r="OLA1022" s="10"/>
      <c r="OLB1022" s="10"/>
      <c r="OLC1022" s="10"/>
      <c r="OLD1022" s="10"/>
      <c r="OLE1022" s="10"/>
      <c r="OLF1022" s="10"/>
      <c r="OLG1022" s="10"/>
      <c r="OLH1022" s="10"/>
      <c r="OLI1022" s="10"/>
      <c r="OLJ1022" s="10"/>
      <c r="OLK1022" s="10"/>
      <c r="OLL1022" s="10"/>
      <c r="OLM1022" s="10"/>
      <c r="OLN1022" s="10"/>
      <c r="OLO1022" s="10"/>
      <c r="OLP1022" s="10"/>
      <c r="OLQ1022" s="10"/>
      <c r="OLR1022" s="10"/>
      <c r="OLS1022" s="10"/>
      <c r="OLT1022" s="10"/>
      <c r="OLU1022" s="10"/>
      <c r="OLV1022" s="10"/>
      <c r="OLW1022" s="10"/>
      <c r="OLX1022" s="10"/>
      <c r="OLY1022" s="10"/>
      <c r="OLZ1022" s="10"/>
      <c r="OMA1022" s="10"/>
      <c r="OMB1022" s="10"/>
      <c r="OMC1022" s="10"/>
      <c r="OMD1022" s="10"/>
      <c r="OME1022" s="10"/>
      <c r="OMF1022" s="10"/>
      <c r="OMG1022" s="10"/>
      <c r="OMH1022" s="10"/>
      <c r="OMI1022" s="10"/>
      <c r="OMJ1022" s="10"/>
      <c r="OMK1022" s="10"/>
      <c r="OML1022" s="10"/>
      <c r="OMM1022" s="10"/>
      <c r="OMN1022" s="10"/>
      <c r="OMO1022" s="10"/>
      <c r="OMP1022" s="10"/>
      <c r="OMQ1022" s="10"/>
      <c r="OMR1022" s="10"/>
      <c r="OMS1022" s="10"/>
      <c r="OMT1022" s="10"/>
      <c r="OMU1022" s="10"/>
      <c r="OMV1022" s="10"/>
      <c r="OMW1022" s="10"/>
      <c r="OMX1022" s="10"/>
      <c r="OMY1022" s="10"/>
      <c r="OMZ1022" s="10"/>
      <c r="ONA1022" s="10"/>
      <c r="ONB1022" s="10"/>
      <c r="ONC1022" s="10"/>
      <c r="OND1022" s="10"/>
      <c r="ONE1022" s="10"/>
      <c r="ONF1022" s="10"/>
      <c r="ONG1022" s="10"/>
      <c r="ONH1022" s="10"/>
      <c r="ONI1022" s="10"/>
      <c r="ONJ1022" s="10"/>
      <c r="ONK1022" s="10"/>
      <c r="ONL1022" s="10"/>
      <c r="ONM1022" s="10"/>
      <c r="ONN1022" s="10"/>
      <c r="ONO1022" s="10"/>
      <c r="ONP1022" s="10"/>
      <c r="ONQ1022" s="10"/>
      <c r="ONR1022" s="10"/>
      <c r="ONS1022" s="10"/>
      <c r="ONT1022" s="10"/>
      <c r="ONU1022" s="10"/>
      <c r="ONV1022" s="10"/>
      <c r="ONW1022" s="10"/>
      <c r="ONX1022" s="10"/>
      <c r="ONY1022" s="10"/>
      <c r="ONZ1022" s="10"/>
      <c r="OOA1022" s="10"/>
      <c r="OOB1022" s="10"/>
      <c r="OOC1022" s="10"/>
      <c r="OOD1022" s="10"/>
      <c r="OOE1022" s="10"/>
      <c r="OOF1022" s="10"/>
      <c r="OOG1022" s="10"/>
      <c r="OOH1022" s="10"/>
      <c r="OOI1022" s="10"/>
      <c r="OOJ1022" s="10"/>
      <c r="OOK1022" s="10"/>
      <c r="OOL1022" s="10"/>
      <c r="OOM1022" s="10"/>
      <c r="OON1022" s="10"/>
      <c r="OOO1022" s="10"/>
      <c r="OOP1022" s="10"/>
      <c r="OOQ1022" s="10"/>
      <c r="OOR1022" s="10"/>
      <c r="OOS1022" s="10"/>
      <c r="OOT1022" s="10"/>
      <c r="OOU1022" s="10"/>
      <c r="OOV1022" s="10"/>
      <c r="OOW1022" s="10"/>
      <c r="OOX1022" s="10"/>
      <c r="OOY1022" s="10"/>
      <c r="OOZ1022" s="10"/>
      <c r="OPA1022" s="10"/>
      <c r="OPB1022" s="10"/>
      <c r="OPC1022" s="10"/>
      <c r="OPD1022" s="10"/>
      <c r="OPE1022" s="10"/>
      <c r="OPF1022" s="10"/>
      <c r="OPG1022" s="10"/>
      <c r="OPH1022" s="10"/>
      <c r="OPI1022" s="10"/>
      <c r="OPJ1022" s="10"/>
      <c r="OPK1022" s="10"/>
      <c r="OPL1022" s="10"/>
      <c r="OPM1022" s="10"/>
      <c r="OPN1022" s="10"/>
      <c r="OPO1022" s="10"/>
      <c r="OPP1022" s="10"/>
      <c r="OPQ1022" s="10"/>
      <c r="OPR1022" s="10"/>
      <c r="OPS1022" s="10"/>
      <c r="OPT1022" s="10"/>
      <c r="OPU1022" s="10"/>
      <c r="OPV1022" s="10"/>
      <c r="OPW1022" s="10"/>
      <c r="OPX1022" s="10"/>
      <c r="OPY1022" s="10"/>
      <c r="OPZ1022" s="10"/>
      <c r="OQA1022" s="10"/>
      <c r="OQB1022" s="10"/>
      <c r="OQC1022" s="10"/>
      <c r="OQD1022" s="10"/>
      <c r="OQE1022" s="10"/>
      <c r="OQF1022" s="10"/>
      <c r="OQG1022" s="10"/>
      <c r="OQH1022" s="10"/>
      <c r="OQI1022" s="10"/>
      <c r="OQJ1022" s="10"/>
      <c r="OQK1022" s="10"/>
      <c r="OQL1022" s="10"/>
      <c r="OQM1022" s="10"/>
      <c r="OQN1022" s="10"/>
      <c r="OQO1022" s="10"/>
      <c r="OQP1022" s="10"/>
      <c r="OQQ1022" s="10"/>
      <c r="OQR1022" s="10"/>
      <c r="OQS1022" s="10"/>
      <c r="OQT1022" s="10"/>
      <c r="OQU1022" s="10"/>
      <c r="OQV1022" s="10"/>
      <c r="OQW1022" s="10"/>
      <c r="OQX1022" s="10"/>
      <c r="OQY1022" s="10"/>
      <c r="OQZ1022" s="10"/>
      <c r="ORA1022" s="10"/>
      <c r="ORB1022" s="10"/>
      <c r="ORC1022" s="10"/>
      <c r="ORD1022" s="10"/>
      <c r="ORE1022" s="10"/>
      <c r="ORF1022" s="10"/>
      <c r="ORG1022" s="10"/>
      <c r="ORH1022" s="10"/>
      <c r="ORI1022" s="10"/>
      <c r="ORJ1022" s="10"/>
      <c r="ORK1022" s="10"/>
      <c r="ORL1022" s="10"/>
      <c r="ORM1022" s="10"/>
      <c r="ORN1022" s="10"/>
      <c r="ORO1022" s="10"/>
      <c r="ORP1022" s="10"/>
      <c r="ORQ1022" s="10"/>
      <c r="ORR1022" s="10"/>
      <c r="ORS1022" s="10"/>
      <c r="ORT1022" s="10"/>
      <c r="ORU1022" s="10"/>
      <c r="ORV1022" s="10"/>
      <c r="ORW1022" s="10"/>
      <c r="ORX1022" s="10"/>
      <c r="ORY1022" s="10"/>
      <c r="ORZ1022" s="10"/>
      <c r="OSA1022" s="10"/>
      <c r="OSB1022" s="10"/>
      <c r="OSC1022" s="10"/>
      <c r="OSD1022" s="10"/>
      <c r="OSE1022" s="10"/>
      <c r="OSF1022" s="10"/>
      <c r="OSG1022" s="10"/>
      <c r="OSH1022" s="10"/>
      <c r="OSI1022" s="10"/>
      <c r="OSJ1022" s="10"/>
      <c r="OSK1022" s="10"/>
      <c r="OSL1022" s="10"/>
      <c r="OSM1022" s="10"/>
      <c r="OSN1022" s="10"/>
      <c r="OSO1022" s="10"/>
      <c r="OSP1022" s="10"/>
      <c r="OSQ1022" s="10"/>
      <c r="OSR1022" s="10"/>
      <c r="OSS1022" s="10"/>
      <c r="OST1022" s="10"/>
      <c r="OSU1022" s="10"/>
      <c r="OSV1022" s="10"/>
      <c r="OSW1022" s="10"/>
      <c r="OSX1022" s="10"/>
      <c r="OSY1022" s="10"/>
      <c r="OSZ1022" s="10"/>
      <c r="OTA1022" s="10"/>
      <c r="OTB1022" s="10"/>
      <c r="OTC1022" s="10"/>
      <c r="OTD1022" s="10"/>
      <c r="OTE1022" s="10"/>
      <c r="OTF1022" s="10"/>
      <c r="OTG1022" s="10"/>
      <c r="OTH1022" s="10"/>
      <c r="OTI1022" s="10"/>
      <c r="OTJ1022" s="10"/>
      <c r="OTK1022" s="10"/>
      <c r="OTL1022" s="10"/>
      <c r="OTM1022" s="10"/>
      <c r="OTN1022" s="10"/>
      <c r="OTO1022" s="10"/>
      <c r="OTP1022" s="10"/>
      <c r="OTQ1022" s="10"/>
      <c r="OTR1022" s="10"/>
      <c r="OTS1022" s="10"/>
      <c r="OTT1022" s="10"/>
      <c r="OTU1022" s="10"/>
      <c r="OTV1022" s="10"/>
      <c r="OTW1022" s="10"/>
      <c r="OTX1022" s="10"/>
      <c r="OTY1022" s="10"/>
      <c r="OTZ1022" s="10"/>
      <c r="OUA1022" s="10"/>
      <c r="OUB1022" s="10"/>
      <c r="OUC1022" s="10"/>
      <c r="OUD1022" s="10"/>
      <c r="OUE1022" s="10"/>
      <c r="OUF1022" s="10"/>
      <c r="OUG1022" s="10"/>
      <c r="OUH1022" s="10"/>
      <c r="OUI1022" s="10"/>
      <c r="OUJ1022" s="10"/>
      <c r="OUK1022" s="10"/>
      <c r="OUL1022" s="10"/>
      <c r="OUM1022" s="10"/>
      <c r="OUN1022" s="10"/>
      <c r="OUO1022" s="10"/>
      <c r="OUP1022" s="10"/>
      <c r="OUQ1022" s="10"/>
      <c r="OUR1022" s="10"/>
      <c r="OUS1022" s="10"/>
      <c r="OUT1022" s="10"/>
      <c r="OUU1022" s="10"/>
      <c r="OUV1022" s="10"/>
      <c r="OUW1022" s="10"/>
      <c r="OUX1022" s="10"/>
      <c r="OUY1022" s="10"/>
      <c r="OUZ1022" s="10"/>
      <c r="OVA1022" s="10"/>
      <c r="OVB1022" s="10"/>
      <c r="OVC1022" s="10"/>
      <c r="OVD1022" s="10"/>
      <c r="OVE1022" s="10"/>
      <c r="OVF1022" s="10"/>
      <c r="OVG1022" s="10"/>
      <c r="OVH1022" s="10"/>
      <c r="OVI1022" s="10"/>
      <c r="OVJ1022" s="10"/>
      <c r="OVK1022" s="10"/>
      <c r="OVL1022" s="10"/>
      <c r="OVM1022" s="10"/>
      <c r="OVN1022" s="10"/>
      <c r="OVO1022" s="10"/>
      <c r="OVP1022" s="10"/>
      <c r="OVQ1022" s="10"/>
      <c r="OVR1022" s="10"/>
      <c r="OVS1022" s="10"/>
      <c r="OVT1022" s="10"/>
      <c r="OVU1022" s="10"/>
      <c r="OVV1022" s="10"/>
      <c r="OVW1022" s="10"/>
      <c r="OVX1022" s="10"/>
      <c r="OVY1022" s="10"/>
      <c r="OVZ1022" s="10"/>
      <c r="OWA1022" s="10"/>
      <c r="OWB1022" s="10"/>
      <c r="OWC1022" s="10"/>
      <c r="OWD1022" s="10"/>
      <c r="OWE1022" s="10"/>
      <c r="OWF1022" s="10"/>
      <c r="OWG1022" s="10"/>
      <c r="OWH1022" s="10"/>
      <c r="OWI1022" s="10"/>
      <c r="OWJ1022" s="10"/>
      <c r="OWK1022" s="10"/>
      <c r="OWL1022" s="10"/>
      <c r="OWM1022" s="10"/>
      <c r="OWN1022" s="10"/>
      <c r="OWO1022" s="10"/>
      <c r="OWP1022" s="10"/>
      <c r="OWQ1022" s="10"/>
      <c r="OWR1022" s="10"/>
      <c r="OWS1022" s="10"/>
      <c r="OWT1022" s="10"/>
      <c r="OWU1022" s="10"/>
      <c r="OWV1022" s="10"/>
      <c r="OWW1022" s="10"/>
      <c r="OWX1022" s="10"/>
      <c r="OWY1022" s="10"/>
      <c r="OWZ1022" s="10"/>
      <c r="OXA1022" s="10"/>
      <c r="OXB1022" s="10"/>
      <c r="OXC1022" s="10"/>
      <c r="OXD1022" s="10"/>
      <c r="OXE1022" s="10"/>
      <c r="OXF1022" s="10"/>
      <c r="OXG1022" s="10"/>
      <c r="OXH1022" s="10"/>
      <c r="OXI1022" s="10"/>
      <c r="OXJ1022" s="10"/>
      <c r="OXK1022" s="10"/>
      <c r="OXL1022" s="10"/>
      <c r="OXM1022" s="10"/>
      <c r="OXN1022" s="10"/>
      <c r="OXO1022" s="10"/>
      <c r="OXP1022" s="10"/>
      <c r="OXQ1022" s="10"/>
      <c r="OXR1022" s="10"/>
      <c r="OXS1022" s="10"/>
      <c r="OXT1022" s="10"/>
      <c r="OXU1022" s="10"/>
      <c r="OXV1022" s="10"/>
      <c r="OXW1022" s="10"/>
      <c r="OXX1022" s="10"/>
      <c r="OXY1022" s="10"/>
      <c r="OXZ1022" s="10"/>
      <c r="OYA1022" s="10"/>
      <c r="OYB1022" s="10"/>
      <c r="OYC1022" s="10"/>
      <c r="OYD1022" s="10"/>
      <c r="OYE1022" s="10"/>
      <c r="OYF1022" s="10"/>
      <c r="OYG1022" s="10"/>
      <c r="OYH1022" s="10"/>
      <c r="OYI1022" s="10"/>
      <c r="OYJ1022" s="10"/>
      <c r="OYK1022" s="10"/>
      <c r="OYL1022" s="10"/>
      <c r="OYM1022" s="10"/>
      <c r="OYN1022" s="10"/>
      <c r="OYO1022" s="10"/>
      <c r="OYP1022" s="10"/>
      <c r="OYQ1022" s="10"/>
      <c r="OYR1022" s="10"/>
      <c r="OYS1022" s="10"/>
      <c r="OYT1022" s="10"/>
      <c r="OYU1022" s="10"/>
      <c r="OYV1022" s="10"/>
      <c r="OYW1022" s="10"/>
      <c r="OYX1022" s="10"/>
      <c r="OYY1022" s="10"/>
      <c r="OYZ1022" s="10"/>
      <c r="OZA1022" s="10"/>
      <c r="OZB1022" s="10"/>
      <c r="OZC1022" s="10"/>
      <c r="OZD1022" s="10"/>
      <c r="OZE1022" s="10"/>
      <c r="OZF1022" s="10"/>
      <c r="OZG1022" s="10"/>
      <c r="OZH1022" s="10"/>
      <c r="OZI1022" s="10"/>
      <c r="OZJ1022" s="10"/>
      <c r="OZK1022" s="10"/>
      <c r="OZL1022" s="10"/>
      <c r="OZM1022" s="10"/>
      <c r="OZN1022" s="10"/>
      <c r="OZO1022" s="10"/>
      <c r="OZP1022" s="10"/>
      <c r="OZQ1022" s="10"/>
      <c r="OZR1022" s="10"/>
      <c r="OZS1022" s="10"/>
      <c r="OZT1022" s="10"/>
      <c r="OZU1022" s="10"/>
      <c r="OZV1022" s="10"/>
      <c r="OZW1022" s="10"/>
      <c r="OZX1022" s="10"/>
      <c r="OZY1022" s="10"/>
      <c r="OZZ1022" s="10"/>
      <c r="PAA1022" s="10"/>
      <c r="PAB1022" s="10"/>
      <c r="PAC1022" s="10"/>
      <c r="PAD1022" s="10"/>
      <c r="PAE1022" s="10"/>
      <c r="PAF1022" s="10"/>
      <c r="PAG1022" s="10"/>
      <c r="PAH1022" s="10"/>
      <c r="PAI1022" s="10"/>
      <c r="PAJ1022" s="10"/>
      <c r="PAK1022" s="10"/>
      <c r="PAL1022" s="10"/>
      <c r="PAM1022" s="10"/>
      <c r="PAN1022" s="10"/>
      <c r="PAO1022" s="10"/>
      <c r="PAP1022" s="10"/>
      <c r="PAQ1022" s="10"/>
      <c r="PAR1022" s="10"/>
      <c r="PAS1022" s="10"/>
      <c r="PAT1022" s="10"/>
      <c r="PAU1022" s="10"/>
      <c r="PAV1022" s="10"/>
      <c r="PAW1022" s="10"/>
      <c r="PAX1022" s="10"/>
      <c r="PAY1022" s="10"/>
      <c r="PAZ1022" s="10"/>
      <c r="PBA1022" s="10"/>
      <c r="PBB1022" s="10"/>
      <c r="PBC1022" s="10"/>
      <c r="PBD1022" s="10"/>
      <c r="PBE1022" s="10"/>
      <c r="PBF1022" s="10"/>
      <c r="PBG1022" s="10"/>
      <c r="PBH1022" s="10"/>
      <c r="PBI1022" s="10"/>
      <c r="PBJ1022" s="10"/>
      <c r="PBK1022" s="10"/>
      <c r="PBL1022" s="10"/>
      <c r="PBM1022" s="10"/>
      <c r="PBN1022" s="10"/>
      <c r="PBO1022" s="10"/>
      <c r="PBP1022" s="10"/>
      <c r="PBQ1022" s="10"/>
      <c r="PBR1022" s="10"/>
      <c r="PBS1022" s="10"/>
      <c r="PBT1022" s="10"/>
      <c r="PBU1022" s="10"/>
      <c r="PBV1022" s="10"/>
      <c r="PBW1022" s="10"/>
      <c r="PBX1022" s="10"/>
      <c r="PBY1022" s="10"/>
      <c r="PBZ1022" s="10"/>
      <c r="PCA1022" s="10"/>
      <c r="PCB1022" s="10"/>
      <c r="PCC1022" s="10"/>
      <c r="PCD1022" s="10"/>
      <c r="PCE1022" s="10"/>
      <c r="PCF1022" s="10"/>
      <c r="PCG1022" s="10"/>
      <c r="PCH1022" s="10"/>
      <c r="PCI1022" s="10"/>
      <c r="PCJ1022" s="10"/>
      <c r="PCK1022" s="10"/>
      <c r="PCL1022" s="10"/>
      <c r="PCM1022" s="10"/>
      <c r="PCN1022" s="10"/>
      <c r="PCO1022" s="10"/>
      <c r="PCP1022" s="10"/>
      <c r="PCQ1022" s="10"/>
      <c r="PCR1022" s="10"/>
      <c r="PCS1022" s="10"/>
      <c r="PCT1022" s="10"/>
      <c r="PCU1022" s="10"/>
      <c r="PCV1022" s="10"/>
      <c r="PCW1022" s="10"/>
      <c r="PCX1022" s="10"/>
      <c r="PCY1022" s="10"/>
      <c r="PCZ1022" s="10"/>
      <c r="PDA1022" s="10"/>
      <c r="PDB1022" s="10"/>
      <c r="PDC1022" s="10"/>
      <c r="PDD1022" s="10"/>
      <c r="PDE1022" s="10"/>
      <c r="PDF1022" s="10"/>
      <c r="PDG1022" s="10"/>
      <c r="PDH1022" s="10"/>
      <c r="PDI1022" s="10"/>
      <c r="PDJ1022" s="10"/>
      <c r="PDK1022" s="10"/>
      <c r="PDL1022" s="10"/>
      <c r="PDM1022" s="10"/>
      <c r="PDN1022" s="10"/>
      <c r="PDO1022" s="10"/>
      <c r="PDP1022" s="10"/>
      <c r="PDQ1022" s="10"/>
      <c r="PDR1022" s="10"/>
      <c r="PDS1022" s="10"/>
      <c r="PDT1022" s="10"/>
      <c r="PDU1022" s="10"/>
      <c r="PDV1022" s="10"/>
      <c r="PDW1022" s="10"/>
      <c r="PDX1022" s="10"/>
      <c r="PDY1022" s="10"/>
      <c r="PDZ1022" s="10"/>
      <c r="PEA1022" s="10"/>
      <c r="PEB1022" s="10"/>
      <c r="PEC1022" s="10"/>
      <c r="PED1022" s="10"/>
      <c r="PEE1022" s="10"/>
      <c r="PEF1022" s="10"/>
      <c r="PEG1022" s="10"/>
      <c r="PEH1022" s="10"/>
      <c r="PEI1022" s="10"/>
      <c r="PEJ1022" s="10"/>
      <c r="PEK1022" s="10"/>
      <c r="PEL1022" s="10"/>
      <c r="PEM1022" s="10"/>
      <c r="PEN1022" s="10"/>
      <c r="PEO1022" s="10"/>
      <c r="PEP1022" s="10"/>
      <c r="PEQ1022" s="10"/>
      <c r="PER1022" s="10"/>
      <c r="PES1022" s="10"/>
      <c r="PET1022" s="10"/>
      <c r="PEU1022" s="10"/>
      <c r="PEV1022" s="10"/>
      <c r="PEW1022" s="10"/>
      <c r="PEX1022" s="10"/>
      <c r="PEY1022" s="10"/>
      <c r="PEZ1022" s="10"/>
      <c r="PFA1022" s="10"/>
      <c r="PFB1022" s="10"/>
      <c r="PFC1022" s="10"/>
      <c r="PFD1022" s="10"/>
      <c r="PFE1022" s="10"/>
      <c r="PFF1022" s="10"/>
      <c r="PFG1022" s="10"/>
      <c r="PFH1022" s="10"/>
      <c r="PFI1022" s="10"/>
      <c r="PFJ1022" s="10"/>
      <c r="PFK1022" s="10"/>
      <c r="PFL1022" s="10"/>
      <c r="PFM1022" s="10"/>
      <c r="PFN1022" s="10"/>
      <c r="PFO1022" s="10"/>
      <c r="PFP1022" s="10"/>
      <c r="PFQ1022" s="10"/>
      <c r="PFR1022" s="10"/>
      <c r="PFS1022" s="10"/>
      <c r="PFT1022" s="10"/>
      <c r="PFU1022" s="10"/>
      <c r="PFV1022" s="10"/>
      <c r="PFW1022" s="10"/>
      <c r="PFX1022" s="10"/>
      <c r="PFY1022" s="10"/>
      <c r="PFZ1022" s="10"/>
      <c r="PGA1022" s="10"/>
      <c r="PGB1022" s="10"/>
      <c r="PGC1022" s="10"/>
      <c r="PGD1022" s="10"/>
      <c r="PGE1022" s="10"/>
      <c r="PGF1022" s="10"/>
      <c r="PGG1022" s="10"/>
      <c r="PGH1022" s="10"/>
      <c r="PGI1022" s="10"/>
      <c r="PGJ1022" s="10"/>
      <c r="PGK1022" s="10"/>
      <c r="PGL1022" s="10"/>
      <c r="PGM1022" s="10"/>
      <c r="PGN1022" s="10"/>
      <c r="PGO1022" s="10"/>
      <c r="PGP1022" s="10"/>
      <c r="PGQ1022" s="10"/>
      <c r="PGR1022" s="10"/>
      <c r="PGS1022" s="10"/>
      <c r="PGT1022" s="10"/>
      <c r="PGU1022" s="10"/>
      <c r="PGV1022" s="10"/>
      <c r="PGW1022" s="10"/>
      <c r="PGX1022" s="10"/>
      <c r="PGY1022" s="10"/>
      <c r="PGZ1022" s="10"/>
      <c r="PHA1022" s="10"/>
      <c r="PHB1022" s="10"/>
      <c r="PHC1022" s="10"/>
      <c r="PHD1022" s="10"/>
      <c r="PHE1022" s="10"/>
      <c r="PHF1022" s="10"/>
      <c r="PHG1022" s="10"/>
      <c r="PHH1022" s="10"/>
      <c r="PHI1022" s="10"/>
      <c r="PHJ1022" s="10"/>
      <c r="PHK1022" s="10"/>
      <c r="PHL1022" s="10"/>
      <c r="PHM1022" s="10"/>
      <c r="PHN1022" s="10"/>
      <c r="PHO1022" s="10"/>
      <c r="PHP1022" s="10"/>
      <c r="PHQ1022" s="10"/>
      <c r="PHR1022" s="10"/>
      <c r="PHS1022" s="10"/>
      <c r="PHT1022" s="10"/>
      <c r="PHU1022" s="10"/>
      <c r="PHV1022" s="10"/>
      <c r="PHW1022" s="10"/>
      <c r="PHX1022" s="10"/>
      <c r="PHY1022" s="10"/>
      <c r="PHZ1022" s="10"/>
      <c r="PIA1022" s="10"/>
      <c r="PIB1022" s="10"/>
      <c r="PIC1022" s="10"/>
      <c r="PID1022" s="10"/>
      <c r="PIE1022" s="10"/>
      <c r="PIF1022" s="10"/>
      <c r="PIG1022" s="10"/>
      <c r="PIH1022" s="10"/>
      <c r="PII1022" s="10"/>
      <c r="PIJ1022" s="10"/>
      <c r="PIK1022" s="10"/>
      <c r="PIL1022" s="10"/>
      <c r="PIM1022" s="10"/>
      <c r="PIN1022" s="10"/>
      <c r="PIO1022" s="10"/>
      <c r="PIP1022" s="10"/>
      <c r="PIQ1022" s="10"/>
      <c r="PIR1022" s="10"/>
      <c r="PIS1022" s="10"/>
      <c r="PIT1022" s="10"/>
      <c r="PIU1022" s="10"/>
      <c r="PIV1022" s="10"/>
      <c r="PIW1022" s="10"/>
      <c r="PIX1022" s="10"/>
      <c r="PIY1022" s="10"/>
      <c r="PIZ1022" s="10"/>
      <c r="PJA1022" s="10"/>
      <c r="PJB1022" s="10"/>
      <c r="PJC1022" s="10"/>
      <c r="PJD1022" s="10"/>
      <c r="PJE1022" s="10"/>
      <c r="PJF1022" s="10"/>
      <c r="PJG1022" s="10"/>
      <c r="PJH1022" s="10"/>
      <c r="PJI1022" s="10"/>
      <c r="PJJ1022" s="10"/>
      <c r="PJK1022" s="10"/>
      <c r="PJL1022" s="10"/>
      <c r="PJM1022" s="10"/>
      <c r="PJN1022" s="10"/>
      <c r="PJO1022" s="10"/>
      <c r="PJP1022" s="10"/>
      <c r="PJQ1022" s="10"/>
      <c r="PJR1022" s="10"/>
      <c r="PJS1022" s="10"/>
      <c r="PJT1022" s="10"/>
      <c r="PJU1022" s="10"/>
      <c r="PJV1022" s="10"/>
      <c r="PJW1022" s="10"/>
      <c r="PJX1022" s="10"/>
      <c r="PJY1022" s="10"/>
      <c r="PJZ1022" s="10"/>
      <c r="PKA1022" s="10"/>
      <c r="PKB1022" s="10"/>
      <c r="PKC1022" s="10"/>
      <c r="PKD1022" s="10"/>
      <c r="PKE1022" s="10"/>
      <c r="PKF1022" s="10"/>
      <c r="PKG1022" s="10"/>
      <c r="PKH1022" s="10"/>
      <c r="PKI1022" s="10"/>
      <c r="PKJ1022" s="10"/>
      <c r="PKK1022" s="10"/>
      <c r="PKL1022" s="10"/>
      <c r="PKM1022" s="10"/>
      <c r="PKN1022" s="10"/>
      <c r="PKO1022" s="10"/>
      <c r="PKP1022" s="10"/>
      <c r="PKQ1022" s="10"/>
      <c r="PKR1022" s="10"/>
      <c r="PKS1022" s="10"/>
      <c r="PKT1022" s="10"/>
      <c r="PKU1022" s="10"/>
      <c r="PKV1022" s="10"/>
      <c r="PKW1022" s="10"/>
      <c r="PKX1022" s="10"/>
      <c r="PKY1022" s="10"/>
      <c r="PKZ1022" s="10"/>
      <c r="PLA1022" s="10"/>
      <c r="PLB1022" s="10"/>
      <c r="PLC1022" s="10"/>
      <c r="PLD1022" s="10"/>
      <c r="PLE1022" s="10"/>
      <c r="PLF1022" s="10"/>
      <c r="PLG1022" s="10"/>
      <c r="PLH1022" s="10"/>
      <c r="PLI1022" s="10"/>
      <c r="PLJ1022" s="10"/>
      <c r="PLK1022" s="10"/>
      <c r="PLL1022" s="10"/>
      <c r="PLM1022" s="10"/>
      <c r="PLN1022" s="10"/>
      <c r="PLO1022" s="10"/>
      <c r="PLP1022" s="10"/>
      <c r="PLQ1022" s="10"/>
      <c r="PLR1022" s="10"/>
      <c r="PLS1022" s="10"/>
      <c r="PLT1022" s="10"/>
      <c r="PLU1022" s="10"/>
      <c r="PLV1022" s="10"/>
      <c r="PLW1022" s="10"/>
      <c r="PLX1022" s="10"/>
      <c r="PLY1022" s="10"/>
      <c r="PLZ1022" s="10"/>
      <c r="PMA1022" s="10"/>
      <c r="PMB1022" s="10"/>
      <c r="PMC1022" s="10"/>
      <c r="PMD1022" s="10"/>
      <c r="PME1022" s="10"/>
      <c r="PMF1022" s="10"/>
      <c r="PMG1022" s="10"/>
      <c r="PMH1022" s="10"/>
      <c r="PMI1022" s="10"/>
      <c r="PMJ1022" s="10"/>
      <c r="PMK1022" s="10"/>
      <c r="PML1022" s="10"/>
      <c r="PMM1022" s="10"/>
      <c r="PMN1022" s="10"/>
      <c r="PMO1022" s="10"/>
      <c r="PMP1022" s="10"/>
      <c r="PMQ1022" s="10"/>
      <c r="PMR1022" s="10"/>
      <c r="PMS1022" s="10"/>
      <c r="PMT1022" s="10"/>
      <c r="PMU1022" s="10"/>
      <c r="PMV1022" s="10"/>
      <c r="PMW1022" s="10"/>
      <c r="PMX1022" s="10"/>
      <c r="PMY1022" s="10"/>
      <c r="PMZ1022" s="10"/>
      <c r="PNA1022" s="10"/>
      <c r="PNB1022" s="10"/>
      <c r="PNC1022" s="10"/>
      <c r="PND1022" s="10"/>
      <c r="PNE1022" s="10"/>
      <c r="PNF1022" s="10"/>
      <c r="PNG1022" s="10"/>
      <c r="PNH1022" s="10"/>
      <c r="PNI1022" s="10"/>
      <c r="PNJ1022" s="10"/>
      <c r="PNK1022" s="10"/>
      <c r="PNL1022" s="10"/>
      <c r="PNM1022" s="10"/>
      <c r="PNN1022" s="10"/>
      <c r="PNO1022" s="10"/>
      <c r="PNP1022" s="10"/>
      <c r="PNQ1022" s="10"/>
      <c r="PNR1022" s="10"/>
      <c r="PNS1022" s="10"/>
      <c r="PNT1022" s="10"/>
      <c r="PNU1022" s="10"/>
      <c r="PNV1022" s="10"/>
      <c r="PNW1022" s="10"/>
      <c r="PNX1022" s="10"/>
      <c r="PNY1022" s="10"/>
      <c r="PNZ1022" s="10"/>
      <c r="POA1022" s="10"/>
      <c r="POB1022" s="10"/>
      <c r="POC1022" s="10"/>
      <c r="POD1022" s="10"/>
      <c r="POE1022" s="10"/>
      <c r="POF1022" s="10"/>
      <c r="POG1022" s="10"/>
      <c r="POH1022" s="10"/>
      <c r="POI1022" s="10"/>
      <c r="POJ1022" s="10"/>
      <c r="POK1022" s="10"/>
      <c r="POL1022" s="10"/>
      <c r="POM1022" s="10"/>
      <c r="PON1022" s="10"/>
      <c r="POO1022" s="10"/>
      <c r="POP1022" s="10"/>
      <c r="POQ1022" s="10"/>
      <c r="POR1022" s="10"/>
      <c r="POS1022" s="10"/>
      <c r="POT1022" s="10"/>
      <c r="POU1022" s="10"/>
      <c r="POV1022" s="10"/>
      <c r="POW1022" s="10"/>
      <c r="POX1022" s="10"/>
      <c r="POY1022" s="10"/>
      <c r="POZ1022" s="10"/>
      <c r="PPA1022" s="10"/>
      <c r="PPB1022" s="10"/>
      <c r="PPC1022" s="10"/>
      <c r="PPD1022" s="10"/>
      <c r="PPE1022" s="10"/>
      <c r="PPF1022" s="10"/>
      <c r="PPG1022" s="10"/>
      <c r="PPH1022" s="10"/>
      <c r="PPI1022" s="10"/>
      <c r="PPJ1022" s="10"/>
      <c r="PPK1022" s="10"/>
      <c r="PPL1022" s="10"/>
      <c r="PPM1022" s="10"/>
      <c r="PPN1022" s="10"/>
      <c r="PPO1022" s="10"/>
      <c r="PPP1022" s="10"/>
      <c r="PPQ1022" s="10"/>
      <c r="PPR1022" s="10"/>
      <c r="PPS1022" s="10"/>
      <c r="PPT1022" s="10"/>
      <c r="PPU1022" s="10"/>
      <c r="PPV1022" s="10"/>
      <c r="PPW1022" s="10"/>
      <c r="PPX1022" s="10"/>
      <c r="PPY1022" s="10"/>
      <c r="PPZ1022" s="10"/>
      <c r="PQA1022" s="10"/>
      <c r="PQB1022" s="10"/>
      <c r="PQC1022" s="10"/>
      <c r="PQD1022" s="10"/>
      <c r="PQE1022" s="10"/>
      <c r="PQF1022" s="10"/>
      <c r="PQG1022" s="10"/>
      <c r="PQH1022" s="10"/>
      <c r="PQI1022" s="10"/>
      <c r="PQJ1022" s="10"/>
      <c r="PQK1022" s="10"/>
      <c r="PQL1022" s="10"/>
      <c r="PQM1022" s="10"/>
      <c r="PQN1022" s="10"/>
      <c r="PQO1022" s="10"/>
      <c r="PQP1022" s="10"/>
      <c r="PQQ1022" s="10"/>
      <c r="PQR1022" s="10"/>
      <c r="PQS1022" s="10"/>
      <c r="PQT1022" s="10"/>
      <c r="PQU1022" s="10"/>
      <c r="PQV1022" s="10"/>
      <c r="PQW1022" s="10"/>
      <c r="PQX1022" s="10"/>
      <c r="PQY1022" s="10"/>
      <c r="PQZ1022" s="10"/>
      <c r="PRA1022" s="10"/>
      <c r="PRB1022" s="10"/>
      <c r="PRC1022" s="10"/>
      <c r="PRD1022" s="10"/>
      <c r="PRE1022" s="10"/>
      <c r="PRF1022" s="10"/>
      <c r="PRG1022" s="10"/>
      <c r="PRH1022" s="10"/>
      <c r="PRI1022" s="10"/>
      <c r="PRJ1022" s="10"/>
      <c r="PRK1022" s="10"/>
      <c r="PRL1022" s="10"/>
      <c r="PRM1022" s="10"/>
      <c r="PRN1022" s="10"/>
      <c r="PRO1022" s="10"/>
      <c r="PRP1022" s="10"/>
      <c r="PRQ1022" s="10"/>
      <c r="PRR1022" s="10"/>
      <c r="PRS1022" s="10"/>
      <c r="PRT1022" s="10"/>
      <c r="PRU1022" s="10"/>
      <c r="PRV1022" s="10"/>
      <c r="PRW1022" s="10"/>
      <c r="PRX1022" s="10"/>
      <c r="PRY1022" s="10"/>
      <c r="PRZ1022" s="10"/>
      <c r="PSA1022" s="10"/>
      <c r="PSB1022" s="10"/>
      <c r="PSC1022" s="10"/>
      <c r="PSD1022" s="10"/>
      <c r="PSE1022" s="10"/>
      <c r="PSF1022" s="10"/>
      <c r="PSG1022" s="10"/>
      <c r="PSH1022" s="10"/>
      <c r="PSI1022" s="10"/>
      <c r="PSJ1022" s="10"/>
      <c r="PSK1022" s="10"/>
      <c r="PSL1022" s="10"/>
      <c r="PSM1022" s="10"/>
      <c r="PSN1022" s="10"/>
      <c r="PSO1022" s="10"/>
      <c r="PSP1022" s="10"/>
      <c r="PSQ1022" s="10"/>
      <c r="PSR1022" s="10"/>
      <c r="PSS1022" s="10"/>
      <c r="PST1022" s="10"/>
      <c r="PSU1022" s="10"/>
      <c r="PSV1022" s="10"/>
      <c r="PSW1022" s="10"/>
      <c r="PSX1022" s="10"/>
      <c r="PSY1022" s="10"/>
      <c r="PSZ1022" s="10"/>
      <c r="PTA1022" s="10"/>
      <c r="PTB1022" s="10"/>
      <c r="PTC1022" s="10"/>
      <c r="PTD1022" s="10"/>
      <c r="PTE1022" s="10"/>
      <c r="PTF1022" s="10"/>
      <c r="PTG1022" s="10"/>
      <c r="PTH1022" s="10"/>
      <c r="PTI1022" s="10"/>
      <c r="PTJ1022" s="10"/>
      <c r="PTK1022" s="10"/>
      <c r="PTL1022" s="10"/>
      <c r="PTM1022" s="10"/>
      <c r="PTN1022" s="10"/>
      <c r="PTO1022" s="10"/>
      <c r="PTP1022" s="10"/>
      <c r="PTQ1022" s="10"/>
      <c r="PTR1022" s="10"/>
      <c r="PTS1022" s="10"/>
      <c r="PTT1022" s="10"/>
      <c r="PTU1022" s="10"/>
      <c r="PTV1022" s="10"/>
      <c r="PTW1022" s="10"/>
      <c r="PTX1022" s="10"/>
      <c r="PTY1022" s="10"/>
      <c r="PTZ1022" s="10"/>
      <c r="PUA1022" s="10"/>
      <c r="PUB1022" s="10"/>
      <c r="PUC1022" s="10"/>
      <c r="PUD1022" s="10"/>
      <c r="PUE1022" s="10"/>
      <c r="PUF1022" s="10"/>
      <c r="PUG1022" s="10"/>
      <c r="PUH1022" s="10"/>
      <c r="PUI1022" s="10"/>
      <c r="PUJ1022" s="10"/>
      <c r="PUK1022" s="10"/>
      <c r="PUL1022" s="10"/>
      <c r="PUM1022" s="10"/>
      <c r="PUN1022" s="10"/>
      <c r="PUO1022" s="10"/>
      <c r="PUP1022" s="10"/>
      <c r="PUQ1022" s="10"/>
      <c r="PUR1022" s="10"/>
      <c r="PUS1022" s="10"/>
      <c r="PUT1022" s="10"/>
      <c r="PUU1022" s="10"/>
      <c r="PUV1022" s="10"/>
      <c r="PUW1022" s="10"/>
      <c r="PUX1022" s="10"/>
      <c r="PUY1022" s="10"/>
      <c r="PUZ1022" s="10"/>
      <c r="PVA1022" s="10"/>
      <c r="PVB1022" s="10"/>
      <c r="PVC1022" s="10"/>
      <c r="PVD1022" s="10"/>
      <c r="PVE1022" s="10"/>
      <c r="PVF1022" s="10"/>
      <c r="PVG1022" s="10"/>
      <c r="PVH1022" s="10"/>
      <c r="PVI1022" s="10"/>
      <c r="PVJ1022" s="10"/>
      <c r="PVK1022" s="10"/>
      <c r="PVL1022" s="10"/>
      <c r="PVM1022" s="10"/>
      <c r="PVN1022" s="10"/>
      <c r="PVO1022" s="10"/>
      <c r="PVP1022" s="10"/>
      <c r="PVQ1022" s="10"/>
      <c r="PVR1022" s="10"/>
      <c r="PVS1022" s="10"/>
      <c r="PVT1022" s="10"/>
      <c r="PVU1022" s="10"/>
      <c r="PVV1022" s="10"/>
      <c r="PVW1022" s="10"/>
      <c r="PVX1022" s="10"/>
      <c r="PVY1022" s="10"/>
      <c r="PVZ1022" s="10"/>
      <c r="PWA1022" s="10"/>
      <c r="PWB1022" s="10"/>
      <c r="PWC1022" s="10"/>
      <c r="PWD1022" s="10"/>
      <c r="PWE1022" s="10"/>
      <c r="PWF1022" s="10"/>
      <c r="PWG1022" s="10"/>
      <c r="PWH1022" s="10"/>
      <c r="PWI1022" s="10"/>
      <c r="PWJ1022" s="10"/>
      <c r="PWK1022" s="10"/>
      <c r="PWL1022" s="10"/>
      <c r="PWM1022" s="10"/>
      <c r="PWN1022" s="10"/>
      <c r="PWO1022" s="10"/>
      <c r="PWP1022" s="10"/>
      <c r="PWQ1022" s="10"/>
      <c r="PWR1022" s="10"/>
      <c r="PWS1022" s="10"/>
      <c r="PWT1022" s="10"/>
      <c r="PWU1022" s="10"/>
      <c r="PWV1022" s="10"/>
      <c r="PWW1022" s="10"/>
      <c r="PWX1022" s="10"/>
      <c r="PWY1022" s="10"/>
      <c r="PWZ1022" s="10"/>
      <c r="PXA1022" s="10"/>
      <c r="PXB1022" s="10"/>
      <c r="PXC1022" s="10"/>
      <c r="PXD1022" s="10"/>
      <c r="PXE1022" s="10"/>
      <c r="PXF1022" s="10"/>
      <c r="PXG1022" s="10"/>
      <c r="PXH1022" s="10"/>
      <c r="PXI1022" s="10"/>
      <c r="PXJ1022" s="10"/>
      <c r="PXK1022" s="10"/>
      <c r="PXL1022" s="10"/>
      <c r="PXM1022" s="10"/>
      <c r="PXN1022" s="10"/>
      <c r="PXO1022" s="10"/>
      <c r="PXP1022" s="10"/>
      <c r="PXQ1022" s="10"/>
      <c r="PXR1022" s="10"/>
      <c r="PXS1022" s="10"/>
      <c r="PXT1022" s="10"/>
      <c r="PXU1022" s="10"/>
      <c r="PXV1022" s="10"/>
      <c r="PXW1022" s="10"/>
      <c r="PXX1022" s="10"/>
      <c r="PXY1022" s="10"/>
      <c r="PXZ1022" s="10"/>
      <c r="PYA1022" s="10"/>
      <c r="PYB1022" s="10"/>
      <c r="PYC1022" s="10"/>
      <c r="PYD1022" s="10"/>
      <c r="PYE1022" s="10"/>
      <c r="PYF1022" s="10"/>
      <c r="PYG1022" s="10"/>
      <c r="PYH1022" s="10"/>
      <c r="PYI1022" s="10"/>
      <c r="PYJ1022" s="10"/>
      <c r="PYK1022" s="10"/>
      <c r="PYL1022" s="10"/>
      <c r="PYM1022" s="10"/>
      <c r="PYN1022" s="10"/>
      <c r="PYO1022" s="10"/>
      <c r="PYP1022" s="10"/>
      <c r="PYQ1022" s="10"/>
      <c r="PYR1022" s="10"/>
      <c r="PYS1022" s="10"/>
      <c r="PYT1022" s="10"/>
      <c r="PYU1022" s="10"/>
      <c r="PYV1022" s="10"/>
      <c r="PYW1022" s="10"/>
      <c r="PYX1022" s="10"/>
      <c r="PYY1022" s="10"/>
      <c r="PYZ1022" s="10"/>
      <c r="PZA1022" s="10"/>
      <c r="PZB1022" s="10"/>
      <c r="PZC1022" s="10"/>
      <c r="PZD1022" s="10"/>
      <c r="PZE1022" s="10"/>
      <c r="PZF1022" s="10"/>
      <c r="PZG1022" s="10"/>
      <c r="PZH1022" s="10"/>
      <c r="PZI1022" s="10"/>
      <c r="PZJ1022" s="10"/>
      <c r="PZK1022" s="10"/>
      <c r="PZL1022" s="10"/>
      <c r="PZM1022" s="10"/>
      <c r="PZN1022" s="10"/>
      <c r="PZO1022" s="10"/>
      <c r="PZP1022" s="10"/>
      <c r="PZQ1022" s="10"/>
      <c r="PZR1022" s="10"/>
      <c r="PZS1022" s="10"/>
      <c r="PZT1022" s="10"/>
      <c r="PZU1022" s="10"/>
      <c r="PZV1022" s="10"/>
      <c r="PZW1022" s="10"/>
      <c r="PZX1022" s="10"/>
      <c r="PZY1022" s="10"/>
      <c r="PZZ1022" s="10"/>
      <c r="QAA1022" s="10"/>
      <c r="QAB1022" s="10"/>
      <c r="QAC1022" s="10"/>
      <c r="QAD1022" s="10"/>
      <c r="QAE1022" s="10"/>
      <c r="QAF1022" s="10"/>
      <c r="QAG1022" s="10"/>
      <c r="QAH1022" s="10"/>
      <c r="QAI1022" s="10"/>
      <c r="QAJ1022" s="10"/>
      <c r="QAK1022" s="10"/>
      <c r="QAL1022" s="10"/>
      <c r="QAM1022" s="10"/>
      <c r="QAN1022" s="10"/>
      <c r="QAO1022" s="10"/>
      <c r="QAP1022" s="10"/>
      <c r="QAQ1022" s="10"/>
      <c r="QAR1022" s="10"/>
      <c r="QAS1022" s="10"/>
      <c r="QAT1022" s="10"/>
      <c r="QAU1022" s="10"/>
      <c r="QAV1022" s="10"/>
      <c r="QAW1022" s="10"/>
      <c r="QAX1022" s="10"/>
      <c r="QAY1022" s="10"/>
      <c r="QAZ1022" s="10"/>
      <c r="QBA1022" s="10"/>
      <c r="QBB1022" s="10"/>
      <c r="QBC1022" s="10"/>
      <c r="QBD1022" s="10"/>
      <c r="QBE1022" s="10"/>
      <c r="QBF1022" s="10"/>
      <c r="QBG1022" s="10"/>
      <c r="QBH1022" s="10"/>
      <c r="QBI1022" s="10"/>
      <c r="QBJ1022" s="10"/>
      <c r="QBK1022" s="10"/>
      <c r="QBL1022" s="10"/>
      <c r="QBM1022" s="10"/>
      <c r="QBN1022" s="10"/>
      <c r="QBO1022" s="10"/>
      <c r="QBP1022" s="10"/>
      <c r="QBQ1022" s="10"/>
      <c r="QBR1022" s="10"/>
      <c r="QBS1022" s="10"/>
      <c r="QBT1022" s="10"/>
      <c r="QBU1022" s="10"/>
      <c r="QBV1022" s="10"/>
      <c r="QBW1022" s="10"/>
      <c r="QBX1022" s="10"/>
      <c r="QBY1022" s="10"/>
      <c r="QBZ1022" s="10"/>
      <c r="QCA1022" s="10"/>
      <c r="QCB1022" s="10"/>
      <c r="QCC1022" s="10"/>
      <c r="QCD1022" s="10"/>
      <c r="QCE1022" s="10"/>
      <c r="QCF1022" s="10"/>
      <c r="QCG1022" s="10"/>
      <c r="QCH1022" s="10"/>
      <c r="QCI1022" s="10"/>
      <c r="QCJ1022" s="10"/>
      <c r="QCK1022" s="10"/>
      <c r="QCL1022" s="10"/>
      <c r="QCM1022" s="10"/>
      <c r="QCN1022" s="10"/>
      <c r="QCO1022" s="10"/>
      <c r="QCP1022" s="10"/>
      <c r="QCQ1022" s="10"/>
      <c r="QCR1022" s="10"/>
      <c r="QCS1022" s="10"/>
      <c r="QCT1022" s="10"/>
      <c r="QCU1022" s="10"/>
      <c r="QCV1022" s="10"/>
      <c r="QCW1022" s="10"/>
      <c r="QCX1022" s="10"/>
      <c r="QCY1022" s="10"/>
      <c r="QCZ1022" s="10"/>
      <c r="QDA1022" s="10"/>
      <c r="QDB1022" s="10"/>
      <c r="QDC1022" s="10"/>
      <c r="QDD1022" s="10"/>
      <c r="QDE1022" s="10"/>
      <c r="QDF1022" s="10"/>
      <c r="QDG1022" s="10"/>
      <c r="QDH1022" s="10"/>
      <c r="QDI1022" s="10"/>
      <c r="QDJ1022" s="10"/>
      <c r="QDK1022" s="10"/>
      <c r="QDL1022" s="10"/>
      <c r="QDM1022" s="10"/>
      <c r="QDN1022" s="10"/>
      <c r="QDO1022" s="10"/>
      <c r="QDP1022" s="10"/>
      <c r="QDQ1022" s="10"/>
      <c r="QDR1022" s="10"/>
      <c r="QDS1022" s="10"/>
      <c r="QDT1022" s="10"/>
      <c r="QDU1022" s="10"/>
      <c r="QDV1022" s="10"/>
      <c r="QDW1022" s="10"/>
      <c r="QDX1022" s="10"/>
      <c r="QDY1022" s="10"/>
      <c r="QDZ1022" s="10"/>
      <c r="QEA1022" s="10"/>
      <c r="QEB1022" s="10"/>
      <c r="QEC1022" s="10"/>
      <c r="QED1022" s="10"/>
      <c r="QEE1022" s="10"/>
      <c r="QEF1022" s="10"/>
      <c r="QEG1022" s="10"/>
      <c r="QEH1022" s="10"/>
      <c r="QEI1022" s="10"/>
      <c r="QEJ1022" s="10"/>
      <c r="QEK1022" s="10"/>
      <c r="QEL1022" s="10"/>
      <c r="QEM1022" s="10"/>
      <c r="QEN1022" s="10"/>
      <c r="QEO1022" s="10"/>
      <c r="QEP1022" s="10"/>
      <c r="QEQ1022" s="10"/>
      <c r="QER1022" s="10"/>
      <c r="QES1022" s="10"/>
      <c r="QET1022" s="10"/>
      <c r="QEU1022" s="10"/>
      <c r="QEV1022" s="10"/>
      <c r="QEW1022" s="10"/>
      <c r="QEX1022" s="10"/>
      <c r="QEY1022" s="10"/>
      <c r="QEZ1022" s="10"/>
      <c r="QFA1022" s="10"/>
      <c r="QFB1022" s="10"/>
      <c r="QFC1022" s="10"/>
      <c r="QFD1022" s="10"/>
      <c r="QFE1022" s="10"/>
      <c r="QFF1022" s="10"/>
      <c r="QFG1022" s="10"/>
      <c r="QFH1022" s="10"/>
      <c r="QFI1022" s="10"/>
      <c r="QFJ1022" s="10"/>
      <c r="QFK1022" s="10"/>
      <c r="QFL1022" s="10"/>
      <c r="QFM1022" s="10"/>
      <c r="QFN1022" s="10"/>
      <c r="QFO1022" s="10"/>
      <c r="QFP1022" s="10"/>
      <c r="QFQ1022" s="10"/>
      <c r="QFR1022" s="10"/>
      <c r="QFS1022" s="10"/>
      <c r="QFT1022" s="10"/>
      <c r="QFU1022" s="10"/>
      <c r="QFV1022" s="10"/>
      <c r="QFW1022" s="10"/>
      <c r="QFX1022" s="10"/>
      <c r="QFY1022" s="10"/>
      <c r="QFZ1022" s="10"/>
      <c r="QGA1022" s="10"/>
      <c r="QGB1022" s="10"/>
      <c r="QGC1022" s="10"/>
      <c r="QGD1022" s="10"/>
      <c r="QGE1022" s="10"/>
      <c r="QGF1022" s="10"/>
      <c r="QGG1022" s="10"/>
      <c r="QGH1022" s="10"/>
      <c r="QGI1022" s="10"/>
      <c r="QGJ1022" s="10"/>
      <c r="QGK1022" s="10"/>
      <c r="QGL1022" s="10"/>
      <c r="QGM1022" s="10"/>
      <c r="QGN1022" s="10"/>
      <c r="QGO1022" s="10"/>
      <c r="QGP1022" s="10"/>
      <c r="QGQ1022" s="10"/>
      <c r="QGR1022" s="10"/>
      <c r="QGS1022" s="10"/>
      <c r="QGT1022" s="10"/>
      <c r="QGU1022" s="10"/>
      <c r="QGV1022" s="10"/>
      <c r="QGW1022" s="10"/>
      <c r="QGX1022" s="10"/>
      <c r="QGY1022" s="10"/>
      <c r="QGZ1022" s="10"/>
      <c r="QHA1022" s="10"/>
      <c r="QHB1022" s="10"/>
      <c r="QHC1022" s="10"/>
      <c r="QHD1022" s="10"/>
      <c r="QHE1022" s="10"/>
      <c r="QHF1022" s="10"/>
      <c r="QHG1022" s="10"/>
      <c r="QHH1022" s="10"/>
      <c r="QHI1022" s="10"/>
      <c r="QHJ1022" s="10"/>
      <c r="QHK1022" s="10"/>
      <c r="QHL1022" s="10"/>
      <c r="QHM1022" s="10"/>
      <c r="QHN1022" s="10"/>
      <c r="QHO1022" s="10"/>
      <c r="QHP1022" s="10"/>
      <c r="QHQ1022" s="10"/>
      <c r="QHR1022" s="10"/>
      <c r="QHS1022" s="10"/>
      <c r="QHT1022" s="10"/>
      <c r="QHU1022" s="10"/>
      <c r="QHV1022" s="10"/>
      <c r="QHW1022" s="10"/>
      <c r="QHX1022" s="10"/>
      <c r="QHY1022" s="10"/>
      <c r="QHZ1022" s="10"/>
      <c r="QIA1022" s="10"/>
      <c r="QIB1022" s="10"/>
      <c r="QIC1022" s="10"/>
      <c r="QID1022" s="10"/>
      <c r="QIE1022" s="10"/>
      <c r="QIF1022" s="10"/>
      <c r="QIG1022" s="10"/>
      <c r="QIH1022" s="10"/>
      <c r="QII1022" s="10"/>
      <c r="QIJ1022" s="10"/>
      <c r="QIK1022" s="10"/>
      <c r="QIL1022" s="10"/>
      <c r="QIM1022" s="10"/>
      <c r="QIN1022" s="10"/>
      <c r="QIO1022" s="10"/>
      <c r="QIP1022" s="10"/>
      <c r="QIQ1022" s="10"/>
      <c r="QIR1022" s="10"/>
      <c r="QIS1022" s="10"/>
      <c r="QIT1022" s="10"/>
      <c r="QIU1022" s="10"/>
      <c r="QIV1022" s="10"/>
      <c r="QIW1022" s="10"/>
      <c r="QIX1022" s="10"/>
      <c r="QIY1022" s="10"/>
      <c r="QIZ1022" s="10"/>
      <c r="QJA1022" s="10"/>
      <c r="QJB1022" s="10"/>
      <c r="QJC1022" s="10"/>
      <c r="QJD1022" s="10"/>
      <c r="QJE1022" s="10"/>
      <c r="QJF1022" s="10"/>
      <c r="QJG1022" s="10"/>
      <c r="QJH1022" s="10"/>
      <c r="QJI1022" s="10"/>
      <c r="QJJ1022" s="10"/>
      <c r="QJK1022" s="10"/>
      <c r="QJL1022" s="10"/>
      <c r="QJM1022" s="10"/>
      <c r="QJN1022" s="10"/>
      <c r="QJO1022" s="10"/>
      <c r="QJP1022" s="10"/>
      <c r="QJQ1022" s="10"/>
      <c r="QJR1022" s="10"/>
      <c r="QJS1022" s="10"/>
      <c r="QJT1022" s="10"/>
      <c r="QJU1022" s="10"/>
      <c r="QJV1022" s="10"/>
      <c r="QJW1022" s="10"/>
      <c r="QJX1022" s="10"/>
      <c r="QJY1022" s="10"/>
      <c r="QJZ1022" s="10"/>
      <c r="QKA1022" s="10"/>
      <c r="QKB1022" s="10"/>
      <c r="QKC1022" s="10"/>
      <c r="QKD1022" s="10"/>
      <c r="QKE1022" s="10"/>
      <c r="QKF1022" s="10"/>
      <c r="QKG1022" s="10"/>
      <c r="QKH1022" s="10"/>
      <c r="QKI1022" s="10"/>
      <c r="QKJ1022" s="10"/>
      <c r="QKK1022" s="10"/>
      <c r="QKL1022" s="10"/>
      <c r="QKM1022" s="10"/>
      <c r="QKN1022" s="10"/>
      <c r="QKO1022" s="10"/>
      <c r="QKP1022" s="10"/>
      <c r="QKQ1022" s="10"/>
      <c r="QKR1022" s="10"/>
      <c r="QKS1022" s="10"/>
      <c r="QKT1022" s="10"/>
      <c r="QKU1022" s="10"/>
      <c r="QKV1022" s="10"/>
      <c r="QKW1022" s="10"/>
      <c r="QKX1022" s="10"/>
      <c r="QKY1022" s="10"/>
      <c r="QKZ1022" s="10"/>
      <c r="QLA1022" s="10"/>
      <c r="QLB1022" s="10"/>
      <c r="QLC1022" s="10"/>
      <c r="QLD1022" s="10"/>
      <c r="QLE1022" s="10"/>
      <c r="QLF1022" s="10"/>
      <c r="QLG1022" s="10"/>
      <c r="QLH1022" s="10"/>
      <c r="QLI1022" s="10"/>
      <c r="QLJ1022" s="10"/>
      <c r="QLK1022" s="10"/>
      <c r="QLL1022" s="10"/>
      <c r="QLM1022" s="10"/>
      <c r="QLN1022" s="10"/>
      <c r="QLO1022" s="10"/>
      <c r="QLP1022" s="10"/>
      <c r="QLQ1022" s="10"/>
      <c r="QLR1022" s="10"/>
      <c r="QLS1022" s="10"/>
      <c r="QLT1022" s="10"/>
      <c r="QLU1022" s="10"/>
      <c r="QLV1022" s="10"/>
      <c r="QLW1022" s="10"/>
      <c r="QLX1022" s="10"/>
      <c r="QLY1022" s="10"/>
      <c r="QLZ1022" s="10"/>
      <c r="QMA1022" s="10"/>
      <c r="QMB1022" s="10"/>
      <c r="QMC1022" s="10"/>
      <c r="QMD1022" s="10"/>
      <c r="QME1022" s="10"/>
      <c r="QMF1022" s="10"/>
      <c r="QMG1022" s="10"/>
      <c r="QMH1022" s="10"/>
      <c r="QMI1022" s="10"/>
      <c r="QMJ1022" s="10"/>
      <c r="QMK1022" s="10"/>
      <c r="QML1022" s="10"/>
      <c r="QMM1022" s="10"/>
      <c r="QMN1022" s="10"/>
      <c r="QMO1022" s="10"/>
      <c r="QMP1022" s="10"/>
      <c r="QMQ1022" s="10"/>
      <c r="QMR1022" s="10"/>
      <c r="QMS1022" s="10"/>
      <c r="QMT1022" s="10"/>
      <c r="QMU1022" s="10"/>
      <c r="QMV1022" s="10"/>
      <c r="QMW1022" s="10"/>
      <c r="QMX1022" s="10"/>
      <c r="QMY1022" s="10"/>
      <c r="QMZ1022" s="10"/>
      <c r="QNA1022" s="10"/>
      <c r="QNB1022" s="10"/>
      <c r="QNC1022" s="10"/>
      <c r="QND1022" s="10"/>
      <c r="QNE1022" s="10"/>
      <c r="QNF1022" s="10"/>
      <c r="QNG1022" s="10"/>
      <c r="QNH1022" s="10"/>
      <c r="QNI1022" s="10"/>
      <c r="QNJ1022" s="10"/>
      <c r="QNK1022" s="10"/>
      <c r="QNL1022" s="10"/>
      <c r="QNM1022" s="10"/>
      <c r="QNN1022" s="10"/>
      <c r="QNO1022" s="10"/>
      <c r="QNP1022" s="10"/>
      <c r="QNQ1022" s="10"/>
      <c r="QNR1022" s="10"/>
      <c r="QNS1022" s="10"/>
      <c r="QNT1022" s="10"/>
      <c r="QNU1022" s="10"/>
      <c r="QNV1022" s="10"/>
      <c r="QNW1022" s="10"/>
      <c r="QNX1022" s="10"/>
      <c r="QNY1022" s="10"/>
      <c r="QNZ1022" s="10"/>
      <c r="QOA1022" s="10"/>
      <c r="QOB1022" s="10"/>
      <c r="QOC1022" s="10"/>
      <c r="QOD1022" s="10"/>
      <c r="QOE1022" s="10"/>
      <c r="QOF1022" s="10"/>
      <c r="QOG1022" s="10"/>
      <c r="QOH1022" s="10"/>
      <c r="QOI1022" s="10"/>
      <c r="QOJ1022" s="10"/>
      <c r="QOK1022" s="10"/>
      <c r="QOL1022" s="10"/>
      <c r="QOM1022" s="10"/>
      <c r="QON1022" s="10"/>
      <c r="QOO1022" s="10"/>
      <c r="QOP1022" s="10"/>
      <c r="QOQ1022" s="10"/>
      <c r="QOR1022" s="10"/>
      <c r="QOS1022" s="10"/>
      <c r="QOT1022" s="10"/>
      <c r="QOU1022" s="10"/>
      <c r="QOV1022" s="10"/>
      <c r="QOW1022" s="10"/>
      <c r="QOX1022" s="10"/>
      <c r="QOY1022" s="10"/>
      <c r="QOZ1022" s="10"/>
      <c r="QPA1022" s="10"/>
      <c r="QPB1022" s="10"/>
      <c r="QPC1022" s="10"/>
      <c r="QPD1022" s="10"/>
      <c r="QPE1022" s="10"/>
      <c r="QPF1022" s="10"/>
      <c r="QPG1022" s="10"/>
      <c r="QPH1022" s="10"/>
      <c r="QPI1022" s="10"/>
      <c r="QPJ1022" s="10"/>
      <c r="QPK1022" s="10"/>
      <c r="QPL1022" s="10"/>
      <c r="QPM1022" s="10"/>
      <c r="QPN1022" s="10"/>
      <c r="QPO1022" s="10"/>
      <c r="QPP1022" s="10"/>
      <c r="QPQ1022" s="10"/>
      <c r="QPR1022" s="10"/>
      <c r="QPS1022" s="10"/>
      <c r="QPT1022" s="10"/>
      <c r="QPU1022" s="10"/>
      <c r="QPV1022" s="10"/>
      <c r="QPW1022" s="10"/>
      <c r="QPX1022" s="10"/>
      <c r="QPY1022" s="10"/>
      <c r="QPZ1022" s="10"/>
      <c r="QQA1022" s="10"/>
      <c r="QQB1022" s="10"/>
      <c r="QQC1022" s="10"/>
      <c r="QQD1022" s="10"/>
      <c r="QQE1022" s="10"/>
      <c r="QQF1022" s="10"/>
      <c r="QQG1022" s="10"/>
      <c r="QQH1022" s="10"/>
      <c r="QQI1022" s="10"/>
      <c r="QQJ1022" s="10"/>
      <c r="QQK1022" s="10"/>
      <c r="QQL1022" s="10"/>
      <c r="QQM1022" s="10"/>
      <c r="QQN1022" s="10"/>
      <c r="QQO1022" s="10"/>
      <c r="QQP1022" s="10"/>
      <c r="QQQ1022" s="10"/>
      <c r="QQR1022" s="10"/>
      <c r="QQS1022" s="10"/>
      <c r="QQT1022" s="10"/>
      <c r="QQU1022" s="10"/>
      <c r="QQV1022" s="10"/>
      <c r="QQW1022" s="10"/>
      <c r="QQX1022" s="10"/>
      <c r="QQY1022" s="10"/>
      <c r="QQZ1022" s="10"/>
      <c r="QRA1022" s="10"/>
      <c r="QRB1022" s="10"/>
      <c r="QRC1022" s="10"/>
      <c r="QRD1022" s="10"/>
      <c r="QRE1022" s="10"/>
      <c r="QRF1022" s="10"/>
      <c r="QRG1022" s="10"/>
      <c r="QRH1022" s="10"/>
      <c r="QRI1022" s="10"/>
      <c r="QRJ1022" s="10"/>
      <c r="QRK1022" s="10"/>
      <c r="QRL1022" s="10"/>
      <c r="QRM1022" s="10"/>
      <c r="QRN1022" s="10"/>
      <c r="QRO1022" s="10"/>
      <c r="QRP1022" s="10"/>
      <c r="QRQ1022" s="10"/>
      <c r="QRR1022" s="10"/>
      <c r="QRS1022" s="10"/>
      <c r="QRT1022" s="10"/>
      <c r="QRU1022" s="10"/>
      <c r="QRV1022" s="10"/>
      <c r="QRW1022" s="10"/>
      <c r="QRX1022" s="10"/>
      <c r="QRY1022" s="10"/>
      <c r="QRZ1022" s="10"/>
      <c r="QSA1022" s="10"/>
      <c r="QSB1022" s="10"/>
      <c r="QSC1022" s="10"/>
      <c r="QSD1022" s="10"/>
      <c r="QSE1022" s="10"/>
      <c r="QSF1022" s="10"/>
      <c r="QSG1022" s="10"/>
      <c r="QSH1022" s="10"/>
      <c r="QSI1022" s="10"/>
      <c r="QSJ1022" s="10"/>
      <c r="QSK1022" s="10"/>
      <c r="QSL1022" s="10"/>
      <c r="QSM1022" s="10"/>
      <c r="QSN1022" s="10"/>
      <c r="QSO1022" s="10"/>
      <c r="QSP1022" s="10"/>
      <c r="QSQ1022" s="10"/>
      <c r="QSR1022" s="10"/>
      <c r="QSS1022" s="10"/>
      <c r="QST1022" s="10"/>
      <c r="QSU1022" s="10"/>
      <c r="QSV1022" s="10"/>
      <c r="QSW1022" s="10"/>
      <c r="QSX1022" s="10"/>
      <c r="QSY1022" s="10"/>
      <c r="QSZ1022" s="10"/>
      <c r="QTA1022" s="10"/>
      <c r="QTB1022" s="10"/>
      <c r="QTC1022" s="10"/>
      <c r="QTD1022" s="10"/>
      <c r="QTE1022" s="10"/>
      <c r="QTF1022" s="10"/>
      <c r="QTG1022" s="10"/>
      <c r="QTH1022" s="10"/>
      <c r="QTI1022" s="10"/>
      <c r="QTJ1022" s="10"/>
      <c r="QTK1022" s="10"/>
      <c r="QTL1022" s="10"/>
      <c r="QTM1022" s="10"/>
      <c r="QTN1022" s="10"/>
      <c r="QTO1022" s="10"/>
      <c r="QTP1022" s="10"/>
      <c r="QTQ1022" s="10"/>
      <c r="QTR1022" s="10"/>
      <c r="QTS1022" s="10"/>
      <c r="QTT1022" s="10"/>
      <c r="QTU1022" s="10"/>
      <c r="QTV1022" s="10"/>
      <c r="QTW1022" s="10"/>
      <c r="QTX1022" s="10"/>
      <c r="QTY1022" s="10"/>
      <c r="QTZ1022" s="10"/>
      <c r="QUA1022" s="10"/>
      <c r="QUB1022" s="10"/>
      <c r="QUC1022" s="10"/>
      <c r="QUD1022" s="10"/>
      <c r="QUE1022" s="10"/>
      <c r="QUF1022" s="10"/>
      <c r="QUG1022" s="10"/>
      <c r="QUH1022" s="10"/>
      <c r="QUI1022" s="10"/>
      <c r="QUJ1022" s="10"/>
      <c r="QUK1022" s="10"/>
      <c r="QUL1022" s="10"/>
      <c r="QUM1022" s="10"/>
      <c r="QUN1022" s="10"/>
      <c r="QUO1022" s="10"/>
      <c r="QUP1022" s="10"/>
      <c r="QUQ1022" s="10"/>
      <c r="QUR1022" s="10"/>
      <c r="QUS1022" s="10"/>
      <c r="QUT1022" s="10"/>
      <c r="QUU1022" s="10"/>
      <c r="QUV1022" s="10"/>
      <c r="QUW1022" s="10"/>
      <c r="QUX1022" s="10"/>
      <c r="QUY1022" s="10"/>
      <c r="QUZ1022" s="10"/>
      <c r="QVA1022" s="10"/>
      <c r="QVB1022" s="10"/>
      <c r="QVC1022" s="10"/>
      <c r="QVD1022" s="10"/>
      <c r="QVE1022" s="10"/>
      <c r="QVF1022" s="10"/>
      <c r="QVG1022" s="10"/>
      <c r="QVH1022" s="10"/>
      <c r="QVI1022" s="10"/>
      <c r="QVJ1022" s="10"/>
      <c r="QVK1022" s="10"/>
      <c r="QVL1022" s="10"/>
      <c r="QVM1022" s="10"/>
      <c r="QVN1022" s="10"/>
      <c r="QVO1022" s="10"/>
      <c r="QVP1022" s="10"/>
      <c r="QVQ1022" s="10"/>
      <c r="QVR1022" s="10"/>
      <c r="QVS1022" s="10"/>
      <c r="QVT1022" s="10"/>
      <c r="QVU1022" s="10"/>
      <c r="QVV1022" s="10"/>
      <c r="QVW1022" s="10"/>
      <c r="QVX1022" s="10"/>
      <c r="QVY1022" s="10"/>
      <c r="QVZ1022" s="10"/>
      <c r="QWA1022" s="10"/>
      <c r="QWB1022" s="10"/>
      <c r="QWC1022" s="10"/>
      <c r="QWD1022" s="10"/>
      <c r="QWE1022" s="10"/>
      <c r="QWF1022" s="10"/>
      <c r="QWG1022" s="10"/>
      <c r="QWH1022" s="10"/>
      <c r="QWI1022" s="10"/>
      <c r="QWJ1022" s="10"/>
      <c r="QWK1022" s="10"/>
      <c r="QWL1022" s="10"/>
      <c r="QWM1022" s="10"/>
      <c r="QWN1022" s="10"/>
      <c r="QWO1022" s="10"/>
      <c r="QWP1022" s="10"/>
      <c r="QWQ1022" s="10"/>
      <c r="QWR1022" s="10"/>
      <c r="QWS1022" s="10"/>
      <c r="QWT1022" s="10"/>
      <c r="QWU1022" s="10"/>
      <c r="QWV1022" s="10"/>
      <c r="QWW1022" s="10"/>
      <c r="QWX1022" s="10"/>
      <c r="QWY1022" s="10"/>
      <c r="QWZ1022" s="10"/>
      <c r="QXA1022" s="10"/>
      <c r="QXB1022" s="10"/>
      <c r="QXC1022" s="10"/>
      <c r="QXD1022" s="10"/>
      <c r="QXE1022" s="10"/>
      <c r="QXF1022" s="10"/>
      <c r="QXG1022" s="10"/>
      <c r="QXH1022" s="10"/>
      <c r="QXI1022" s="10"/>
      <c r="QXJ1022" s="10"/>
      <c r="QXK1022" s="10"/>
      <c r="QXL1022" s="10"/>
      <c r="QXM1022" s="10"/>
      <c r="QXN1022" s="10"/>
      <c r="QXO1022" s="10"/>
      <c r="QXP1022" s="10"/>
      <c r="QXQ1022" s="10"/>
      <c r="QXR1022" s="10"/>
      <c r="QXS1022" s="10"/>
      <c r="QXT1022" s="10"/>
      <c r="QXU1022" s="10"/>
      <c r="QXV1022" s="10"/>
      <c r="QXW1022" s="10"/>
      <c r="QXX1022" s="10"/>
      <c r="QXY1022" s="10"/>
      <c r="QXZ1022" s="10"/>
      <c r="QYA1022" s="10"/>
      <c r="QYB1022" s="10"/>
      <c r="QYC1022" s="10"/>
      <c r="QYD1022" s="10"/>
      <c r="QYE1022" s="10"/>
      <c r="QYF1022" s="10"/>
      <c r="QYG1022" s="10"/>
      <c r="QYH1022" s="10"/>
      <c r="QYI1022" s="10"/>
      <c r="QYJ1022" s="10"/>
      <c r="QYK1022" s="10"/>
      <c r="QYL1022" s="10"/>
      <c r="QYM1022" s="10"/>
      <c r="QYN1022" s="10"/>
      <c r="QYO1022" s="10"/>
      <c r="QYP1022" s="10"/>
      <c r="QYQ1022" s="10"/>
      <c r="QYR1022" s="10"/>
      <c r="QYS1022" s="10"/>
      <c r="QYT1022" s="10"/>
      <c r="QYU1022" s="10"/>
      <c r="QYV1022" s="10"/>
      <c r="QYW1022" s="10"/>
      <c r="QYX1022" s="10"/>
      <c r="QYY1022" s="10"/>
      <c r="QYZ1022" s="10"/>
      <c r="QZA1022" s="10"/>
      <c r="QZB1022" s="10"/>
      <c r="QZC1022" s="10"/>
      <c r="QZD1022" s="10"/>
      <c r="QZE1022" s="10"/>
      <c r="QZF1022" s="10"/>
      <c r="QZG1022" s="10"/>
      <c r="QZH1022" s="10"/>
      <c r="QZI1022" s="10"/>
      <c r="QZJ1022" s="10"/>
      <c r="QZK1022" s="10"/>
      <c r="QZL1022" s="10"/>
      <c r="QZM1022" s="10"/>
      <c r="QZN1022" s="10"/>
      <c r="QZO1022" s="10"/>
      <c r="QZP1022" s="10"/>
      <c r="QZQ1022" s="10"/>
      <c r="QZR1022" s="10"/>
      <c r="QZS1022" s="10"/>
      <c r="QZT1022" s="10"/>
      <c r="QZU1022" s="10"/>
      <c r="QZV1022" s="10"/>
      <c r="QZW1022" s="10"/>
      <c r="QZX1022" s="10"/>
      <c r="QZY1022" s="10"/>
      <c r="QZZ1022" s="10"/>
      <c r="RAA1022" s="10"/>
      <c r="RAB1022" s="10"/>
      <c r="RAC1022" s="10"/>
      <c r="RAD1022" s="10"/>
      <c r="RAE1022" s="10"/>
      <c r="RAF1022" s="10"/>
      <c r="RAG1022" s="10"/>
      <c r="RAH1022" s="10"/>
      <c r="RAI1022" s="10"/>
      <c r="RAJ1022" s="10"/>
      <c r="RAK1022" s="10"/>
      <c r="RAL1022" s="10"/>
      <c r="RAM1022" s="10"/>
      <c r="RAN1022" s="10"/>
      <c r="RAO1022" s="10"/>
      <c r="RAP1022" s="10"/>
      <c r="RAQ1022" s="10"/>
      <c r="RAR1022" s="10"/>
      <c r="RAS1022" s="10"/>
      <c r="RAT1022" s="10"/>
      <c r="RAU1022" s="10"/>
      <c r="RAV1022" s="10"/>
      <c r="RAW1022" s="10"/>
      <c r="RAX1022" s="10"/>
      <c r="RAY1022" s="10"/>
      <c r="RAZ1022" s="10"/>
      <c r="RBA1022" s="10"/>
      <c r="RBB1022" s="10"/>
      <c r="RBC1022" s="10"/>
      <c r="RBD1022" s="10"/>
      <c r="RBE1022" s="10"/>
      <c r="RBF1022" s="10"/>
      <c r="RBG1022" s="10"/>
      <c r="RBH1022" s="10"/>
      <c r="RBI1022" s="10"/>
      <c r="RBJ1022" s="10"/>
      <c r="RBK1022" s="10"/>
      <c r="RBL1022" s="10"/>
      <c r="RBM1022" s="10"/>
      <c r="RBN1022" s="10"/>
      <c r="RBO1022" s="10"/>
      <c r="RBP1022" s="10"/>
      <c r="RBQ1022" s="10"/>
      <c r="RBR1022" s="10"/>
      <c r="RBS1022" s="10"/>
      <c r="RBT1022" s="10"/>
      <c r="RBU1022" s="10"/>
      <c r="RBV1022" s="10"/>
      <c r="RBW1022" s="10"/>
      <c r="RBX1022" s="10"/>
      <c r="RBY1022" s="10"/>
      <c r="RBZ1022" s="10"/>
      <c r="RCA1022" s="10"/>
      <c r="RCB1022" s="10"/>
      <c r="RCC1022" s="10"/>
      <c r="RCD1022" s="10"/>
      <c r="RCE1022" s="10"/>
      <c r="RCF1022" s="10"/>
      <c r="RCG1022" s="10"/>
      <c r="RCH1022" s="10"/>
      <c r="RCI1022" s="10"/>
      <c r="RCJ1022" s="10"/>
      <c r="RCK1022" s="10"/>
      <c r="RCL1022" s="10"/>
      <c r="RCM1022" s="10"/>
      <c r="RCN1022" s="10"/>
      <c r="RCO1022" s="10"/>
      <c r="RCP1022" s="10"/>
      <c r="RCQ1022" s="10"/>
      <c r="RCR1022" s="10"/>
      <c r="RCS1022" s="10"/>
      <c r="RCT1022" s="10"/>
      <c r="RCU1022" s="10"/>
      <c r="RCV1022" s="10"/>
      <c r="RCW1022" s="10"/>
      <c r="RCX1022" s="10"/>
      <c r="RCY1022" s="10"/>
      <c r="RCZ1022" s="10"/>
      <c r="RDA1022" s="10"/>
      <c r="RDB1022" s="10"/>
      <c r="RDC1022" s="10"/>
      <c r="RDD1022" s="10"/>
      <c r="RDE1022" s="10"/>
      <c r="RDF1022" s="10"/>
      <c r="RDG1022" s="10"/>
      <c r="RDH1022" s="10"/>
      <c r="RDI1022" s="10"/>
      <c r="RDJ1022" s="10"/>
      <c r="RDK1022" s="10"/>
      <c r="RDL1022" s="10"/>
      <c r="RDM1022" s="10"/>
      <c r="RDN1022" s="10"/>
      <c r="RDO1022" s="10"/>
      <c r="RDP1022" s="10"/>
      <c r="RDQ1022" s="10"/>
      <c r="RDR1022" s="10"/>
      <c r="RDS1022" s="10"/>
      <c r="RDT1022" s="10"/>
      <c r="RDU1022" s="10"/>
      <c r="RDV1022" s="10"/>
      <c r="RDW1022" s="10"/>
      <c r="RDX1022" s="10"/>
      <c r="RDY1022" s="10"/>
      <c r="RDZ1022" s="10"/>
      <c r="REA1022" s="10"/>
      <c r="REB1022" s="10"/>
      <c r="REC1022" s="10"/>
      <c r="RED1022" s="10"/>
      <c r="REE1022" s="10"/>
      <c r="REF1022" s="10"/>
      <c r="REG1022" s="10"/>
      <c r="REH1022" s="10"/>
      <c r="REI1022" s="10"/>
      <c r="REJ1022" s="10"/>
      <c r="REK1022" s="10"/>
      <c r="REL1022" s="10"/>
      <c r="REM1022" s="10"/>
      <c r="REN1022" s="10"/>
      <c r="REO1022" s="10"/>
      <c r="REP1022" s="10"/>
      <c r="REQ1022" s="10"/>
      <c r="RER1022" s="10"/>
      <c r="RES1022" s="10"/>
      <c r="RET1022" s="10"/>
      <c r="REU1022" s="10"/>
      <c r="REV1022" s="10"/>
      <c r="REW1022" s="10"/>
      <c r="REX1022" s="10"/>
      <c r="REY1022" s="10"/>
      <c r="REZ1022" s="10"/>
      <c r="RFA1022" s="10"/>
      <c r="RFB1022" s="10"/>
      <c r="RFC1022" s="10"/>
      <c r="RFD1022" s="10"/>
      <c r="RFE1022" s="10"/>
      <c r="RFF1022" s="10"/>
      <c r="RFG1022" s="10"/>
      <c r="RFH1022" s="10"/>
      <c r="RFI1022" s="10"/>
      <c r="RFJ1022" s="10"/>
      <c r="RFK1022" s="10"/>
      <c r="RFL1022" s="10"/>
      <c r="RFM1022" s="10"/>
      <c r="RFN1022" s="10"/>
      <c r="RFO1022" s="10"/>
      <c r="RFP1022" s="10"/>
      <c r="RFQ1022" s="10"/>
      <c r="RFR1022" s="10"/>
      <c r="RFS1022" s="10"/>
      <c r="RFT1022" s="10"/>
      <c r="RFU1022" s="10"/>
      <c r="RFV1022" s="10"/>
      <c r="RFW1022" s="10"/>
      <c r="RFX1022" s="10"/>
      <c r="RFY1022" s="10"/>
      <c r="RFZ1022" s="10"/>
      <c r="RGA1022" s="10"/>
      <c r="RGB1022" s="10"/>
      <c r="RGC1022" s="10"/>
      <c r="RGD1022" s="10"/>
      <c r="RGE1022" s="10"/>
      <c r="RGF1022" s="10"/>
      <c r="RGG1022" s="10"/>
      <c r="RGH1022" s="10"/>
      <c r="RGI1022" s="10"/>
      <c r="RGJ1022" s="10"/>
      <c r="RGK1022" s="10"/>
      <c r="RGL1022" s="10"/>
      <c r="RGM1022" s="10"/>
      <c r="RGN1022" s="10"/>
      <c r="RGO1022" s="10"/>
      <c r="RGP1022" s="10"/>
      <c r="RGQ1022" s="10"/>
      <c r="RGR1022" s="10"/>
      <c r="RGS1022" s="10"/>
      <c r="RGT1022" s="10"/>
      <c r="RGU1022" s="10"/>
      <c r="RGV1022" s="10"/>
      <c r="RGW1022" s="10"/>
      <c r="RGX1022" s="10"/>
      <c r="RGY1022" s="10"/>
      <c r="RGZ1022" s="10"/>
      <c r="RHA1022" s="10"/>
      <c r="RHB1022" s="10"/>
      <c r="RHC1022" s="10"/>
      <c r="RHD1022" s="10"/>
      <c r="RHE1022" s="10"/>
      <c r="RHF1022" s="10"/>
      <c r="RHG1022" s="10"/>
      <c r="RHH1022" s="10"/>
      <c r="RHI1022" s="10"/>
      <c r="RHJ1022" s="10"/>
      <c r="RHK1022" s="10"/>
      <c r="RHL1022" s="10"/>
      <c r="RHM1022" s="10"/>
      <c r="RHN1022" s="10"/>
      <c r="RHO1022" s="10"/>
      <c r="RHP1022" s="10"/>
      <c r="RHQ1022" s="10"/>
      <c r="RHR1022" s="10"/>
      <c r="RHS1022" s="10"/>
      <c r="RHT1022" s="10"/>
      <c r="RHU1022" s="10"/>
      <c r="RHV1022" s="10"/>
      <c r="RHW1022" s="10"/>
      <c r="RHX1022" s="10"/>
      <c r="RHY1022" s="10"/>
      <c r="RHZ1022" s="10"/>
      <c r="RIA1022" s="10"/>
      <c r="RIB1022" s="10"/>
      <c r="RIC1022" s="10"/>
      <c r="RID1022" s="10"/>
      <c r="RIE1022" s="10"/>
      <c r="RIF1022" s="10"/>
      <c r="RIG1022" s="10"/>
      <c r="RIH1022" s="10"/>
      <c r="RII1022" s="10"/>
      <c r="RIJ1022" s="10"/>
      <c r="RIK1022" s="10"/>
      <c r="RIL1022" s="10"/>
      <c r="RIM1022" s="10"/>
      <c r="RIN1022" s="10"/>
      <c r="RIO1022" s="10"/>
      <c r="RIP1022" s="10"/>
      <c r="RIQ1022" s="10"/>
      <c r="RIR1022" s="10"/>
      <c r="RIS1022" s="10"/>
      <c r="RIT1022" s="10"/>
      <c r="RIU1022" s="10"/>
      <c r="RIV1022" s="10"/>
      <c r="RIW1022" s="10"/>
      <c r="RIX1022" s="10"/>
      <c r="RIY1022" s="10"/>
      <c r="RIZ1022" s="10"/>
      <c r="RJA1022" s="10"/>
      <c r="RJB1022" s="10"/>
      <c r="RJC1022" s="10"/>
      <c r="RJD1022" s="10"/>
      <c r="RJE1022" s="10"/>
      <c r="RJF1022" s="10"/>
      <c r="RJG1022" s="10"/>
      <c r="RJH1022" s="10"/>
      <c r="RJI1022" s="10"/>
      <c r="RJJ1022" s="10"/>
      <c r="RJK1022" s="10"/>
      <c r="RJL1022" s="10"/>
      <c r="RJM1022" s="10"/>
      <c r="RJN1022" s="10"/>
      <c r="RJO1022" s="10"/>
      <c r="RJP1022" s="10"/>
      <c r="RJQ1022" s="10"/>
      <c r="RJR1022" s="10"/>
      <c r="RJS1022" s="10"/>
      <c r="RJT1022" s="10"/>
      <c r="RJU1022" s="10"/>
      <c r="RJV1022" s="10"/>
      <c r="RJW1022" s="10"/>
      <c r="RJX1022" s="10"/>
      <c r="RJY1022" s="10"/>
      <c r="RJZ1022" s="10"/>
      <c r="RKA1022" s="10"/>
      <c r="RKB1022" s="10"/>
      <c r="RKC1022" s="10"/>
      <c r="RKD1022" s="10"/>
      <c r="RKE1022" s="10"/>
      <c r="RKF1022" s="10"/>
      <c r="RKG1022" s="10"/>
      <c r="RKH1022" s="10"/>
      <c r="RKI1022" s="10"/>
      <c r="RKJ1022" s="10"/>
      <c r="RKK1022" s="10"/>
      <c r="RKL1022" s="10"/>
      <c r="RKM1022" s="10"/>
      <c r="RKN1022" s="10"/>
      <c r="RKO1022" s="10"/>
      <c r="RKP1022" s="10"/>
      <c r="RKQ1022" s="10"/>
      <c r="RKR1022" s="10"/>
      <c r="RKS1022" s="10"/>
      <c r="RKT1022" s="10"/>
      <c r="RKU1022" s="10"/>
      <c r="RKV1022" s="10"/>
      <c r="RKW1022" s="10"/>
      <c r="RKX1022" s="10"/>
      <c r="RKY1022" s="10"/>
      <c r="RKZ1022" s="10"/>
      <c r="RLA1022" s="10"/>
      <c r="RLB1022" s="10"/>
      <c r="RLC1022" s="10"/>
      <c r="RLD1022" s="10"/>
      <c r="RLE1022" s="10"/>
      <c r="RLF1022" s="10"/>
      <c r="RLG1022" s="10"/>
      <c r="RLH1022" s="10"/>
      <c r="RLI1022" s="10"/>
      <c r="RLJ1022" s="10"/>
      <c r="RLK1022" s="10"/>
      <c r="RLL1022" s="10"/>
      <c r="RLM1022" s="10"/>
      <c r="RLN1022" s="10"/>
      <c r="RLO1022" s="10"/>
      <c r="RLP1022" s="10"/>
      <c r="RLQ1022" s="10"/>
      <c r="RLR1022" s="10"/>
      <c r="RLS1022" s="10"/>
      <c r="RLT1022" s="10"/>
      <c r="RLU1022" s="10"/>
      <c r="RLV1022" s="10"/>
      <c r="RLW1022" s="10"/>
      <c r="RLX1022" s="10"/>
      <c r="RLY1022" s="10"/>
      <c r="RLZ1022" s="10"/>
      <c r="RMA1022" s="10"/>
      <c r="RMB1022" s="10"/>
      <c r="RMC1022" s="10"/>
      <c r="RMD1022" s="10"/>
      <c r="RME1022" s="10"/>
      <c r="RMF1022" s="10"/>
      <c r="RMG1022" s="10"/>
      <c r="RMH1022" s="10"/>
      <c r="RMI1022" s="10"/>
      <c r="RMJ1022" s="10"/>
      <c r="RMK1022" s="10"/>
      <c r="RML1022" s="10"/>
      <c r="RMM1022" s="10"/>
      <c r="RMN1022" s="10"/>
      <c r="RMO1022" s="10"/>
      <c r="RMP1022" s="10"/>
      <c r="RMQ1022" s="10"/>
      <c r="RMR1022" s="10"/>
      <c r="RMS1022" s="10"/>
      <c r="RMT1022" s="10"/>
      <c r="RMU1022" s="10"/>
      <c r="RMV1022" s="10"/>
      <c r="RMW1022" s="10"/>
      <c r="RMX1022" s="10"/>
      <c r="RMY1022" s="10"/>
      <c r="RMZ1022" s="10"/>
      <c r="RNA1022" s="10"/>
      <c r="RNB1022" s="10"/>
      <c r="RNC1022" s="10"/>
      <c r="RND1022" s="10"/>
      <c r="RNE1022" s="10"/>
      <c r="RNF1022" s="10"/>
      <c r="RNG1022" s="10"/>
      <c r="RNH1022" s="10"/>
      <c r="RNI1022" s="10"/>
      <c r="RNJ1022" s="10"/>
      <c r="RNK1022" s="10"/>
      <c r="RNL1022" s="10"/>
      <c r="RNM1022" s="10"/>
      <c r="RNN1022" s="10"/>
      <c r="RNO1022" s="10"/>
      <c r="RNP1022" s="10"/>
      <c r="RNQ1022" s="10"/>
      <c r="RNR1022" s="10"/>
      <c r="RNS1022" s="10"/>
      <c r="RNT1022" s="10"/>
      <c r="RNU1022" s="10"/>
      <c r="RNV1022" s="10"/>
      <c r="RNW1022" s="10"/>
      <c r="RNX1022" s="10"/>
      <c r="RNY1022" s="10"/>
      <c r="RNZ1022" s="10"/>
      <c r="ROA1022" s="10"/>
      <c r="ROB1022" s="10"/>
      <c r="ROC1022" s="10"/>
      <c r="ROD1022" s="10"/>
      <c r="ROE1022" s="10"/>
      <c r="ROF1022" s="10"/>
      <c r="ROG1022" s="10"/>
      <c r="ROH1022" s="10"/>
      <c r="ROI1022" s="10"/>
      <c r="ROJ1022" s="10"/>
      <c r="ROK1022" s="10"/>
      <c r="ROL1022" s="10"/>
      <c r="ROM1022" s="10"/>
      <c r="RON1022" s="10"/>
      <c r="ROO1022" s="10"/>
      <c r="ROP1022" s="10"/>
      <c r="ROQ1022" s="10"/>
      <c r="ROR1022" s="10"/>
      <c r="ROS1022" s="10"/>
      <c r="ROT1022" s="10"/>
      <c r="ROU1022" s="10"/>
      <c r="ROV1022" s="10"/>
      <c r="ROW1022" s="10"/>
      <c r="ROX1022" s="10"/>
      <c r="ROY1022" s="10"/>
      <c r="ROZ1022" s="10"/>
      <c r="RPA1022" s="10"/>
      <c r="RPB1022" s="10"/>
      <c r="RPC1022" s="10"/>
      <c r="RPD1022" s="10"/>
      <c r="RPE1022" s="10"/>
      <c r="RPF1022" s="10"/>
      <c r="RPG1022" s="10"/>
      <c r="RPH1022" s="10"/>
      <c r="RPI1022" s="10"/>
      <c r="RPJ1022" s="10"/>
      <c r="RPK1022" s="10"/>
      <c r="RPL1022" s="10"/>
      <c r="RPM1022" s="10"/>
      <c r="RPN1022" s="10"/>
      <c r="RPO1022" s="10"/>
      <c r="RPP1022" s="10"/>
      <c r="RPQ1022" s="10"/>
      <c r="RPR1022" s="10"/>
      <c r="RPS1022" s="10"/>
      <c r="RPT1022" s="10"/>
      <c r="RPU1022" s="10"/>
      <c r="RPV1022" s="10"/>
      <c r="RPW1022" s="10"/>
      <c r="RPX1022" s="10"/>
      <c r="RPY1022" s="10"/>
      <c r="RPZ1022" s="10"/>
      <c r="RQA1022" s="10"/>
      <c r="RQB1022" s="10"/>
      <c r="RQC1022" s="10"/>
      <c r="RQD1022" s="10"/>
      <c r="RQE1022" s="10"/>
      <c r="RQF1022" s="10"/>
      <c r="RQG1022" s="10"/>
      <c r="RQH1022" s="10"/>
      <c r="RQI1022" s="10"/>
      <c r="RQJ1022" s="10"/>
      <c r="RQK1022" s="10"/>
      <c r="RQL1022" s="10"/>
      <c r="RQM1022" s="10"/>
      <c r="RQN1022" s="10"/>
      <c r="RQO1022" s="10"/>
      <c r="RQP1022" s="10"/>
      <c r="RQQ1022" s="10"/>
      <c r="RQR1022" s="10"/>
      <c r="RQS1022" s="10"/>
      <c r="RQT1022" s="10"/>
      <c r="RQU1022" s="10"/>
      <c r="RQV1022" s="10"/>
      <c r="RQW1022" s="10"/>
      <c r="RQX1022" s="10"/>
      <c r="RQY1022" s="10"/>
      <c r="RQZ1022" s="10"/>
      <c r="RRA1022" s="10"/>
      <c r="RRB1022" s="10"/>
      <c r="RRC1022" s="10"/>
      <c r="RRD1022" s="10"/>
      <c r="RRE1022" s="10"/>
      <c r="RRF1022" s="10"/>
      <c r="RRG1022" s="10"/>
      <c r="RRH1022" s="10"/>
      <c r="RRI1022" s="10"/>
      <c r="RRJ1022" s="10"/>
      <c r="RRK1022" s="10"/>
      <c r="RRL1022" s="10"/>
      <c r="RRM1022" s="10"/>
      <c r="RRN1022" s="10"/>
      <c r="RRO1022" s="10"/>
      <c r="RRP1022" s="10"/>
      <c r="RRQ1022" s="10"/>
      <c r="RRR1022" s="10"/>
      <c r="RRS1022" s="10"/>
      <c r="RRT1022" s="10"/>
      <c r="RRU1022" s="10"/>
      <c r="RRV1022" s="10"/>
      <c r="RRW1022" s="10"/>
      <c r="RRX1022" s="10"/>
      <c r="RRY1022" s="10"/>
      <c r="RRZ1022" s="10"/>
      <c r="RSA1022" s="10"/>
      <c r="RSB1022" s="10"/>
      <c r="RSC1022" s="10"/>
      <c r="RSD1022" s="10"/>
      <c r="RSE1022" s="10"/>
      <c r="RSF1022" s="10"/>
      <c r="RSG1022" s="10"/>
      <c r="RSH1022" s="10"/>
      <c r="RSI1022" s="10"/>
      <c r="RSJ1022" s="10"/>
      <c r="RSK1022" s="10"/>
      <c r="RSL1022" s="10"/>
      <c r="RSM1022" s="10"/>
      <c r="RSN1022" s="10"/>
      <c r="RSO1022" s="10"/>
      <c r="RSP1022" s="10"/>
      <c r="RSQ1022" s="10"/>
      <c r="RSR1022" s="10"/>
      <c r="RSS1022" s="10"/>
      <c r="RST1022" s="10"/>
      <c r="RSU1022" s="10"/>
      <c r="RSV1022" s="10"/>
      <c r="RSW1022" s="10"/>
      <c r="RSX1022" s="10"/>
      <c r="RSY1022" s="10"/>
      <c r="RSZ1022" s="10"/>
      <c r="RTA1022" s="10"/>
      <c r="RTB1022" s="10"/>
      <c r="RTC1022" s="10"/>
      <c r="RTD1022" s="10"/>
      <c r="RTE1022" s="10"/>
      <c r="RTF1022" s="10"/>
      <c r="RTG1022" s="10"/>
      <c r="RTH1022" s="10"/>
      <c r="RTI1022" s="10"/>
      <c r="RTJ1022" s="10"/>
      <c r="RTK1022" s="10"/>
      <c r="RTL1022" s="10"/>
      <c r="RTM1022" s="10"/>
      <c r="RTN1022" s="10"/>
      <c r="RTO1022" s="10"/>
      <c r="RTP1022" s="10"/>
      <c r="RTQ1022" s="10"/>
      <c r="RTR1022" s="10"/>
      <c r="RTS1022" s="10"/>
      <c r="RTT1022" s="10"/>
      <c r="RTU1022" s="10"/>
      <c r="RTV1022" s="10"/>
      <c r="RTW1022" s="10"/>
      <c r="RTX1022" s="10"/>
      <c r="RTY1022" s="10"/>
      <c r="RTZ1022" s="10"/>
      <c r="RUA1022" s="10"/>
      <c r="RUB1022" s="10"/>
      <c r="RUC1022" s="10"/>
      <c r="RUD1022" s="10"/>
      <c r="RUE1022" s="10"/>
      <c r="RUF1022" s="10"/>
      <c r="RUG1022" s="10"/>
      <c r="RUH1022" s="10"/>
      <c r="RUI1022" s="10"/>
      <c r="RUJ1022" s="10"/>
      <c r="RUK1022" s="10"/>
      <c r="RUL1022" s="10"/>
      <c r="RUM1022" s="10"/>
      <c r="RUN1022" s="10"/>
      <c r="RUO1022" s="10"/>
      <c r="RUP1022" s="10"/>
      <c r="RUQ1022" s="10"/>
      <c r="RUR1022" s="10"/>
      <c r="RUS1022" s="10"/>
      <c r="RUT1022" s="10"/>
      <c r="RUU1022" s="10"/>
      <c r="RUV1022" s="10"/>
      <c r="RUW1022" s="10"/>
      <c r="RUX1022" s="10"/>
      <c r="RUY1022" s="10"/>
      <c r="RUZ1022" s="10"/>
      <c r="RVA1022" s="10"/>
      <c r="RVB1022" s="10"/>
      <c r="RVC1022" s="10"/>
      <c r="RVD1022" s="10"/>
      <c r="RVE1022" s="10"/>
      <c r="RVF1022" s="10"/>
      <c r="RVG1022" s="10"/>
      <c r="RVH1022" s="10"/>
      <c r="RVI1022" s="10"/>
      <c r="RVJ1022" s="10"/>
      <c r="RVK1022" s="10"/>
      <c r="RVL1022" s="10"/>
      <c r="RVM1022" s="10"/>
      <c r="RVN1022" s="10"/>
      <c r="RVO1022" s="10"/>
      <c r="RVP1022" s="10"/>
      <c r="RVQ1022" s="10"/>
      <c r="RVR1022" s="10"/>
      <c r="RVS1022" s="10"/>
      <c r="RVT1022" s="10"/>
      <c r="RVU1022" s="10"/>
      <c r="RVV1022" s="10"/>
      <c r="RVW1022" s="10"/>
      <c r="RVX1022" s="10"/>
      <c r="RVY1022" s="10"/>
      <c r="RVZ1022" s="10"/>
      <c r="RWA1022" s="10"/>
      <c r="RWB1022" s="10"/>
      <c r="RWC1022" s="10"/>
      <c r="RWD1022" s="10"/>
      <c r="RWE1022" s="10"/>
      <c r="RWF1022" s="10"/>
      <c r="RWG1022" s="10"/>
      <c r="RWH1022" s="10"/>
      <c r="RWI1022" s="10"/>
      <c r="RWJ1022" s="10"/>
      <c r="RWK1022" s="10"/>
      <c r="RWL1022" s="10"/>
      <c r="RWM1022" s="10"/>
      <c r="RWN1022" s="10"/>
      <c r="RWO1022" s="10"/>
      <c r="RWP1022" s="10"/>
      <c r="RWQ1022" s="10"/>
      <c r="RWR1022" s="10"/>
      <c r="RWS1022" s="10"/>
      <c r="RWT1022" s="10"/>
      <c r="RWU1022" s="10"/>
      <c r="RWV1022" s="10"/>
      <c r="RWW1022" s="10"/>
      <c r="RWX1022" s="10"/>
      <c r="RWY1022" s="10"/>
      <c r="RWZ1022" s="10"/>
      <c r="RXA1022" s="10"/>
      <c r="RXB1022" s="10"/>
      <c r="RXC1022" s="10"/>
      <c r="RXD1022" s="10"/>
      <c r="RXE1022" s="10"/>
      <c r="RXF1022" s="10"/>
      <c r="RXG1022" s="10"/>
      <c r="RXH1022" s="10"/>
      <c r="RXI1022" s="10"/>
      <c r="RXJ1022" s="10"/>
      <c r="RXK1022" s="10"/>
      <c r="RXL1022" s="10"/>
      <c r="RXM1022" s="10"/>
      <c r="RXN1022" s="10"/>
      <c r="RXO1022" s="10"/>
      <c r="RXP1022" s="10"/>
      <c r="RXQ1022" s="10"/>
      <c r="RXR1022" s="10"/>
      <c r="RXS1022" s="10"/>
      <c r="RXT1022" s="10"/>
      <c r="RXU1022" s="10"/>
      <c r="RXV1022" s="10"/>
      <c r="RXW1022" s="10"/>
      <c r="RXX1022" s="10"/>
      <c r="RXY1022" s="10"/>
      <c r="RXZ1022" s="10"/>
      <c r="RYA1022" s="10"/>
      <c r="RYB1022" s="10"/>
      <c r="RYC1022" s="10"/>
      <c r="RYD1022" s="10"/>
      <c r="RYE1022" s="10"/>
      <c r="RYF1022" s="10"/>
      <c r="RYG1022" s="10"/>
      <c r="RYH1022" s="10"/>
      <c r="RYI1022" s="10"/>
      <c r="RYJ1022" s="10"/>
      <c r="RYK1022" s="10"/>
      <c r="RYL1022" s="10"/>
      <c r="RYM1022" s="10"/>
      <c r="RYN1022" s="10"/>
      <c r="RYO1022" s="10"/>
      <c r="RYP1022" s="10"/>
      <c r="RYQ1022" s="10"/>
      <c r="RYR1022" s="10"/>
      <c r="RYS1022" s="10"/>
      <c r="RYT1022" s="10"/>
      <c r="RYU1022" s="10"/>
      <c r="RYV1022" s="10"/>
      <c r="RYW1022" s="10"/>
      <c r="RYX1022" s="10"/>
      <c r="RYY1022" s="10"/>
      <c r="RYZ1022" s="10"/>
      <c r="RZA1022" s="10"/>
      <c r="RZB1022" s="10"/>
      <c r="RZC1022" s="10"/>
      <c r="RZD1022" s="10"/>
      <c r="RZE1022" s="10"/>
      <c r="RZF1022" s="10"/>
      <c r="RZG1022" s="10"/>
      <c r="RZH1022" s="10"/>
      <c r="RZI1022" s="10"/>
      <c r="RZJ1022" s="10"/>
      <c r="RZK1022" s="10"/>
      <c r="RZL1022" s="10"/>
      <c r="RZM1022" s="10"/>
      <c r="RZN1022" s="10"/>
      <c r="RZO1022" s="10"/>
      <c r="RZP1022" s="10"/>
      <c r="RZQ1022" s="10"/>
      <c r="RZR1022" s="10"/>
      <c r="RZS1022" s="10"/>
      <c r="RZT1022" s="10"/>
      <c r="RZU1022" s="10"/>
      <c r="RZV1022" s="10"/>
      <c r="RZW1022" s="10"/>
      <c r="RZX1022" s="10"/>
      <c r="RZY1022" s="10"/>
      <c r="RZZ1022" s="10"/>
      <c r="SAA1022" s="10"/>
      <c r="SAB1022" s="10"/>
      <c r="SAC1022" s="10"/>
      <c r="SAD1022" s="10"/>
      <c r="SAE1022" s="10"/>
      <c r="SAF1022" s="10"/>
      <c r="SAG1022" s="10"/>
      <c r="SAH1022" s="10"/>
      <c r="SAI1022" s="10"/>
      <c r="SAJ1022" s="10"/>
      <c r="SAK1022" s="10"/>
      <c r="SAL1022" s="10"/>
      <c r="SAM1022" s="10"/>
      <c r="SAN1022" s="10"/>
      <c r="SAO1022" s="10"/>
      <c r="SAP1022" s="10"/>
      <c r="SAQ1022" s="10"/>
      <c r="SAR1022" s="10"/>
      <c r="SAS1022" s="10"/>
      <c r="SAT1022" s="10"/>
      <c r="SAU1022" s="10"/>
      <c r="SAV1022" s="10"/>
      <c r="SAW1022" s="10"/>
      <c r="SAX1022" s="10"/>
      <c r="SAY1022" s="10"/>
      <c r="SAZ1022" s="10"/>
      <c r="SBA1022" s="10"/>
      <c r="SBB1022" s="10"/>
      <c r="SBC1022" s="10"/>
      <c r="SBD1022" s="10"/>
      <c r="SBE1022" s="10"/>
      <c r="SBF1022" s="10"/>
      <c r="SBG1022" s="10"/>
      <c r="SBH1022" s="10"/>
      <c r="SBI1022" s="10"/>
      <c r="SBJ1022" s="10"/>
      <c r="SBK1022" s="10"/>
      <c r="SBL1022" s="10"/>
      <c r="SBM1022" s="10"/>
      <c r="SBN1022" s="10"/>
      <c r="SBO1022" s="10"/>
      <c r="SBP1022" s="10"/>
      <c r="SBQ1022" s="10"/>
      <c r="SBR1022" s="10"/>
      <c r="SBS1022" s="10"/>
      <c r="SBT1022" s="10"/>
      <c r="SBU1022" s="10"/>
      <c r="SBV1022" s="10"/>
      <c r="SBW1022" s="10"/>
      <c r="SBX1022" s="10"/>
      <c r="SBY1022" s="10"/>
      <c r="SBZ1022" s="10"/>
      <c r="SCA1022" s="10"/>
      <c r="SCB1022" s="10"/>
      <c r="SCC1022" s="10"/>
      <c r="SCD1022" s="10"/>
      <c r="SCE1022" s="10"/>
      <c r="SCF1022" s="10"/>
      <c r="SCG1022" s="10"/>
      <c r="SCH1022" s="10"/>
      <c r="SCI1022" s="10"/>
      <c r="SCJ1022" s="10"/>
      <c r="SCK1022" s="10"/>
      <c r="SCL1022" s="10"/>
      <c r="SCM1022" s="10"/>
      <c r="SCN1022" s="10"/>
      <c r="SCO1022" s="10"/>
      <c r="SCP1022" s="10"/>
      <c r="SCQ1022" s="10"/>
      <c r="SCR1022" s="10"/>
      <c r="SCS1022" s="10"/>
      <c r="SCT1022" s="10"/>
      <c r="SCU1022" s="10"/>
      <c r="SCV1022" s="10"/>
      <c r="SCW1022" s="10"/>
      <c r="SCX1022" s="10"/>
      <c r="SCY1022" s="10"/>
      <c r="SCZ1022" s="10"/>
      <c r="SDA1022" s="10"/>
      <c r="SDB1022" s="10"/>
      <c r="SDC1022" s="10"/>
      <c r="SDD1022" s="10"/>
      <c r="SDE1022" s="10"/>
      <c r="SDF1022" s="10"/>
      <c r="SDG1022" s="10"/>
      <c r="SDH1022" s="10"/>
      <c r="SDI1022" s="10"/>
      <c r="SDJ1022" s="10"/>
      <c r="SDK1022" s="10"/>
      <c r="SDL1022" s="10"/>
      <c r="SDM1022" s="10"/>
      <c r="SDN1022" s="10"/>
      <c r="SDO1022" s="10"/>
      <c r="SDP1022" s="10"/>
      <c r="SDQ1022" s="10"/>
      <c r="SDR1022" s="10"/>
      <c r="SDS1022" s="10"/>
      <c r="SDT1022" s="10"/>
      <c r="SDU1022" s="10"/>
      <c r="SDV1022" s="10"/>
      <c r="SDW1022" s="10"/>
      <c r="SDX1022" s="10"/>
      <c r="SDY1022" s="10"/>
      <c r="SDZ1022" s="10"/>
      <c r="SEA1022" s="10"/>
      <c r="SEB1022" s="10"/>
      <c r="SEC1022" s="10"/>
      <c r="SED1022" s="10"/>
      <c r="SEE1022" s="10"/>
      <c r="SEF1022" s="10"/>
      <c r="SEG1022" s="10"/>
      <c r="SEH1022" s="10"/>
      <c r="SEI1022" s="10"/>
      <c r="SEJ1022" s="10"/>
      <c r="SEK1022" s="10"/>
      <c r="SEL1022" s="10"/>
      <c r="SEM1022" s="10"/>
      <c r="SEN1022" s="10"/>
      <c r="SEO1022" s="10"/>
      <c r="SEP1022" s="10"/>
      <c r="SEQ1022" s="10"/>
      <c r="SER1022" s="10"/>
      <c r="SES1022" s="10"/>
      <c r="SET1022" s="10"/>
      <c r="SEU1022" s="10"/>
      <c r="SEV1022" s="10"/>
      <c r="SEW1022" s="10"/>
      <c r="SEX1022" s="10"/>
      <c r="SEY1022" s="10"/>
      <c r="SEZ1022" s="10"/>
      <c r="SFA1022" s="10"/>
      <c r="SFB1022" s="10"/>
      <c r="SFC1022" s="10"/>
      <c r="SFD1022" s="10"/>
      <c r="SFE1022" s="10"/>
      <c r="SFF1022" s="10"/>
      <c r="SFG1022" s="10"/>
      <c r="SFH1022" s="10"/>
      <c r="SFI1022" s="10"/>
      <c r="SFJ1022" s="10"/>
      <c r="SFK1022" s="10"/>
      <c r="SFL1022" s="10"/>
      <c r="SFM1022" s="10"/>
      <c r="SFN1022" s="10"/>
      <c r="SFO1022" s="10"/>
      <c r="SFP1022" s="10"/>
      <c r="SFQ1022" s="10"/>
      <c r="SFR1022" s="10"/>
      <c r="SFS1022" s="10"/>
      <c r="SFT1022" s="10"/>
      <c r="SFU1022" s="10"/>
      <c r="SFV1022" s="10"/>
      <c r="SFW1022" s="10"/>
      <c r="SFX1022" s="10"/>
      <c r="SFY1022" s="10"/>
      <c r="SFZ1022" s="10"/>
      <c r="SGA1022" s="10"/>
      <c r="SGB1022" s="10"/>
      <c r="SGC1022" s="10"/>
      <c r="SGD1022" s="10"/>
      <c r="SGE1022" s="10"/>
      <c r="SGF1022" s="10"/>
      <c r="SGG1022" s="10"/>
      <c r="SGH1022" s="10"/>
      <c r="SGI1022" s="10"/>
      <c r="SGJ1022" s="10"/>
      <c r="SGK1022" s="10"/>
      <c r="SGL1022" s="10"/>
      <c r="SGM1022" s="10"/>
      <c r="SGN1022" s="10"/>
      <c r="SGO1022" s="10"/>
      <c r="SGP1022" s="10"/>
      <c r="SGQ1022" s="10"/>
      <c r="SGR1022" s="10"/>
      <c r="SGS1022" s="10"/>
      <c r="SGT1022" s="10"/>
      <c r="SGU1022" s="10"/>
      <c r="SGV1022" s="10"/>
      <c r="SGW1022" s="10"/>
      <c r="SGX1022" s="10"/>
      <c r="SGY1022" s="10"/>
      <c r="SGZ1022" s="10"/>
      <c r="SHA1022" s="10"/>
      <c r="SHB1022" s="10"/>
      <c r="SHC1022" s="10"/>
      <c r="SHD1022" s="10"/>
      <c r="SHE1022" s="10"/>
      <c r="SHF1022" s="10"/>
      <c r="SHG1022" s="10"/>
      <c r="SHH1022" s="10"/>
      <c r="SHI1022" s="10"/>
      <c r="SHJ1022" s="10"/>
      <c r="SHK1022" s="10"/>
      <c r="SHL1022" s="10"/>
      <c r="SHM1022" s="10"/>
      <c r="SHN1022" s="10"/>
      <c r="SHO1022" s="10"/>
      <c r="SHP1022" s="10"/>
      <c r="SHQ1022" s="10"/>
      <c r="SHR1022" s="10"/>
      <c r="SHS1022" s="10"/>
      <c r="SHT1022" s="10"/>
      <c r="SHU1022" s="10"/>
      <c r="SHV1022" s="10"/>
      <c r="SHW1022" s="10"/>
      <c r="SHX1022" s="10"/>
      <c r="SHY1022" s="10"/>
      <c r="SHZ1022" s="10"/>
      <c r="SIA1022" s="10"/>
      <c r="SIB1022" s="10"/>
      <c r="SIC1022" s="10"/>
      <c r="SID1022" s="10"/>
      <c r="SIE1022" s="10"/>
      <c r="SIF1022" s="10"/>
      <c r="SIG1022" s="10"/>
      <c r="SIH1022" s="10"/>
      <c r="SII1022" s="10"/>
      <c r="SIJ1022" s="10"/>
      <c r="SIK1022" s="10"/>
      <c r="SIL1022" s="10"/>
      <c r="SIM1022" s="10"/>
      <c r="SIN1022" s="10"/>
      <c r="SIO1022" s="10"/>
      <c r="SIP1022" s="10"/>
      <c r="SIQ1022" s="10"/>
      <c r="SIR1022" s="10"/>
      <c r="SIS1022" s="10"/>
      <c r="SIT1022" s="10"/>
      <c r="SIU1022" s="10"/>
      <c r="SIV1022" s="10"/>
      <c r="SIW1022" s="10"/>
      <c r="SIX1022" s="10"/>
      <c r="SIY1022" s="10"/>
      <c r="SIZ1022" s="10"/>
      <c r="SJA1022" s="10"/>
      <c r="SJB1022" s="10"/>
      <c r="SJC1022" s="10"/>
      <c r="SJD1022" s="10"/>
      <c r="SJE1022" s="10"/>
      <c r="SJF1022" s="10"/>
      <c r="SJG1022" s="10"/>
      <c r="SJH1022" s="10"/>
      <c r="SJI1022" s="10"/>
      <c r="SJJ1022" s="10"/>
      <c r="SJK1022" s="10"/>
      <c r="SJL1022" s="10"/>
      <c r="SJM1022" s="10"/>
      <c r="SJN1022" s="10"/>
      <c r="SJO1022" s="10"/>
      <c r="SJP1022" s="10"/>
      <c r="SJQ1022" s="10"/>
      <c r="SJR1022" s="10"/>
      <c r="SJS1022" s="10"/>
      <c r="SJT1022" s="10"/>
      <c r="SJU1022" s="10"/>
      <c r="SJV1022" s="10"/>
      <c r="SJW1022" s="10"/>
      <c r="SJX1022" s="10"/>
      <c r="SJY1022" s="10"/>
      <c r="SJZ1022" s="10"/>
      <c r="SKA1022" s="10"/>
      <c r="SKB1022" s="10"/>
      <c r="SKC1022" s="10"/>
      <c r="SKD1022" s="10"/>
      <c r="SKE1022" s="10"/>
      <c r="SKF1022" s="10"/>
      <c r="SKG1022" s="10"/>
      <c r="SKH1022" s="10"/>
      <c r="SKI1022" s="10"/>
      <c r="SKJ1022" s="10"/>
      <c r="SKK1022" s="10"/>
      <c r="SKL1022" s="10"/>
      <c r="SKM1022" s="10"/>
      <c r="SKN1022" s="10"/>
      <c r="SKO1022" s="10"/>
      <c r="SKP1022" s="10"/>
      <c r="SKQ1022" s="10"/>
      <c r="SKR1022" s="10"/>
      <c r="SKS1022" s="10"/>
      <c r="SKT1022" s="10"/>
      <c r="SKU1022" s="10"/>
      <c r="SKV1022" s="10"/>
      <c r="SKW1022" s="10"/>
      <c r="SKX1022" s="10"/>
      <c r="SKY1022" s="10"/>
      <c r="SKZ1022" s="10"/>
      <c r="SLA1022" s="10"/>
      <c r="SLB1022" s="10"/>
      <c r="SLC1022" s="10"/>
      <c r="SLD1022" s="10"/>
      <c r="SLE1022" s="10"/>
      <c r="SLF1022" s="10"/>
      <c r="SLG1022" s="10"/>
      <c r="SLH1022" s="10"/>
      <c r="SLI1022" s="10"/>
      <c r="SLJ1022" s="10"/>
      <c r="SLK1022" s="10"/>
      <c r="SLL1022" s="10"/>
      <c r="SLM1022" s="10"/>
      <c r="SLN1022" s="10"/>
      <c r="SLO1022" s="10"/>
      <c r="SLP1022" s="10"/>
      <c r="SLQ1022" s="10"/>
      <c r="SLR1022" s="10"/>
      <c r="SLS1022" s="10"/>
      <c r="SLT1022" s="10"/>
      <c r="SLU1022" s="10"/>
      <c r="SLV1022" s="10"/>
      <c r="SLW1022" s="10"/>
      <c r="SLX1022" s="10"/>
      <c r="SLY1022" s="10"/>
      <c r="SLZ1022" s="10"/>
      <c r="SMA1022" s="10"/>
      <c r="SMB1022" s="10"/>
      <c r="SMC1022" s="10"/>
      <c r="SMD1022" s="10"/>
      <c r="SME1022" s="10"/>
      <c r="SMF1022" s="10"/>
      <c r="SMG1022" s="10"/>
      <c r="SMH1022" s="10"/>
      <c r="SMI1022" s="10"/>
      <c r="SMJ1022" s="10"/>
      <c r="SMK1022" s="10"/>
      <c r="SML1022" s="10"/>
      <c r="SMM1022" s="10"/>
      <c r="SMN1022" s="10"/>
      <c r="SMO1022" s="10"/>
      <c r="SMP1022" s="10"/>
      <c r="SMQ1022" s="10"/>
      <c r="SMR1022" s="10"/>
      <c r="SMS1022" s="10"/>
      <c r="SMT1022" s="10"/>
      <c r="SMU1022" s="10"/>
      <c r="SMV1022" s="10"/>
      <c r="SMW1022" s="10"/>
      <c r="SMX1022" s="10"/>
      <c r="SMY1022" s="10"/>
      <c r="SMZ1022" s="10"/>
      <c r="SNA1022" s="10"/>
      <c r="SNB1022" s="10"/>
      <c r="SNC1022" s="10"/>
      <c r="SND1022" s="10"/>
      <c r="SNE1022" s="10"/>
      <c r="SNF1022" s="10"/>
      <c r="SNG1022" s="10"/>
      <c r="SNH1022" s="10"/>
      <c r="SNI1022" s="10"/>
      <c r="SNJ1022" s="10"/>
      <c r="SNK1022" s="10"/>
      <c r="SNL1022" s="10"/>
      <c r="SNM1022" s="10"/>
      <c r="SNN1022" s="10"/>
      <c r="SNO1022" s="10"/>
      <c r="SNP1022" s="10"/>
      <c r="SNQ1022" s="10"/>
      <c r="SNR1022" s="10"/>
      <c r="SNS1022" s="10"/>
      <c r="SNT1022" s="10"/>
      <c r="SNU1022" s="10"/>
      <c r="SNV1022" s="10"/>
      <c r="SNW1022" s="10"/>
      <c r="SNX1022" s="10"/>
      <c r="SNY1022" s="10"/>
      <c r="SNZ1022" s="10"/>
      <c r="SOA1022" s="10"/>
      <c r="SOB1022" s="10"/>
      <c r="SOC1022" s="10"/>
      <c r="SOD1022" s="10"/>
      <c r="SOE1022" s="10"/>
      <c r="SOF1022" s="10"/>
      <c r="SOG1022" s="10"/>
      <c r="SOH1022" s="10"/>
      <c r="SOI1022" s="10"/>
      <c r="SOJ1022" s="10"/>
      <c r="SOK1022" s="10"/>
      <c r="SOL1022" s="10"/>
      <c r="SOM1022" s="10"/>
      <c r="SON1022" s="10"/>
      <c r="SOO1022" s="10"/>
      <c r="SOP1022" s="10"/>
      <c r="SOQ1022" s="10"/>
      <c r="SOR1022" s="10"/>
      <c r="SOS1022" s="10"/>
      <c r="SOT1022" s="10"/>
      <c r="SOU1022" s="10"/>
      <c r="SOV1022" s="10"/>
      <c r="SOW1022" s="10"/>
      <c r="SOX1022" s="10"/>
      <c r="SOY1022" s="10"/>
      <c r="SOZ1022" s="10"/>
      <c r="SPA1022" s="10"/>
      <c r="SPB1022" s="10"/>
      <c r="SPC1022" s="10"/>
      <c r="SPD1022" s="10"/>
      <c r="SPE1022" s="10"/>
      <c r="SPF1022" s="10"/>
      <c r="SPG1022" s="10"/>
      <c r="SPH1022" s="10"/>
      <c r="SPI1022" s="10"/>
      <c r="SPJ1022" s="10"/>
      <c r="SPK1022" s="10"/>
      <c r="SPL1022" s="10"/>
      <c r="SPM1022" s="10"/>
      <c r="SPN1022" s="10"/>
      <c r="SPO1022" s="10"/>
      <c r="SPP1022" s="10"/>
      <c r="SPQ1022" s="10"/>
      <c r="SPR1022" s="10"/>
      <c r="SPS1022" s="10"/>
      <c r="SPT1022" s="10"/>
      <c r="SPU1022" s="10"/>
      <c r="SPV1022" s="10"/>
      <c r="SPW1022" s="10"/>
      <c r="SPX1022" s="10"/>
      <c r="SPY1022" s="10"/>
      <c r="SPZ1022" s="10"/>
      <c r="SQA1022" s="10"/>
      <c r="SQB1022" s="10"/>
      <c r="SQC1022" s="10"/>
      <c r="SQD1022" s="10"/>
      <c r="SQE1022" s="10"/>
      <c r="SQF1022" s="10"/>
      <c r="SQG1022" s="10"/>
      <c r="SQH1022" s="10"/>
      <c r="SQI1022" s="10"/>
      <c r="SQJ1022" s="10"/>
      <c r="SQK1022" s="10"/>
      <c r="SQL1022" s="10"/>
      <c r="SQM1022" s="10"/>
      <c r="SQN1022" s="10"/>
      <c r="SQO1022" s="10"/>
      <c r="SQP1022" s="10"/>
      <c r="SQQ1022" s="10"/>
      <c r="SQR1022" s="10"/>
      <c r="SQS1022" s="10"/>
      <c r="SQT1022" s="10"/>
      <c r="SQU1022" s="10"/>
      <c r="SQV1022" s="10"/>
      <c r="SQW1022" s="10"/>
      <c r="SQX1022" s="10"/>
      <c r="SQY1022" s="10"/>
      <c r="SQZ1022" s="10"/>
      <c r="SRA1022" s="10"/>
      <c r="SRB1022" s="10"/>
      <c r="SRC1022" s="10"/>
      <c r="SRD1022" s="10"/>
      <c r="SRE1022" s="10"/>
      <c r="SRF1022" s="10"/>
      <c r="SRG1022" s="10"/>
      <c r="SRH1022" s="10"/>
      <c r="SRI1022" s="10"/>
      <c r="SRJ1022" s="10"/>
      <c r="SRK1022" s="10"/>
      <c r="SRL1022" s="10"/>
      <c r="SRM1022" s="10"/>
      <c r="SRN1022" s="10"/>
      <c r="SRO1022" s="10"/>
      <c r="SRP1022" s="10"/>
      <c r="SRQ1022" s="10"/>
      <c r="SRR1022" s="10"/>
      <c r="SRS1022" s="10"/>
      <c r="SRT1022" s="10"/>
      <c r="SRU1022" s="10"/>
      <c r="SRV1022" s="10"/>
      <c r="SRW1022" s="10"/>
      <c r="SRX1022" s="10"/>
      <c r="SRY1022" s="10"/>
      <c r="SRZ1022" s="10"/>
      <c r="SSA1022" s="10"/>
      <c r="SSB1022" s="10"/>
      <c r="SSC1022" s="10"/>
      <c r="SSD1022" s="10"/>
      <c r="SSE1022" s="10"/>
      <c r="SSF1022" s="10"/>
      <c r="SSG1022" s="10"/>
      <c r="SSH1022" s="10"/>
      <c r="SSI1022" s="10"/>
      <c r="SSJ1022" s="10"/>
      <c r="SSK1022" s="10"/>
      <c r="SSL1022" s="10"/>
      <c r="SSM1022" s="10"/>
      <c r="SSN1022" s="10"/>
      <c r="SSO1022" s="10"/>
      <c r="SSP1022" s="10"/>
      <c r="SSQ1022" s="10"/>
      <c r="SSR1022" s="10"/>
      <c r="SSS1022" s="10"/>
      <c r="SST1022" s="10"/>
      <c r="SSU1022" s="10"/>
      <c r="SSV1022" s="10"/>
      <c r="SSW1022" s="10"/>
      <c r="SSX1022" s="10"/>
      <c r="SSY1022" s="10"/>
      <c r="SSZ1022" s="10"/>
      <c r="STA1022" s="10"/>
      <c r="STB1022" s="10"/>
      <c r="STC1022" s="10"/>
      <c r="STD1022" s="10"/>
      <c r="STE1022" s="10"/>
      <c r="STF1022" s="10"/>
      <c r="STG1022" s="10"/>
      <c r="STH1022" s="10"/>
      <c r="STI1022" s="10"/>
      <c r="STJ1022" s="10"/>
      <c r="STK1022" s="10"/>
      <c r="STL1022" s="10"/>
      <c r="STM1022" s="10"/>
      <c r="STN1022" s="10"/>
      <c r="STO1022" s="10"/>
      <c r="STP1022" s="10"/>
      <c r="STQ1022" s="10"/>
      <c r="STR1022" s="10"/>
      <c r="STS1022" s="10"/>
      <c r="STT1022" s="10"/>
      <c r="STU1022" s="10"/>
      <c r="STV1022" s="10"/>
      <c r="STW1022" s="10"/>
      <c r="STX1022" s="10"/>
      <c r="STY1022" s="10"/>
      <c r="STZ1022" s="10"/>
      <c r="SUA1022" s="10"/>
      <c r="SUB1022" s="10"/>
      <c r="SUC1022" s="10"/>
      <c r="SUD1022" s="10"/>
      <c r="SUE1022" s="10"/>
      <c r="SUF1022" s="10"/>
      <c r="SUG1022" s="10"/>
      <c r="SUH1022" s="10"/>
      <c r="SUI1022" s="10"/>
      <c r="SUJ1022" s="10"/>
      <c r="SUK1022" s="10"/>
      <c r="SUL1022" s="10"/>
      <c r="SUM1022" s="10"/>
      <c r="SUN1022" s="10"/>
      <c r="SUO1022" s="10"/>
      <c r="SUP1022" s="10"/>
      <c r="SUQ1022" s="10"/>
      <c r="SUR1022" s="10"/>
      <c r="SUS1022" s="10"/>
      <c r="SUT1022" s="10"/>
      <c r="SUU1022" s="10"/>
      <c r="SUV1022" s="10"/>
      <c r="SUW1022" s="10"/>
      <c r="SUX1022" s="10"/>
      <c r="SUY1022" s="10"/>
      <c r="SUZ1022" s="10"/>
      <c r="SVA1022" s="10"/>
      <c r="SVB1022" s="10"/>
      <c r="SVC1022" s="10"/>
      <c r="SVD1022" s="10"/>
      <c r="SVE1022" s="10"/>
      <c r="SVF1022" s="10"/>
      <c r="SVG1022" s="10"/>
      <c r="SVH1022" s="10"/>
      <c r="SVI1022" s="10"/>
      <c r="SVJ1022" s="10"/>
      <c r="SVK1022" s="10"/>
      <c r="SVL1022" s="10"/>
      <c r="SVM1022" s="10"/>
      <c r="SVN1022" s="10"/>
      <c r="SVO1022" s="10"/>
      <c r="SVP1022" s="10"/>
      <c r="SVQ1022" s="10"/>
      <c r="SVR1022" s="10"/>
      <c r="SVS1022" s="10"/>
      <c r="SVT1022" s="10"/>
      <c r="SVU1022" s="10"/>
      <c r="SVV1022" s="10"/>
      <c r="SVW1022" s="10"/>
      <c r="SVX1022" s="10"/>
      <c r="SVY1022" s="10"/>
      <c r="SVZ1022" s="10"/>
      <c r="SWA1022" s="10"/>
      <c r="SWB1022" s="10"/>
      <c r="SWC1022" s="10"/>
      <c r="SWD1022" s="10"/>
      <c r="SWE1022" s="10"/>
      <c r="SWF1022" s="10"/>
      <c r="SWG1022" s="10"/>
      <c r="SWH1022" s="10"/>
      <c r="SWI1022" s="10"/>
      <c r="SWJ1022" s="10"/>
      <c r="SWK1022" s="10"/>
      <c r="SWL1022" s="10"/>
      <c r="SWM1022" s="10"/>
      <c r="SWN1022" s="10"/>
      <c r="SWO1022" s="10"/>
      <c r="SWP1022" s="10"/>
      <c r="SWQ1022" s="10"/>
      <c r="SWR1022" s="10"/>
      <c r="SWS1022" s="10"/>
      <c r="SWT1022" s="10"/>
      <c r="SWU1022" s="10"/>
      <c r="SWV1022" s="10"/>
      <c r="SWW1022" s="10"/>
      <c r="SWX1022" s="10"/>
      <c r="SWY1022" s="10"/>
      <c r="SWZ1022" s="10"/>
      <c r="SXA1022" s="10"/>
      <c r="SXB1022" s="10"/>
      <c r="SXC1022" s="10"/>
      <c r="SXD1022" s="10"/>
      <c r="SXE1022" s="10"/>
      <c r="SXF1022" s="10"/>
      <c r="SXG1022" s="10"/>
      <c r="SXH1022" s="10"/>
      <c r="SXI1022" s="10"/>
      <c r="SXJ1022" s="10"/>
      <c r="SXK1022" s="10"/>
      <c r="SXL1022" s="10"/>
      <c r="SXM1022" s="10"/>
      <c r="SXN1022" s="10"/>
      <c r="SXO1022" s="10"/>
      <c r="SXP1022" s="10"/>
      <c r="SXQ1022" s="10"/>
      <c r="SXR1022" s="10"/>
      <c r="SXS1022" s="10"/>
      <c r="SXT1022" s="10"/>
      <c r="SXU1022" s="10"/>
      <c r="SXV1022" s="10"/>
      <c r="SXW1022" s="10"/>
      <c r="SXX1022" s="10"/>
      <c r="SXY1022" s="10"/>
      <c r="SXZ1022" s="10"/>
      <c r="SYA1022" s="10"/>
      <c r="SYB1022" s="10"/>
      <c r="SYC1022" s="10"/>
      <c r="SYD1022" s="10"/>
      <c r="SYE1022" s="10"/>
      <c r="SYF1022" s="10"/>
      <c r="SYG1022" s="10"/>
      <c r="SYH1022" s="10"/>
      <c r="SYI1022" s="10"/>
      <c r="SYJ1022" s="10"/>
      <c r="SYK1022" s="10"/>
      <c r="SYL1022" s="10"/>
      <c r="SYM1022" s="10"/>
      <c r="SYN1022" s="10"/>
      <c r="SYO1022" s="10"/>
      <c r="SYP1022" s="10"/>
      <c r="SYQ1022" s="10"/>
      <c r="SYR1022" s="10"/>
      <c r="SYS1022" s="10"/>
      <c r="SYT1022" s="10"/>
      <c r="SYU1022" s="10"/>
      <c r="SYV1022" s="10"/>
      <c r="SYW1022" s="10"/>
      <c r="SYX1022" s="10"/>
      <c r="SYY1022" s="10"/>
      <c r="SYZ1022" s="10"/>
      <c r="SZA1022" s="10"/>
      <c r="SZB1022" s="10"/>
      <c r="SZC1022" s="10"/>
      <c r="SZD1022" s="10"/>
      <c r="SZE1022" s="10"/>
      <c r="SZF1022" s="10"/>
      <c r="SZG1022" s="10"/>
      <c r="SZH1022" s="10"/>
      <c r="SZI1022" s="10"/>
      <c r="SZJ1022" s="10"/>
      <c r="SZK1022" s="10"/>
      <c r="SZL1022" s="10"/>
      <c r="SZM1022" s="10"/>
      <c r="SZN1022" s="10"/>
      <c r="SZO1022" s="10"/>
      <c r="SZP1022" s="10"/>
      <c r="SZQ1022" s="10"/>
      <c r="SZR1022" s="10"/>
      <c r="SZS1022" s="10"/>
      <c r="SZT1022" s="10"/>
      <c r="SZU1022" s="10"/>
      <c r="SZV1022" s="10"/>
      <c r="SZW1022" s="10"/>
      <c r="SZX1022" s="10"/>
      <c r="SZY1022" s="10"/>
      <c r="SZZ1022" s="10"/>
      <c r="TAA1022" s="10"/>
      <c r="TAB1022" s="10"/>
      <c r="TAC1022" s="10"/>
      <c r="TAD1022" s="10"/>
      <c r="TAE1022" s="10"/>
      <c r="TAF1022" s="10"/>
      <c r="TAG1022" s="10"/>
      <c r="TAH1022" s="10"/>
      <c r="TAI1022" s="10"/>
      <c r="TAJ1022" s="10"/>
      <c r="TAK1022" s="10"/>
      <c r="TAL1022" s="10"/>
      <c r="TAM1022" s="10"/>
      <c r="TAN1022" s="10"/>
      <c r="TAO1022" s="10"/>
      <c r="TAP1022" s="10"/>
      <c r="TAQ1022" s="10"/>
      <c r="TAR1022" s="10"/>
      <c r="TAS1022" s="10"/>
      <c r="TAT1022" s="10"/>
      <c r="TAU1022" s="10"/>
      <c r="TAV1022" s="10"/>
      <c r="TAW1022" s="10"/>
      <c r="TAX1022" s="10"/>
      <c r="TAY1022" s="10"/>
      <c r="TAZ1022" s="10"/>
      <c r="TBA1022" s="10"/>
      <c r="TBB1022" s="10"/>
      <c r="TBC1022" s="10"/>
      <c r="TBD1022" s="10"/>
      <c r="TBE1022" s="10"/>
      <c r="TBF1022" s="10"/>
      <c r="TBG1022" s="10"/>
      <c r="TBH1022" s="10"/>
      <c r="TBI1022" s="10"/>
      <c r="TBJ1022" s="10"/>
      <c r="TBK1022" s="10"/>
      <c r="TBL1022" s="10"/>
      <c r="TBM1022" s="10"/>
      <c r="TBN1022" s="10"/>
      <c r="TBO1022" s="10"/>
      <c r="TBP1022" s="10"/>
      <c r="TBQ1022" s="10"/>
      <c r="TBR1022" s="10"/>
      <c r="TBS1022" s="10"/>
      <c r="TBT1022" s="10"/>
      <c r="TBU1022" s="10"/>
      <c r="TBV1022" s="10"/>
      <c r="TBW1022" s="10"/>
      <c r="TBX1022" s="10"/>
      <c r="TBY1022" s="10"/>
      <c r="TBZ1022" s="10"/>
      <c r="TCA1022" s="10"/>
      <c r="TCB1022" s="10"/>
      <c r="TCC1022" s="10"/>
      <c r="TCD1022" s="10"/>
      <c r="TCE1022" s="10"/>
      <c r="TCF1022" s="10"/>
      <c r="TCG1022" s="10"/>
      <c r="TCH1022" s="10"/>
      <c r="TCI1022" s="10"/>
      <c r="TCJ1022" s="10"/>
      <c r="TCK1022" s="10"/>
      <c r="TCL1022" s="10"/>
      <c r="TCM1022" s="10"/>
      <c r="TCN1022" s="10"/>
      <c r="TCO1022" s="10"/>
      <c r="TCP1022" s="10"/>
      <c r="TCQ1022" s="10"/>
      <c r="TCR1022" s="10"/>
      <c r="TCS1022" s="10"/>
      <c r="TCT1022" s="10"/>
      <c r="TCU1022" s="10"/>
      <c r="TCV1022" s="10"/>
      <c r="TCW1022" s="10"/>
      <c r="TCX1022" s="10"/>
      <c r="TCY1022" s="10"/>
      <c r="TCZ1022" s="10"/>
      <c r="TDA1022" s="10"/>
      <c r="TDB1022" s="10"/>
      <c r="TDC1022" s="10"/>
      <c r="TDD1022" s="10"/>
      <c r="TDE1022" s="10"/>
      <c r="TDF1022" s="10"/>
      <c r="TDG1022" s="10"/>
      <c r="TDH1022" s="10"/>
      <c r="TDI1022" s="10"/>
      <c r="TDJ1022" s="10"/>
      <c r="TDK1022" s="10"/>
      <c r="TDL1022" s="10"/>
      <c r="TDM1022" s="10"/>
      <c r="TDN1022" s="10"/>
      <c r="TDO1022" s="10"/>
      <c r="TDP1022" s="10"/>
      <c r="TDQ1022" s="10"/>
      <c r="TDR1022" s="10"/>
      <c r="TDS1022" s="10"/>
      <c r="TDT1022" s="10"/>
      <c r="TDU1022" s="10"/>
      <c r="TDV1022" s="10"/>
      <c r="TDW1022" s="10"/>
      <c r="TDX1022" s="10"/>
      <c r="TDY1022" s="10"/>
      <c r="TDZ1022" s="10"/>
      <c r="TEA1022" s="10"/>
      <c r="TEB1022" s="10"/>
      <c r="TEC1022" s="10"/>
      <c r="TED1022" s="10"/>
      <c r="TEE1022" s="10"/>
      <c r="TEF1022" s="10"/>
      <c r="TEG1022" s="10"/>
      <c r="TEH1022" s="10"/>
      <c r="TEI1022" s="10"/>
      <c r="TEJ1022" s="10"/>
      <c r="TEK1022" s="10"/>
      <c r="TEL1022" s="10"/>
      <c r="TEM1022" s="10"/>
      <c r="TEN1022" s="10"/>
      <c r="TEO1022" s="10"/>
      <c r="TEP1022" s="10"/>
      <c r="TEQ1022" s="10"/>
      <c r="TER1022" s="10"/>
      <c r="TES1022" s="10"/>
      <c r="TET1022" s="10"/>
      <c r="TEU1022" s="10"/>
      <c r="TEV1022" s="10"/>
      <c r="TEW1022" s="10"/>
      <c r="TEX1022" s="10"/>
      <c r="TEY1022" s="10"/>
      <c r="TEZ1022" s="10"/>
      <c r="TFA1022" s="10"/>
      <c r="TFB1022" s="10"/>
      <c r="TFC1022" s="10"/>
      <c r="TFD1022" s="10"/>
      <c r="TFE1022" s="10"/>
      <c r="TFF1022" s="10"/>
      <c r="TFG1022" s="10"/>
      <c r="TFH1022" s="10"/>
      <c r="TFI1022" s="10"/>
      <c r="TFJ1022" s="10"/>
      <c r="TFK1022" s="10"/>
      <c r="TFL1022" s="10"/>
      <c r="TFM1022" s="10"/>
      <c r="TFN1022" s="10"/>
      <c r="TFO1022" s="10"/>
      <c r="TFP1022" s="10"/>
      <c r="TFQ1022" s="10"/>
      <c r="TFR1022" s="10"/>
      <c r="TFS1022" s="10"/>
      <c r="TFT1022" s="10"/>
      <c r="TFU1022" s="10"/>
      <c r="TFV1022" s="10"/>
      <c r="TFW1022" s="10"/>
      <c r="TFX1022" s="10"/>
      <c r="TFY1022" s="10"/>
      <c r="TFZ1022" s="10"/>
      <c r="TGA1022" s="10"/>
      <c r="TGB1022" s="10"/>
      <c r="TGC1022" s="10"/>
      <c r="TGD1022" s="10"/>
      <c r="TGE1022" s="10"/>
      <c r="TGF1022" s="10"/>
      <c r="TGG1022" s="10"/>
      <c r="TGH1022" s="10"/>
      <c r="TGI1022" s="10"/>
      <c r="TGJ1022" s="10"/>
      <c r="TGK1022" s="10"/>
      <c r="TGL1022" s="10"/>
      <c r="TGM1022" s="10"/>
      <c r="TGN1022" s="10"/>
      <c r="TGO1022" s="10"/>
      <c r="TGP1022" s="10"/>
      <c r="TGQ1022" s="10"/>
      <c r="TGR1022" s="10"/>
      <c r="TGS1022" s="10"/>
      <c r="TGT1022" s="10"/>
      <c r="TGU1022" s="10"/>
      <c r="TGV1022" s="10"/>
      <c r="TGW1022" s="10"/>
      <c r="TGX1022" s="10"/>
      <c r="TGY1022" s="10"/>
      <c r="TGZ1022" s="10"/>
      <c r="THA1022" s="10"/>
      <c r="THB1022" s="10"/>
      <c r="THC1022" s="10"/>
      <c r="THD1022" s="10"/>
      <c r="THE1022" s="10"/>
      <c r="THF1022" s="10"/>
      <c r="THG1022" s="10"/>
      <c r="THH1022" s="10"/>
      <c r="THI1022" s="10"/>
      <c r="THJ1022" s="10"/>
      <c r="THK1022" s="10"/>
      <c r="THL1022" s="10"/>
      <c r="THM1022" s="10"/>
      <c r="THN1022" s="10"/>
      <c r="THO1022" s="10"/>
      <c r="THP1022" s="10"/>
      <c r="THQ1022" s="10"/>
      <c r="THR1022" s="10"/>
      <c r="THS1022" s="10"/>
      <c r="THT1022" s="10"/>
      <c r="THU1022" s="10"/>
      <c r="THV1022" s="10"/>
      <c r="THW1022" s="10"/>
      <c r="THX1022" s="10"/>
      <c r="THY1022" s="10"/>
      <c r="THZ1022" s="10"/>
      <c r="TIA1022" s="10"/>
      <c r="TIB1022" s="10"/>
      <c r="TIC1022" s="10"/>
      <c r="TID1022" s="10"/>
      <c r="TIE1022" s="10"/>
      <c r="TIF1022" s="10"/>
      <c r="TIG1022" s="10"/>
      <c r="TIH1022" s="10"/>
      <c r="TII1022" s="10"/>
      <c r="TIJ1022" s="10"/>
      <c r="TIK1022" s="10"/>
      <c r="TIL1022" s="10"/>
      <c r="TIM1022" s="10"/>
      <c r="TIN1022" s="10"/>
      <c r="TIO1022" s="10"/>
      <c r="TIP1022" s="10"/>
      <c r="TIQ1022" s="10"/>
      <c r="TIR1022" s="10"/>
      <c r="TIS1022" s="10"/>
      <c r="TIT1022" s="10"/>
      <c r="TIU1022" s="10"/>
      <c r="TIV1022" s="10"/>
      <c r="TIW1022" s="10"/>
      <c r="TIX1022" s="10"/>
      <c r="TIY1022" s="10"/>
      <c r="TIZ1022" s="10"/>
      <c r="TJA1022" s="10"/>
      <c r="TJB1022" s="10"/>
      <c r="TJC1022" s="10"/>
      <c r="TJD1022" s="10"/>
      <c r="TJE1022" s="10"/>
      <c r="TJF1022" s="10"/>
      <c r="TJG1022" s="10"/>
      <c r="TJH1022" s="10"/>
      <c r="TJI1022" s="10"/>
      <c r="TJJ1022" s="10"/>
      <c r="TJK1022" s="10"/>
      <c r="TJL1022" s="10"/>
      <c r="TJM1022" s="10"/>
      <c r="TJN1022" s="10"/>
      <c r="TJO1022" s="10"/>
      <c r="TJP1022" s="10"/>
      <c r="TJQ1022" s="10"/>
      <c r="TJR1022" s="10"/>
      <c r="TJS1022" s="10"/>
      <c r="TJT1022" s="10"/>
      <c r="TJU1022" s="10"/>
      <c r="TJV1022" s="10"/>
      <c r="TJW1022" s="10"/>
      <c r="TJX1022" s="10"/>
      <c r="TJY1022" s="10"/>
      <c r="TJZ1022" s="10"/>
      <c r="TKA1022" s="10"/>
      <c r="TKB1022" s="10"/>
      <c r="TKC1022" s="10"/>
      <c r="TKD1022" s="10"/>
      <c r="TKE1022" s="10"/>
      <c r="TKF1022" s="10"/>
      <c r="TKG1022" s="10"/>
      <c r="TKH1022" s="10"/>
      <c r="TKI1022" s="10"/>
      <c r="TKJ1022" s="10"/>
      <c r="TKK1022" s="10"/>
      <c r="TKL1022" s="10"/>
      <c r="TKM1022" s="10"/>
      <c r="TKN1022" s="10"/>
      <c r="TKO1022" s="10"/>
      <c r="TKP1022" s="10"/>
      <c r="TKQ1022" s="10"/>
      <c r="TKR1022" s="10"/>
      <c r="TKS1022" s="10"/>
      <c r="TKT1022" s="10"/>
      <c r="TKU1022" s="10"/>
      <c r="TKV1022" s="10"/>
      <c r="TKW1022" s="10"/>
      <c r="TKX1022" s="10"/>
      <c r="TKY1022" s="10"/>
      <c r="TKZ1022" s="10"/>
      <c r="TLA1022" s="10"/>
      <c r="TLB1022" s="10"/>
      <c r="TLC1022" s="10"/>
      <c r="TLD1022" s="10"/>
      <c r="TLE1022" s="10"/>
      <c r="TLF1022" s="10"/>
      <c r="TLG1022" s="10"/>
      <c r="TLH1022" s="10"/>
      <c r="TLI1022" s="10"/>
      <c r="TLJ1022" s="10"/>
      <c r="TLK1022" s="10"/>
      <c r="TLL1022" s="10"/>
      <c r="TLM1022" s="10"/>
      <c r="TLN1022" s="10"/>
      <c r="TLO1022" s="10"/>
      <c r="TLP1022" s="10"/>
      <c r="TLQ1022" s="10"/>
      <c r="TLR1022" s="10"/>
      <c r="TLS1022" s="10"/>
      <c r="TLT1022" s="10"/>
      <c r="TLU1022" s="10"/>
      <c r="TLV1022" s="10"/>
      <c r="TLW1022" s="10"/>
      <c r="TLX1022" s="10"/>
      <c r="TLY1022" s="10"/>
      <c r="TLZ1022" s="10"/>
      <c r="TMA1022" s="10"/>
      <c r="TMB1022" s="10"/>
      <c r="TMC1022" s="10"/>
      <c r="TMD1022" s="10"/>
      <c r="TME1022" s="10"/>
      <c r="TMF1022" s="10"/>
      <c r="TMG1022" s="10"/>
      <c r="TMH1022" s="10"/>
      <c r="TMI1022" s="10"/>
      <c r="TMJ1022" s="10"/>
      <c r="TMK1022" s="10"/>
      <c r="TML1022" s="10"/>
      <c r="TMM1022" s="10"/>
      <c r="TMN1022" s="10"/>
      <c r="TMO1022" s="10"/>
      <c r="TMP1022" s="10"/>
      <c r="TMQ1022" s="10"/>
      <c r="TMR1022" s="10"/>
      <c r="TMS1022" s="10"/>
      <c r="TMT1022" s="10"/>
      <c r="TMU1022" s="10"/>
      <c r="TMV1022" s="10"/>
      <c r="TMW1022" s="10"/>
      <c r="TMX1022" s="10"/>
      <c r="TMY1022" s="10"/>
      <c r="TMZ1022" s="10"/>
      <c r="TNA1022" s="10"/>
      <c r="TNB1022" s="10"/>
      <c r="TNC1022" s="10"/>
      <c r="TND1022" s="10"/>
      <c r="TNE1022" s="10"/>
      <c r="TNF1022" s="10"/>
      <c r="TNG1022" s="10"/>
      <c r="TNH1022" s="10"/>
      <c r="TNI1022" s="10"/>
      <c r="TNJ1022" s="10"/>
      <c r="TNK1022" s="10"/>
      <c r="TNL1022" s="10"/>
      <c r="TNM1022" s="10"/>
      <c r="TNN1022" s="10"/>
      <c r="TNO1022" s="10"/>
      <c r="TNP1022" s="10"/>
      <c r="TNQ1022" s="10"/>
      <c r="TNR1022" s="10"/>
      <c r="TNS1022" s="10"/>
      <c r="TNT1022" s="10"/>
      <c r="TNU1022" s="10"/>
      <c r="TNV1022" s="10"/>
      <c r="TNW1022" s="10"/>
      <c r="TNX1022" s="10"/>
      <c r="TNY1022" s="10"/>
      <c r="TNZ1022" s="10"/>
      <c r="TOA1022" s="10"/>
      <c r="TOB1022" s="10"/>
      <c r="TOC1022" s="10"/>
      <c r="TOD1022" s="10"/>
      <c r="TOE1022" s="10"/>
      <c r="TOF1022" s="10"/>
      <c r="TOG1022" s="10"/>
      <c r="TOH1022" s="10"/>
      <c r="TOI1022" s="10"/>
      <c r="TOJ1022" s="10"/>
      <c r="TOK1022" s="10"/>
      <c r="TOL1022" s="10"/>
      <c r="TOM1022" s="10"/>
      <c r="TON1022" s="10"/>
      <c r="TOO1022" s="10"/>
      <c r="TOP1022" s="10"/>
      <c r="TOQ1022" s="10"/>
      <c r="TOR1022" s="10"/>
      <c r="TOS1022" s="10"/>
      <c r="TOT1022" s="10"/>
      <c r="TOU1022" s="10"/>
      <c r="TOV1022" s="10"/>
      <c r="TOW1022" s="10"/>
      <c r="TOX1022" s="10"/>
      <c r="TOY1022" s="10"/>
      <c r="TOZ1022" s="10"/>
      <c r="TPA1022" s="10"/>
      <c r="TPB1022" s="10"/>
      <c r="TPC1022" s="10"/>
      <c r="TPD1022" s="10"/>
      <c r="TPE1022" s="10"/>
      <c r="TPF1022" s="10"/>
      <c r="TPG1022" s="10"/>
      <c r="TPH1022" s="10"/>
      <c r="TPI1022" s="10"/>
      <c r="TPJ1022" s="10"/>
      <c r="TPK1022" s="10"/>
      <c r="TPL1022" s="10"/>
      <c r="TPM1022" s="10"/>
      <c r="TPN1022" s="10"/>
      <c r="TPO1022" s="10"/>
      <c r="TPP1022" s="10"/>
      <c r="TPQ1022" s="10"/>
      <c r="TPR1022" s="10"/>
      <c r="TPS1022" s="10"/>
      <c r="TPT1022" s="10"/>
      <c r="TPU1022" s="10"/>
      <c r="TPV1022" s="10"/>
      <c r="TPW1022" s="10"/>
      <c r="TPX1022" s="10"/>
      <c r="TPY1022" s="10"/>
      <c r="TPZ1022" s="10"/>
      <c r="TQA1022" s="10"/>
      <c r="TQB1022" s="10"/>
      <c r="TQC1022" s="10"/>
      <c r="TQD1022" s="10"/>
      <c r="TQE1022" s="10"/>
      <c r="TQF1022" s="10"/>
      <c r="TQG1022" s="10"/>
      <c r="TQH1022" s="10"/>
      <c r="TQI1022" s="10"/>
      <c r="TQJ1022" s="10"/>
      <c r="TQK1022" s="10"/>
      <c r="TQL1022" s="10"/>
      <c r="TQM1022" s="10"/>
      <c r="TQN1022" s="10"/>
      <c r="TQO1022" s="10"/>
      <c r="TQP1022" s="10"/>
      <c r="TQQ1022" s="10"/>
      <c r="TQR1022" s="10"/>
      <c r="TQS1022" s="10"/>
      <c r="TQT1022" s="10"/>
      <c r="TQU1022" s="10"/>
      <c r="TQV1022" s="10"/>
      <c r="TQW1022" s="10"/>
      <c r="TQX1022" s="10"/>
      <c r="TQY1022" s="10"/>
      <c r="TQZ1022" s="10"/>
      <c r="TRA1022" s="10"/>
      <c r="TRB1022" s="10"/>
      <c r="TRC1022" s="10"/>
      <c r="TRD1022" s="10"/>
      <c r="TRE1022" s="10"/>
      <c r="TRF1022" s="10"/>
      <c r="TRG1022" s="10"/>
      <c r="TRH1022" s="10"/>
      <c r="TRI1022" s="10"/>
      <c r="TRJ1022" s="10"/>
      <c r="TRK1022" s="10"/>
      <c r="TRL1022" s="10"/>
      <c r="TRM1022" s="10"/>
      <c r="TRN1022" s="10"/>
      <c r="TRO1022" s="10"/>
      <c r="TRP1022" s="10"/>
      <c r="TRQ1022" s="10"/>
      <c r="TRR1022" s="10"/>
      <c r="TRS1022" s="10"/>
      <c r="TRT1022" s="10"/>
      <c r="TRU1022" s="10"/>
      <c r="TRV1022" s="10"/>
      <c r="TRW1022" s="10"/>
      <c r="TRX1022" s="10"/>
      <c r="TRY1022" s="10"/>
      <c r="TRZ1022" s="10"/>
      <c r="TSA1022" s="10"/>
      <c r="TSB1022" s="10"/>
      <c r="TSC1022" s="10"/>
      <c r="TSD1022" s="10"/>
      <c r="TSE1022" s="10"/>
      <c r="TSF1022" s="10"/>
      <c r="TSG1022" s="10"/>
      <c r="TSH1022" s="10"/>
      <c r="TSI1022" s="10"/>
      <c r="TSJ1022" s="10"/>
      <c r="TSK1022" s="10"/>
      <c r="TSL1022" s="10"/>
      <c r="TSM1022" s="10"/>
      <c r="TSN1022" s="10"/>
      <c r="TSO1022" s="10"/>
      <c r="TSP1022" s="10"/>
      <c r="TSQ1022" s="10"/>
      <c r="TSR1022" s="10"/>
      <c r="TSS1022" s="10"/>
      <c r="TST1022" s="10"/>
      <c r="TSU1022" s="10"/>
      <c r="TSV1022" s="10"/>
      <c r="TSW1022" s="10"/>
      <c r="TSX1022" s="10"/>
      <c r="TSY1022" s="10"/>
      <c r="TSZ1022" s="10"/>
      <c r="TTA1022" s="10"/>
      <c r="TTB1022" s="10"/>
      <c r="TTC1022" s="10"/>
      <c r="TTD1022" s="10"/>
      <c r="TTE1022" s="10"/>
      <c r="TTF1022" s="10"/>
      <c r="TTG1022" s="10"/>
      <c r="TTH1022" s="10"/>
      <c r="TTI1022" s="10"/>
      <c r="TTJ1022" s="10"/>
      <c r="TTK1022" s="10"/>
      <c r="TTL1022" s="10"/>
      <c r="TTM1022" s="10"/>
      <c r="TTN1022" s="10"/>
      <c r="TTO1022" s="10"/>
      <c r="TTP1022" s="10"/>
      <c r="TTQ1022" s="10"/>
      <c r="TTR1022" s="10"/>
      <c r="TTS1022" s="10"/>
      <c r="TTT1022" s="10"/>
      <c r="TTU1022" s="10"/>
      <c r="TTV1022" s="10"/>
      <c r="TTW1022" s="10"/>
      <c r="TTX1022" s="10"/>
      <c r="TTY1022" s="10"/>
      <c r="TTZ1022" s="10"/>
      <c r="TUA1022" s="10"/>
      <c r="TUB1022" s="10"/>
      <c r="TUC1022" s="10"/>
      <c r="TUD1022" s="10"/>
      <c r="TUE1022" s="10"/>
      <c r="TUF1022" s="10"/>
      <c r="TUG1022" s="10"/>
      <c r="TUH1022" s="10"/>
      <c r="TUI1022" s="10"/>
      <c r="TUJ1022" s="10"/>
      <c r="TUK1022" s="10"/>
      <c r="TUL1022" s="10"/>
      <c r="TUM1022" s="10"/>
      <c r="TUN1022" s="10"/>
      <c r="TUO1022" s="10"/>
      <c r="TUP1022" s="10"/>
      <c r="TUQ1022" s="10"/>
      <c r="TUR1022" s="10"/>
      <c r="TUS1022" s="10"/>
      <c r="TUT1022" s="10"/>
      <c r="TUU1022" s="10"/>
      <c r="TUV1022" s="10"/>
      <c r="TUW1022" s="10"/>
      <c r="TUX1022" s="10"/>
      <c r="TUY1022" s="10"/>
      <c r="TUZ1022" s="10"/>
      <c r="TVA1022" s="10"/>
      <c r="TVB1022" s="10"/>
      <c r="TVC1022" s="10"/>
      <c r="TVD1022" s="10"/>
      <c r="TVE1022" s="10"/>
      <c r="TVF1022" s="10"/>
      <c r="TVG1022" s="10"/>
      <c r="TVH1022" s="10"/>
      <c r="TVI1022" s="10"/>
      <c r="TVJ1022" s="10"/>
      <c r="TVK1022" s="10"/>
      <c r="TVL1022" s="10"/>
      <c r="TVM1022" s="10"/>
      <c r="TVN1022" s="10"/>
      <c r="TVO1022" s="10"/>
      <c r="TVP1022" s="10"/>
      <c r="TVQ1022" s="10"/>
      <c r="TVR1022" s="10"/>
      <c r="TVS1022" s="10"/>
      <c r="TVT1022" s="10"/>
      <c r="TVU1022" s="10"/>
      <c r="TVV1022" s="10"/>
      <c r="TVW1022" s="10"/>
      <c r="TVX1022" s="10"/>
      <c r="TVY1022" s="10"/>
      <c r="TVZ1022" s="10"/>
      <c r="TWA1022" s="10"/>
      <c r="TWB1022" s="10"/>
      <c r="TWC1022" s="10"/>
      <c r="TWD1022" s="10"/>
      <c r="TWE1022" s="10"/>
      <c r="TWF1022" s="10"/>
      <c r="TWG1022" s="10"/>
      <c r="TWH1022" s="10"/>
      <c r="TWI1022" s="10"/>
      <c r="TWJ1022" s="10"/>
      <c r="TWK1022" s="10"/>
      <c r="TWL1022" s="10"/>
      <c r="TWM1022" s="10"/>
      <c r="TWN1022" s="10"/>
      <c r="TWO1022" s="10"/>
      <c r="TWP1022" s="10"/>
      <c r="TWQ1022" s="10"/>
      <c r="TWR1022" s="10"/>
      <c r="TWS1022" s="10"/>
      <c r="TWT1022" s="10"/>
      <c r="TWU1022" s="10"/>
      <c r="TWV1022" s="10"/>
      <c r="TWW1022" s="10"/>
      <c r="TWX1022" s="10"/>
      <c r="TWY1022" s="10"/>
      <c r="TWZ1022" s="10"/>
      <c r="TXA1022" s="10"/>
      <c r="TXB1022" s="10"/>
      <c r="TXC1022" s="10"/>
      <c r="TXD1022" s="10"/>
      <c r="TXE1022" s="10"/>
      <c r="TXF1022" s="10"/>
      <c r="TXG1022" s="10"/>
      <c r="TXH1022" s="10"/>
      <c r="TXI1022" s="10"/>
      <c r="TXJ1022" s="10"/>
      <c r="TXK1022" s="10"/>
      <c r="TXL1022" s="10"/>
      <c r="TXM1022" s="10"/>
      <c r="TXN1022" s="10"/>
      <c r="TXO1022" s="10"/>
      <c r="TXP1022" s="10"/>
      <c r="TXQ1022" s="10"/>
      <c r="TXR1022" s="10"/>
      <c r="TXS1022" s="10"/>
      <c r="TXT1022" s="10"/>
      <c r="TXU1022" s="10"/>
      <c r="TXV1022" s="10"/>
      <c r="TXW1022" s="10"/>
      <c r="TXX1022" s="10"/>
      <c r="TXY1022" s="10"/>
      <c r="TXZ1022" s="10"/>
      <c r="TYA1022" s="10"/>
      <c r="TYB1022" s="10"/>
      <c r="TYC1022" s="10"/>
      <c r="TYD1022" s="10"/>
      <c r="TYE1022" s="10"/>
      <c r="TYF1022" s="10"/>
      <c r="TYG1022" s="10"/>
      <c r="TYH1022" s="10"/>
      <c r="TYI1022" s="10"/>
      <c r="TYJ1022" s="10"/>
      <c r="TYK1022" s="10"/>
      <c r="TYL1022" s="10"/>
      <c r="TYM1022" s="10"/>
      <c r="TYN1022" s="10"/>
      <c r="TYO1022" s="10"/>
      <c r="TYP1022" s="10"/>
      <c r="TYQ1022" s="10"/>
      <c r="TYR1022" s="10"/>
      <c r="TYS1022" s="10"/>
      <c r="TYT1022" s="10"/>
      <c r="TYU1022" s="10"/>
      <c r="TYV1022" s="10"/>
      <c r="TYW1022" s="10"/>
      <c r="TYX1022" s="10"/>
      <c r="TYY1022" s="10"/>
      <c r="TYZ1022" s="10"/>
      <c r="TZA1022" s="10"/>
      <c r="TZB1022" s="10"/>
      <c r="TZC1022" s="10"/>
      <c r="TZD1022" s="10"/>
      <c r="TZE1022" s="10"/>
      <c r="TZF1022" s="10"/>
      <c r="TZG1022" s="10"/>
      <c r="TZH1022" s="10"/>
      <c r="TZI1022" s="10"/>
      <c r="TZJ1022" s="10"/>
      <c r="TZK1022" s="10"/>
      <c r="TZL1022" s="10"/>
      <c r="TZM1022" s="10"/>
      <c r="TZN1022" s="10"/>
      <c r="TZO1022" s="10"/>
      <c r="TZP1022" s="10"/>
      <c r="TZQ1022" s="10"/>
      <c r="TZR1022" s="10"/>
      <c r="TZS1022" s="10"/>
      <c r="TZT1022" s="10"/>
      <c r="TZU1022" s="10"/>
      <c r="TZV1022" s="10"/>
      <c r="TZW1022" s="10"/>
      <c r="TZX1022" s="10"/>
      <c r="TZY1022" s="10"/>
      <c r="TZZ1022" s="10"/>
      <c r="UAA1022" s="10"/>
      <c r="UAB1022" s="10"/>
      <c r="UAC1022" s="10"/>
      <c r="UAD1022" s="10"/>
      <c r="UAE1022" s="10"/>
      <c r="UAF1022" s="10"/>
      <c r="UAG1022" s="10"/>
      <c r="UAH1022" s="10"/>
      <c r="UAI1022" s="10"/>
      <c r="UAJ1022" s="10"/>
      <c r="UAK1022" s="10"/>
      <c r="UAL1022" s="10"/>
      <c r="UAM1022" s="10"/>
      <c r="UAN1022" s="10"/>
      <c r="UAO1022" s="10"/>
      <c r="UAP1022" s="10"/>
      <c r="UAQ1022" s="10"/>
      <c r="UAR1022" s="10"/>
      <c r="UAS1022" s="10"/>
      <c r="UAT1022" s="10"/>
      <c r="UAU1022" s="10"/>
      <c r="UAV1022" s="10"/>
      <c r="UAW1022" s="10"/>
      <c r="UAX1022" s="10"/>
      <c r="UAY1022" s="10"/>
      <c r="UAZ1022" s="10"/>
      <c r="UBA1022" s="10"/>
      <c r="UBB1022" s="10"/>
      <c r="UBC1022" s="10"/>
      <c r="UBD1022" s="10"/>
      <c r="UBE1022" s="10"/>
      <c r="UBF1022" s="10"/>
      <c r="UBG1022" s="10"/>
      <c r="UBH1022" s="10"/>
      <c r="UBI1022" s="10"/>
      <c r="UBJ1022" s="10"/>
      <c r="UBK1022" s="10"/>
      <c r="UBL1022" s="10"/>
      <c r="UBM1022" s="10"/>
      <c r="UBN1022" s="10"/>
      <c r="UBO1022" s="10"/>
      <c r="UBP1022" s="10"/>
      <c r="UBQ1022" s="10"/>
      <c r="UBR1022" s="10"/>
      <c r="UBS1022" s="10"/>
      <c r="UBT1022" s="10"/>
      <c r="UBU1022" s="10"/>
      <c r="UBV1022" s="10"/>
      <c r="UBW1022" s="10"/>
      <c r="UBX1022" s="10"/>
      <c r="UBY1022" s="10"/>
      <c r="UBZ1022" s="10"/>
      <c r="UCA1022" s="10"/>
      <c r="UCB1022" s="10"/>
      <c r="UCC1022" s="10"/>
      <c r="UCD1022" s="10"/>
      <c r="UCE1022" s="10"/>
      <c r="UCF1022" s="10"/>
      <c r="UCG1022" s="10"/>
      <c r="UCH1022" s="10"/>
      <c r="UCI1022" s="10"/>
      <c r="UCJ1022" s="10"/>
      <c r="UCK1022" s="10"/>
      <c r="UCL1022" s="10"/>
      <c r="UCM1022" s="10"/>
      <c r="UCN1022" s="10"/>
      <c r="UCO1022" s="10"/>
      <c r="UCP1022" s="10"/>
      <c r="UCQ1022" s="10"/>
      <c r="UCR1022" s="10"/>
      <c r="UCS1022" s="10"/>
      <c r="UCT1022" s="10"/>
      <c r="UCU1022" s="10"/>
      <c r="UCV1022" s="10"/>
      <c r="UCW1022" s="10"/>
      <c r="UCX1022" s="10"/>
      <c r="UCY1022" s="10"/>
      <c r="UCZ1022" s="10"/>
      <c r="UDA1022" s="10"/>
      <c r="UDB1022" s="10"/>
      <c r="UDC1022" s="10"/>
      <c r="UDD1022" s="10"/>
      <c r="UDE1022" s="10"/>
      <c r="UDF1022" s="10"/>
      <c r="UDG1022" s="10"/>
      <c r="UDH1022" s="10"/>
      <c r="UDI1022" s="10"/>
      <c r="UDJ1022" s="10"/>
      <c r="UDK1022" s="10"/>
      <c r="UDL1022" s="10"/>
      <c r="UDM1022" s="10"/>
      <c r="UDN1022" s="10"/>
      <c r="UDO1022" s="10"/>
      <c r="UDP1022" s="10"/>
      <c r="UDQ1022" s="10"/>
      <c r="UDR1022" s="10"/>
      <c r="UDS1022" s="10"/>
      <c r="UDT1022" s="10"/>
      <c r="UDU1022" s="10"/>
      <c r="UDV1022" s="10"/>
      <c r="UDW1022" s="10"/>
      <c r="UDX1022" s="10"/>
      <c r="UDY1022" s="10"/>
      <c r="UDZ1022" s="10"/>
      <c r="UEA1022" s="10"/>
      <c r="UEB1022" s="10"/>
      <c r="UEC1022" s="10"/>
      <c r="UED1022" s="10"/>
      <c r="UEE1022" s="10"/>
      <c r="UEF1022" s="10"/>
      <c r="UEG1022" s="10"/>
      <c r="UEH1022" s="10"/>
      <c r="UEI1022" s="10"/>
      <c r="UEJ1022" s="10"/>
      <c r="UEK1022" s="10"/>
      <c r="UEL1022" s="10"/>
      <c r="UEM1022" s="10"/>
      <c r="UEN1022" s="10"/>
      <c r="UEO1022" s="10"/>
      <c r="UEP1022" s="10"/>
      <c r="UEQ1022" s="10"/>
      <c r="UER1022" s="10"/>
      <c r="UES1022" s="10"/>
      <c r="UET1022" s="10"/>
      <c r="UEU1022" s="10"/>
      <c r="UEV1022" s="10"/>
      <c r="UEW1022" s="10"/>
      <c r="UEX1022" s="10"/>
      <c r="UEY1022" s="10"/>
      <c r="UEZ1022" s="10"/>
      <c r="UFA1022" s="10"/>
      <c r="UFB1022" s="10"/>
      <c r="UFC1022" s="10"/>
      <c r="UFD1022" s="10"/>
      <c r="UFE1022" s="10"/>
      <c r="UFF1022" s="10"/>
      <c r="UFG1022" s="10"/>
      <c r="UFH1022" s="10"/>
      <c r="UFI1022" s="10"/>
      <c r="UFJ1022" s="10"/>
      <c r="UFK1022" s="10"/>
      <c r="UFL1022" s="10"/>
      <c r="UFM1022" s="10"/>
      <c r="UFN1022" s="10"/>
      <c r="UFO1022" s="10"/>
      <c r="UFP1022" s="10"/>
      <c r="UFQ1022" s="10"/>
      <c r="UFR1022" s="10"/>
      <c r="UFS1022" s="10"/>
      <c r="UFT1022" s="10"/>
      <c r="UFU1022" s="10"/>
      <c r="UFV1022" s="10"/>
      <c r="UFW1022" s="10"/>
      <c r="UFX1022" s="10"/>
      <c r="UFY1022" s="10"/>
      <c r="UFZ1022" s="10"/>
      <c r="UGA1022" s="10"/>
      <c r="UGB1022" s="10"/>
      <c r="UGC1022" s="10"/>
      <c r="UGD1022" s="10"/>
      <c r="UGE1022" s="10"/>
      <c r="UGF1022" s="10"/>
      <c r="UGG1022" s="10"/>
      <c r="UGH1022" s="10"/>
      <c r="UGI1022" s="10"/>
      <c r="UGJ1022" s="10"/>
      <c r="UGK1022" s="10"/>
      <c r="UGL1022" s="10"/>
      <c r="UGM1022" s="10"/>
      <c r="UGN1022" s="10"/>
      <c r="UGO1022" s="10"/>
      <c r="UGP1022" s="10"/>
      <c r="UGQ1022" s="10"/>
      <c r="UGR1022" s="10"/>
      <c r="UGS1022" s="10"/>
      <c r="UGT1022" s="10"/>
      <c r="UGU1022" s="10"/>
      <c r="UGV1022" s="10"/>
      <c r="UGW1022" s="10"/>
      <c r="UGX1022" s="10"/>
      <c r="UGY1022" s="10"/>
      <c r="UGZ1022" s="10"/>
      <c r="UHA1022" s="10"/>
      <c r="UHB1022" s="10"/>
      <c r="UHC1022" s="10"/>
      <c r="UHD1022" s="10"/>
      <c r="UHE1022" s="10"/>
      <c r="UHF1022" s="10"/>
      <c r="UHG1022" s="10"/>
      <c r="UHH1022" s="10"/>
      <c r="UHI1022" s="10"/>
      <c r="UHJ1022" s="10"/>
      <c r="UHK1022" s="10"/>
      <c r="UHL1022" s="10"/>
      <c r="UHM1022" s="10"/>
      <c r="UHN1022" s="10"/>
      <c r="UHO1022" s="10"/>
      <c r="UHP1022" s="10"/>
      <c r="UHQ1022" s="10"/>
      <c r="UHR1022" s="10"/>
      <c r="UHS1022" s="10"/>
      <c r="UHT1022" s="10"/>
      <c r="UHU1022" s="10"/>
      <c r="UHV1022" s="10"/>
      <c r="UHW1022" s="10"/>
      <c r="UHX1022" s="10"/>
      <c r="UHY1022" s="10"/>
      <c r="UHZ1022" s="10"/>
      <c r="UIA1022" s="10"/>
      <c r="UIB1022" s="10"/>
      <c r="UIC1022" s="10"/>
      <c r="UID1022" s="10"/>
      <c r="UIE1022" s="10"/>
      <c r="UIF1022" s="10"/>
      <c r="UIG1022" s="10"/>
      <c r="UIH1022" s="10"/>
      <c r="UII1022" s="10"/>
      <c r="UIJ1022" s="10"/>
      <c r="UIK1022" s="10"/>
      <c r="UIL1022" s="10"/>
      <c r="UIM1022" s="10"/>
      <c r="UIN1022" s="10"/>
      <c r="UIO1022" s="10"/>
      <c r="UIP1022" s="10"/>
      <c r="UIQ1022" s="10"/>
      <c r="UIR1022" s="10"/>
      <c r="UIS1022" s="10"/>
      <c r="UIT1022" s="10"/>
      <c r="UIU1022" s="10"/>
      <c r="UIV1022" s="10"/>
      <c r="UIW1022" s="10"/>
      <c r="UIX1022" s="10"/>
      <c r="UIY1022" s="10"/>
      <c r="UIZ1022" s="10"/>
      <c r="UJA1022" s="10"/>
      <c r="UJB1022" s="10"/>
      <c r="UJC1022" s="10"/>
      <c r="UJD1022" s="10"/>
      <c r="UJE1022" s="10"/>
      <c r="UJF1022" s="10"/>
      <c r="UJG1022" s="10"/>
      <c r="UJH1022" s="10"/>
      <c r="UJI1022" s="10"/>
      <c r="UJJ1022" s="10"/>
      <c r="UJK1022" s="10"/>
      <c r="UJL1022" s="10"/>
      <c r="UJM1022" s="10"/>
      <c r="UJN1022" s="10"/>
      <c r="UJO1022" s="10"/>
      <c r="UJP1022" s="10"/>
      <c r="UJQ1022" s="10"/>
      <c r="UJR1022" s="10"/>
      <c r="UJS1022" s="10"/>
      <c r="UJT1022" s="10"/>
      <c r="UJU1022" s="10"/>
      <c r="UJV1022" s="10"/>
      <c r="UJW1022" s="10"/>
      <c r="UJX1022" s="10"/>
      <c r="UJY1022" s="10"/>
      <c r="UJZ1022" s="10"/>
      <c r="UKA1022" s="10"/>
      <c r="UKB1022" s="10"/>
      <c r="UKC1022" s="10"/>
      <c r="UKD1022" s="10"/>
      <c r="UKE1022" s="10"/>
      <c r="UKF1022" s="10"/>
      <c r="UKG1022" s="10"/>
      <c r="UKH1022" s="10"/>
      <c r="UKI1022" s="10"/>
      <c r="UKJ1022" s="10"/>
      <c r="UKK1022" s="10"/>
      <c r="UKL1022" s="10"/>
      <c r="UKM1022" s="10"/>
      <c r="UKN1022" s="10"/>
      <c r="UKO1022" s="10"/>
      <c r="UKP1022" s="10"/>
      <c r="UKQ1022" s="10"/>
      <c r="UKR1022" s="10"/>
      <c r="UKS1022" s="10"/>
      <c r="UKT1022" s="10"/>
      <c r="UKU1022" s="10"/>
      <c r="UKV1022" s="10"/>
      <c r="UKW1022" s="10"/>
      <c r="UKX1022" s="10"/>
      <c r="UKY1022" s="10"/>
      <c r="UKZ1022" s="10"/>
      <c r="ULA1022" s="10"/>
      <c r="ULB1022" s="10"/>
      <c r="ULC1022" s="10"/>
      <c r="ULD1022" s="10"/>
      <c r="ULE1022" s="10"/>
      <c r="ULF1022" s="10"/>
      <c r="ULG1022" s="10"/>
      <c r="ULH1022" s="10"/>
      <c r="ULI1022" s="10"/>
      <c r="ULJ1022" s="10"/>
      <c r="ULK1022" s="10"/>
      <c r="ULL1022" s="10"/>
      <c r="ULM1022" s="10"/>
      <c r="ULN1022" s="10"/>
      <c r="ULO1022" s="10"/>
      <c r="ULP1022" s="10"/>
      <c r="ULQ1022" s="10"/>
      <c r="ULR1022" s="10"/>
      <c r="ULS1022" s="10"/>
      <c r="ULT1022" s="10"/>
      <c r="ULU1022" s="10"/>
      <c r="ULV1022" s="10"/>
      <c r="ULW1022" s="10"/>
      <c r="ULX1022" s="10"/>
      <c r="ULY1022" s="10"/>
      <c r="ULZ1022" s="10"/>
      <c r="UMA1022" s="10"/>
      <c r="UMB1022" s="10"/>
      <c r="UMC1022" s="10"/>
      <c r="UMD1022" s="10"/>
      <c r="UME1022" s="10"/>
      <c r="UMF1022" s="10"/>
      <c r="UMG1022" s="10"/>
      <c r="UMH1022" s="10"/>
      <c r="UMI1022" s="10"/>
      <c r="UMJ1022" s="10"/>
      <c r="UMK1022" s="10"/>
      <c r="UML1022" s="10"/>
      <c r="UMM1022" s="10"/>
      <c r="UMN1022" s="10"/>
      <c r="UMO1022" s="10"/>
      <c r="UMP1022" s="10"/>
      <c r="UMQ1022" s="10"/>
      <c r="UMR1022" s="10"/>
      <c r="UMS1022" s="10"/>
      <c r="UMT1022" s="10"/>
      <c r="UMU1022" s="10"/>
      <c r="UMV1022" s="10"/>
      <c r="UMW1022" s="10"/>
      <c r="UMX1022" s="10"/>
      <c r="UMY1022" s="10"/>
      <c r="UMZ1022" s="10"/>
      <c r="UNA1022" s="10"/>
      <c r="UNB1022" s="10"/>
      <c r="UNC1022" s="10"/>
      <c r="UND1022" s="10"/>
      <c r="UNE1022" s="10"/>
      <c r="UNF1022" s="10"/>
      <c r="UNG1022" s="10"/>
      <c r="UNH1022" s="10"/>
      <c r="UNI1022" s="10"/>
      <c r="UNJ1022" s="10"/>
      <c r="UNK1022" s="10"/>
      <c r="UNL1022" s="10"/>
      <c r="UNM1022" s="10"/>
      <c r="UNN1022" s="10"/>
      <c r="UNO1022" s="10"/>
      <c r="UNP1022" s="10"/>
      <c r="UNQ1022" s="10"/>
      <c r="UNR1022" s="10"/>
      <c r="UNS1022" s="10"/>
      <c r="UNT1022" s="10"/>
      <c r="UNU1022" s="10"/>
      <c r="UNV1022" s="10"/>
      <c r="UNW1022" s="10"/>
      <c r="UNX1022" s="10"/>
      <c r="UNY1022" s="10"/>
      <c r="UNZ1022" s="10"/>
      <c r="UOA1022" s="10"/>
      <c r="UOB1022" s="10"/>
      <c r="UOC1022" s="10"/>
      <c r="UOD1022" s="10"/>
      <c r="UOE1022" s="10"/>
      <c r="UOF1022" s="10"/>
      <c r="UOG1022" s="10"/>
      <c r="UOH1022" s="10"/>
      <c r="UOI1022" s="10"/>
      <c r="UOJ1022" s="10"/>
      <c r="UOK1022" s="10"/>
      <c r="UOL1022" s="10"/>
      <c r="UOM1022" s="10"/>
      <c r="UON1022" s="10"/>
      <c r="UOO1022" s="10"/>
      <c r="UOP1022" s="10"/>
      <c r="UOQ1022" s="10"/>
      <c r="UOR1022" s="10"/>
      <c r="UOS1022" s="10"/>
      <c r="UOT1022" s="10"/>
      <c r="UOU1022" s="10"/>
      <c r="UOV1022" s="10"/>
      <c r="UOW1022" s="10"/>
      <c r="UOX1022" s="10"/>
      <c r="UOY1022" s="10"/>
      <c r="UOZ1022" s="10"/>
      <c r="UPA1022" s="10"/>
      <c r="UPB1022" s="10"/>
      <c r="UPC1022" s="10"/>
      <c r="UPD1022" s="10"/>
      <c r="UPE1022" s="10"/>
      <c r="UPF1022" s="10"/>
      <c r="UPG1022" s="10"/>
      <c r="UPH1022" s="10"/>
      <c r="UPI1022" s="10"/>
      <c r="UPJ1022" s="10"/>
      <c r="UPK1022" s="10"/>
      <c r="UPL1022" s="10"/>
      <c r="UPM1022" s="10"/>
      <c r="UPN1022" s="10"/>
      <c r="UPO1022" s="10"/>
      <c r="UPP1022" s="10"/>
      <c r="UPQ1022" s="10"/>
      <c r="UPR1022" s="10"/>
      <c r="UPS1022" s="10"/>
      <c r="UPT1022" s="10"/>
      <c r="UPU1022" s="10"/>
      <c r="UPV1022" s="10"/>
      <c r="UPW1022" s="10"/>
      <c r="UPX1022" s="10"/>
      <c r="UPY1022" s="10"/>
      <c r="UPZ1022" s="10"/>
      <c r="UQA1022" s="10"/>
      <c r="UQB1022" s="10"/>
      <c r="UQC1022" s="10"/>
      <c r="UQD1022" s="10"/>
      <c r="UQE1022" s="10"/>
      <c r="UQF1022" s="10"/>
      <c r="UQG1022" s="10"/>
      <c r="UQH1022" s="10"/>
      <c r="UQI1022" s="10"/>
      <c r="UQJ1022" s="10"/>
      <c r="UQK1022" s="10"/>
      <c r="UQL1022" s="10"/>
      <c r="UQM1022" s="10"/>
      <c r="UQN1022" s="10"/>
      <c r="UQO1022" s="10"/>
      <c r="UQP1022" s="10"/>
      <c r="UQQ1022" s="10"/>
      <c r="UQR1022" s="10"/>
      <c r="UQS1022" s="10"/>
      <c r="UQT1022" s="10"/>
      <c r="UQU1022" s="10"/>
      <c r="UQV1022" s="10"/>
      <c r="UQW1022" s="10"/>
      <c r="UQX1022" s="10"/>
      <c r="UQY1022" s="10"/>
      <c r="UQZ1022" s="10"/>
      <c r="URA1022" s="10"/>
      <c r="URB1022" s="10"/>
      <c r="URC1022" s="10"/>
      <c r="URD1022" s="10"/>
      <c r="URE1022" s="10"/>
      <c r="URF1022" s="10"/>
      <c r="URG1022" s="10"/>
      <c r="URH1022" s="10"/>
      <c r="URI1022" s="10"/>
      <c r="URJ1022" s="10"/>
      <c r="URK1022" s="10"/>
      <c r="URL1022" s="10"/>
      <c r="URM1022" s="10"/>
      <c r="URN1022" s="10"/>
      <c r="URO1022" s="10"/>
      <c r="URP1022" s="10"/>
      <c r="URQ1022" s="10"/>
      <c r="URR1022" s="10"/>
      <c r="URS1022" s="10"/>
      <c r="URT1022" s="10"/>
      <c r="URU1022" s="10"/>
      <c r="URV1022" s="10"/>
      <c r="URW1022" s="10"/>
      <c r="URX1022" s="10"/>
      <c r="URY1022" s="10"/>
      <c r="URZ1022" s="10"/>
      <c r="USA1022" s="10"/>
      <c r="USB1022" s="10"/>
      <c r="USC1022" s="10"/>
      <c r="USD1022" s="10"/>
      <c r="USE1022" s="10"/>
      <c r="USF1022" s="10"/>
      <c r="USG1022" s="10"/>
      <c r="USH1022" s="10"/>
      <c r="USI1022" s="10"/>
      <c r="USJ1022" s="10"/>
      <c r="USK1022" s="10"/>
      <c r="USL1022" s="10"/>
      <c r="USM1022" s="10"/>
      <c r="USN1022" s="10"/>
      <c r="USO1022" s="10"/>
      <c r="USP1022" s="10"/>
      <c r="USQ1022" s="10"/>
      <c r="USR1022" s="10"/>
      <c r="USS1022" s="10"/>
      <c r="UST1022" s="10"/>
      <c r="USU1022" s="10"/>
      <c r="USV1022" s="10"/>
      <c r="USW1022" s="10"/>
      <c r="USX1022" s="10"/>
      <c r="USY1022" s="10"/>
      <c r="USZ1022" s="10"/>
      <c r="UTA1022" s="10"/>
      <c r="UTB1022" s="10"/>
      <c r="UTC1022" s="10"/>
      <c r="UTD1022" s="10"/>
      <c r="UTE1022" s="10"/>
      <c r="UTF1022" s="10"/>
      <c r="UTG1022" s="10"/>
      <c r="UTH1022" s="10"/>
      <c r="UTI1022" s="10"/>
      <c r="UTJ1022" s="10"/>
      <c r="UTK1022" s="10"/>
      <c r="UTL1022" s="10"/>
      <c r="UTM1022" s="10"/>
      <c r="UTN1022" s="10"/>
      <c r="UTO1022" s="10"/>
      <c r="UTP1022" s="10"/>
      <c r="UTQ1022" s="10"/>
      <c r="UTR1022" s="10"/>
      <c r="UTS1022" s="10"/>
      <c r="UTT1022" s="10"/>
      <c r="UTU1022" s="10"/>
      <c r="UTV1022" s="10"/>
      <c r="UTW1022" s="10"/>
      <c r="UTX1022" s="10"/>
      <c r="UTY1022" s="10"/>
      <c r="UTZ1022" s="10"/>
      <c r="UUA1022" s="10"/>
      <c r="UUB1022" s="10"/>
      <c r="UUC1022" s="10"/>
      <c r="UUD1022" s="10"/>
      <c r="UUE1022" s="10"/>
      <c r="UUF1022" s="10"/>
      <c r="UUG1022" s="10"/>
      <c r="UUH1022" s="10"/>
      <c r="UUI1022" s="10"/>
      <c r="UUJ1022" s="10"/>
      <c r="UUK1022" s="10"/>
      <c r="UUL1022" s="10"/>
      <c r="UUM1022" s="10"/>
      <c r="UUN1022" s="10"/>
      <c r="UUO1022" s="10"/>
      <c r="UUP1022" s="10"/>
      <c r="UUQ1022" s="10"/>
      <c r="UUR1022" s="10"/>
      <c r="UUS1022" s="10"/>
      <c r="UUT1022" s="10"/>
      <c r="UUU1022" s="10"/>
      <c r="UUV1022" s="10"/>
      <c r="UUW1022" s="10"/>
      <c r="UUX1022" s="10"/>
      <c r="UUY1022" s="10"/>
      <c r="UUZ1022" s="10"/>
      <c r="UVA1022" s="10"/>
      <c r="UVB1022" s="10"/>
      <c r="UVC1022" s="10"/>
      <c r="UVD1022" s="10"/>
      <c r="UVE1022" s="10"/>
      <c r="UVF1022" s="10"/>
      <c r="UVG1022" s="10"/>
      <c r="UVH1022" s="10"/>
      <c r="UVI1022" s="10"/>
      <c r="UVJ1022" s="10"/>
      <c r="UVK1022" s="10"/>
      <c r="UVL1022" s="10"/>
      <c r="UVM1022" s="10"/>
      <c r="UVN1022" s="10"/>
      <c r="UVO1022" s="10"/>
      <c r="UVP1022" s="10"/>
      <c r="UVQ1022" s="10"/>
      <c r="UVR1022" s="10"/>
      <c r="UVS1022" s="10"/>
      <c r="UVT1022" s="10"/>
      <c r="UVU1022" s="10"/>
      <c r="UVV1022" s="10"/>
      <c r="UVW1022" s="10"/>
      <c r="UVX1022" s="10"/>
      <c r="UVY1022" s="10"/>
      <c r="UVZ1022" s="10"/>
      <c r="UWA1022" s="10"/>
      <c r="UWB1022" s="10"/>
      <c r="UWC1022" s="10"/>
      <c r="UWD1022" s="10"/>
      <c r="UWE1022" s="10"/>
      <c r="UWF1022" s="10"/>
      <c r="UWG1022" s="10"/>
      <c r="UWH1022" s="10"/>
      <c r="UWI1022" s="10"/>
      <c r="UWJ1022" s="10"/>
      <c r="UWK1022" s="10"/>
      <c r="UWL1022" s="10"/>
      <c r="UWM1022" s="10"/>
      <c r="UWN1022" s="10"/>
      <c r="UWO1022" s="10"/>
      <c r="UWP1022" s="10"/>
      <c r="UWQ1022" s="10"/>
      <c r="UWR1022" s="10"/>
      <c r="UWS1022" s="10"/>
      <c r="UWT1022" s="10"/>
      <c r="UWU1022" s="10"/>
      <c r="UWV1022" s="10"/>
      <c r="UWW1022" s="10"/>
      <c r="UWX1022" s="10"/>
      <c r="UWY1022" s="10"/>
      <c r="UWZ1022" s="10"/>
      <c r="UXA1022" s="10"/>
      <c r="UXB1022" s="10"/>
      <c r="UXC1022" s="10"/>
      <c r="UXD1022" s="10"/>
      <c r="UXE1022" s="10"/>
      <c r="UXF1022" s="10"/>
      <c r="UXG1022" s="10"/>
      <c r="UXH1022" s="10"/>
      <c r="UXI1022" s="10"/>
      <c r="UXJ1022" s="10"/>
      <c r="UXK1022" s="10"/>
      <c r="UXL1022" s="10"/>
      <c r="UXM1022" s="10"/>
      <c r="UXN1022" s="10"/>
      <c r="UXO1022" s="10"/>
      <c r="UXP1022" s="10"/>
      <c r="UXQ1022" s="10"/>
      <c r="UXR1022" s="10"/>
      <c r="UXS1022" s="10"/>
      <c r="UXT1022" s="10"/>
      <c r="UXU1022" s="10"/>
      <c r="UXV1022" s="10"/>
      <c r="UXW1022" s="10"/>
      <c r="UXX1022" s="10"/>
      <c r="UXY1022" s="10"/>
      <c r="UXZ1022" s="10"/>
      <c r="UYA1022" s="10"/>
      <c r="UYB1022" s="10"/>
      <c r="UYC1022" s="10"/>
      <c r="UYD1022" s="10"/>
      <c r="UYE1022" s="10"/>
      <c r="UYF1022" s="10"/>
      <c r="UYG1022" s="10"/>
      <c r="UYH1022" s="10"/>
      <c r="UYI1022" s="10"/>
      <c r="UYJ1022" s="10"/>
      <c r="UYK1022" s="10"/>
      <c r="UYL1022" s="10"/>
      <c r="UYM1022" s="10"/>
      <c r="UYN1022" s="10"/>
      <c r="UYO1022" s="10"/>
      <c r="UYP1022" s="10"/>
      <c r="UYQ1022" s="10"/>
      <c r="UYR1022" s="10"/>
      <c r="UYS1022" s="10"/>
      <c r="UYT1022" s="10"/>
      <c r="UYU1022" s="10"/>
      <c r="UYV1022" s="10"/>
      <c r="UYW1022" s="10"/>
      <c r="UYX1022" s="10"/>
      <c r="UYY1022" s="10"/>
      <c r="UYZ1022" s="10"/>
      <c r="UZA1022" s="10"/>
      <c r="UZB1022" s="10"/>
      <c r="UZC1022" s="10"/>
      <c r="UZD1022" s="10"/>
      <c r="UZE1022" s="10"/>
      <c r="UZF1022" s="10"/>
      <c r="UZG1022" s="10"/>
      <c r="UZH1022" s="10"/>
      <c r="UZI1022" s="10"/>
      <c r="UZJ1022" s="10"/>
      <c r="UZK1022" s="10"/>
      <c r="UZL1022" s="10"/>
      <c r="UZM1022" s="10"/>
      <c r="UZN1022" s="10"/>
      <c r="UZO1022" s="10"/>
      <c r="UZP1022" s="10"/>
      <c r="UZQ1022" s="10"/>
      <c r="UZR1022" s="10"/>
      <c r="UZS1022" s="10"/>
      <c r="UZT1022" s="10"/>
      <c r="UZU1022" s="10"/>
      <c r="UZV1022" s="10"/>
      <c r="UZW1022" s="10"/>
      <c r="UZX1022" s="10"/>
      <c r="UZY1022" s="10"/>
      <c r="UZZ1022" s="10"/>
      <c r="VAA1022" s="10"/>
      <c r="VAB1022" s="10"/>
      <c r="VAC1022" s="10"/>
      <c r="VAD1022" s="10"/>
      <c r="VAE1022" s="10"/>
      <c r="VAF1022" s="10"/>
      <c r="VAG1022" s="10"/>
      <c r="VAH1022" s="10"/>
      <c r="VAI1022" s="10"/>
      <c r="VAJ1022" s="10"/>
      <c r="VAK1022" s="10"/>
      <c r="VAL1022" s="10"/>
      <c r="VAM1022" s="10"/>
      <c r="VAN1022" s="10"/>
      <c r="VAO1022" s="10"/>
      <c r="VAP1022" s="10"/>
      <c r="VAQ1022" s="10"/>
      <c r="VAR1022" s="10"/>
      <c r="VAS1022" s="10"/>
      <c r="VAT1022" s="10"/>
      <c r="VAU1022" s="10"/>
      <c r="VAV1022" s="10"/>
      <c r="VAW1022" s="10"/>
      <c r="VAX1022" s="10"/>
      <c r="VAY1022" s="10"/>
      <c r="VAZ1022" s="10"/>
      <c r="VBA1022" s="10"/>
      <c r="VBB1022" s="10"/>
      <c r="VBC1022" s="10"/>
      <c r="VBD1022" s="10"/>
      <c r="VBE1022" s="10"/>
      <c r="VBF1022" s="10"/>
      <c r="VBG1022" s="10"/>
      <c r="VBH1022" s="10"/>
      <c r="VBI1022" s="10"/>
      <c r="VBJ1022" s="10"/>
      <c r="VBK1022" s="10"/>
      <c r="VBL1022" s="10"/>
      <c r="VBM1022" s="10"/>
      <c r="VBN1022" s="10"/>
      <c r="VBO1022" s="10"/>
      <c r="VBP1022" s="10"/>
      <c r="VBQ1022" s="10"/>
      <c r="VBR1022" s="10"/>
      <c r="VBS1022" s="10"/>
      <c r="VBT1022" s="10"/>
      <c r="VBU1022" s="10"/>
      <c r="VBV1022" s="10"/>
      <c r="VBW1022" s="10"/>
      <c r="VBX1022" s="10"/>
      <c r="VBY1022" s="10"/>
      <c r="VBZ1022" s="10"/>
      <c r="VCA1022" s="10"/>
      <c r="VCB1022" s="10"/>
      <c r="VCC1022" s="10"/>
      <c r="VCD1022" s="10"/>
      <c r="VCE1022" s="10"/>
      <c r="VCF1022" s="10"/>
      <c r="VCG1022" s="10"/>
      <c r="VCH1022" s="10"/>
      <c r="VCI1022" s="10"/>
      <c r="VCJ1022" s="10"/>
      <c r="VCK1022" s="10"/>
      <c r="VCL1022" s="10"/>
      <c r="VCM1022" s="10"/>
      <c r="VCN1022" s="10"/>
      <c r="VCO1022" s="10"/>
      <c r="VCP1022" s="10"/>
      <c r="VCQ1022" s="10"/>
      <c r="VCR1022" s="10"/>
      <c r="VCS1022" s="10"/>
      <c r="VCT1022" s="10"/>
      <c r="VCU1022" s="10"/>
      <c r="VCV1022" s="10"/>
      <c r="VCW1022" s="10"/>
      <c r="VCX1022" s="10"/>
      <c r="VCY1022" s="10"/>
      <c r="VCZ1022" s="10"/>
      <c r="VDA1022" s="10"/>
      <c r="VDB1022" s="10"/>
      <c r="VDC1022" s="10"/>
      <c r="VDD1022" s="10"/>
      <c r="VDE1022" s="10"/>
      <c r="VDF1022" s="10"/>
      <c r="VDG1022" s="10"/>
      <c r="VDH1022" s="10"/>
      <c r="VDI1022" s="10"/>
      <c r="VDJ1022" s="10"/>
      <c r="VDK1022" s="10"/>
      <c r="VDL1022" s="10"/>
      <c r="VDM1022" s="10"/>
      <c r="VDN1022" s="10"/>
      <c r="VDO1022" s="10"/>
      <c r="VDP1022" s="10"/>
      <c r="VDQ1022" s="10"/>
      <c r="VDR1022" s="10"/>
      <c r="VDS1022" s="10"/>
      <c r="VDT1022" s="10"/>
      <c r="VDU1022" s="10"/>
      <c r="VDV1022" s="10"/>
      <c r="VDW1022" s="10"/>
      <c r="VDX1022" s="10"/>
      <c r="VDY1022" s="10"/>
      <c r="VDZ1022" s="10"/>
      <c r="VEA1022" s="10"/>
      <c r="VEB1022" s="10"/>
      <c r="VEC1022" s="10"/>
      <c r="VED1022" s="10"/>
      <c r="VEE1022" s="10"/>
      <c r="VEF1022" s="10"/>
      <c r="VEG1022" s="10"/>
      <c r="VEH1022" s="10"/>
      <c r="VEI1022" s="10"/>
      <c r="VEJ1022" s="10"/>
      <c r="VEK1022" s="10"/>
      <c r="VEL1022" s="10"/>
      <c r="VEM1022" s="10"/>
      <c r="VEN1022" s="10"/>
      <c r="VEO1022" s="10"/>
      <c r="VEP1022" s="10"/>
      <c r="VEQ1022" s="10"/>
      <c r="VER1022" s="10"/>
      <c r="VES1022" s="10"/>
      <c r="VET1022" s="10"/>
      <c r="VEU1022" s="10"/>
      <c r="VEV1022" s="10"/>
      <c r="VEW1022" s="10"/>
      <c r="VEX1022" s="10"/>
      <c r="VEY1022" s="10"/>
      <c r="VEZ1022" s="10"/>
      <c r="VFA1022" s="10"/>
      <c r="VFB1022" s="10"/>
      <c r="VFC1022" s="10"/>
      <c r="VFD1022" s="10"/>
      <c r="VFE1022" s="10"/>
      <c r="VFF1022" s="10"/>
      <c r="VFG1022" s="10"/>
      <c r="VFH1022" s="10"/>
      <c r="VFI1022" s="10"/>
      <c r="VFJ1022" s="10"/>
      <c r="VFK1022" s="10"/>
      <c r="VFL1022" s="10"/>
      <c r="VFM1022" s="10"/>
      <c r="VFN1022" s="10"/>
      <c r="VFO1022" s="10"/>
      <c r="VFP1022" s="10"/>
      <c r="VFQ1022" s="10"/>
      <c r="VFR1022" s="10"/>
      <c r="VFS1022" s="10"/>
      <c r="VFT1022" s="10"/>
      <c r="VFU1022" s="10"/>
      <c r="VFV1022" s="10"/>
      <c r="VFW1022" s="10"/>
      <c r="VFX1022" s="10"/>
      <c r="VFY1022" s="10"/>
      <c r="VFZ1022" s="10"/>
      <c r="VGA1022" s="10"/>
      <c r="VGB1022" s="10"/>
      <c r="VGC1022" s="10"/>
      <c r="VGD1022" s="10"/>
      <c r="VGE1022" s="10"/>
      <c r="VGF1022" s="10"/>
      <c r="VGG1022" s="10"/>
      <c r="VGH1022" s="10"/>
      <c r="VGI1022" s="10"/>
      <c r="VGJ1022" s="10"/>
      <c r="VGK1022" s="10"/>
      <c r="VGL1022" s="10"/>
      <c r="VGM1022" s="10"/>
      <c r="VGN1022" s="10"/>
      <c r="VGO1022" s="10"/>
      <c r="VGP1022" s="10"/>
      <c r="VGQ1022" s="10"/>
      <c r="VGR1022" s="10"/>
      <c r="VGS1022" s="10"/>
      <c r="VGT1022" s="10"/>
      <c r="VGU1022" s="10"/>
      <c r="VGV1022" s="10"/>
      <c r="VGW1022" s="10"/>
      <c r="VGX1022" s="10"/>
      <c r="VGY1022" s="10"/>
      <c r="VGZ1022" s="10"/>
      <c r="VHA1022" s="10"/>
      <c r="VHB1022" s="10"/>
      <c r="VHC1022" s="10"/>
      <c r="VHD1022" s="10"/>
      <c r="VHE1022" s="10"/>
      <c r="VHF1022" s="10"/>
      <c r="VHG1022" s="10"/>
      <c r="VHH1022" s="10"/>
      <c r="VHI1022" s="10"/>
      <c r="VHJ1022" s="10"/>
      <c r="VHK1022" s="10"/>
      <c r="VHL1022" s="10"/>
      <c r="VHM1022" s="10"/>
      <c r="VHN1022" s="10"/>
      <c r="VHO1022" s="10"/>
      <c r="VHP1022" s="10"/>
      <c r="VHQ1022" s="10"/>
      <c r="VHR1022" s="10"/>
      <c r="VHS1022" s="10"/>
      <c r="VHT1022" s="10"/>
      <c r="VHU1022" s="10"/>
      <c r="VHV1022" s="10"/>
      <c r="VHW1022" s="10"/>
      <c r="VHX1022" s="10"/>
      <c r="VHY1022" s="10"/>
      <c r="VHZ1022" s="10"/>
      <c r="VIA1022" s="10"/>
      <c r="VIB1022" s="10"/>
      <c r="VIC1022" s="10"/>
      <c r="VID1022" s="10"/>
      <c r="VIE1022" s="10"/>
      <c r="VIF1022" s="10"/>
      <c r="VIG1022" s="10"/>
      <c r="VIH1022" s="10"/>
      <c r="VII1022" s="10"/>
      <c r="VIJ1022" s="10"/>
      <c r="VIK1022" s="10"/>
      <c r="VIL1022" s="10"/>
      <c r="VIM1022" s="10"/>
      <c r="VIN1022" s="10"/>
      <c r="VIO1022" s="10"/>
      <c r="VIP1022" s="10"/>
      <c r="VIQ1022" s="10"/>
      <c r="VIR1022" s="10"/>
      <c r="VIS1022" s="10"/>
      <c r="VIT1022" s="10"/>
      <c r="VIU1022" s="10"/>
      <c r="VIV1022" s="10"/>
      <c r="VIW1022" s="10"/>
      <c r="VIX1022" s="10"/>
      <c r="VIY1022" s="10"/>
      <c r="VIZ1022" s="10"/>
      <c r="VJA1022" s="10"/>
      <c r="VJB1022" s="10"/>
      <c r="VJC1022" s="10"/>
      <c r="VJD1022" s="10"/>
      <c r="VJE1022" s="10"/>
      <c r="VJF1022" s="10"/>
      <c r="VJG1022" s="10"/>
      <c r="VJH1022" s="10"/>
      <c r="VJI1022" s="10"/>
      <c r="VJJ1022" s="10"/>
      <c r="VJK1022" s="10"/>
      <c r="VJL1022" s="10"/>
      <c r="VJM1022" s="10"/>
      <c r="VJN1022" s="10"/>
      <c r="VJO1022" s="10"/>
      <c r="VJP1022" s="10"/>
      <c r="VJQ1022" s="10"/>
      <c r="VJR1022" s="10"/>
      <c r="VJS1022" s="10"/>
      <c r="VJT1022" s="10"/>
      <c r="VJU1022" s="10"/>
      <c r="VJV1022" s="10"/>
      <c r="VJW1022" s="10"/>
      <c r="VJX1022" s="10"/>
      <c r="VJY1022" s="10"/>
      <c r="VJZ1022" s="10"/>
      <c r="VKA1022" s="10"/>
      <c r="VKB1022" s="10"/>
      <c r="VKC1022" s="10"/>
      <c r="VKD1022" s="10"/>
      <c r="VKE1022" s="10"/>
      <c r="VKF1022" s="10"/>
      <c r="VKG1022" s="10"/>
      <c r="VKH1022" s="10"/>
      <c r="VKI1022" s="10"/>
      <c r="VKJ1022" s="10"/>
      <c r="VKK1022" s="10"/>
      <c r="VKL1022" s="10"/>
      <c r="VKM1022" s="10"/>
      <c r="VKN1022" s="10"/>
      <c r="VKO1022" s="10"/>
      <c r="VKP1022" s="10"/>
      <c r="VKQ1022" s="10"/>
      <c r="VKR1022" s="10"/>
      <c r="VKS1022" s="10"/>
      <c r="VKT1022" s="10"/>
      <c r="VKU1022" s="10"/>
      <c r="VKV1022" s="10"/>
      <c r="VKW1022" s="10"/>
      <c r="VKX1022" s="10"/>
      <c r="VKY1022" s="10"/>
      <c r="VKZ1022" s="10"/>
      <c r="VLA1022" s="10"/>
      <c r="VLB1022" s="10"/>
      <c r="VLC1022" s="10"/>
      <c r="VLD1022" s="10"/>
      <c r="VLE1022" s="10"/>
      <c r="VLF1022" s="10"/>
      <c r="VLG1022" s="10"/>
      <c r="VLH1022" s="10"/>
      <c r="VLI1022" s="10"/>
      <c r="VLJ1022" s="10"/>
      <c r="VLK1022" s="10"/>
      <c r="VLL1022" s="10"/>
      <c r="VLM1022" s="10"/>
      <c r="VLN1022" s="10"/>
      <c r="VLO1022" s="10"/>
      <c r="VLP1022" s="10"/>
      <c r="VLQ1022" s="10"/>
      <c r="VLR1022" s="10"/>
      <c r="VLS1022" s="10"/>
      <c r="VLT1022" s="10"/>
      <c r="VLU1022" s="10"/>
      <c r="VLV1022" s="10"/>
      <c r="VLW1022" s="10"/>
      <c r="VLX1022" s="10"/>
      <c r="VLY1022" s="10"/>
      <c r="VLZ1022" s="10"/>
      <c r="VMA1022" s="10"/>
      <c r="VMB1022" s="10"/>
      <c r="VMC1022" s="10"/>
      <c r="VMD1022" s="10"/>
      <c r="VME1022" s="10"/>
      <c r="VMF1022" s="10"/>
      <c r="VMG1022" s="10"/>
      <c r="VMH1022" s="10"/>
      <c r="VMI1022" s="10"/>
      <c r="VMJ1022" s="10"/>
      <c r="VMK1022" s="10"/>
      <c r="VML1022" s="10"/>
      <c r="VMM1022" s="10"/>
      <c r="VMN1022" s="10"/>
      <c r="VMO1022" s="10"/>
      <c r="VMP1022" s="10"/>
      <c r="VMQ1022" s="10"/>
      <c r="VMR1022" s="10"/>
      <c r="VMS1022" s="10"/>
      <c r="VMT1022" s="10"/>
      <c r="VMU1022" s="10"/>
      <c r="VMV1022" s="10"/>
      <c r="VMW1022" s="10"/>
      <c r="VMX1022" s="10"/>
      <c r="VMY1022" s="10"/>
      <c r="VMZ1022" s="10"/>
      <c r="VNA1022" s="10"/>
      <c r="VNB1022" s="10"/>
      <c r="VNC1022" s="10"/>
      <c r="VND1022" s="10"/>
      <c r="VNE1022" s="10"/>
      <c r="VNF1022" s="10"/>
      <c r="VNG1022" s="10"/>
      <c r="VNH1022" s="10"/>
      <c r="VNI1022" s="10"/>
      <c r="VNJ1022" s="10"/>
      <c r="VNK1022" s="10"/>
      <c r="VNL1022" s="10"/>
      <c r="VNM1022" s="10"/>
      <c r="VNN1022" s="10"/>
      <c r="VNO1022" s="10"/>
      <c r="VNP1022" s="10"/>
      <c r="VNQ1022" s="10"/>
      <c r="VNR1022" s="10"/>
      <c r="VNS1022" s="10"/>
      <c r="VNT1022" s="10"/>
      <c r="VNU1022" s="10"/>
      <c r="VNV1022" s="10"/>
      <c r="VNW1022" s="10"/>
      <c r="VNX1022" s="10"/>
      <c r="VNY1022" s="10"/>
      <c r="VNZ1022" s="10"/>
      <c r="VOA1022" s="10"/>
      <c r="VOB1022" s="10"/>
      <c r="VOC1022" s="10"/>
      <c r="VOD1022" s="10"/>
      <c r="VOE1022" s="10"/>
      <c r="VOF1022" s="10"/>
      <c r="VOG1022" s="10"/>
      <c r="VOH1022" s="10"/>
      <c r="VOI1022" s="10"/>
      <c r="VOJ1022" s="10"/>
      <c r="VOK1022" s="10"/>
      <c r="VOL1022" s="10"/>
      <c r="VOM1022" s="10"/>
      <c r="VON1022" s="10"/>
      <c r="VOO1022" s="10"/>
      <c r="VOP1022" s="10"/>
      <c r="VOQ1022" s="10"/>
      <c r="VOR1022" s="10"/>
      <c r="VOS1022" s="10"/>
      <c r="VOT1022" s="10"/>
      <c r="VOU1022" s="10"/>
      <c r="VOV1022" s="10"/>
      <c r="VOW1022" s="10"/>
      <c r="VOX1022" s="10"/>
      <c r="VOY1022" s="10"/>
      <c r="VOZ1022" s="10"/>
      <c r="VPA1022" s="10"/>
      <c r="VPB1022" s="10"/>
      <c r="VPC1022" s="10"/>
      <c r="VPD1022" s="10"/>
      <c r="VPE1022" s="10"/>
      <c r="VPF1022" s="10"/>
      <c r="VPG1022" s="10"/>
      <c r="VPH1022" s="10"/>
      <c r="VPI1022" s="10"/>
      <c r="VPJ1022" s="10"/>
      <c r="VPK1022" s="10"/>
      <c r="VPL1022" s="10"/>
      <c r="VPM1022" s="10"/>
      <c r="VPN1022" s="10"/>
      <c r="VPO1022" s="10"/>
      <c r="VPP1022" s="10"/>
      <c r="VPQ1022" s="10"/>
      <c r="VPR1022" s="10"/>
      <c r="VPS1022" s="10"/>
      <c r="VPT1022" s="10"/>
      <c r="VPU1022" s="10"/>
      <c r="VPV1022" s="10"/>
      <c r="VPW1022" s="10"/>
      <c r="VPX1022" s="10"/>
      <c r="VPY1022" s="10"/>
      <c r="VPZ1022" s="10"/>
      <c r="VQA1022" s="10"/>
      <c r="VQB1022" s="10"/>
      <c r="VQC1022" s="10"/>
      <c r="VQD1022" s="10"/>
      <c r="VQE1022" s="10"/>
      <c r="VQF1022" s="10"/>
      <c r="VQG1022" s="10"/>
      <c r="VQH1022" s="10"/>
      <c r="VQI1022" s="10"/>
      <c r="VQJ1022" s="10"/>
      <c r="VQK1022" s="10"/>
      <c r="VQL1022" s="10"/>
      <c r="VQM1022" s="10"/>
      <c r="VQN1022" s="10"/>
      <c r="VQO1022" s="10"/>
      <c r="VQP1022" s="10"/>
      <c r="VQQ1022" s="10"/>
      <c r="VQR1022" s="10"/>
      <c r="VQS1022" s="10"/>
      <c r="VQT1022" s="10"/>
      <c r="VQU1022" s="10"/>
      <c r="VQV1022" s="10"/>
      <c r="VQW1022" s="10"/>
      <c r="VQX1022" s="10"/>
      <c r="VQY1022" s="10"/>
      <c r="VQZ1022" s="10"/>
      <c r="VRA1022" s="10"/>
      <c r="VRB1022" s="10"/>
      <c r="VRC1022" s="10"/>
      <c r="VRD1022" s="10"/>
      <c r="VRE1022" s="10"/>
      <c r="VRF1022" s="10"/>
      <c r="VRG1022" s="10"/>
      <c r="VRH1022" s="10"/>
      <c r="VRI1022" s="10"/>
      <c r="VRJ1022" s="10"/>
      <c r="VRK1022" s="10"/>
      <c r="VRL1022" s="10"/>
      <c r="VRM1022" s="10"/>
      <c r="VRN1022" s="10"/>
      <c r="VRO1022" s="10"/>
      <c r="VRP1022" s="10"/>
      <c r="VRQ1022" s="10"/>
      <c r="VRR1022" s="10"/>
      <c r="VRS1022" s="10"/>
      <c r="VRT1022" s="10"/>
      <c r="VRU1022" s="10"/>
      <c r="VRV1022" s="10"/>
      <c r="VRW1022" s="10"/>
      <c r="VRX1022" s="10"/>
      <c r="VRY1022" s="10"/>
      <c r="VRZ1022" s="10"/>
      <c r="VSA1022" s="10"/>
      <c r="VSB1022" s="10"/>
      <c r="VSC1022" s="10"/>
      <c r="VSD1022" s="10"/>
      <c r="VSE1022" s="10"/>
      <c r="VSF1022" s="10"/>
      <c r="VSG1022" s="10"/>
      <c r="VSH1022" s="10"/>
      <c r="VSI1022" s="10"/>
      <c r="VSJ1022" s="10"/>
      <c r="VSK1022" s="10"/>
      <c r="VSL1022" s="10"/>
      <c r="VSM1022" s="10"/>
      <c r="VSN1022" s="10"/>
      <c r="VSO1022" s="10"/>
      <c r="VSP1022" s="10"/>
      <c r="VSQ1022" s="10"/>
      <c r="VSR1022" s="10"/>
      <c r="VSS1022" s="10"/>
      <c r="VST1022" s="10"/>
      <c r="VSU1022" s="10"/>
      <c r="VSV1022" s="10"/>
      <c r="VSW1022" s="10"/>
      <c r="VSX1022" s="10"/>
      <c r="VSY1022" s="10"/>
      <c r="VSZ1022" s="10"/>
      <c r="VTA1022" s="10"/>
      <c r="VTB1022" s="10"/>
      <c r="VTC1022" s="10"/>
      <c r="VTD1022" s="10"/>
      <c r="VTE1022" s="10"/>
      <c r="VTF1022" s="10"/>
      <c r="VTG1022" s="10"/>
      <c r="VTH1022" s="10"/>
      <c r="VTI1022" s="10"/>
      <c r="VTJ1022" s="10"/>
      <c r="VTK1022" s="10"/>
      <c r="VTL1022" s="10"/>
      <c r="VTM1022" s="10"/>
      <c r="VTN1022" s="10"/>
      <c r="VTO1022" s="10"/>
      <c r="VTP1022" s="10"/>
      <c r="VTQ1022" s="10"/>
      <c r="VTR1022" s="10"/>
      <c r="VTS1022" s="10"/>
      <c r="VTT1022" s="10"/>
      <c r="VTU1022" s="10"/>
      <c r="VTV1022" s="10"/>
      <c r="VTW1022" s="10"/>
      <c r="VTX1022" s="10"/>
      <c r="VTY1022" s="10"/>
      <c r="VTZ1022" s="10"/>
      <c r="VUA1022" s="10"/>
      <c r="VUB1022" s="10"/>
      <c r="VUC1022" s="10"/>
      <c r="VUD1022" s="10"/>
      <c r="VUE1022" s="10"/>
      <c r="VUF1022" s="10"/>
      <c r="VUG1022" s="10"/>
      <c r="VUH1022" s="10"/>
      <c r="VUI1022" s="10"/>
      <c r="VUJ1022" s="10"/>
      <c r="VUK1022" s="10"/>
      <c r="VUL1022" s="10"/>
      <c r="VUM1022" s="10"/>
      <c r="VUN1022" s="10"/>
      <c r="VUO1022" s="10"/>
      <c r="VUP1022" s="10"/>
      <c r="VUQ1022" s="10"/>
      <c r="VUR1022" s="10"/>
      <c r="VUS1022" s="10"/>
      <c r="VUT1022" s="10"/>
      <c r="VUU1022" s="10"/>
      <c r="VUV1022" s="10"/>
      <c r="VUW1022" s="10"/>
      <c r="VUX1022" s="10"/>
      <c r="VUY1022" s="10"/>
      <c r="VUZ1022" s="10"/>
      <c r="VVA1022" s="10"/>
      <c r="VVB1022" s="10"/>
      <c r="VVC1022" s="10"/>
      <c r="VVD1022" s="10"/>
      <c r="VVE1022" s="10"/>
      <c r="VVF1022" s="10"/>
      <c r="VVG1022" s="10"/>
      <c r="VVH1022" s="10"/>
      <c r="VVI1022" s="10"/>
      <c r="VVJ1022" s="10"/>
      <c r="VVK1022" s="10"/>
      <c r="VVL1022" s="10"/>
      <c r="VVM1022" s="10"/>
      <c r="VVN1022" s="10"/>
      <c r="VVO1022" s="10"/>
      <c r="VVP1022" s="10"/>
      <c r="VVQ1022" s="10"/>
      <c r="VVR1022" s="10"/>
      <c r="VVS1022" s="10"/>
      <c r="VVT1022" s="10"/>
      <c r="VVU1022" s="10"/>
      <c r="VVV1022" s="10"/>
      <c r="VVW1022" s="10"/>
      <c r="VVX1022" s="10"/>
      <c r="VVY1022" s="10"/>
      <c r="VVZ1022" s="10"/>
      <c r="VWA1022" s="10"/>
      <c r="VWB1022" s="10"/>
      <c r="VWC1022" s="10"/>
      <c r="VWD1022" s="10"/>
      <c r="VWE1022" s="10"/>
      <c r="VWF1022" s="10"/>
      <c r="VWG1022" s="10"/>
      <c r="VWH1022" s="10"/>
      <c r="VWI1022" s="10"/>
      <c r="VWJ1022" s="10"/>
      <c r="VWK1022" s="10"/>
      <c r="VWL1022" s="10"/>
      <c r="VWM1022" s="10"/>
      <c r="VWN1022" s="10"/>
      <c r="VWO1022" s="10"/>
      <c r="VWP1022" s="10"/>
      <c r="VWQ1022" s="10"/>
      <c r="VWR1022" s="10"/>
      <c r="VWS1022" s="10"/>
      <c r="VWT1022" s="10"/>
      <c r="VWU1022" s="10"/>
      <c r="VWV1022" s="10"/>
      <c r="VWW1022" s="10"/>
      <c r="VWX1022" s="10"/>
      <c r="VWY1022" s="10"/>
      <c r="VWZ1022" s="10"/>
      <c r="VXA1022" s="10"/>
      <c r="VXB1022" s="10"/>
      <c r="VXC1022" s="10"/>
      <c r="VXD1022" s="10"/>
      <c r="VXE1022" s="10"/>
      <c r="VXF1022" s="10"/>
      <c r="VXG1022" s="10"/>
      <c r="VXH1022" s="10"/>
      <c r="VXI1022" s="10"/>
      <c r="VXJ1022" s="10"/>
      <c r="VXK1022" s="10"/>
      <c r="VXL1022" s="10"/>
      <c r="VXM1022" s="10"/>
      <c r="VXN1022" s="10"/>
      <c r="VXO1022" s="10"/>
      <c r="VXP1022" s="10"/>
      <c r="VXQ1022" s="10"/>
      <c r="VXR1022" s="10"/>
      <c r="VXS1022" s="10"/>
      <c r="VXT1022" s="10"/>
      <c r="VXU1022" s="10"/>
      <c r="VXV1022" s="10"/>
      <c r="VXW1022" s="10"/>
      <c r="VXX1022" s="10"/>
      <c r="VXY1022" s="10"/>
      <c r="VXZ1022" s="10"/>
      <c r="VYA1022" s="10"/>
      <c r="VYB1022" s="10"/>
      <c r="VYC1022" s="10"/>
      <c r="VYD1022" s="10"/>
      <c r="VYE1022" s="10"/>
      <c r="VYF1022" s="10"/>
      <c r="VYG1022" s="10"/>
      <c r="VYH1022" s="10"/>
      <c r="VYI1022" s="10"/>
      <c r="VYJ1022" s="10"/>
      <c r="VYK1022" s="10"/>
      <c r="VYL1022" s="10"/>
      <c r="VYM1022" s="10"/>
      <c r="VYN1022" s="10"/>
      <c r="VYO1022" s="10"/>
      <c r="VYP1022" s="10"/>
      <c r="VYQ1022" s="10"/>
      <c r="VYR1022" s="10"/>
      <c r="VYS1022" s="10"/>
      <c r="VYT1022" s="10"/>
      <c r="VYU1022" s="10"/>
      <c r="VYV1022" s="10"/>
      <c r="VYW1022" s="10"/>
      <c r="VYX1022" s="10"/>
      <c r="VYY1022" s="10"/>
      <c r="VYZ1022" s="10"/>
      <c r="VZA1022" s="10"/>
      <c r="VZB1022" s="10"/>
      <c r="VZC1022" s="10"/>
      <c r="VZD1022" s="10"/>
      <c r="VZE1022" s="10"/>
      <c r="VZF1022" s="10"/>
      <c r="VZG1022" s="10"/>
      <c r="VZH1022" s="10"/>
      <c r="VZI1022" s="10"/>
      <c r="VZJ1022" s="10"/>
      <c r="VZK1022" s="10"/>
      <c r="VZL1022" s="10"/>
      <c r="VZM1022" s="10"/>
      <c r="VZN1022" s="10"/>
      <c r="VZO1022" s="10"/>
      <c r="VZP1022" s="10"/>
      <c r="VZQ1022" s="10"/>
      <c r="VZR1022" s="10"/>
      <c r="VZS1022" s="10"/>
      <c r="VZT1022" s="10"/>
      <c r="VZU1022" s="10"/>
      <c r="VZV1022" s="10"/>
      <c r="VZW1022" s="10"/>
      <c r="VZX1022" s="10"/>
      <c r="VZY1022" s="10"/>
      <c r="VZZ1022" s="10"/>
      <c r="WAA1022" s="10"/>
      <c r="WAB1022" s="10"/>
      <c r="WAC1022" s="10"/>
      <c r="WAD1022" s="10"/>
      <c r="WAE1022" s="10"/>
      <c r="WAF1022" s="10"/>
      <c r="WAG1022" s="10"/>
      <c r="WAH1022" s="10"/>
      <c r="WAI1022" s="10"/>
      <c r="WAJ1022" s="10"/>
      <c r="WAK1022" s="10"/>
      <c r="WAL1022" s="10"/>
      <c r="WAM1022" s="10"/>
      <c r="WAN1022" s="10"/>
      <c r="WAO1022" s="10"/>
      <c r="WAP1022" s="10"/>
      <c r="WAQ1022" s="10"/>
      <c r="WAR1022" s="10"/>
      <c r="WAS1022" s="10"/>
      <c r="WAT1022" s="10"/>
      <c r="WAU1022" s="10"/>
      <c r="WAV1022" s="10"/>
      <c r="WAW1022" s="10"/>
      <c r="WAX1022" s="10"/>
      <c r="WAY1022" s="10"/>
      <c r="WAZ1022" s="10"/>
      <c r="WBA1022" s="10"/>
      <c r="WBB1022" s="10"/>
      <c r="WBC1022" s="10"/>
      <c r="WBD1022" s="10"/>
      <c r="WBE1022" s="10"/>
      <c r="WBF1022" s="10"/>
      <c r="WBG1022" s="10"/>
      <c r="WBH1022" s="10"/>
      <c r="WBI1022" s="10"/>
      <c r="WBJ1022" s="10"/>
      <c r="WBK1022" s="10"/>
      <c r="WBL1022" s="10"/>
      <c r="WBM1022" s="10"/>
      <c r="WBN1022" s="10"/>
      <c r="WBO1022" s="10"/>
      <c r="WBP1022" s="10"/>
      <c r="WBQ1022" s="10"/>
      <c r="WBR1022" s="10"/>
      <c r="WBS1022" s="10"/>
      <c r="WBT1022" s="10"/>
      <c r="WBU1022" s="10"/>
      <c r="WBV1022" s="10"/>
      <c r="WBW1022" s="10"/>
      <c r="WBX1022" s="10"/>
      <c r="WBY1022" s="10"/>
      <c r="WBZ1022" s="10"/>
      <c r="WCA1022" s="10"/>
      <c r="WCB1022" s="10"/>
      <c r="WCC1022" s="10"/>
      <c r="WCD1022" s="10"/>
      <c r="WCE1022" s="10"/>
      <c r="WCF1022" s="10"/>
      <c r="WCG1022" s="10"/>
      <c r="WCH1022" s="10"/>
      <c r="WCI1022" s="10"/>
      <c r="WCJ1022" s="10"/>
      <c r="WCK1022" s="10"/>
      <c r="WCL1022" s="10"/>
      <c r="WCM1022" s="10"/>
      <c r="WCN1022" s="10"/>
      <c r="WCO1022" s="10"/>
      <c r="WCP1022" s="10"/>
      <c r="WCQ1022" s="10"/>
      <c r="WCR1022" s="10"/>
      <c r="WCS1022" s="10"/>
      <c r="WCT1022" s="10"/>
      <c r="WCU1022" s="10"/>
      <c r="WCV1022" s="10"/>
      <c r="WCW1022" s="10"/>
      <c r="WCX1022" s="10"/>
      <c r="WCY1022" s="10"/>
      <c r="WCZ1022" s="10"/>
      <c r="WDA1022" s="10"/>
      <c r="WDB1022" s="10"/>
      <c r="WDC1022" s="10"/>
      <c r="WDD1022" s="10"/>
      <c r="WDE1022" s="10"/>
      <c r="WDF1022" s="10"/>
      <c r="WDG1022" s="10"/>
      <c r="WDH1022" s="10"/>
      <c r="WDI1022" s="10"/>
      <c r="WDJ1022" s="10"/>
      <c r="WDK1022" s="10"/>
      <c r="WDL1022" s="10"/>
      <c r="WDM1022" s="10"/>
      <c r="WDN1022" s="10"/>
      <c r="WDO1022" s="10"/>
      <c r="WDP1022" s="10"/>
      <c r="WDQ1022" s="10"/>
      <c r="WDR1022" s="10"/>
      <c r="WDS1022" s="10"/>
      <c r="WDT1022" s="10"/>
      <c r="WDU1022" s="10"/>
      <c r="WDV1022" s="10"/>
      <c r="WDW1022" s="10"/>
      <c r="WDX1022" s="10"/>
      <c r="WDY1022" s="10"/>
      <c r="WDZ1022" s="10"/>
      <c r="WEA1022" s="10"/>
      <c r="WEB1022" s="10"/>
      <c r="WEC1022" s="10"/>
      <c r="WED1022" s="10"/>
      <c r="WEE1022" s="10"/>
      <c r="WEF1022" s="10"/>
      <c r="WEG1022" s="10"/>
      <c r="WEH1022" s="10"/>
      <c r="WEI1022" s="10"/>
      <c r="WEJ1022" s="10"/>
      <c r="WEK1022" s="10"/>
      <c r="WEL1022" s="10"/>
      <c r="WEM1022" s="10"/>
      <c r="WEN1022" s="10"/>
      <c r="WEO1022" s="10"/>
      <c r="WEP1022" s="10"/>
      <c r="WEQ1022" s="10"/>
      <c r="WER1022" s="10"/>
      <c r="WES1022" s="10"/>
      <c r="WET1022" s="10"/>
      <c r="WEU1022" s="10"/>
      <c r="WEV1022" s="10"/>
      <c r="WEW1022" s="10"/>
      <c r="WEX1022" s="10"/>
      <c r="WEY1022" s="10"/>
      <c r="WEZ1022" s="10"/>
      <c r="WFA1022" s="10"/>
      <c r="WFB1022" s="10"/>
      <c r="WFC1022" s="10"/>
      <c r="WFD1022" s="10"/>
      <c r="WFE1022" s="10"/>
      <c r="WFF1022" s="10"/>
      <c r="WFG1022" s="10"/>
      <c r="WFH1022" s="10"/>
      <c r="WFI1022" s="10"/>
      <c r="WFJ1022" s="10"/>
      <c r="WFK1022" s="10"/>
      <c r="WFL1022" s="10"/>
      <c r="WFM1022" s="10"/>
      <c r="WFN1022" s="10"/>
      <c r="WFO1022" s="10"/>
      <c r="WFP1022" s="10"/>
      <c r="WFQ1022" s="10"/>
      <c r="WFR1022" s="10"/>
      <c r="WFS1022" s="10"/>
      <c r="WFT1022" s="10"/>
      <c r="WFU1022" s="10"/>
      <c r="WFV1022" s="10"/>
      <c r="WFW1022" s="10"/>
      <c r="WFX1022" s="10"/>
      <c r="WFY1022" s="10"/>
      <c r="WFZ1022" s="10"/>
      <c r="WGA1022" s="10"/>
      <c r="WGB1022" s="10"/>
      <c r="WGC1022" s="10"/>
      <c r="WGD1022" s="10"/>
      <c r="WGE1022" s="10"/>
      <c r="WGF1022" s="10"/>
      <c r="WGG1022" s="10"/>
      <c r="WGH1022" s="10"/>
      <c r="WGI1022" s="10"/>
      <c r="WGJ1022" s="10"/>
      <c r="WGK1022" s="10"/>
      <c r="WGL1022" s="10"/>
      <c r="WGM1022" s="10"/>
      <c r="WGN1022" s="10"/>
      <c r="WGO1022" s="10"/>
      <c r="WGP1022" s="10"/>
      <c r="WGQ1022" s="10"/>
      <c r="WGR1022" s="10"/>
      <c r="WGS1022" s="10"/>
      <c r="WGT1022" s="10"/>
      <c r="WGU1022" s="10"/>
      <c r="WGV1022" s="10"/>
      <c r="WGW1022" s="10"/>
      <c r="WGX1022" s="10"/>
      <c r="WGY1022" s="10"/>
      <c r="WGZ1022" s="10"/>
      <c r="WHA1022" s="10"/>
      <c r="WHB1022" s="10"/>
      <c r="WHC1022" s="10"/>
      <c r="WHD1022" s="10"/>
      <c r="WHE1022" s="10"/>
      <c r="WHF1022" s="10"/>
      <c r="WHG1022" s="10"/>
      <c r="WHH1022" s="10"/>
      <c r="WHI1022" s="10"/>
      <c r="WHJ1022" s="10"/>
      <c r="WHK1022" s="10"/>
      <c r="WHL1022" s="10"/>
      <c r="WHM1022" s="10"/>
      <c r="WHN1022" s="10"/>
      <c r="WHO1022" s="10"/>
      <c r="WHP1022" s="10"/>
      <c r="WHQ1022" s="10"/>
      <c r="WHR1022" s="10"/>
      <c r="WHS1022" s="10"/>
      <c r="WHT1022" s="10"/>
      <c r="WHU1022" s="10"/>
      <c r="WHV1022" s="10"/>
      <c r="WHW1022" s="10"/>
      <c r="WHX1022" s="10"/>
      <c r="WHY1022" s="10"/>
      <c r="WHZ1022" s="10"/>
      <c r="WIA1022" s="10"/>
      <c r="WIB1022" s="10"/>
      <c r="WIC1022" s="10"/>
      <c r="WID1022" s="10"/>
      <c r="WIE1022" s="10"/>
      <c r="WIF1022" s="10"/>
      <c r="WIG1022" s="10"/>
      <c r="WIH1022" s="10"/>
      <c r="WII1022" s="10"/>
      <c r="WIJ1022" s="10"/>
      <c r="WIK1022" s="10"/>
      <c r="WIL1022" s="10"/>
      <c r="WIM1022" s="10"/>
      <c r="WIN1022" s="10"/>
      <c r="WIO1022" s="10"/>
      <c r="WIP1022" s="10"/>
      <c r="WIQ1022" s="10"/>
      <c r="WIR1022" s="10"/>
      <c r="WIS1022" s="10"/>
      <c r="WIT1022" s="10"/>
      <c r="WIU1022" s="10"/>
      <c r="WIV1022" s="10"/>
      <c r="WIW1022" s="10"/>
      <c r="WIX1022" s="10"/>
      <c r="WIY1022" s="10"/>
      <c r="WIZ1022" s="10"/>
      <c r="WJA1022" s="10"/>
      <c r="WJB1022" s="10"/>
      <c r="WJC1022" s="10"/>
      <c r="WJD1022" s="10"/>
      <c r="WJE1022" s="10"/>
      <c r="WJF1022" s="10"/>
      <c r="WJG1022" s="10"/>
      <c r="WJH1022" s="10"/>
      <c r="WJI1022" s="10"/>
      <c r="WJJ1022" s="10"/>
      <c r="WJK1022" s="10"/>
      <c r="WJL1022" s="10"/>
      <c r="WJM1022" s="10"/>
      <c r="WJN1022" s="10"/>
      <c r="WJO1022" s="10"/>
      <c r="WJP1022" s="10"/>
      <c r="WJQ1022" s="10"/>
      <c r="WJR1022" s="10"/>
      <c r="WJS1022" s="10"/>
      <c r="WJT1022" s="10"/>
      <c r="WJU1022" s="10"/>
      <c r="WJV1022" s="10"/>
      <c r="WJW1022" s="10"/>
      <c r="WJX1022" s="10"/>
      <c r="WJY1022" s="10"/>
      <c r="WJZ1022" s="10"/>
      <c r="WKA1022" s="10"/>
      <c r="WKB1022" s="10"/>
      <c r="WKC1022" s="10"/>
      <c r="WKD1022" s="10"/>
      <c r="WKE1022" s="10"/>
      <c r="WKF1022" s="10"/>
      <c r="WKG1022" s="10"/>
      <c r="WKH1022" s="10"/>
      <c r="WKI1022" s="10"/>
      <c r="WKJ1022" s="10"/>
      <c r="WKK1022" s="10"/>
      <c r="WKL1022" s="10"/>
      <c r="WKM1022" s="10"/>
      <c r="WKN1022" s="10"/>
      <c r="WKO1022" s="10"/>
      <c r="WKP1022" s="10"/>
      <c r="WKQ1022" s="10"/>
      <c r="WKR1022" s="10"/>
      <c r="WKS1022" s="10"/>
      <c r="WKT1022" s="10"/>
      <c r="WKU1022" s="10"/>
      <c r="WKV1022" s="10"/>
      <c r="WKW1022" s="10"/>
      <c r="WKX1022" s="10"/>
      <c r="WKY1022" s="10"/>
      <c r="WKZ1022" s="10"/>
      <c r="WLA1022" s="10"/>
      <c r="WLB1022" s="10"/>
      <c r="WLC1022" s="10"/>
      <c r="WLD1022" s="10"/>
      <c r="WLE1022" s="10"/>
      <c r="WLF1022" s="10"/>
      <c r="WLG1022" s="10"/>
      <c r="WLH1022" s="10"/>
      <c r="WLI1022" s="10"/>
      <c r="WLJ1022" s="10"/>
      <c r="WLK1022" s="10"/>
      <c r="WLL1022" s="10"/>
      <c r="WLM1022" s="10"/>
      <c r="WLN1022" s="10"/>
      <c r="WLO1022" s="10"/>
      <c r="WLP1022" s="10"/>
      <c r="WLQ1022" s="10"/>
      <c r="WLR1022" s="10"/>
      <c r="WLS1022" s="10"/>
      <c r="WLT1022" s="10"/>
      <c r="WLU1022" s="10"/>
      <c r="WLV1022" s="10"/>
      <c r="WLW1022" s="10"/>
      <c r="WLX1022" s="10"/>
      <c r="WLY1022" s="10"/>
      <c r="WLZ1022" s="10"/>
      <c r="WMA1022" s="10"/>
      <c r="WMB1022" s="10"/>
      <c r="WMC1022" s="10"/>
      <c r="WMD1022" s="10"/>
      <c r="WME1022" s="10"/>
      <c r="WMF1022" s="10"/>
      <c r="WMG1022" s="10"/>
      <c r="WMH1022" s="10"/>
      <c r="WMI1022" s="10"/>
      <c r="WMJ1022" s="10"/>
      <c r="WMK1022" s="10"/>
      <c r="WML1022" s="10"/>
      <c r="WMM1022" s="10"/>
      <c r="WMN1022" s="10"/>
      <c r="WMO1022" s="10"/>
      <c r="WMP1022" s="10"/>
      <c r="WMQ1022" s="10"/>
      <c r="WMR1022" s="10"/>
      <c r="WMS1022" s="10"/>
      <c r="WMT1022" s="10"/>
      <c r="WMU1022" s="10"/>
      <c r="WMV1022" s="10"/>
      <c r="WMW1022" s="10"/>
      <c r="WMX1022" s="10"/>
      <c r="WMY1022" s="10"/>
      <c r="WMZ1022" s="10"/>
      <c r="WNA1022" s="10"/>
      <c r="WNB1022" s="10"/>
      <c r="WNC1022" s="10"/>
      <c r="WND1022" s="10"/>
      <c r="WNE1022" s="10"/>
      <c r="WNF1022" s="10"/>
      <c r="WNG1022" s="10"/>
      <c r="WNH1022" s="10"/>
      <c r="WNI1022" s="10"/>
      <c r="WNJ1022" s="10"/>
      <c r="WNK1022" s="10"/>
      <c r="WNL1022" s="10"/>
      <c r="WNM1022" s="10"/>
      <c r="WNN1022" s="10"/>
      <c r="WNO1022" s="10"/>
      <c r="WNP1022" s="10"/>
      <c r="WNQ1022" s="10"/>
      <c r="WNR1022" s="10"/>
      <c r="WNS1022" s="10"/>
      <c r="WNT1022" s="10"/>
      <c r="WNU1022" s="10"/>
      <c r="WNV1022" s="10"/>
      <c r="WNW1022" s="10"/>
      <c r="WNX1022" s="10"/>
      <c r="WNY1022" s="10"/>
      <c r="WNZ1022" s="10"/>
      <c r="WOA1022" s="10"/>
      <c r="WOB1022" s="10"/>
      <c r="WOC1022" s="10"/>
      <c r="WOD1022" s="10"/>
      <c r="WOE1022" s="10"/>
      <c r="WOF1022" s="10"/>
      <c r="WOG1022" s="10"/>
      <c r="WOH1022" s="10"/>
      <c r="WOI1022" s="10"/>
      <c r="WOJ1022" s="10"/>
      <c r="WOK1022" s="10"/>
      <c r="WOL1022" s="10"/>
      <c r="WOM1022" s="10"/>
      <c r="WON1022" s="10"/>
      <c r="WOO1022" s="10"/>
      <c r="WOP1022" s="10"/>
      <c r="WOQ1022" s="10"/>
      <c r="WOR1022" s="10"/>
      <c r="WOS1022" s="10"/>
      <c r="WOT1022" s="10"/>
      <c r="WOU1022" s="10"/>
      <c r="WOV1022" s="10"/>
      <c r="WOW1022" s="10"/>
      <c r="WOX1022" s="10"/>
      <c r="WOY1022" s="10"/>
      <c r="WOZ1022" s="10"/>
      <c r="WPA1022" s="10"/>
      <c r="WPB1022" s="10"/>
      <c r="WPC1022" s="10"/>
      <c r="WPD1022" s="10"/>
      <c r="WPE1022" s="10"/>
      <c r="WPF1022" s="10"/>
      <c r="WPG1022" s="10"/>
      <c r="WPH1022" s="10"/>
      <c r="WPI1022" s="10"/>
      <c r="WPJ1022" s="10"/>
      <c r="WPK1022" s="10"/>
      <c r="WPL1022" s="10"/>
      <c r="WPM1022" s="10"/>
      <c r="WPN1022" s="10"/>
      <c r="WPO1022" s="10"/>
      <c r="WPP1022" s="10"/>
      <c r="WPQ1022" s="10"/>
      <c r="WPR1022" s="10"/>
      <c r="WPS1022" s="10"/>
      <c r="WPT1022" s="10"/>
      <c r="WPU1022" s="10"/>
      <c r="WPV1022" s="10"/>
      <c r="WPW1022" s="10"/>
      <c r="WPX1022" s="10"/>
      <c r="WPY1022" s="10"/>
      <c r="WPZ1022" s="10"/>
      <c r="WQA1022" s="10"/>
      <c r="WQB1022" s="10"/>
      <c r="WQC1022" s="10"/>
      <c r="WQD1022" s="10"/>
      <c r="WQE1022" s="10"/>
      <c r="WQF1022" s="10"/>
      <c r="WQG1022" s="10"/>
      <c r="WQH1022" s="10"/>
      <c r="WQI1022" s="10"/>
      <c r="WQJ1022" s="10"/>
      <c r="WQK1022" s="10"/>
      <c r="WQL1022" s="10"/>
      <c r="WQM1022" s="10"/>
      <c r="WQN1022" s="10"/>
      <c r="WQO1022" s="10"/>
      <c r="WQP1022" s="10"/>
      <c r="WQQ1022" s="10"/>
      <c r="WQR1022" s="10"/>
      <c r="WQS1022" s="10"/>
      <c r="WQT1022" s="10"/>
      <c r="WQU1022" s="10"/>
      <c r="WQV1022" s="10"/>
      <c r="WQW1022" s="10"/>
      <c r="WQX1022" s="10"/>
      <c r="WQY1022" s="10"/>
      <c r="WQZ1022" s="10"/>
      <c r="WRA1022" s="10"/>
      <c r="WRB1022" s="10"/>
      <c r="WRC1022" s="10"/>
      <c r="WRD1022" s="10"/>
      <c r="WRE1022" s="10"/>
      <c r="WRF1022" s="10"/>
      <c r="WRG1022" s="10"/>
      <c r="WRH1022" s="10"/>
      <c r="WRI1022" s="10"/>
      <c r="WRJ1022" s="10"/>
      <c r="WRK1022" s="10"/>
      <c r="WRL1022" s="10"/>
      <c r="WRM1022" s="10"/>
      <c r="WRN1022" s="10"/>
      <c r="WRO1022" s="10"/>
      <c r="WRP1022" s="10"/>
      <c r="WRQ1022" s="10"/>
      <c r="WRR1022" s="10"/>
      <c r="WRS1022" s="10"/>
      <c r="WRT1022" s="10"/>
      <c r="WRU1022" s="10"/>
      <c r="WRV1022" s="10"/>
      <c r="WRW1022" s="10"/>
      <c r="WRX1022" s="10"/>
      <c r="WRY1022" s="10"/>
      <c r="WRZ1022" s="10"/>
      <c r="WSA1022" s="10"/>
      <c r="WSB1022" s="10"/>
      <c r="WSC1022" s="10"/>
      <c r="WSD1022" s="10"/>
      <c r="WSE1022" s="10"/>
      <c r="WSF1022" s="10"/>
      <c r="WSG1022" s="10"/>
      <c r="WSH1022" s="10"/>
      <c r="WSI1022" s="10"/>
      <c r="WSJ1022" s="10"/>
      <c r="WSK1022" s="10"/>
      <c r="WSL1022" s="10"/>
      <c r="WSM1022" s="10"/>
      <c r="WSN1022" s="10"/>
      <c r="WSO1022" s="10"/>
      <c r="WSP1022" s="10"/>
      <c r="WSQ1022" s="10"/>
      <c r="WSR1022" s="10"/>
      <c r="WSS1022" s="10"/>
      <c r="WST1022" s="10"/>
      <c r="WSU1022" s="10"/>
      <c r="WSV1022" s="10"/>
      <c r="WSW1022" s="10"/>
      <c r="WSX1022" s="10"/>
      <c r="WSY1022" s="10"/>
      <c r="WSZ1022" s="10"/>
      <c r="WTA1022" s="10"/>
      <c r="WTB1022" s="10"/>
      <c r="WTC1022" s="10"/>
      <c r="WTD1022" s="10"/>
      <c r="WTE1022" s="10"/>
      <c r="WTF1022" s="10"/>
      <c r="WTG1022" s="10"/>
      <c r="WTH1022" s="10"/>
      <c r="WTI1022" s="10"/>
      <c r="WTJ1022" s="10"/>
      <c r="WTK1022" s="10"/>
      <c r="WTL1022" s="10"/>
      <c r="WTM1022" s="10"/>
      <c r="WTN1022" s="10"/>
      <c r="WTO1022" s="10"/>
      <c r="WTP1022" s="10"/>
      <c r="WTQ1022" s="10"/>
      <c r="WTR1022" s="10"/>
      <c r="WTS1022" s="10"/>
      <c r="WTT1022" s="10"/>
      <c r="WTU1022" s="10"/>
      <c r="WTV1022" s="10"/>
      <c r="WTW1022" s="10"/>
      <c r="WTX1022" s="10"/>
      <c r="WTY1022" s="10"/>
      <c r="WTZ1022" s="10"/>
      <c r="WUA1022" s="10"/>
      <c r="WUB1022" s="10"/>
      <c r="WUC1022" s="10"/>
      <c r="WUD1022" s="10"/>
      <c r="WUE1022" s="10"/>
      <c r="WUF1022" s="10"/>
      <c r="WUG1022" s="10"/>
      <c r="WUH1022" s="10"/>
      <c r="WUI1022" s="10"/>
      <c r="WUJ1022" s="10"/>
      <c r="WUK1022" s="10"/>
      <c r="WUL1022" s="10"/>
      <c r="WUM1022" s="10"/>
      <c r="WUN1022" s="10"/>
      <c r="WUO1022" s="10"/>
      <c r="WUP1022" s="10"/>
      <c r="WUQ1022" s="10"/>
      <c r="WUR1022" s="10"/>
      <c r="WUS1022" s="10"/>
      <c r="WUT1022" s="10"/>
      <c r="WUU1022" s="10"/>
      <c r="WUV1022" s="10"/>
      <c r="WUW1022" s="10"/>
      <c r="WUX1022" s="10"/>
      <c r="WUY1022" s="10"/>
      <c r="WUZ1022" s="10"/>
      <c r="WVA1022" s="10"/>
      <c r="WVB1022" s="10"/>
      <c r="WVC1022" s="10"/>
      <c r="WVD1022" s="10"/>
      <c r="WVE1022" s="10"/>
      <c r="WVF1022" s="10"/>
      <c r="WVG1022" s="10"/>
      <c r="WVH1022" s="10"/>
      <c r="WVI1022" s="10"/>
      <c r="WVJ1022" s="10"/>
      <c r="WVK1022" s="10"/>
      <c r="WVL1022" s="10"/>
      <c r="WVM1022" s="10"/>
      <c r="WVN1022" s="10"/>
      <c r="WVO1022" s="10"/>
      <c r="WVP1022" s="10"/>
      <c r="WVQ1022" s="10"/>
      <c r="WVR1022" s="10"/>
      <c r="WVS1022" s="10"/>
      <c r="WVT1022" s="10"/>
      <c r="WVU1022" s="10"/>
      <c r="WVV1022" s="10"/>
      <c r="WVW1022" s="10"/>
      <c r="WVX1022" s="10"/>
      <c r="WVY1022" s="10"/>
      <c r="WVZ1022" s="10"/>
      <c r="WWA1022" s="10"/>
      <c r="WWB1022" s="10"/>
      <c r="WWC1022" s="10"/>
      <c r="WWD1022" s="10"/>
      <c r="WWE1022" s="10"/>
      <c r="WWF1022" s="10"/>
      <c r="WWG1022" s="10"/>
      <c r="WWH1022" s="10"/>
      <c r="WWI1022" s="10"/>
      <c r="WWJ1022" s="10"/>
      <c r="WWK1022" s="10"/>
      <c r="WWL1022" s="10"/>
      <c r="WWM1022" s="10"/>
      <c r="WWN1022" s="10"/>
      <c r="WWO1022" s="10"/>
      <c r="WWP1022" s="10"/>
      <c r="WWQ1022" s="10"/>
      <c r="WWR1022" s="10"/>
      <c r="WWS1022" s="10"/>
      <c r="WWT1022" s="10"/>
      <c r="WWU1022" s="10"/>
      <c r="WWV1022" s="10"/>
      <c r="WWW1022" s="10"/>
      <c r="WWX1022" s="10"/>
      <c r="WWY1022" s="10"/>
      <c r="WWZ1022" s="10"/>
      <c r="WXA1022" s="10"/>
      <c r="WXB1022" s="10"/>
      <c r="WXC1022" s="10"/>
      <c r="WXD1022" s="10"/>
      <c r="WXE1022" s="10"/>
      <c r="WXF1022" s="10"/>
      <c r="WXG1022" s="10"/>
      <c r="WXH1022" s="10"/>
      <c r="WXI1022" s="10"/>
      <c r="WXJ1022" s="10"/>
      <c r="WXK1022" s="10"/>
      <c r="WXL1022" s="10"/>
      <c r="WXM1022" s="10"/>
      <c r="WXN1022" s="10"/>
      <c r="WXO1022" s="10"/>
      <c r="WXP1022" s="10"/>
      <c r="WXQ1022" s="10"/>
      <c r="WXR1022" s="10"/>
      <c r="WXS1022" s="10"/>
      <c r="WXT1022" s="10"/>
      <c r="WXU1022" s="10"/>
      <c r="WXV1022" s="10"/>
      <c r="WXW1022" s="10"/>
      <c r="WXX1022" s="10"/>
      <c r="WXY1022" s="10"/>
      <c r="WXZ1022" s="10"/>
      <c r="WYA1022" s="10"/>
      <c r="WYB1022" s="10"/>
      <c r="WYC1022" s="10"/>
      <c r="WYD1022" s="10"/>
      <c r="WYE1022" s="10"/>
      <c r="WYF1022" s="10"/>
      <c r="WYG1022" s="10"/>
      <c r="WYH1022" s="10"/>
      <c r="WYI1022" s="10"/>
      <c r="WYJ1022" s="10"/>
      <c r="WYK1022" s="10"/>
      <c r="WYL1022" s="10"/>
      <c r="WYM1022" s="10"/>
      <c r="WYN1022" s="10"/>
      <c r="WYO1022" s="10"/>
      <c r="WYP1022" s="10"/>
      <c r="WYQ1022" s="10"/>
      <c r="WYR1022" s="10"/>
      <c r="WYS1022" s="10"/>
      <c r="WYT1022" s="10"/>
      <c r="WYU1022" s="10"/>
      <c r="WYV1022" s="10"/>
      <c r="WYW1022" s="10"/>
      <c r="WYX1022" s="10"/>
      <c r="WYY1022" s="10"/>
      <c r="WYZ1022" s="10"/>
      <c r="WZA1022" s="10"/>
      <c r="WZB1022" s="10"/>
      <c r="WZC1022" s="10"/>
      <c r="WZD1022" s="10"/>
      <c r="WZE1022" s="10"/>
      <c r="WZF1022" s="10"/>
      <c r="WZG1022" s="10"/>
      <c r="WZH1022" s="10"/>
      <c r="WZI1022" s="10"/>
      <c r="WZJ1022" s="10"/>
      <c r="WZK1022" s="10"/>
      <c r="WZL1022" s="10"/>
      <c r="WZM1022" s="10"/>
      <c r="WZN1022" s="10"/>
      <c r="WZO1022" s="10"/>
      <c r="WZP1022" s="10"/>
      <c r="WZQ1022" s="10"/>
      <c r="WZR1022" s="10"/>
      <c r="WZS1022" s="10"/>
      <c r="WZT1022" s="10"/>
      <c r="WZU1022" s="10"/>
      <c r="WZV1022" s="10"/>
      <c r="WZW1022" s="10"/>
      <c r="WZX1022" s="10"/>
      <c r="WZY1022" s="10"/>
      <c r="WZZ1022" s="10"/>
      <c r="XAA1022" s="10"/>
      <c r="XAB1022" s="10"/>
      <c r="XAC1022" s="10"/>
      <c r="XAD1022" s="10"/>
      <c r="XAE1022" s="10"/>
      <c r="XAF1022" s="10"/>
      <c r="XAG1022" s="10"/>
      <c r="XAH1022" s="10"/>
      <c r="XAI1022" s="10"/>
      <c r="XAJ1022" s="10"/>
      <c r="XAK1022" s="10"/>
      <c r="XAL1022" s="10"/>
      <c r="XAM1022" s="10"/>
      <c r="XAN1022" s="10"/>
      <c r="XAO1022" s="10"/>
      <c r="XAP1022" s="10"/>
      <c r="XAQ1022" s="10"/>
      <c r="XAR1022" s="10"/>
      <c r="XAS1022" s="10"/>
      <c r="XAT1022" s="10"/>
      <c r="XAU1022" s="10"/>
      <c r="XAV1022" s="10"/>
      <c r="XAW1022" s="10"/>
      <c r="XAX1022" s="10"/>
      <c r="XAY1022" s="10"/>
      <c r="XAZ1022" s="10"/>
      <c r="XBA1022" s="10"/>
      <c r="XBB1022" s="10"/>
      <c r="XBC1022" s="10"/>
      <c r="XBD1022" s="10"/>
      <c r="XBE1022" s="10"/>
      <c r="XBF1022" s="10"/>
      <c r="XBG1022" s="10"/>
      <c r="XBH1022" s="10"/>
      <c r="XBI1022" s="10"/>
      <c r="XBJ1022" s="10"/>
      <c r="XBK1022" s="10"/>
      <c r="XBL1022" s="10"/>
      <c r="XBM1022" s="10"/>
      <c r="XBN1022" s="10"/>
      <c r="XBO1022" s="10"/>
      <c r="XBP1022" s="10"/>
      <c r="XBQ1022" s="10"/>
      <c r="XBR1022" s="10"/>
      <c r="XBS1022" s="10"/>
      <c r="XBT1022" s="10"/>
      <c r="XBU1022" s="10"/>
      <c r="XBV1022" s="10"/>
      <c r="XBW1022" s="10"/>
      <c r="XBX1022" s="10"/>
      <c r="XBY1022" s="10"/>
      <c r="XBZ1022" s="10"/>
      <c r="XCA1022" s="10"/>
      <c r="XCB1022" s="10"/>
      <c r="XCC1022" s="10"/>
      <c r="XCD1022" s="10"/>
      <c r="XCE1022" s="10"/>
      <c r="XCF1022" s="10"/>
      <c r="XCG1022" s="10"/>
      <c r="XCH1022" s="10"/>
      <c r="XCI1022" s="10"/>
      <c r="XCJ1022" s="10"/>
      <c r="XCK1022" s="10"/>
      <c r="XCL1022" s="10"/>
      <c r="XCM1022" s="10"/>
      <c r="XCN1022" s="10"/>
      <c r="XCO1022" s="10"/>
      <c r="XCP1022" s="10"/>
      <c r="XCQ1022" s="10"/>
      <c r="XCR1022" s="10"/>
      <c r="XCS1022" s="10"/>
      <c r="XCT1022" s="10"/>
      <c r="XCU1022" s="10"/>
      <c r="XCV1022" s="10"/>
      <c r="XCW1022" s="10"/>
      <c r="XCX1022" s="10"/>
      <c r="XCY1022" s="10"/>
      <c r="XCZ1022" s="10"/>
      <c r="XDA1022" s="10"/>
      <c r="XDB1022" s="10"/>
      <c r="XDC1022" s="10"/>
      <c r="XDD1022" s="10"/>
      <c r="XDE1022" s="10"/>
      <c r="XDF1022" s="10"/>
      <c r="XDG1022" s="10"/>
      <c r="XDH1022" s="10"/>
      <c r="XDI1022" s="10"/>
      <c r="XDJ1022" s="10"/>
      <c r="XDK1022" s="10"/>
      <c r="XDL1022" s="10"/>
      <c r="XDM1022" s="10"/>
    </row>
    <row r="1023" spans="1:16341" ht="18.75" hidden="1" customHeight="1" outlineLevel="1">
      <c r="E1023" s="8" t="s">
        <v>83</v>
      </c>
      <c r="F1023" s="8">
        <v>374</v>
      </c>
      <c r="G1023" s="8" t="s">
        <v>82</v>
      </c>
      <c r="H1023" s="8" t="s">
        <v>66</v>
      </c>
      <c r="I1023" s="8" t="s">
        <v>65</v>
      </c>
      <c r="J1023" s="8">
        <v>1</v>
      </c>
      <c r="K1023" s="8" t="s">
        <v>514</v>
      </c>
      <c r="L1023" s="8">
        <v>3</v>
      </c>
      <c r="M1023" s="8">
        <v>3</v>
      </c>
      <c r="N1023" s="72" t="s">
        <v>732</v>
      </c>
      <c r="O1023" s="257"/>
    </row>
    <row r="1024" spans="1:16341" ht="18.75" hidden="1" customHeight="1" outlineLevel="1">
      <c r="E1024" s="8" t="s">
        <v>81</v>
      </c>
      <c r="F1024" s="8">
        <v>373</v>
      </c>
      <c r="G1024" s="8" t="s">
        <v>1</v>
      </c>
      <c r="H1024" s="8" t="s">
        <v>78</v>
      </c>
      <c r="I1024" s="8" t="s">
        <v>71</v>
      </c>
      <c r="J1024" s="8">
        <v>1</v>
      </c>
      <c r="K1024" s="8" t="s">
        <v>519</v>
      </c>
      <c r="L1024" s="8">
        <v>8</v>
      </c>
      <c r="M1024" s="8">
        <v>8</v>
      </c>
      <c r="O1024" s="257"/>
    </row>
    <row r="1025" spans="1:15" ht="18.75" hidden="1" customHeight="1" outlineLevel="1">
      <c r="E1025" s="8" t="s">
        <v>80</v>
      </c>
      <c r="F1025" s="8">
        <v>337</v>
      </c>
      <c r="G1025" s="8" t="s">
        <v>79</v>
      </c>
      <c r="H1025" s="8" t="s">
        <v>78</v>
      </c>
      <c r="I1025" s="8" t="s">
        <v>71</v>
      </c>
      <c r="J1025" s="8">
        <v>1</v>
      </c>
      <c r="K1025" s="8" t="s">
        <v>518</v>
      </c>
      <c r="L1025" s="8">
        <v>4</v>
      </c>
      <c r="M1025" s="8">
        <v>8</v>
      </c>
      <c r="O1025" s="257"/>
    </row>
    <row r="1026" spans="1:15" ht="18.75" hidden="1" customHeight="1" outlineLevel="1">
      <c r="E1026" s="8" t="s">
        <v>77</v>
      </c>
      <c r="F1026" s="8">
        <v>623</v>
      </c>
      <c r="G1026" s="8" t="s">
        <v>76</v>
      </c>
      <c r="H1026" s="8" t="s">
        <v>17</v>
      </c>
      <c r="I1026" s="8" t="s">
        <v>71</v>
      </c>
      <c r="J1026" s="8">
        <v>1</v>
      </c>
      <c r="K1026" s="8" t="s">
        <v>514</v>
      </c>
      <c r="L1026" s="8">
        <v>2</v>
      </c>
      <c r="M1026" s="8">
        <v>2</v>
      </c>
      <c r="N1026" s="70" t="s">
        <v>624</v>
      </c>
      <c r="O1026" s="257"/>
    </row>
    <row r="1027" spans="1:15" ht="18.75" hidden="1" customHeight="1" outlineLevel="1">
      <c r="A1027" s="17"/>
      <c r="B1027" s="17"/>
      <c r="C1027" s="17" t="s">
        <v>237</v>
      </c>
      <c r="D1027" s="139" t="s">
        <v>517</v>
      </c>
      <c r="E1027" s="17"/>
      <c r="F1027" s="17"/>
      <c r="G1027" s="17"/>
      <c r="H1027" s="17" t="s">
        <v>17</v>
      </c>
      <c r="I1027" s="17" t="s">
        <v>71</v>
      </c>
      <c r="J1027" s="17" t="s">
        <v>525</v>
      </c>
      <c r="K1027" s="17"/>
      <c r="L1027" s="17"/>
      <c r="M1027" s="17"/>
      <c r="N1027" s="138"/>
      <c r="O1027" s="257"/>
    </row>
    <row r="1028" spans="1:15" ht="18.75" hidden="1" customHeight="1" outlineLevel="1">
      <c r="E1028" s="8" t="s">
        <v>236</v>
      </c>
      <c r="F1028" s="8">
        <v>963</v>
      </c>
      <c r="G1028" s="8" t="s">
        <v>235</v>
      </c>
      <c r="H1028" s="8" t="s">
        <v>66</v>
      </c>
      <c r="I1028" s="8" t="s">
        <v>65</v>
      </c>
      <c r="J1028" s="8">
        <v>1</v>
      </c>
      <c r="K1028" s="8" t="s">
        <v>514</v>
      </c>
      <c r="L1028" s="8">
        <v>2</v>
      </c>
      <c r="M1028" s="8">
        <v>2</v>
      </c>
      <c r="N1028" s="72" t="s">
        <v>668</v>
      </c>
      <c r="O1028" s="257"/>
    </row>
    <row r="1029" spans="1:15" ht="18.75" hidden="1" customHeight="1" outlineLevel="1">
      <c r="E1029" s="8" t="s">
        <v>234</v>
      </c>
      <c r="F1029" s="8">
        <v>782</v>
      </c>
      <c r="G1029" s="8" t="s">
        <v>67</v>
      </c>
      <c r="H1029" s="8" t="s">
        <v>78</v>
      </c>
      <c r="I1029" s="8" t="s">
        <v>71</v>
      </c>
      <c r="J1029" s="8">
        <v>1</v>
      </c>
      <c r="K1029" s="8" t="s">
        <v>438</v>
      </c>
      <c r="L1029" s="8">
        <v>1</v>
      </c>
      <c r="M1029" s="8">
        <v>18</v>
      </c>
      <c r="O1029" s="257"/>
    </row>
    <row r="1030" spans="1:15" ht="18.75" hidden="1" customHeight="1" outlineLevel="1">
      <c r="A1030" s="17"/>
      <c r="B1030" s="17"/>
      <c r="C1030" s="17" t="s">
        <v>237</v>
      </c>
      <c r="D1030" s="139" t="s">
        <v>517</v>
      </c>
      <c r="E1030" s="17"/>
      <c r="F1030" s="17"/>
      <c r="G1030" s="17"/>
      <c r="H1030" s="17" t="s">
        <v>17</v>
      </c>
      <c r="I1030" s="17" t="s">
        <v>71</v>
      </c>
      <c r="J1030" s="17" t="s">
        <v>525</v>
      </c>
      <c r="K1030" s="17"/>
      <c r="L1030" s="17"/>
      <c r="M1030" s="17"/>
      <c r="N1030" s="138"/>
      <c r="O1030" s="257"/>
    </row>
    <row r="1031" spans="1:15" ht="18.75" hidden="1" customHeight="1" outlineLevel="1">
      <c r="E1031" s="8" t="s">
        <v>236</v>
      </c>
      <c r="F1031" s="8">
        <v>963</v>
      </c>
      <c r="G1031" s="8" t="s">
        <v>235</v>
      </c>
      <c r="H1031" s="8" t="s">
        <v>66</v>
      </c>
      <c r="I1031" s="8" t="s">
        <v>65</v>
      </c>
      <c r="J1031" s="8">
        <v>1</v>
      </c>
      <c r="K1031" s="8" t="s">
        <v>514</v>
      </c>
      <c r="L1031" s="8">
        <v>2</v>
      </c>
      <c r="M1031" s="8">
        <v>2</v>
      </c>
      <c r="N1031" s="70" t="s">
        <v>624</v>
      </c>
      <c r="O1031" s="257"/>
    </row>
    <row r="1032" spans="1:15" ht="18.75" hidden="1" customHeight="1" outlineLevel="1">
      <c r="E1032" s="8" t="s">
        <v>234</v>
      </c>
      <c r="F1032" s="8">
        <v>782</v>
      </c>
      <c r="G1032" s="8" t="s">
        <v>67</v>
      </c>
      <c r="H1032" s="8" t="s">
        <v>78</v>
      </c>
      <c r="I1032" s="8" t="s">
        <v>71</v>
      </c>
      <c r="J1032" s="8">
        <v>1</v>
      </c>
      <c r="K1032" s="8" t="s">
        <v>438</v>
      </c>
      <c r="L1032" s="8">
        <v>1</v>
      </c>
      <c r="M1032" s="8">
        <v>18</v>
      </c>
      <c r="O1032" s="257"/>
    </row>
    <row r="1033" spans="1:15" ht="18.75" hidden="1" customHeight="1" outlineLevel="1">
      <c r="E1033" s="8" t="s">
        <v>233</v>
      </c>
      <c r="F1033" s="8">
        <v>954</v>
      </c>
      <c r="G1033" s="8" t="s">
        <v>232</v>
      </c>
      <c r="H1033" s="8" t="s">
        <v>78</v>
      </c>
      <c r="I1033" s="8" t="s">
        <v>71</v>
      </c>
      <c r="J1033" s="8">
        <v>1</v>
      </c>
      <c r="K1033" s="8" t="s">
        <v>438</v>
      </c>
      <c r="L1033" s="8">
        <v>1</v>
      </c>
      <c r="M1033" s="8">
        <v>10</v>
      </c>
      <c r="O1033" s="257"/>
    </row>
    <row r="1034" spans="1:15" ht="18.75" hidden="1" customHeight="1" outlineLevel="1">
      <c r="D1034" s="8"/>
      <c r="E1034" s="8" t="s">
        <v>231</v>
      </c>
      <c r="F1034" s="8">
        <v>955</v>
      </c>
      <c r="G1034" s="10" t="s">
        <v>230</v>
      </c>
      <c r="H1034" s="10" t="s">
        <v>78</v>
      </c>
      <c r="I1034" s="10" t="s">
        <v>71</v>
      </c>
      <c r="J1034" s="8">
        <v>1</v>
      </c>
      <c r="K1034" s="8" t="s">
        <v>514</v>
      </c>
      <c r="L1034" s="8">
        <v>2</v>
      </c>
      <c r="M1034" s="8">
        <v>2</v>
      </c>
      <c r="N1034" s="72" t="s">
        <v>669</v>
      </c>
      <c r="O1034" s="257"/>
    </row>
    <row r="1035" spans="1:15" ht="18.75" hidden="1" customHeight="1" outlineLevel="1">
      <c r="D1035" s="8"/>
      <c r="E1035" s="8" t="s">
        <v>229</v>
      </c>
      <c r="F1035" s="8">
        <v>956</v>
      </c>
      <c r="G1035" s="10" t="s">
        <v>228</v>
      </c>
      <c r="H1035" s="10" t="s">
        <v>78</v>
      </c>
      <c r="I1035" s="10" t="s">
        <v>71</v>
      </c>
      <c r="J1035" s="8">
        <v>1</v>
      </c>
      <c r="K1035" s="8" t="s">
        <v>509</v>
      </c>
      <c r="L1035" s="8">
        <v>1</v>
      </c>
      <c r="M1035" s="8">
        <v>10</v>
      </c>
      <c r="O1035" s="257"/>
    </row>
    <row r="1036" spans="1:15" ht="18.75" hidden="1" customHeight="1" outlineLevel="1">
      <c r="D1036" s="8"/>
      <c r="E1036" s="8" t="s">
        <v>227</v>
      </c>
      <c r="F1036" s="8">
        <v>441</v>
      </c>
      <c r="G1036" s="10" t="s">
        <v>226</v>
      </c>
      <c r="H1036" s="10" t="s">
        <v>78</v>
      </c>
      <c r="I1036" s="10" t="s">
        <v>71</v>
      </c>
      <c r="J1036" s="8">
        <v>1</v>
      </c>
      <c r="K1036" s="8" t="s">
        <v>514</v>
      </c>
      <c r="L1036" s="8">
        <v>1</v>
      </c>
      <c r="M1036" s="8">
        <v>1</v>
      </c>
      <c r="N1036" s="70" t="s">
        <v>624</v>
      </c>
      <c r="O1036" s="257"/>
    </row>
    <row r="1037" spans="1:15" ht="18.75" hidden="1" customHeight="1" outlineLevel="1">
      <c r="E1037" s="19" t="s">
        <v>225</v>
      </c>
      <c r="F1037" s="19">
        <v>662</v>
      </c>
      <c r="G1037" s="19" t="s">
        <v>97</v>
      </c>
      <c r="H1037" s="19" t="s">
        <v>17</v>
      </c>
      <c r="I1037" s="25" t="s">
        <v>96</v>
      </c>
      <c r="J1037" s="19">
        <v>1</v>
      </c>
      <c r="K1037" s="19" t="s">
        <v>514</v>
      </c>
      <c r="L1037" s="19">
        <v>1</v>
      </c>
      <c r="M1037" s="19">
        <v>1</v>
      </c>
      <c r="N1037" s="25"/>
      <c r="O1037" s="257"/>
    </row>
    <row r="1038" spans="1:15" ht="18.75" hidden="1" customHeight="1" outlineLevel="1">
      <c r="D1038" s="8"/>
      <c r="E1038" s="8" t="s">
        <v>224</v>
      </c>
      <c r="F1038" s="8">
        <v>828</v>
      </c>
      <c r="G1038" s="10" t="s">
        <v>223</v>
      </c>
      <c r="H1038" s="10" t="s">
        <v>17</v>
      </c>
      <c r="I1038" s="10" t="s">
        <v>71</v>
      </c>
      <c r="J1038" s="8">
        <v>1</v>
      </c>
      <c r="K1038" s="8" t="s">
        <v>438</v>
      </c>
      <c r="L1038" s="8">
        <v>1</v>
      </c>
      <c r="M1038" s="8">
        <v>9</v>
      </c>
      <c r="O1038" s="257"/>
    </row>
    <row r="1039" spans="1:15" ht="18.75" hidden="1" customHeight="1" outlineLevel="1">
      <c r="C1039" s="11"/>
      <c r="D1039" s="11"/>
      <c r="E1039" s="11" t="s">
        <v>222</v>
      </c>
      <c r="F1039" s="11">
        <v>325</v>
      </c>
      <c r="G1039" s="11" t="s">
        <v>221</v>
      </c>
      <c r="H1039" s="11" t="s">
        <v>17</v>
      </c>
      <c r="I1039" s="11" t="s">
        <v>71</v>
      </c>
      <c r="J1039" s="11">
        <v>1</v>
      </c>
      <c r="K1039" s="11" t="s">
        <v>509</v>
      </c>
      <c r="L1039" s="11">
        <v>1</v>
      </c>
      <c r="M1039" s="11">
        <v>20</v>
      </c>
      <c r="N1039" s="18"/>
      <c r="O1039" s="257"/>
    </row>
    <row r="1040" spans="1:15" ht="18.75" hidden="1" customHeight="1" outlineLevel="1">
      <c r="D1040" s="8"/>
      <c r="E1040" s="8" t="s">
        <v>220</v>
      </c>
      <c r="F1040" s="8">
        <v>350</v>
      </c>
      <c r="G1040" s="10" t="s">
        <v>108</v>
      </c>
      <c r="H1040" s="10" t="s">
        <v>17</v>
      </c>
      <c r="I1040" s="10" t="s">
        <v>71</v>
      </c>
      <c r="J1040" s="8">
        <v>1</v>
      </c>
      <c r="K1040" s="8" t="s">
        <v>509</v>
      </c>
      <c r="L1040" s="8">
        <v>1</v>
      </c>
      <c r="M1040" s="8">
        <v>20</v>
      </c>
      <c r="O1040" s="257"/>
    </row>
    <row r="1041" spans="1:16" ht="18.75" hidden="1" customHeight="1" outlineLevel="1">
      <c r="A1041" s="17" t="s">
        <v>219</v>
      </c>
      <c r="B1041" s="17" t="s">
        <v>105</v>
      </c>
      <c r="C1041" s="17"/>
      <c r="D1041" s="139"/>
      <c r="E1041" s="17"/>
      <c r="F1041" s="17"/>
      <c r="G1041" s="17"/>
      <c r="H1041" s="17" t="s">
        <v>17</v>
      </c>
      <c r="I1041" s="17" t="s">
        <v>71</v>
      </c>
      <c r="J1041" s="17" t="s">
        <v>525</v>
      </c>
      <c r="K1041" s="17"/>
      <c r="L1041" s="17"/>
      <c r="M1041" s="17"/>
      <c r="N1041" s="138"/>
      <c r="O1041" s="257"/>
    </row>
    <row r="1042" spans="1:16" ht="18.75" hidden="1" customHeight="1" outlineLevel="1">
      <c r="A1042" s="17"/>
      <c r="B1042" s="17"/>
      <c r="C1042" s="17" t="s">
        <v>219</v>
      </c>
      <c r="D1042" s="139" t="s">
        <v>105</v>
      </c>
      <c r="E1042" s="17"/>
      <c r="F1042" s="17"/>
      <c r="G1042" s="17"/>
      <c r="H1042" s="17" t="s">
        <v>66</v>
      </c>
      <c r="I1042" s="17" t="s">
        <v>65</v>
      </c>
      <c r="J1042" s="17">
        <v>1</v>
      </c>
      <c r="K1042" s="17"/>
      <c r="L1042" s="17"/>
      <c r="M1042" s="17"/>
      <c r="N1042" s="138"/>
      <c r="O1042" s="257"/>
    </row>
    <row r="1043" spans="1:16" ht="18.75" hidden="1" customHeight="1" outlineLevel="1">
      <c r="E1043" s="8" t="s">
        <v>218</v>
      </c>
      <c r="F1043" s="8">
        <v>673</v>
      </c>
      <c r="G1043" s="8" t="s">
        <v>217</v>
      </c>
      <c r="H1043" s="8" t="s">
        <v>66</v>
      </c>
      <c r="I1043" s="8" t="s">
        <v>65</v>
      </c>
      <c r="J1043" s="8">
        <v>1</v>
      </c>
      <c r="K1043" s="8" t="s">
        <v>514</v>
      </c>
      <c r="L1043" s="8">
        <v>2</v>
      </c>
      <c r="N1043" s="72" t="s">
        <v>733</v>
      </c>
      <c r="O1043" s="257"/>
    </row>
    <row r="1044" spans="1:16" ht="18.75" hidden="1" customHeight="1" outlineLevel="1">
      <c r="E1044" s="8" t="s">
        <v>216</v>
      </c>
      <c r="F1044" s="8">
        <v>380</v>
      </c>
      <c r="G1044" s="8" t="s">
        <v>105</v>
      </c>
      <c r="H1044" s="8" t="s">
        <v>78</v>
      </c>
      <c r="I1044" s="8" t="s">
        <v>71</v>
      </c>
      <c r="J1044" s="8">
        <v>1</v>
      </c>
      <c r="K1044" s="8" t="s">
        <v>438</v>
      </c>
      <c r="L1044" s="8">
        <v>1</v>
      </c>
      <c r="O1044" s="257"/>
    </row>
    <row r="1045" spans="1:16" ht="18.75" hidden="1" customHeight="1" outlineLevel="1">
      <c r="A1045" s="17" t="s">
        <v>219</v>
      </c>
      <c r="B1045" s="17" t="s">
        <v>105</v>
      </c>
      <c r="C1045" s="17"/>
      <c r="D1045" s="139"/>
      <c r="E1045" s="17"/>
      <c r="F1045" s="17"/>
      <c r="G1045" s="17"/>
      <c r="H1045" s="17" t="s">
        <v>17</v>
      </c>
      <c r="I1045" s="17" t="s">
        <v>71</v>
      </c>
      <c r="J1045" s="17" t="s">
        <v>525</v>
      </c>
      <c r="K1045" s="17"/>
      <c r="L1045" s="17"/>
      <c r="M1045" s="17"/>
      <c r="N1045" s="138"/>
      <c r="O1045" s="257"/>
    </row>
    <row r="1046" spans="1:16" ht="18.75" hidden="1" customHeight="1" outlineLevel="1">
      <c r="A1046" s="17"/>
      <c r="B1046" s="17"/>
      <c r="C1046" s="17" t="s">
        <v>219</v>
      </c>
      <c r="D1046" s="139" t="s">
        <v>105</v>
      </c>
      <c r="E1046" s="17"/>
      <c r="F1046" s="17"/>
      <c r="G1046" s="17"/>
      <c r="H1046" s="17" t="s">
        <v>66</v>
      </c>
      <c r="I1046" s="17" t="s">
        <v>65</v>
      </c>
      <c r="J1046" s="17">
        <v>1</v>
      </c>
      <c r="K1046" s="17"/>
      <c r="L1046" s="17"/>
      <c r="M1046" s="17"/>
      <c r="N1046" s="138"/>
      <c r="O1046" s="257"/>
    </row>
    <row r="1047" spans="1:16" ht="18.75" hidden="1" customHeight="1" outlineLevel="1">
      <c r="E1047" s="8" t="s">
        <v>218</v>
      </c>
      <c r="F1047" s="8">
        <v>673</v>
      </c>
      <c r="G1047" s="8" t="s">
        <v>217</v>
      </c>
      <c r="H1047" s="8" t="s">
        <v>66</v>
      </c>
      <c r="I1047" s="8" t="s">
        <v>65</v>
      </c>
      <c r="J1047" s="8">
        <v>1</v>
      </c>
      <c r="K1047" s="8" t="s">
        <v>514</v>
      </c>
      <c r="L1047" s="8">
        <v>2</v>
      </c>
      <c r="N1047" s="72" t="s">
        <v>734</v>
      </c>
      <c r="O1047" s="257"/>
    </row>
    <row r="1048" spans="1:16" ht="18.75" hidden="1" customHeight="1" outlineLevel="1">
      <c r="E1048" s="8" t="s">
        <v>216</v>
      </c>
      <c r="F1048" s="8">
        <v>380</v>
      </c>
      <c r="G1048" s="8" t="s">
        <v>105</v>
      </c>
      <c r="H1048" s="8" t="s">
        <v>78</v>
      </c>
      <c r="I1048" s="8" t="s">
        <v>71</v>
      </c>
      <c r="J1048" s="8">
        <v>1</v>
      </c>
      <c r="K1048" s="8" t="s">
        <v>438</v>
      </c>
      <c r="L1048" s="8">
        <v>1</v>
      </c>
      <c r="O1048" s="257" t="s">
        <v>957</v>
      </c>
    </row>
    <row r="1049" spans="1:16" collapsed="1">
      <c r="A1049" s="17" t="s">
        <v>212</v>
      </c>
      <c r="B1049" s="139" t="s">
        <v>735</v>
      </c>
      <c r="C1049" s="17"/>
      <c r="D1049" s="139"/>
      <c r="E1049" s="17"/>
      <c r="F1049" s="17"/>
      <c r="G1049" s="17"/>
      <c r="H1049" s="17" t="s">
        <v>17</v>
      </c>
      <c r="I1049" s="17" t="s">
        <v>71</v>
      </c>
      <c r="J1049" s="17">
        <v>200</v>
      </c>
      <c r="K1049" s="17"/>
      <c r="L1049" s="17"/>
      <c r="M1049" s="17"/>
      <c r="N1049" s="141"/>
      <c r="O1049" s="257" t="s">
        <v>1959</v>
      </c>
      <c r="P1049" s="257" t="s">
        <v>1087</v>
      </c>
    </row>
    <row r="1050" spans="1:16" ht="18.75" hidden="1" customHeight="1" outlineLevel="1">
      <c r="A1050" s="17"/>
      <c r="B1050" s="17"/>
      <c r="C1050" s="17" t="s">
        <v>212</v>
      </c>
      <c r="D1050" s="139" t="s">
        <v>735</v>
      </c>
      <c r="E1050" s="17"/>
      <c r="F1050" s="17"/>
      <c r="G1050" s="17"/>
      <c r="H1050" s="17" t="s">
        <v>66</v>
      </c>
      <c r="I1050" s="17" t="s">
        <v>65</v>
      </c>
      <c r="J1050" s="17">
        <v>1</v>
      </c>
      <c r="K1050" s="17"/>
      <c r="L1050" s="17"/>
      <c r="M1050" s="17"/>
      <c r="N1050" s="141"/>
      <c r="O1050" s="257"/>
    </row>
    <row r="1051" spans="1:16" ht="18.75" hidden="1" customHeight="1" outlineLevel="1">
      <c r="E1051" s="8" t="s">
        <v>211</v>
      </c>
      <c r="F1051" s="8">
        <v>380</v>
      </c>
      <c r="G1051" s="8" t="s">
        <v>105</v>
      </c>
      <c r="H1051" s="8" t="s">
        <v>66</v>
      </c>
      <c r="I1051" s="8" t="s">
        <v>65</v>
      </c>
      <c r="J1051" s="8">
        <v>1</v>
      </c>
      <c r="K1051" s="8" t="s">
        <v>438</v>
      </c>
      <c r="L1051" s="8">
        <v>1</v>
      </c>
      <c r="M1051" s="8">
        <v>15</v>
      </c>
      <c r="O1051" s="257"/>
    </row>
    <row r="1052" spans="1:16" ht="18.75" hidden="1" customHeight="1" outlineLevel="1">
      <c r="E1052" s="8" t="s">
        <v>210</v>
      </c>
      <c r="F1052" s="8">
        <v>355</v>
      </c>
      <c r="G1052" s="8" t="s">
        <v>103</v>
      </c>
      <c r="H1052" s="8" t="s">
        <v>66</v>
      </c>
      <c r="I1052" s="8" t="s">
        <v>65</v>
      </c>
      <c r="J1052" s="8">
        <v>1</v>
      </c>
      <c r="K1052" s="8" t="s">
        <v>514</v>
      </c>
      <c r="L1052" s="8">
        <v>2</v>
      </c>
      <c r="M1052" s="8">
        <v>2</v>
      </c>
      <c r="N1052" s="70" t="s">
        <v>624</v>
      </c>
      <c r="O1052" s="257"/>
    </row>
    <row r="1053" spans="1:16" ht="18.75" hidden="1" customHeight="1" outlineLevel="1">
      <c r="E1053" s="8" t="s">
        <v>209</v>
      </c>
      <c r="F1053" s="8">
        <v>98</v>
      </c>
      <c r="G1053" s="8" t="s">
        <v>156</v>
      </c>
      <c r="H1053" s="8" t="s">
        <v>17</v>
      </c>
      <c r="I1053" s="8" t="s">
        <v>71</v>
      </c>
      <c r="J1053" s="8">
        <v>1</v>
      </c>
      <c r="K1053" s="8" t="s">
        <v>514</v>
      </c>
      <c r="L1053" s="8">
        <v>2</v>
      </c>
      <c r="M1053" s="8">
        <v>3</v>
      </c>
      <c r="N1053" s="8" t="s">
        <v>694</v>
      </c>
      <c r="O1053" s="257"/>
    </row>
    <row r="1054" spans="1:16" ht="18.75" hidden="1" customHeight="1" outlineLevel="1">
      <c r="E1054" s="8" t="s">
        <v>208</v>
      </c>
      <c r="F1054" s="8">
        <v>93</v>
      </c>
      <c r="G1054" s="8" t="s">
        <v>120</v>
      </c>
      <c r="H1054" s="8" t="s">
        <v>78</v>
      </c>
      <c r="I1054" s="8" t="s">
        <v>71</v>
      </c>
      <c r="J1054" s="8">
        <v>1</v>
      </c>
      <c r="K1054" s="8" t="s">
        <v>509</v>
      </c>
      <c r="L1054" s="8">
        <v>1</v>
      </c>
      <c r="M1054" s="8">
        <v>60</v>
      </c>
      <c r="N1054" s="25"/>
      <c r="O1054" s="257"/>
    </row>
    <row r="1055" spans="1:16" ht="18.75" hidden="1" customHeight="1" outlineLevel="1">
      <c r="E1055" s="8" t="s">
        <v>207</v>
      </c>
      <c r="F1055" s="8">
        <v>374</v>
      </c>
      <c r="G1055" s="8" t="s">
        <v>82</v>
      </c>
      <c r="H1055" s="8" t="s">
        <v>66</v>
      </c>
      <c r="I1055" s="8" t="s">
        <v>65</v>
      </c>
      <c r="J1055" s="8">
        <v>1</v>
      </c>
      <c r="K1055" s="8" t="s">
        <v>514</v>
      </c>
      <c r="L1055" s="8">
        <v>3</v>
      </c>
      <c r="M1055" s="8">
        <v>3</v>
      </c>
      <c r="N1055" s="72" t="s">
        <v>663</v>
      </c>
      <c r="O1055" s="257"/>
    </row>
    <row r="1056" spans="1:16" ht="18.75" hidden="1" customHeight="1" outlineLevel="1">
      <c r="E1056" s="8" t="s">
        <v>206</v>
      </c>
      <c r="F1056" s="8">
        <v>373</v>
      </c>
      <c r="G1056" s="8" t="s">
        <v>1</v>
      </c>
      <c r="H1056" s="8" t="s">
        <v>66</v>
      </c>
      <c r="I1056" s="8" t="s">
        <v>65</v>
      </c>
      <c r="J1056" s="8">
        <v>1</v>
      </c>
      <c r="K1056" s="8" t="s">
        <v>519</v>
      </c>
      <c r="L1056" s="8">
        <v>8</v>
      </c>
      <c r="M1056" s="8">
        <v>8</v>
      </c>
      <c r="O1056" s="257"/>
    </row>
    <row r="1057" spans="1:16" s="33" customFormat="1" ht="18.75" hidden="1" customHeight="1" outlineLevel="1">
      <c r="C1057" s="11"/>
      <c r="E1057" s="11" t="s">
        <v>205</v>
      </c>
      <c r="F1057" s="11">
        <v>337</v>
      </c>
      <c r="G1057" s="11" t="s">
        <v>79</v>
      </c>
      <c r="H1057" s="11" t="s">
        <v>17</v>
      </c>
      <c r="I1057" s="11" t="s">
        <v>71</v>
      </c>
      <c r="J1057" s="11">
        <v>1</v>
      </c>
      <c r="K1057" s="11" t="s">
        <v>518</v>
      </c>
      <c r="L1057" s="11">
        <v>4</v>
      </c>
      <c r="M1057" s="11">
        <v>8</v>
      </c>
      <c r="N1057" s="18"/>
      <c r="O1057" s="257"/>
      <c r="P1057" s="257"/>
    </row>
    <row r="1058" spans="1:16" s="33" customFormat="1" ht="18.75" hidden="1" customHeight="1" outlineLevel="1">
      <c r="C1058" s="11"/>
      <c r="E1058" s="11" t="s">
        <v>204</v>
      </c>
      <c r="F1058" s="11">
        <v>374</v>
      </c>
      <c r="G1058" s="11" t="s">
        <v>82</v>
      </c>
      <c r="H1058" s="11" t="s">
        <v>78</v>
      </c>
      <c r="I1058" s="11" t="s">
        <v>71</v>
      </c>
      <c r="J1058" s="11">
        <v>1</v>
      </c>
      <c r="K1058" s="11" t="s">
        <v>514</v>
      </c>
      <c r="L1058" s="11">
        <v>3</v>
      </c>
      <c r="M1058" s="11">
        <v>3</v>
      </c>
      <c r="N1058" s="18" t="s">
        <v>731</v>
      </c>
      <c r="O1058" s="257"/>
      <c r="P1058" s="257"/>
    </row>
    <row r="1059" spans="1:16" s="33" customFormat="1" ht="18.75" hidden="1" customHeight="1" outlineLevel="1">
      <c r="C1059" s="11"/>
      <c r="E1059" s="11" t="s">
        <v>206</v>
      </c>
      <c r="F1059" s="11">
        <v>373</v>
      </c>
      <c r="G1059" s="11" t="s">
        <v>1</v>
      </c>
      <c r="H1059" s="11" t="s">
        <v>66</v>
      </c>
      <c r="I1059" s="11" t="s">
        <v>65</v>
      </c>
      <c r="J1059" s="11">
        <v>1</v>
      </c>
      <c r="K1059" s="11" t="s">
        <v>519</v>
      </c>
      <c r="L1059" s="11">
        <v>8</v>
      </c>
      <c r="M1059" s="11">
        <v>8</v>
      </c>
      <c r="N1059" s="18"/>
      <c r="O1059" s="257"/>
      <c r="P1059" s="257"/>
    </row>
    <row r="1060" spans="1:16" s="33" customFormat="1" ht="18.75" hidden="1" customHeight="1" outlineLevel="1">
      <c r="C1060" s="11"/>
      <c r="E1060" s="11" t="s">
        <v>205</v>
      </c>
      <c r="F1060" s="11">
        <v>337</v>
      </c>
      <c r="G1060" s="11" t="s">
        <v>79</v>
      </c>
      <c r="H1060" s="11" t="s">
        <v>17</v>
      </c>
      <c r="I1060" s="11" t="s">
        <v>71</v>
      </c>
      <c r="J1060" s="11">
        <v>1</v>
      </c>
      <c r="K1060" s="11" t="s">
        <v>518</v>
      </c>
      <c r="L1060" s="11">
        <v>4</v>
      </c>
      <c r="M1060" s="11">
        <v>8</v>
      </c>
      <c r="N1060" s="18"/>
      <c r="O1060" s="257"/>
      <c r="P1060" s="257"/>
    </row>
    <row r="1061" spans="1:16" s="33" customFormat="1" ht="18.75" hidden="1" customHeight="1" outlineLevel="1">
      <c r="C1061" s="11"/>
      <c r="E1061" s="11" t="s">
        <v>215</v>
      </c>
      <c r="F1061" s="11">
        <v>326</v>
      </c>
      <c r="G1061" s="11" t="s">
        <v>214</v>
      </c>
      <c r="H1061" s="11" t="s">
        <v>17</v>
      </c>
      <c r="I1061" s="11" t="s">
        <v>71</v>
      </c>
      <c r="J1061" s="11">
        <v>1</v>
      </c>
      <c r="K1061" s="11" t="s">
        <v>509</v>
      </c>
      <c r="L1061" s="11">
        <v>1</v>
      </c>
      <c r="M1061" s="11">
        <v>45</v>
      </c>
      <c r="N1061" s="18"/>
      <c r="O1061" s="257"/>
      <c r="P1061" s="257"/>
    </row>
    <row r="1062" spans="1:16" s="33" customFormat="1" ht="18.75" hidden="1" customHeight="1" outlineLevel="1">
      <c r="C1062" s="11"/>
      <c r="E1062" s="11" t="s">
        <v>213</v>
      </c>
      <c r="F1062" s="11">
        <v>350</v>
      </c>
      <c r="G1062" s="11" t="s">
        <v>108</v>
      </c>
      <c r="H1062" s="11" t="s">
        <v>17</v>
      </c>
      <c r="I1062" s="11" t="s">
        <v>71</v>
      </c>
      <c r="J1062" s="11">
        <v>1</v>
      </c>
      <c r="K1062" s="11" t="s">
        <v>509</v>
      </c>
      <c r="L1062" s="11">
        <v>1</v>
      </c>
      <c r="M1062" s="11">
        <v>20</v>
      </c>
      <c r="N1062" s="18"/>
      <c r="O1062" s="257"/>
      <c r="P1062" s="257"/>
    </row>
    <row r="1063" spans="1:16" ht="18.75" hidden="1" customHeight="1" collapsed="1">
      <c r="A1063" s="17"/>
      <c r="B1063" s="17"/>
      <c r="C1063" s="17" t="s">
        <v>130</v>
      </c>
      <c r="D1063" s="139" t="s">
        <v>126</v>
      </c>
      <c r="E1063" s="17"/>
      <c r="F1063" s="17"/>
      <c r="G1063" s="17"/>
      <c r="H1063" s="17" t="s">
        <v>17</v>
      </c>
      <c r="I1063" s="17" t="s">
        <v>71</v>
      </c>
      <c r="J1063" s="17" t="s">
        <v>525</v>
      </c>
      <c r="K1063" s="17"/>
      <c r="L1063" s="17"/>
      <c r="M1063" s="17"/>
      <c r="N1063" s="138"/>
      <c r="O1063" s="257"/>
    </row>
    <row r="1064" spans="1:16" ht="18.75" hidden="1" customHeight="1">
      <c r="E1064" s="8" t="s">
        <v>129</v>
      </c>
      <c r="F1064" s="8">
        <v>128</v>
      </c>
      <c r="G1064" s="8" t="s">
        <v>128</v>
      </c>
      <c r="H1064" s="8" t="s">
        <v>66</v>
      </c>
      <c r="I1064" s="8" t="s">
        <v>65</v>
      </c>
      <c r="J1064" s="8">
        <v>1</v>
      </c>
      <c r="K1064" s="8" t="s">
        <v>514</v>
      </c>
      <c r="L1064" s="8">
        <v>2</v>
      </c>
      <c r="M1064" s="8">
        <v>3</v>
      </c>
      <c r="N1064" s="72" t="s">
        <v>644</v>
      </c>
      <c r="O1064" s="257"/>
    </row>
    <row r="1065" spans="1:16" ht="18.75" hidden="1" customHeight="1">
      <c r="E1065" s="8" t="s">
        <v>127</v>
      </c>
      <c r="F1065" s="8">
        <v>127</v>
      </c>
      <c r="G1065" s="8" t="s">
        <v>126</v>
      </c>
      <c r="H1065" s="8" t="s">
        <v>78</v>
      </c>
      <c r="I1065" s="8" t="s">
        <v>174</v>
      </c>
      <c r="J1065" s="8">
        <v>1</v>
      </c>
      <c r="K1065" s="8" t="s">
        <v>509</v>
      </c>
      <c r="L1065" s="8">
        <v>1</v>
      </c>
      <c r="M1065" s="8">
        <v>30</v>
      </c>
      <c r="O1065" s="257"/>
    </row>
    <row r="1066" spans="1:16" ht="18.75" hidden="1" customHeight="1">
      <c r="A1066" s="17" t="s">
        <v>203</v>
      </c>
      <c r="B1066" s="139" t="s">
        <v>736</v>
      </c>
      <c r="C1066" s="17"/>
      <c r="D1066" s="139"/>
      <c r="E1066" s="17"/>
      <c r="F1066" s="17"/>
      <c r="G1066" s="17"/>
      <c r="H1066" s="17" t="s">
        <v>17</v>
      </c>
      <c r="I1066" s="17" t="s">
        <v>71</v>
      </c>
      <c r="J1066" s="17">
        <v>200</v>
      </c>
      <c r="K1066" s="17"/>
      <c r="L1066" s="17"/>
      <c r="M1066" s="17"/>
      <c r="N1066" s="138"/>
      <c r="O1066" s="257"/>
    </row>
    <row r="1067" spans="1:16" ht="18.75" hidden="1" customHeight="1">
      <c r="A1067" s="17"/>
      <c r="B1067" s="17"/>
      <c r="C1067" s="17" t="s">
        <v>203</v>
      </c>
      <c r="D1067" s="139" t="s">
        <v>736</v>
      </c>
      <c r="E1067" s="17"/>
      <c r="F1067" s="17"/>
      <c r="G1067" s="17"/>
      <c r="H1067" s="17" t="s">
        <v>66</v>
      </c>
      <c r="I1067" s="17" t="s">
        <v>65</v>
      </c>
      <c r="J1067" s="17">
        <v>1</v>
      </c>
      <c r="K1067" s="17"/>
      <c r="L1067" s="17"/>
      <c r="M1067" s="17"/>
      <c r="N1067" s="138"/>
      <c r="O1067" s="257"/>
    </row>
    <row r="1068" spans="1:16" ht="18.75" hidden="1" customHeight="1">
      <c r="E1068" s="8" t="s">
        <v>202</v>
      </c>
      <c r="F1068" s="8">
        <v>349</v>
      </c>
      <c r="G1068" s="8" t="s">
        <v>201</v>
      </c>
      <c r="H1068" s="8" t="s">
        <v>78</v>
      </c>
      <c r="I1068" s="8" t="s">
        <v>71</v>
      </c>
      <c r="J1068" s="8">
        <v>1</v>
      </c>
      <c r="K1068" s="8" t="s">
        <v>514</v>
      </c>
      <c r="L1068" s="8">
        <v>1</v>
      </c>
      <c r="M1068" s="8">
        <v>1</v>
      </c>
      <c r="N1068" s="72" t="s">
        <v>666</v>
      </c>
      <c r="O1068" s="257"/>
    </row>
    <row r="1069" spans="1:16" ht="18.75" hidden="1" customHeight="1">
      <c r="E1069" s="8" t="s">
        <v>200</v>
      </c>
      <c r="F1069" s="8">
        <v>753</v>
      </c>
      <c r="G1069" s="8" t="s">
        <v>199</v>
      </c>
      <c r="H1069" s="8" t="s">
        <v>17</v>
      </c>
      <c r="I1069" s="8" t="s">
        <v>71</v>
      </c>
      <c r="J1069" s="8">
        <v>1</v>
      </c>
      <c r="K1069" s="8" t="s">
        <v>514</v>
      </c>
      <c r="L1069" s="8">
        <v>1</v>
      </c>
      <c r="M1069" s="8">
        <v>5</v>
      </c>
      <c r="N1069" s="72" t="s">
        <v>730</v>
      </c>
      <c r="O1069" s="257"/>
    </row>
    <row r="1070" spans="1:16" ht="18.75" hidden="1" customHeight="1">
      <c r="E1070" s="8" t="s">
        <v>198</v>
      </c>
      <c r="F1070" s="8">
        <v>559</v>
      </c>
      <c r="G1070" s="8" t="s">
        <v>197</v>
      </c>
      <c r="H1070" s="8" t="s">
        <v>78</v>
      </c>
      <c r="I1070" s="8" t="s">
        <v>71</v>
      </c>
      <c r="J1070" s="8">
        <v>1</v>
      </c>
      <c r="K1070" s="8" t="s">
        <v>514</v>
      </c>
      <c r="L1070" s="8">
        <v>2</v>
      </c>
      <c r="M1070" s="8">
        <v>2</v>
      </c>
      <c r="N1070" s="72" t="s">
        <v>643</v>
      </c>
      <c r="O1070" s="257"/>
    </row>
    <row r="1071" spans="1:16" ht="18.75" hidden="1" customHeight="1">
      <c r="E1071" s="8" t="s">
        <v>196</v>
      </c>
      <c r="F1071" s="8">
        <v>754</v>
      </c>
      <c r="G1071" s="8" t="s">
        <v>195</v>
      </c>
      <c r="H1071" s="8" t="s">
        <v>78</v>
      </c>
      <c r="I1071" s="8" t="s">
        <v>71</v>
      </c>
      <c r="J1071" s="8">
        <v>1</v>
      </c>
      <c r="K1071" s="8" t="s">
        <v>509</v>
      </c>
      <c r="L1071" s="8">
        <v>1</v>
      </c>
      <c r="M1071" s="8">
        <v>7</v>
      </c>
      <c r="O1071" s="257"/>
    </row>
    <row r="1072" spans="1:16" ht="18.75" hidden="1" customHeight="1">
      <c r="E1072" s="8" t="s">
        <v>194</v>
      </c>
      <c r="F1072" s="8">
        <v>352</v>
      </c>
      <c r="G1072" s="8" t="s">
        <v>3</v>
      </c>
      <c r="H1072" s="8" t="s">
        <v>78</v>
      </c>
      <c r="I1072" s="8" t="s">
        <v>71</v>
      </c>
      <c r="J1072" s="8">
        <v>1</v>
      </c>
      <c r="K1072" s="8" t="s">
        <v>509</v>
      </c>
      <c r="L1072" s="8">
        <v>1</v>
      </c>
      <c r="M1072" s="8">
        <v>80</v>
      </c>
      <c r="O1072" s="257"/>
    </row>
    <row r="1073" spans="1:16" ht="18.75" hidden="1" customHeight="1">
      <c r="A1073" s="17"/>
      <c r="B1073" s="17"/>
      <c r="C1073" s="17" t="s">
        <v>193</v>
      </c>
      <c r="D1073" s="139" t="s">
        <v>497</v>
      </c>
      <c r="E1073" s="17"/>
      <c r="F1073" s="17"/>
      <c r="G1073" s="17"/>
      <c r="H1073" s="17" t="s">
        <v>17</v>
      </c>
      <c r="I1073" s="17" t="s">
        <v>71</v>
      </c>
      <c r="J1073" s="17" t="s">
        <v>525</v>
      </c>
      <c r="K1073" s="17"/>
      <c r="L1073" s="17"/>
      <c r="M1073" s="17"/>
      <c r="N1073" s="138"/>
      <c r="O1073" s="257"/>
    </row>
    <row r="1074" spans="1:16" ht="18.75" hidden="1" customHeight="1">
      <c r="E1074" s="8" t="s">
        <v>192</v>
      </c>
      <c r="F1074" s="8">
        <v>737</v>
      </c>
      <c r="G1074" s="8" t="s">
        <v>191</v>
      </c>
      <c r="H1074" s="8" t="s">
        <v>17</v>
      </c>
      <c r="I1074" s="8" t="s">
        <v>71</v>
      </c>
      <c r="J1074" s="8">
        <v>1</v>
      </c>
      <c r="K1074" s="8" t="s">
        <v>514</v>
      </c>
      <c r="L1074" s="8">
        <v>2</v>
      </c>
      <c r="M1074" s="8">
        <v>2</v>
      </c>
      <c r="N1074" s="72" t="s">
        <v>646</v>
      </c>
      <c r="O1074" s="257"/>
    </row>
    <row r="1075" spans="1:16" ht="18.75" hidden="1" customHeight="1">
      <c r="E1075" s="8" t="s">
        <v>190</v>
      </c>
      <c r="F1075" s="8">
        <v>738</v>
      </c>
      <c r="G1075" s="8" t="s">
        <v>189</v>
      </c>
      <c r="H1075" s="8" t="s">
        <v>17</v>
      </c>
      <c r="I1075" s="8" t="s">
        <v>71</v>
      </c>
      <c r="J1075" s="8">
        <v>1</v>
      </c>
      <c r="K1075" s="8" t="s">
        <v>514</v>
      </c>
      <c r="L1075" s="8">
        <v>1</v>
      </c>
      <c r="M1075" s="8">
        <v>3</v>
      </c>
      <c r="N1075" s="70" t="s">
        <v>624</v>
      </c>
      <c r="O1075" s="257"/>
    </row>
    <row r="1076" spans="1:16" ht="18.75" hidden="1" customHeight="1">
      <c r="E1076" s="8" t="s">
        <v>188</v>
      </c>
      <c r="F1076" s="8">
        <v>739</v>
      </c>
      <c r="G1076" s="8" t="s">
        <v>187</v>
      </c>
      <c r="H1076" s="8" t="s">
        <v>78</v>
      </c>
      <c r="I1076" s="8" t="s">
        <v>71</v>
      </c>
      <c r="J1076" s="8">
        <v>1</v>
      </c>
      <c r="K1076" s="8" t="s">
        <v>438</v>
      </c>
      <c r="L1076" s="8">
        <v>1</v>
      </c>
      <c r="M1076" s="8">
        <v>20</v>
      </c>
      <c r="O1076" s="257"/>
    </row>
    <row r="1077" spans="1:16" ht="18.75" hidden="1" customHeight="1">
      <c r="D1077" s="10" t="s">
        <v>186</v>
      </c>
      <c r="E1077" s="8" t="s">
        <v>185</v>
      </c>
      <c r="H1077" s="8" t="s">
        <v>78</v>
      </c>
      <c r="I1077" s="8" t="s">
        <v>71</v>
      </c>
      <c r="J1077" s="8">
        <v>1</v>
      </c>
      <c r="O1077" s="257"/>
    </row>
    <row r="1078" spans="1:16" ht="18.75" hidden="1" customHeight="1">
      <c r="E1078" s="8" t="s">
        <v>711</v>
      </c>
      <c r="F1078" s="8">
        <v>355</v>
      </c>
      <c r="G1078" s="8" t="s">
        <v>103</v>
      </c>
      <c r="H1078" s="8" t="s">
        <v>66</v>
      </c>
      <c r="I1078" s="8" t="s">
        <v>65</v>
      </c>
      <c r="J1078" s="8">
        <v>1</v>
      </c>
      <c r="K1078" s="8" t="s">
        <v>514</v>
      </c>
      <c r="L1078" s="8">
        <v>2</v>
      </c>
      <c r="M1078" s="8">
        <v>2</v>
      </c>
      <c r="N1078" s="70" t="s">
        <v>624</v>
      </c>
      <c r="O1078" s="257"/>
    </row>
    <row r="1079" spans="1:16" ht="18.75" hidden="1" customHeight="1">
      <c r="A1079" s="17" t="s">
        <v>177</v>
      </c>
      <c r="B1079" s="139" t="s">
        <v>126</v>
      </c>
      <c r="C1079" s="17"/>
      <c r="D1079" s="139"/>
      <c r="E1079" s="17"/>
      <c r="F1079" s="17"/>
      <c r="G1079" s="17"/>
      <c r="H1079" s="17" t="s">
        <v>17</v>
      </c>
      <c r="I1079" s="17" t="s">
        <v>71</v>
      </c>
      <c r="J1079" s="17">
        <v>1000</v>
      </c>
      <c r="K1079" s="17"/>
      <c r="L1079" s="17"/>
      <c r="M1079" s="17"/>
      <c r="N1079" s="138"/>
      <c r="O1079" s="257"/>
    </row>
    <row r="1080" spans="1:16" ht="18.75" hidden="1" customHeight="1">
      <c r="A1080" s="17"/>
      <c r="B1080" s="17"/>
      <c r="C1080" s="17" t="s">
        <v>177</v>
      </c>
      <c r="D1080" s="139" t="s">
        <v>126</v>
      </c>
      <c r="E1080" s="17"/>
      <c r="F1080" s="17"/>
      <c r="G1080" s="17"/>
      <c r="H1080" s="17" t="s">
        <v>66</v>
      </c>
      <c r="I1080" s="17" t="s">
        <v>65</v>
      </c>
      <c r="J1080" s="17">
        <v>1</v>
      </c>
      <c r="K1080" s="17"/>
      <c r="L1080" s="17"/>
      <c r="M1080" s="17"/>
      <c r="N1080" s="138"/>
      <c r="O1080" s="257"/>
    </row>
    <row r="1081" spans="1:16" ht="18.75" hidden="1" customHeight="1">
      <c r="E1081" s="8" t="s">
        <v>176</v>
      </c>
      <c r="F1081" s="8">
        <v>128</v>
      </c>
      <c r="G1081" s="8" t="s">
        <v>128</v>
      </c>
      <c r="H1081" s="8" t="s">
        <v>66</v>
      </c>
      <c r="I1081" s="8" t="s">
        <v>65</v>
      </c>
      <c r="J1081" s="8">
        <v>1</v>
      </c>
      <c r="K1081" s="8" t="s">
        <v>514</v>
      </c>
      <c r="L1081" s="8">
        <v>2</v>
      </c>
      <c r="M1081" s="8">
        <v>3</v>
      </c>
      <c r="N1081" s="72" t="s">
        <v>688</v>
      </c>
      <c r="O1081" s="257"/>
    </row>
    <row r="1082" spans="1:16" ht="18.75" hidden="1" customHeight="1">
      <c r="E1082" s="8" t="s">
        <v>175</v>
      </c>
      <c r="F1082" s="8">
        <v>127</v>
      </c>
      <c r="G1082" s="8" t="s">
        <v>126</v>
      </c>
      <c r="H1082" s="8" t="s">
        <v>78</v>
      </c>
      <c r="I1082" s="8" t="s">
        <v>71</v>
      </c>
      <c r="J1082" s="8">
        <v>1</v>
      </c>
      <c r="K1082" s="8" t="s">
        <v>509</v>
      </c>
      <c r="L1082" s="8">
        <v>1</v>
      </c>
      <c r="M1082" s="8">
        <v>30</v>
      </c>
      <c r="N1082" s="72" t="s">
        <v>688</v>
      </c>
      <c r="O1082" s="257"/>
    </row>
    <row r="1083" spans="1:16" ht="18.75" hidden="1" customHeight="1">
      <c r="E1083" s="8" t="s">
        <v>173</v>
      </c>
      <c r="F1083" s="8">
        <v>369</v>
      </c>
      <c r="G1083" s="8" t="s">
        <v>172</v>
      </c>
      <c r="H1083" s="8" t="s">
        <v>78</v>
      </c>
      <c r="I1083" s="8" t="s">
        <v>71</v>
      </c>
      <c r="J1083" s="8">
        <v>1</v>
      </c>
      <c r="K1083" s="8" t="s">
        <v>509</v>
      </c>
      <c r="L1083" s="8">
        <v>1</v>
      </c>
      <c r="M1083" s="8">
        <v>45</v>
      </c>
      <c r="O1083" s="257"/>
    </row>
    <row r="1084" spans="1:16" ht="18.75" hidden="1" customHeight="1">
      <c r="A1084" s="17"/>
      <c r="B1084" s="17"/>
      <c r="C1084" s="75" t="s">
        <v>87</v>
      </c>
      <c r="D1084" s="142" t="s">
        <v>515</v>
      </c>
      <c r="E1084" s="75"/>
      <c r="F1084" s="75"/>
      <c r="G1084" s="75"/>
      <c r="H1084" s="75" t="s">
        <v>17</v>
      </c>
      <c r="I1084" s="75" t="s">
        <v>71</v>
      </c>
      <c r="J1084" s="75">
        <v>1000</v>
      </c>
      <c r="K1084" s="75"/>
      <c r="L1084" s="75"/>
      <c r="M1084" s="75"/>
      <c r="N1084" s="78"/>
      <c r="O1084" s="257"/>
    </row>
    <row r="1085" spans="1:16" ht="18.75" hidden="1" customHeight="1">
      <c r="E1085" s="8" t="s">
        <v>86</v>
      </c>
      <c r="F1085" s="8">
        <v>933</v>
      </c>
      <c r="G1085" s="8" t="s">
        <v>85</v>
      </c>
      <c r="H1085" s="8" t="s">
        <v>66</v>
      </c>
      <c r="I1085" s="8" t="s">
        <v>65</v>
      </c>
      <c r="J1085" s="8">
        <v>1</v>
      </c>
      <c r="K1085" s="8" t="s">
        <v>509</v>
      </c>
      <c r="L1085" s="8">
        <v>1</v>
      </c>
      <c r="M1085" s="8">
        <v>264</v>
      </c>
      <c r="O1085" s="257" t="s">
        <v>923</v>
      </c>
    </row>
    <row r="1086" spans="1:16">
      <c r="A1086" s="17" t="s">
        <v>177</v>
      </c>
      <c r="B1086" s="139" t="s">
        <v>126</v>
      </c>
      <c r="C1086" s="17"/>
      <c r="D1086" s="139"/>
      <c r="E1086" s="17"/>
      <c r="F1086" s="17"/>
      <c r="G1086" s="17"/>
      <c r="H1086" s="17" t="s">
        <v>17</v>
      </c>
      <c r="I1086" s="17" t="s">
        <v>71</v>
      </c>
      <c r="J1086" s="17">
        <v>1000</v>
      </c>
      <c r="K1086" s="17"/>
      <c r="L1086" s="17"/>
      <c r="M1086" s="17"/>
      <c r="N1086" s="138"/>
      <c r="O1086" s="257" t="s">
        <v>923</v>
      </c>
    </row>
    <row r="1087" spans="1:16">
      <c r="A1087" s="17"/>
      <c r="B1087" s="17"/>
      <c r="C1087" s="17" t="s">
        <v>177</v>
      </c>
      <c r="D1087" s="139" t="s">
        <v>126</v>
      </c>
      <c r="E1087" s="17"/>
      <c r="F1087" s="17"/>
      <c r="G1087" s="17"/>
      <c r="H1087" s="17" t="s">
        <v>66</v>
      </c>
      <c r="I1087" s="17" t="s">
        <v>65</v>
      </c>
      <c r="J1087" s="17">
        <v>1</v>
      </c>
      <c r="K1087" s="17"/>
      <c r="L1087" s="17"/>
      <c r="M1087" s="17"/>
      <c r="N1087" s="138"/>
      <c r="O1087" s="257" t="s">
        <v>1948</v>
      </c>
    </row>
    <row r="1088" spans="1:16" ht="46.5">
      <c r="E1088" s="8" t="s">
        <v>176</v>
      </c>
      <c r="F1088" s="8">
        <v>128</v>
      </c>
      <c r="G1088" s="8" t="s">
        <v>128</v>
      </c>
      <c r="H1088" s="8" t="s">
        <v>66</v>
      </c>
      <c r="I1088" s="8" t="s">
        <v>65</v>
      </c>
      <c r="J1088" s="8">
        <v>1</v>
      </c>
      <c r="K1088" s="8" t="s">
        <v>514</v>
      </c>
      <c r="L1088" s="8">
        <v>2</v>
      </c>
      <c r="M1088" s="8">
        <v>3</v>
      </c>
      <c r="N1088" s="72" t="s">
        <v>643</v>
      </c>
      <c r="O1088" s="257" t="s">
        <v>1012</v>
      </c>
      <c r="P1088" s="257" t="s">
        <v>1682</v>
      </c>
    </row>
    <row r="1089" spans="1:15">
      <c r="E1089" s="8" t="s">
        <v>175</v>
      </c>
      <c r="F1089" s="8">
        <v>127</v>
      </c>
      <c r="G1089" s="8" t="s">
        <v>126</v>
      </c>
      <c r="H1089" s="8" t="s">
        <v>78</v>
      </c>
      <c r="I1089" s="8" t="s">
        <v>71</v>
      </c>
      <c r="J1089" s="8">
        <v>1</v>
      </c>
      <c r="K1089" s="8" t="s">
        <v>509</v>
      </c>
      <c r="L1089" s="8">
        <v>1</v>
      </c>
      <c r="M1089" s="8">
        <v>30</v>
      </c>
      <c r="O1089" s="257" t="s">
        <v>1949</v>
      </c>
    </row>
    <row r="1090" spans="1:15">
      <c r="E1090" s="8" t="s">
        <v>173</v>
      </c>
      <c r="F1090" s="8">
        <v>369</v>
      </c>
      <c r="G1090" s="8" t="s">
        <v>172</v>
      </c>
      <c r="H1090" s="8" t="s">
        <v>78</v>
      </c>
      <c r="I1090" s="8" t="s">
        <v>71</v>
      </c>
      <c r="J1090" s="8">
        <v>1</v>
      </c>
      <c r="K1090" s="8" t="s">
        <v>509</v>
      </c>
      <c r="L1090" s="8">
        <v>1</v>
      </c>
      <c r="M1090" s="8">
        <v>45</v>
      </c>
      <c r="N1090" s="18" t="s">
        <v>673</v>
      </c>
      <c r="O1090" s="107" t="s">
        <v>1658</v>
      </c>
    </row>
    <row r="1091" spans="1:15">
      <c r="A1091" s="17"/>
      <c r="B1091" s="17"/>
      <c r="C1091" s="17" t="s">
        <v>87</v>
      </c>
      <c r="D1091" s="139" t="s">
        <v>515</v>
      </c>
      <c r="E1091" s="17"/>
      <c r="F1091" s="17"/>
      <c r="G1091" s="17"/>
      <c r="H1091" s="17" t="s">
        <v>17</v>
      </c>
      <c r="I1091" s="17" t="s">
        <v>71</v>
      </c>
      <c r="J1091" s="17">
        <v>1000</v>
      </c>
      <c r="K1091" s="17"/>
      <c r="L1091" s="17"/>
      <c r="M1091" s="17"/>
      <c r="N1091" s="138"/>
      <c r="O1091" s="107" t="s">
        <v>1659</v>
      </c>
    </row>
    <row r="1092" spans="1:15">
      <c r="E1092" s="8" t="s">
        <v>86</v>
      </c>
      <c r="F1092" s="8">
        <v>933</v>
      </c>
      <c r="G1092" s="8" t="s">
        <v>85</v>
      </c>
      <c r="H1092" s="8" t="s">
        <v>66</v>
      </c>
      <c r="I1092" s="8" t="s">
        <v>65</v>
      </c>
      <c r="J1092" s="8">
        <v>1</v>
      </c>
      <c r="K1092" s="8" t="s">
        <v>509</v>
      </c>
      <c r="L1092" s="8">
        <v>1</v>
      </c>
      <c r="M1092" s="8">
        <v>264</v>
      </c>
      <c r="O1092" s="107" t="s">
        <v>1649</v>
      </c>
    </row>
    <row r="1093" spans="1:15">
      <c r="E1093" s="8" t="s">
        <v>179</v>
      </c>
      <c r="F1093" s="8">
        <v>934</v>
      </c>
      <c r="G1093" s="8" t="s">
        <v>178</v>
      </c>
      <c r="H1093" s="8" t="s">
        <v>78</v>
      </c>
      <c r="I1093" s="8" t="s">
        <v>71</v>
      </c>
      <c r="J1093" s="8">
        <v>1</v>
      </c>
      <c r="K1093" s="8" t="s">
        <v>514</v>
      </c>
      <c r="L1093" s="8">
        <v>2</v>
      </c>
      <c r="M1093" s="8">
        <v>2</v>
      </c>
      <c r="N1093" s="72" t="s">
        <v>674</v>
      </c>
      <c r="O1093" s="107" t="s">
        <v>1650</v>
      </c>
    </row>
    <row r="1094" spans="1:15">
      <c r="O1094" s="257" t="s">
        <v>1014</v>
      </c>
    </row>
    <row r="1095" spans="1:15">
      <c r="O1095" s="257" t="s">
        <v>1015</v>
      </c>
    </row>
    <row r="1096" spans="1:15">
      <c r="O1096" s="257" t="s">
        <v>1883</v>
      </c>
    </row>
    <row r="1097" spans="1:15">
      <c r="O1097" s="257" t="s">
        <v>1950</v>
      </c>
    </row>
    <row r="1098" spans="1:15">
      <c r="O1098" s="107" t="s">
        <v>1651</v>
      </c>
    </row>
    <row r="1099" spans="1:15">
      <c r="O1099" s="107" t="s">
        <v>1652</v>
      </c>
    </row>
    <row r="1100" spans="1:15">
      <c r="O1100" s="107" t="s">
        <v>989</v>
      </c>
    </row>
    <row r="1101" spans="1:15">
      <c r="O1101" s="107" t="s">
        <v>990</v>
      </c>
    </row>
    <row r="1102" spans="1:15">
      <c r="O1102" s="257" t="s">
        <v>1016</v>
      </c>
    </row>
    <row r="1103" spans="1:15">
      <c r="O1103" s="257" t="s">
        <v>981</v>
      </c>
    </row>
    <row r="1104" spans="1:15">
      <c r="O1104" s="107" t="s">
        <v>1017</v>
      </c>
    </row>
    <row r="1105" spans="1:16">
      <c r="O1105" s="107" t="s">
        <v>1018</v>
      </c>
    </row>
    <row r="1106" spans="1:16">
      <c r="O1106" s="257" t="s">
        <v>991</v>
      </c>
    </row>
    <row r="1107" spans="1:16">
      <c r="O1107" s="257" t="s">
        <v>1930</v>
      </c>
    </row>
    <row r="1108" spans="1:16">
      <c r="O1108" s="107" t="s">
        <v>1656</v>
      </c>
    </row>
    <row r="1109" spans="1:16">
      <c r="O1109" s="107" t="s">
        <v>1657</v>
      </c>
    </row>
    <row r="1110" spans="1:16">
      <c r="O1110" s="257" t="s">
        <v>1655</v>
      </c>
    </row>
    <row r="1111" spans="1:16">
      <c r="O1111" s="257" t="s">
        <v>992</v>
      </c>
    </row>
    <row r="1112" spans="1:16">
      <c r="O1112" s="257" t="s">
        <v>1653</v>
      </c>
    </row>
    <row r="1113" spans="1:16">
      <c r="O1113" s="257" t="s">
        <v>1951</v>
      </c>
    </row>
    <row r="1114" spans="1:16">
      <c r="O1114" s="257" t="s">
        <v>1020</v>
      </c>
    </row>
    <row r="1115" spans="1:16">
      <c r="O1115" s="257" t="s">
        <v>1927</v>
      </c>
    </row>
    <row r="1116" spans="1:16">
      <c r="O1116" s="257" t="s">
        <v>1021</v>
      </c>
    </row>
    <row r="1117" spans="1:16">
      <c r="O1117" s="257" t="s">
        <v>1952</v>
      </c>
    </row>
    <row r="1118" spans="1:16" ht="18.75" customHeight="1">
      <c r="A1118" s="17"/>
      <c r="B1118" s="17"/>
      <c r="C1118" s="17" t="s">
        <v>177</v>
      </c>
      <c r="D1118" s="139" t="s">
        <v>126</v>
      </c>
      <c r="E1118" s="17"/>
      <c r="F1118" s="17"/>
      <c r="G1118" s="17"/>
      <c r="H1118" s="17" t="s">
        <v>66</v>
      </c>
      <c r="I1118" s="17" t="s">
        <v>65</v>
      </c>
      <c r="J1118" s="17">
        <v>1</v>
      </c>
      <c r="K1118" s="17"/>
      <c r="L1118" s="17"/>
      <c r="M1118" s="17"/>
      <c r="N1118" s="78"/>
      <c r="O1118" s="257" t="s">
        <v>1908</v>
      </c>
      <c r="P1118" s="249" t="s">
        <v>1909</v>
      </c>
    </row>
    <row r="1119" spans="1:16" ht="18.75" customHeight="1">
      <c r="E1119" s="8" t="s">
        <v>176</v>
      </c>
      <c r="F1119" s="8">
        <v>128</v>
      </c>
      <c r="G1119" s="8" t="s">
        <v>128</v>
      </c>
      <c r="H1119" s="8" t="s">
        <v>66</v>
      </c>
      <c r="I1119" s="8" t="s">
        <v>65</v>
      </c>
      <c r="J1119" s="8">
        <v>1</v>
      </c>
      <c r="K1119" s="8" t="s">
        <v>514</v>
      </c>
      <c r="L1119" s="8">
        <v>2</v>
      </c>
      <c r="M1119" s="8">
        <v>3</v>
      </c>
      <c r="N1119" s="18" t="s">
        <v>737</v>
      </c>
      <c r="O1119" s="257"/>
    </row>
    <row r="1120" spans="1:16" ht="18.75" customHeight="1">
      <c r="E1120" s="8" t="s">
        <v>175</v>
      </c>
      <c r="F1120" s="8">
        <v>127</v>
      </c>
      <c r="G1120" s="8" t="s">
        <v>126</v>
      </c>
      <c r="H1120" s="8" t="s">
        <v>78</v>
      </c>
      <c r="I1120" s="8" t="s">
        <v>71</v>
      </c>
      <c r="J1120" s="8">
        <v>1</v>
      </c>
      <c r="K1120" s="8" t="s">
        <v>509</v>
      </c>
      <c r="L1120" s="8">
        <v>1</v>
      </c>
      <c r="M1120" s="8">
        <v>30</v>
      </c>
      <c r="N1120" s="18" t="s">
        <v>738</v>
      </c>
      <c r="O1120" s="257"/>
    </row>
    <row r="1121" spans="1:16" ht="18.75" customHeight="1">
      <c r="E1121" s="8" t="s">
        <v>173</v>
      </c>
      <c r="F1121" s="8">
        <v>369</v>
      </c>
      <c r="G1121" s="8" t="s">
        <v>172</v>
      </c>
      <c r="H1121" s="8" t="s">
        <v>78</v>
      </c>
      <c r="I1121" s="8" t="s">
        <v>71</v>
      </c>
      <c r="J1121" s="8">
        <v>1</v>
      </c>
      <c r="K1121" s="8" t="s">
        <v>509</v>
      </c>
      <c r="L1121" s="8">
        <v>1</v>
      </c>
      <c r="M1121" s="8">
        <v>45</v>
      </c>
      <c r="N1121" s="18" t="s">
        <v>739</v>
      </c>
      <c r="O1121" s="257"/>
    </row>
    <row r="1122" spans="1:16" s="143" customFormat="1" ht="18.75" hidden="1" customHeight="1">
      <c r="A1122" s="75" t="s">
        <v>177</v>
      </c>
      <c r="B1122" s="142" t="s">
        <v>126</v>
      </c>
      <c r="C1122" s="75"/>
      <c r="D1122" s="142"/>
      <c r="E1122" s="75"/>
      <c r="F1122" s="75"/>
      <c r="G1122" s="75"/>
      <c r="H1122" s="75" t="s">
        <v>17</v>
      </c>
      <c r="I1122" s="75" t="s">
        <v>71</v>
      </c>
      <c r="J1122" s="75">
        <v>1000</v>
      </c>
      <c r="K1122" s="75"/>
      <c r="L1122" s="75"/>
      <c r="M1122" s="75"/>
      <c r="N1122" s="78"/>
      <c r="O1122" s="257"/>
      <c r="P1122" s="257"/>
    </row>
    <row r="1123" spans="1:16" ht="18.75" hidden="1" customHeight="1">
      <c r="A1123" s="75"/>
      <c r="B1123" s="75"/>
      <c r="C1123" s="75" t="s">
        <v>177</v>
      </c>
      <c r="D1123" s="142" t="s">
        <v>126</v>
      </c>
      <c r="E1123" s="75"/>
      <c r="F1123" s="75"/>
      <c r="G1123" s="75"/>
      <c r="H1123" s="75" t="s">
        <v>66</v>
      </c>
      <c r="I1123" s="75" t="s">
        <v>65</v>
      </c>
      <c r="J1123" s="75">
        <v>1</v>
      </c>
      <c r="K1123" s="75"/>
      <c r="L1123" s="75"/>
      <c r="M1123" s="75"/>
      <c r="N1123" s="78"/>
      <c r="O1123" s="257"/>
    </row>
    <row r="1124" spans="1:16" ht="18.75" hidden="1" customHeight="1">
      <c r="A1124" s="33"/>
      <c r="B1124" s="33"/>
      <c r="C1124" s="11"/>
      <c r="D1124" s="33"/>
      <c r="E1124" s="11" t="s">
        <v>176</v>
      </c>
      <c r="F1124" s="11">
        <v>128</v>
      </c>
      <c r="G1124" s="11" t="s">
        <v>128</v>
      </c>
      <c r="H1124" s="11" t="s">
        <v>66</v>
      </c>
      <c r="I1124" s="11" t="s">
        <v>65</v>
      </c>
      <c r="J1124" s="11">
        <v>1</v>
      </c>
      <c r="K1124" s="11" t="s">
        <v>514</v>
      </c>
      <c r="L1124" s="11">
        <v>2</v>
      </c>
      <c r="M1124" s="11">
        <v>3</v>
      </c>
      <c r="N1124" s="18" t="s">
        <v>849</v>
      </c>
      <c r="O1124" s="257"/>
    </row>
    <row r="1125" spans="1:16" ht="18.75" hidden="1" customHeight="1">
      <c r="A1125" s="33"/>
      <c r="B1125" s="33"/>
      <c r="C1125" s="11"/>
      <c r="D1125" s="33"/>
      <c r="E1125" s="11" t="s">
        <v>175</v>
      </c>
      <c r="F1125" s="11">
        <v>127</v>
      </c>
      <c r="G1125" s="11" t="s">
        <v>126</v>
      </c>
      <c r="H1125" s="11" t="s">
        <v>78</v>
      </c>
      <c r="I1125" s="11" t="s">
        <v>71</v>
      </c>
      <c r="J1125" s="11">
        <v>1</v>
      </c>
      <c r="K1125" s="11" t="s">
        <v>509</v>
      </c>
      <c r="L1125" s="11">
        <v>1</v>
      </c>
      <c r="M1125" s="11">
        <v>30</v>
      </c>
      <c r="N1125" s="18" t="s">
        <v>904</v>
      </c>
      <c r="O1125" s="257"/>
    </row>
    <row r="1126" spans="1:16" ht="18.75" hidden="1" customHeight="1">
      <c r="A1126" s="33"/>
      <c r="B1126" s="33"/>
      <c r="C1126" s="11"/>
      <c r="D1126" s="33"/>
      <c r="E1126" s="11" t="s">
        <v>173</v>
      </c>
      <c r="F1126" s="11">
        <v>369</v>
      </c>
      <c r="G1126" s="11" t="s">
        <v>172</v>
      </c>
      <c r="H1126" s="11" t="s">
        <v>78</v>
      </c>
      <c r="I1126" s="11" t="s">
        <v>71</v>
      </c>
      <c r="J1126" s="11">
        <v>1</v>
      </c>
      <c r="K1126" s="11" t="s">
        <v>509</v>
      </c>
      <c r="L1126" s="11">
        <v>1</v>
      </c>
      <c r="M1126" s="11">
        <v>45</v>
      </c>
      <c r="N1126" s="18" t="s">
        <v>903</v>
      </c>
      <c r="O1126" s="257"/>
    </row>
    <row r="1127" spans="1:16" s="143" customFormat="1" ht="18.75" hidden="1" customHeight="1">
      <c r="A1127" s="75" t="s">
        <v>177</v>
      </c>
      <c r="B1127" s="142" t="s">
        <v>126</v>
      </c>
      <c r="C1127" s="75"/>
      <c r="D1127" s="142"/>
      <c r="E1127" s="75"/>
      <c r="F1127" s="75"/>
      <c r="G1127" s="75"/>
      <c r="H1127" s="75" t="s">
        <v>17</v>
      </c>
      <c r="I1127" s="75" t="s">
        <v>71</v>
      </c>
      <c r="J1127" s="75">
        <v>1000</v>
      </c>
      <c r="K1127" s="75"/>
      <c r="L1127" s="75"/>
      <c r="M1127" s="75"/>
      <c r="N1127" s="78"/>
      <c r="O1127" s="257"/>
      <c r="P1127" s="257"/>
    </row>
    <row r="1128" spans="1:16" ht="18.75" hidden="1" customHeight="1">
      <c r="A1128" s="75"/>
      <c r="B1128" s="75"/>
      <c r="C1128" s="75" t="s">
        <v>177</v>
      </c>
      <c r="D1128" s="142" t="s">
        <v>126</v>
      </c>
      <c r="E1128" s="75"/>
      <c r="F1128" s="75"/>
      <c r="G1128" s="75"/>
      <c r="H1128" s="75" t="s">
        <v>66</v>
      </c>
      <c r="I1128" s="75" t="s">
        <v>65</v>
      </c>
      <c r="J1128" s="75">
        <v>1</v>
      </c>
      <c r="K1128" s="75"/>
      <c r="L1128" s="75"/>
      <c r="M1128" s="75"/>
      <c r="N1128" s="78"/>
      <c r="O1128" s="257"/>
    </row>
    <row r="1129" spans="1:16" ht="18.75" hidden="1" customHeight="1">
      <c r="A1129" s="33"/>
      <c r="B1129" s="33"/>
      <c r="C1129" s="11"/>
      <c r="D1129" s="33"/>
      <c r="E1129" s="11" t="s">
        <v>176</v>
      </c>
      <c r="F1129" s="11">
        <v>128</v>
      </c>
      <c r="G1129" s="11" t="s">
        <v>128</v>
      </c>
      <c r="H1129" s="11" t="s">
        <v>66</v>
      </c>
      <c r="I1129" s="11" t="s">
        <v>65</v>
      </c>
      <c r="J1129" s="11">
        <v>1</v>
      </c>
      <c r="K1129" s="11" t="s">
        <v>514</v>
      </c>
      <c r="L1129" s="11">
        <v>2</v>
      </c>
      <c r="M1129" s="11">
        <v>3</v>
      </c>
      <c r="N1129" s="18" t="s">
        <v>689</v>
      </c>
      <c r="O1129" s="257"/>
    </row>
    <row r="1130" spans="1:16" ht="18.75" hidden="1" customHeight="1">
      <c r="A1130" s="33"/>
      <c r="B1130" s="33"/>
      <c r="C1130" s="11"/>
      <c r="D1130" s="33"/>
      <c r="E1130" s="11" t="s">
        <v>175</v>
      </c>
      <c r="F1130" s="11">
        <v>127</v>
      </c>
      <c r="G1130" s="11" t="s">
        <v>126</v>
      </c>
      <c r="H1130" s="11" t="s">
        <v>78</v>
      </c>
      <c r="I1130" s="11" t="s">
        <v>71</v>
      </c>
      <c r="J1130" s="11">
        <v>1</v>
      </c>
      <c r="K1130" s="11" t="s">
        <v>509</v>
      </c>
      <c r="L1130" s="11">
        <v>1</v>
      </c>
      <c r="M1130" s="11">
        <v>30</v>
      </c>
      <c r="N1130" s="18" t="s">
        <v>905</v>
      </c>
      <c r="O1130" s="257"/>
    </row>
    <row r="1131" spans="1:16" ht="18.75" hidden="1" customHeight="1">
      <c r="A1131" s="33"/>
      <c r="B1131" s="33"/>
      <c r="C1131" s="11"/>
      <c r="D1131" s="33"/>
      <c r="E1131" s="11" t="s">
        <v>173</v>
      </c>
      <c r="F1131" s="11">
        <v>369</v>
      </c>
      <c r="G1131" s="11" t="s">
        <v>172</v>
      </c>
      <c r="H1131" s="11" t="s">
        <v>78</v>
      </c>
      <c r="I1131" s="11" t="s">
        <v>71</v>
      </c>
      <c r="J1131" s="11">
        <v>1</v>
      </c>
      <c r="K1131" s="11" t="s">
        <v>509</v>
      </c>
      <c r="L1131" s="11">
        <v>1</v>
      </c>
      <c r="M1131" s="11">
        <v>45</v>
      </c>
      <c r="N1131" s="18" t="s">
        <v>903</v>
      </c>
      <c r="O1131" s="257"/>
    </row>
    <row r="1132" spans="1:16" s="143" customFormat="1" ht="18.75" hidden="1" customHeight="1">
      <c r="A1132" s="75" t="s">
        <v>177</v>
      </c>
      <c r="B1132" s="142" t="s">
        <v>126</v>
      </c>
      <c r="C1132" s="75"/>
      <c r="D1132" s="142"/>
      <c r="E1132" s="75"/>
      <c r="F1132" s="75"/>
      <c r="G1132" s="75"/>
      <c r="H1132" s="75" t="s">
        <v>17</v>
      </c>
      <c r="I1132" s="75" t="s">
        <v>71</v>
      </c>
      <c r="J1132" s="75">
        <v>1000</v>
      </c>
      <c r="K1132" s="75"/>
      <c r="L1132" s="75"/>
      <c r="M1132" s="75"/>
      <c r="N1132" s="78"/>
      <c r="O1132" s="257"/>
      <c r="P1132" s="257"/>
    </row>
    <row r="1133" spans="1:16" s="143" customFormat="1" ht="18.75" hidden="1" customHeight="1">
      <c r="A1133" s="75"/>
      <c r="B1133" s="75"/>
      <c r="C1133" s="75" t="s">
        <v>177</v>
      </c>
      <c r="D1133" s="142" t="s">
        <v>126</v>
      </c>
      <c r="E1133" s="75"/>
      <c r="F1133" s="75"/>
      <c r="G1133" s="75"/>
      <c r="H1133" s="75" t="s">
        <v>66</v>
      </c>
      <c r="I1133" s="75" t="s">
        <v>65</v>
      </c>
      <c r="J1133" s="75">
        <v>1</v>
      </c>
      <c r="K1133" s="75"/>
      <c r="L1133" s="75"/>
      <c r="M1133" s="75"/>
      <c r="N1133" s="78"/>
      <c r="O1133" s="257"/>
      <c r="P1133" s="257"/>
    </row>
    <row r="1134" spans="1:16" s="143" customFormat="1" ht="18.75" hidden="1" customHeight="1">
      <c r="A1134" s="33"/>
      <c r="B1134" s="33"/>
      <c r="C1134" s="11"/>
      <c r="D1134" s="33"/>
      <c r="E1134" s="11" t="s">
        <v>176</v>
      </c>
      <c r="F1134" s="11">
        <v>128</v>
      </c>
      <c r="G1134" s="11" t="s">
        <v>128</v>
      </c>
      <c r="H1134" s="11" t="s">
        <v>66</v>
      </c>
      <c r="I1134" s="11" t="s">
        <v>65</v>
      </c>
      <c r="J1134" s="11">
        <v>1</v>
      </c>
      <c r="K1134" s="11" t="s">
        <v>514</v>
      </c>
      <c r="L1134" s="11">
        <v>2</v>
      </c>
      <c r="M1134" s="11">
        <v>3</v>
      </c>
      <c r="N1134" s="18" t="s">
        <v>906</v>
      </c>
      <c r="O1134" s="257"/>
      <c r="P1134" s="257"/>
    </row>
    <row r="1135" spans="1:16" s="143" customFormat="1" ht="18.75" hidden="1" customHeight="1">
      <c r="A1135" s="33"/>
      <c r="B1135" s="33"/>
      <c r="C1135" s="11"/>
      <c r="D1135" s="33"/>
      <c r="E1135" s="11" t="s">
        <v>175</v>
      </c>
      <c r="F1135" s="11">
        <v>127</v>
      </c>
      <c r="G1135" s="11" t="s">
        <v>126</v>
      </c>
      <c r="H1135" s="11" t="s">
        <v>78</v>
      </c>
      <c r="I1135" s="11" t="s">
        <v>71</v>
      </c>
      <c r="J1135" s="11">
        <v>1</v>
      </c>
      <c r="K1135" s="11" t="s">
        <v>509</v>
      </c>
      <c r="L1135" s="11">
        <v>1</v>
      </c>
      <c r="M1135" s="11">
        <v>30</v>
      </c>
      <c r="N1135" s="18" t="s">
        <v>907</v>
      </c>
      <c r="O1135" s="257"/>
      <c r="P1135" s="257"/>
    </row>
    <row r="1136" spans="1:16" s="143" customFormat="1" ht="18.75" hidden="1" customHeight="1">
      <c r="A1136" s="33"/>
      <c r="B1136" s="33"/>
      <c r="C1136" s="11"/>
      <c r="D1136" s="33"/>
      <c r="E1136" s="11" t="s">
        <v>173</v>
      </c>
      <c r="F1136" s="11">
        <v>369</v>
      </c>
      <c r="G1136" s="11" t="s">
        <v>172</v>
      </c>
      <c r="H1136" s="11" t="s">
        <v>78</v>
      </c>
      <c r="I1136" s="11" t="s">
        <v>71</v>
      </c>
      <c r="J1136" s="11">
        <v>1</v>
      </c>
      <c r="K1136" s="11" t="s">
        <v>509</v>
      </c>
      <c r="L1136" s="11">
        <v>1</v>
      </c>
      <c r="M1136" s="11">
        <v>45</v>
      </c>
      <c r="N1136" s="18"/>
      <c r="O1136" s="257"/>
      <c r="P1136" s="257"/>
    </row>
    <row r="1137" spans="1:16" s="143" customFormat="1" ht="18.75" hidden="1" customHeight="1">
      <c r="A1137" s="75" t="s">
        <v>177</v>
      </c>
      <c r="B1137" s="142" t="s">
        <v>126</v>
      </c>
      <c r="C1137" s="75"/>
      <c r="D1137" s="142"/>
      <c r="E1137" s="75"/>
      <c r="F1137" s="75"/>
      <c r="G1137" s="75"/>
      <c r="H1137" s="75" t="s">
        <v>17</v>
      </c>
      <c r="I1137" s="75" t="s">
        <v>71</v>
      </c>
      <c r="J1137" s="75">
        <v>1000</v>
      </c>
      <c r="K1137" s="75"/>
      <c r="L1137" s="75"/>
      <c r="M1137" s="75"/>
      <c r="N1137" s="78"/>
      <c r="O1137" s="257"/>
      <c r="P1137" s="257"/>
    </row>
    <row r="1138" spans="1:16" s="143" customFormat="1" ht="18.75" hidden="1" customHeight="1">
      <c r="A1138" s="75"/>
      <c r="B1138" s="75"/>
      <c r="C1138" s="75" t="s">
        <v>177</v>
      </c>
      <c r="D1138" s="142" t="s">
        <v>126</v>
      </c>
      <c r="E1138" s="75"/>
      <c r="F1138" s="75"/>
      <c r="G1138" s="75"/>
      <c r="H1138" s="75" t="s">
        <v>66</v>
      </c>
      <c r="I1138" s="75" t="s">
        <v>65</v>
      </c>
      <c r="J1138" s="75">
        <v>1</v>
      </c>
      <c r="K1138" s="75"/>
      <c r="L1138" s="75"/>
      <c r="M1138" s="75"/>
      <c r="N1138" s="78"/>
      <c r="O1138" s="257"/>
      <c r="P1138" s="257"/>
    </row>
    <row r="1139" spans="1:16" s="143" customFormat="1" ht="18.75" hidden="1" customHeight="1">
      <c r="A1139" s="33"/>
      <c r="B1139" s="33"/>
      <c r="C1139" s="11"/>
      <c r="D1139" s="33"/>
      <c r="E1139" s="11" t="s">
        <v>176</v>
      </c>
      <c r="F1139" s="11">
        <v>128</v>
      </c>
      <c r="G1139" s="11" t="s">
        <v>128</v>
      </c>
      <c r="H1139" s="11" t="s">
        <v>66</v>
      </c>
      <c r="I1139" s="11" t="s">
        <v>65</v>
      </c>
      <c r="J1139" s="11">
        <v>1</v>
      </c>
      <c r="K1139" s="11" t="s">
        <v>514</v>
      </c>
      <c r="L1139" s="11">
        <v>2</v>
      </c>
      <c r="M1139" s="11">
        <v>3</v>
      </c>
      <c r="N1139" s="18" t="s">
        <v>755</v>
      </c>
      <c r="O1139" s="257"/>
      <c r="P1139" s="257"/>
    </row>
    <row r="1140" spans="1:16" s="143" customFormat="1" ht="18.75" hidden="1" customHeight="1">
      <c r="A1140" s="33"/>
      <c r="B1140" s="33"/>
      <c r="C1140" s="11"/>
      <c r="D1140" s="33"/>
      <c r="E1140" s="11" t="s">
        <v>175</v>
      </c>
      <c r="F1140" s="11">
        <v>127</v>
      </c>
      <c r="G1140" s="11" t="s">
        <v>126</v>
      </c>
      <c r="H1140" s="11" t="s">
        <v>78</v>
      </c>
      <c r="I1140" s="11" t="s">
        <v>71</v>
      </c>
      <c r="J1140" s="11">
        <v>1</v>
      </c>
      <c r="K1140" s="11" t="s">
        <v>509</v>
      </c>
      <c r="L1140" s="11">
        <v>1</v>
      </c>
      <c r="M1140" s="11">
        <v>30</v>
      </c>
      <c r="N1140" s="18" t="s">
        <v>908</v>
      </c>
      <c r="O1140" s="257"/>
      <c r="P1140" s="257"/>
    </row>
    <row r="1141" spans="1:16" s="143" customFormat="1" ht="18.75" hidden="1" customHeight="1">
      <c r="A1141" s="33"/>
      <c r="B1141" s="33"/>
      <c r="C1141" s="11"/>
      <c r="D1141" s="33"/>
      <c r="E1141" s="11" t="s">
        <v>173</v>
      </c>
      <c r="F1141" s="11">
        <v>369</v>
      </c>
      <c r="G1141" s="11" t="s">
        <v>172</v>
      </c>
      <c r="H1141" s="11" t="s">
        <v>78</v>
      </c>
      <c r="I1141" s="11" t="s">
        <v>71</v>
      </c>
      <c r="J1141" s="11">
        <v>1</v>
      </c>
      <c r="K1141" s="11" t="s">
        <v>509</v>
      </c>
      <c r="L1141" s="11">
        <v>1</v>
      </c>
      <c r="M1141" s="11">
        <v>45</v>
      </c>
      <c r="N1141" s="18"/>
      <c r="O1141" s="250"/>
      <c r="P1141" s="250"/>
    </row>
    <row r="1142" spans="1:16" s="143" customFormat="1" ht="18.75" customHeight="1">
      <c r="A1142" s="75" t="s">
        <v>177</v>
      </c>
      <c r="B1142" s="142" t="s">
        <v>126</v>
      </c>
      <c r="C1142" s="75"/>
      <c r="D1142" s="142"/>
      <c r="E1142" s="75"/>
      <c r="F1142" s="75"/>
      <c r="G1142" s="75"/>
      <c r="H1142" s="75" t="s">
        <v>17</v>
      </c>
      <c r="I1142" s="75" t="s">
        <v>71</v>
      </c>
      <c r="J1142" s="75">
        <v>1000</v>
      </c>
      <c r="K1142" s="75"/>
      <c r="L1142" s="75"/>
      <c r="M1142" s="75"/>
      <c r="N1142" s="78"/>
      <c r="O1142" s="257" t="s">
        <v>945</v>
      </c>
      <c r="P1142" s="257" t="s">
        <v>1090</v>
      </c>
    </row>
    <row r="1143" spans="1:16" ht="18.75" hidden="1" customHeight="1" outlineLevel="1">
      <c r="A1143" s="75"/>
      <c r="B1143" s="75"/>
      <c r="C1143" s="75" t="s">
        <v>177</v>
      </c>
      <c r="D1143" s="142" t="s">
        <v>126</v>
      </c>
      <c r="E1143" s="75"/>
      <c r="F1143" s="75"/>
      <c r="G1143" s="75"/>
      <c r="H1143" s="75" t="s">
        <v>66</v>
      </c>
      <c r="I1143" s="75" t="s">
        <v>65</v>
      </c>
      <c r="J1143" s="75">
        <v>1</v>
      </c>
      <c r="K1143" s="75"/>
      <c r="L1143" s="75"/>
      <c r="M1143" s="75"/>
      <c r="N1143" s="78"/>
      <c r="P1143" s="243"/>
    </row>
    <row r="1144" spans="1:16" ht="18.75" hidden="1" customHeight="1" outlineLevel="1">
      <c r="A1144" s="33"/>
      <c r="B1144" s="33"/>
      <c r="C1144" s="11"/>
      <c r="D1144" s="33"/>
      <c r="E1144" s="11" t="s">
        <v>176</v>
      </c>
      <c r="F1144" s="11">
        <v>128</v>
      </c>
      <c r="G1144" s="11" t="s">
        <v>128</v>
      </c>
      <c r="H1144" s="11" t="s">
        <v>66</v>
      </c>
      <c r="I1144" s="11" t="s">
        <v>65</v>
      </c>
      <c r="J1144" s="11">
        <v>1</v>
      </c>
      <c r="K1144" s="11" t="s">
        <v>514</v>
      </c>
      <c r="L1144" s="11">
        <v>2</v>
      </c>
      <c r="M1144" s="11">
        <v>3</v>
      </c>
      <c r="N1144" s="18" t="s">
        <v>681</v>
      </c>
      <c r="O1144" s="257"/>
    </row>
    <row r="1145" spans="1:16" ht="18.75" hidden="1" customHeight="1" outlineLevel="1">
      <c r="A1145" s="33"/>
      <c r="B1145" s="33"/>
      <c r="C1145" s="11"/>
      <c r="D1145" s="33"/>
      <c r="E1145" s="11" t="s">
        <v>175</v>
      </c>
      <c r="F1145" s="11">
        <v>127</v>
      </c>
      <c r="G1145" s="11" t="s">
        <v>126</v>
      </c>
      <c r="H1145" s="11" t="s">
        <v>78</v>
      </c>
      <c r="I1145" s="11" t="s">
        <v>71</v>
      </c>
      <c r="J1145" s="11">
        <v>1</v>
      </c>
      <c r="K1145" s="11" t="s">
        <v>509</v>
      </c>
      <c r="L1145" s="11">
        <v>1</v>
      </c>
      <c r="M1145" s="11">
        <v>30</v>
      </c>
      <c r="N1145" s="18" t="s">
        <v>682</v>
      </c>
      <c r="O1145" s="257"/>
    </row>
    <row r="1146" spans="1:16" ht="18.75" hidden="1" customHeight="1" outlineLevel="1">
      <c r="A1146" s="33"/>
      <c r="B1146" s="33"/>
      <c r="C1146" s="11"/>
      <c r="D1146" s="33"/>
      <c r="E1146" s="11" t="s">
        <v>173</v>
      </c>
      <c r="F1146" s="11">
        <v>369</v>
      </c>
      <c r="G1146" s="11" t="s">
        <v>172</v>
      </c>
      <c r="H1146" s="11" t="s">
        <v>78</v>
      </c>
      <c r="I1146" s="11" t="s">
        <v>71</v>
      </c>
      <c r="J1146" s="11">
        <v>1</v>
      </c>
      <c r="K1146" s="11" t="s">
        <v>509</v>
      </c>
      <c r="L1146" s="11">
        <v>1</v>
      </c>
      <c r="M1146" s="11">
        <v>45</v>
      </c>
      <c r="N1146" s="18"/>
      <c r="P1146" s="243"/>
    </row>
    <row r="1147" spans="1:16" s="143" customFormat="1" ht="18.75" customHeight="1" collapsed="1">
      <c r="A1147" s="75" t="s">
        <v>177</v>
      </c>
      <c r="B1147" s="142" t="s">
        <v>126</v>
      </c>
      <c r="C1147" s="75"/>
      <c r="D1147" s="142"/>
      <c r="E1147" s="75"/>
      <c r="F1147" s="75"/>
      <c r="G1147" s="75"/>
      <c r="H1147" s="75" t="s">
        <v>17</v>
      </c>
      <c r="I1147" s="75" t="s">
        <v>71</v>
      </c>
      <c r="J1147" s="75">
        <v>1000</v>
      </c>
      <c r="K1147" s="75"/>
      <c r="L1147" s="75"/>
      <c r="M1147" s="75"/>
      <c r="N1147" s="78"/>
      <c r="O1147" s="257" t="s">
        <v>946</v>
      </c>
      <c r="P1147" s="257" t="s">
        <v>1088</v>
      </c>
    </row>
    <row r="1148" spans="1:16" ht="18.75" hidden="1" customHeight="1" outlineLevel="1">
      <c r="A1148" s="75"/>
      <c r="B1148" s="75"/>
      <c r="C1148" s="75" t="s">
        <v>177</v>
      </c>
      <c r="D1148" s="142" t="s">
        <v>126</v>
      </c>
      <c r="E1148" s="75"/>
      <c r="F1148" s="75"/>
      <c r="G1148" s="75"/>
      <c r="H1148" s="75" t="s">
        <v>66</v>
      </c>
      <c r="I1148" s="75" t="s">
        <v>65</v>
      </c>
      <c r="J1148" s="75">
        <v>1</v>
      </c>
      <c r="K1148" s="75"/>
      <c r="L1148" s="75"/>
      <c r="M1148" s="75"/>
      <c r="N1148" s="78"/>
      <c r="P1148" s="243"/>
    </row>
    <row r="1149" spans="1:16" ht="18.75" hidden="1" customHeight="1" outlineLevel="1">
      <c r="A1149" s="33"/>
      <c r="B1149" s="33"/>
      <c r="C1149" s="11"/>
      <c r="D1149" s="33"/>
      <c r="E1149" s="11" t="s">
        <v>176</v>
      </c>
      <c r="F1149" s="11">
        <v>128</v>
      </c>
      <c r="G1149" s="11" t="s">
        <v>128</v>
      </c>
      <c r="H1149" s="11" t="s">
        <v>66</v>
      </c>
      <c r="I1149" s="11" t="s">
        <v>65</v>
      </c>
      <c r="J1149" s="11">
        <v>1</v>
      </c>
      <c r="K1149" s="11" t="s">
        <v>514</v>
      </c>
      <c r="L1149" s="11">
        <v>2</v>
      </c>
      <c r="M1149" s="11">
        <v>3</v>
      </c>
      <c r="N1149" s="18" t="s">
        <v>681</v>
      </c>
      <c r="O1149" s="257"/>
    </row>
    <row r="1150" spans="1:16" ht="18.75" hidden="1" customHeight="1" outlineLevel="1">
      <c r="A1150" s="33"/>
      <c r="B1150" s="33"/>
      <c r="C1150" s="11"/>
      <c r="D1150" s="33"/>
      <c r="E1150" s="11" t="s">
        <v>175</v>
      </c>
      <c r="F1150" s="11">
        <v>127</v>
      </c>
      <c r="G1150" s="11" t="s">
        <v>126</v>
      </c>
      <c r="H1150" s="11" t="s">
        <v>78</v>
      </c>
      <c r="I1150" s="11" t="s">
        <v>71</v>
      </c>
      <c r="J1150" s="11">
        <v>1</v>
      </c>
      <c r="K1150" s="11" t="s">
        <v>509</v>
      </c>
      <c r="L1150" s="11">
        <v>1</v>
      </c>
      <c r="M1150" s="11">
        <v>30</v>
      </c>
      <c r="N1150" s="18" t="s">
        <v>683</v>
      </c>
      <c r="O1150" s="257"/>
    </row>
    <row r="1151" spans="1:16" ht="18.75" hidden="1" customHeight="1" outlineLevel="1">
      <c r="A1151" s="33"/>
      <c r="B1151" s="33"/>
      <c r="C1151" s="11"/>
      <c r="D1151" s="33"/>
      <c r="E1151" s="11" t="s">
        <v>173</v>
      </c>
      <c r="F1151" s="11">
        <v>369</v>
      </c>
      <c r="G1151" s="11" t="s">
        <v>172</v>
      </c>
      <c r="H1151" s="11" t="s">
        <v>78</v>
      </c>
      <c r="I1151" s="11" t="s">
        <v>71</v>
      </c>
      <c r="J1151" s="11">
        <v>1</v>
      </c>
      <c r="K1151" s="11" t="s">
        <v>509</v>
      </c>
      <c r="L1151" s="11">
        <v>1</v>
      </c>
      <c r="M1151" s="11">
        <v>45</v>
      </c>
      <c r="N1151" s="18"/>
      <c r="P1151" s="243"/>
    </row>
    <row r="1152" spans="1:16" s="143" customFormat="1" ht="18.75" customHeight="1" collapsed="1">
      <c r="A1152" s="75" t="s">
        <v>177</v>
      </c>
      <c r="B1152" s="142" t="s">
        <v>126</v>
      </c>
      <c r="C1152" s="75"/>
      <c r="D1152" s="142"/>
      <c r="E1152" s="75"/>
      <c r="F1152" s="75"/>
      <c r="G1152" s="75"/>
      <c r="H1152" s="75" t="s">
        <v>17</v>
      </c>
      <c r="I1152" s="75" t="s">
        <v>71</v>
      </c>
      <c r="J1152" s="75">
        <v>1000</v>
      </c>
      <c r="K1152" s="75"/>
      <c r="L1152" s="75"/>
      <c r="M1152" s="75"/>
      <c r="N1152" s="78"/>
      <c r="O1152" s="257" t="s">
        <v>947</v>
      </c>
      <c r="P1152" s="257" t="s">
        <v>1089</v>
      </c>
    </row>
    <row r="1153" spans="1:16" ht="18.75" hidden="1" customHeight="1" outlineLevel="1">
      <c r="A1153" s="75"/>
      <c r="B1153" s="75"/>
      <c r="C1153" s="75" t="s">
        <v>177</v>
      </c>
      <c r="D1153" s="142" t="s">
        <v>126</v>
      </c>
      <c r="E1153" s="75"/>
      <c r="F1153" s="75"/>
      <c r="G1153" s="75"/>
      <c r="H1153" s="75" t="s">
        <v>66</v>
      </c>
      <c r="I1153" s="75" t="s">
        <v>65</v>
      </c>
      <c r="J1153" s="75">
        <v>1</v>
      </c>
      <c r="K1153" s="75"/>
      <c r="L1153" s="75"/>
      <c r="M1153" s="75"/>
      <c r="N1153" s="78"/>
      <c r="O1153" s="257"/>
    </row>
    <row r="1154" spans="1:16" ht="18.75" hidden="1" customHeight="1" outlineLevel="1">
      <c r="A1154" s="33"/>
      <c r="B1154" s="33"/>
      <c r="C1154" s="11"/>
      <c r="D1154" s="33"/>
      <c r="E1154" s="11" t="s">
        <v>176</v>
      </c>
      <c r="F1154" s="11">
        <v>128</v>
      </c>
      <c r="G1154" s="11" t="s">
        <v>128</v>
      </c>
      <c r="H1154" s="11" t="s">
        <v>66</v>
      </c>
      <c r="I1154" s="11" t="s">
        <v>65</v>
      </c>
      <c r="J1154" s="11">
        <v>1</v>
      </c>
      <c r="K1154" s="11" t="s">
        <v>514</v>
      </c>
      <c r="L1154" s="11">
        <v>2</v>
      </c>
      <c r="M1154" s="11">
        <v>3</v>
      </c>
      <c r="N1154" s="18" t="s">
        <v>681</v>
      </c>
      <c r="O1154" s="257"/>
    </row>
    <row r="1155" spans="1:16" ht="18.75" hidden="1" customHeight="1" outlineLevel="1">
      <c r="A1155" s="33"/>
      <c r="B1155" s="33"/>
      <c r="C1155" s="11"/>
      <c r="D1155" s="33"/>
      <c r="E1155" s="11" t="s">
        <v>175</v>
      </c>
      <c r="F1155" s="11">
        <v>127</v>
      </c>
      <c r="G1155" s="11" t="s">
        <v>126</v>
      </c>
      <c r="H1155" s="11" t="s">
        <v>78</v>
      </c>
      <c r="I1155" s="11" t="s">
        <v>71</v>
      </c>
      <c r="J1155" s="11">
        <v>1</v>
      </c>
      <c r="K1155" s="11" t="s">
        <v>509</v>
      </c>
      <c r="L1155" s="11">
        <v>1</v>
      </c>
      <c r="M1155" s="11">
        <v>30</v>
      </c>
      <c r="N1155" s="18" t="s">
        <v>684</v>
      </c>
      <c r="O1155" s="257"/>
    </row>
    <row r="1156" spans="1:16" ht="18.75" hidden="1" customHeight="1" outlineLevel="1">
      <c r="A1156" s="33"/>
      <c r="B1156" s="33"/>
      <c r="C1156" s="11"/>
      <c r="D1156" s="33"/>
      <c r="E1156" s="11" t="s">
        <v>173</v>
      </c>
      <c r="F1156" s="11">
        <v>369</v>
      </c>
      <c r="G1156" s="11" t="s">
        <v>172</v>
      </c>
      <c r="H1156" s="11" t="s">
        <v>78</v>
      </c>
      <c r="I1156" s="11" t="s">
        <v>71</v>
      </c>
      <c r="J1156" s="11">
        <v>1</v>
      </c>
      <c r="K1156" s="11" t="s">
        <v>509</v>
      </c>
      <c r="L1156" s="11">
        <v>1</v>
      </c>
      <c r="M1156" s="11">
        <v>45</v>
      </c>
      <c r="N1156" s="18"/>
      <c r="P1156" s="243"/>
    </row>
    <row r="1157" spans="1:16" s="143" customFormat="1" ht="18.75" customHeight="1" collapsed="1">
      <c r="A1157" s="75" t="s">
        <v>177</v>
      </c>
      <c r="B1157" s="142" t="s">
        <v>126</v>
      </c>
      <c r="C1157" s="75"/>
      <c r="D1157" s="142"/>
      <c r="E1157" s="75"/>
      <c r="F1157" s="75"/>
      <c r="G1157" s="75"/>
      <c r="H1157" s="75" t="s">
        <v>17</v>
      </c>
      <c r="I1157" s="75" t="s">
        <v>71</v>
      </c>
      <c r="J1157" s="75">
        <v>1000</v>
      </c>
      <c r="K1157" s="75"/>
      <c r="L1157" s="75"/>
      <c r="M1157" s="75"/>
      <c r="N1157" s="78"/>
      <c r="O1157" s="257" t="s">
        <v>958</v>
      </c>
      <c r="P1157" s="257" t="s">
        <v>1091</v>
      </c>
    </row>
    <row r="1158" spans="1:16" ht="18.75" hidden="1" customHeight="1" outlineLevel="1">
      <c r="A1158" s="75"/>
      <c r="B1158" s="75"/>
      <c r="C1158" s="75" t="s">
        <v>177</v>
      </c>
      <c r="D1158" s="142" t="s">
        <v>126</v>
      </c>
      <c r="E1158" s="75"/>
      <c r="F1158" s="75"/>
      <c r="G1158" s="75"/>
      <c r="H1158" s="75" t="s">
        <v>66</v>
      </c>
      <c r="I1158" s="75" t="s">
        <v>65</v>
      </c>
      <c r="J1158" s="75">
        <v>1</v>
      </c>
      <c r="K1158" s="75"/>
      <c r="L1158" s="75"/>
      <c r="M1158" s="75"/>
      <c r="N1158" s="78"/>
      <c r="O1158" s="257"/>
    </row>
    <row r="1159" spans="1:16" ht="18.75" hidden="1" customHeight="1" outlineLevel="1">
      <c r="A1159" s="33"/>
      <c r="B1159" s="33"/>
      <c r="C1159" s="11"/>
      <c r="D1159" s="33"/>
      <c r="E1159" s="11" t="s">
        <v>176</v>
      </c>
      <c r="F1159" s="11">
        <v>128</v>
      </c>
      <c r="G1159" s="11" t="s">
        <v>128</v>
      </c>
      <c r="H1159" s="11" t="s">
        <v>66</v>
      </c>
      <c r="I1159" s="11" t="s">
        <v>65</v>
      </c>
      <c r="J1159" s="11">
        <v>1</v>
      </c>
      <c r="K1159" s="11" t="s">
        <v>514</v>
      </c>
      <c r="L1159" s="11">
        <v>2</v>
      </c>
      <c r="M1159" s="11">
        <v>3</v>
      </c>
      <c r="N1159" s="18" t="s">
        <v>681</v>
      </c>
      <c r="O1159" s="257"/>
    </row>
    <row r="1160" spans="1:16" ht="18.75" hidden="1" customHeight="1" outlineLevel="1">
      <c r="A1160" s="33"/>
      <c r="B1160" s="33"/>
      <c r="C1160" s="11"/>
      <c r="D1160" s="33"/>
      <c r="E1160" s="11" t="s">
        <v>175</v>
      </c>
      <c r="F1160" s="11">
        <v>127</v>
      </c>
      <c r="G1160" s="11" t="s">
        <v>126</v>
      </c>
      <c r="H1160" s="11" t="s">
        <v>78</v>
      </c>
      <c r="I1160" s="11" t="s">
        <v>71</v>
      </c>
      <c r="J1160" s="11">
        <v>1</v>
      </c>
      <c r="K1160" s="11" t="s">
        <v>509</v>
      </c>
      <c r="L1160" s="11">
        <v>1</v>
      </c>
      <c r="M1160" s="11">
        <v>30</v>
      </c>
      <c r="N1160" s="18" t="s">
        <v>685</v>
      </c>
      <c r="O1160" s="257"/>
    </row>
    <row r="1161" spans="1:16" ht="18.75" hidden="1" customHeight="1" outlineLevel="1">
      <c r="A1161" s="33"/>
      <c r="B1161" s="33"/>
      <c r="C1161" s="11"/>
      <c r="D1161" s="33"/>
      <c r="E1161" s="11" t="s">
        <v>173</v>
      </c>
      <c r="F1161" s="11">
        <v>369</v>
      </c>
      <c r="G1161" s="11" t="s">
        <v>172</v>
      </c>
      <c r="H1161" s="11" t="s">
        <v>78</v>
      </c>
      <c r="I1161" s="11" t="s">
        <v>71</v>
      </c>
      <c r="J1161" s="11">
        <v>1</v>
      </c>
      <c r="K1161" s="11" t="s">
        <v>509</v>
      </c>
      <c r="L1161" s="11">
        <v>1</v>
      </c>
      <c r="M1161" s="11">
        <v>45</v>
      </c>
      <c r="N1161" s="18"/>
      <c r="P1161" s="243"/>
    </row>
    <row r="1162" spans="1:16" s="33" customFormat="1" ht="18.75" customHeight="1" collapsed="1">
      <c r="A1162" s="75" t="s">
        <v>177</v>
      </c>
      <c r="B1162" s="142" t="s">
        <v>126</v>
      </c>
      <c r="C1162" s="75"/>
      <c r="D1162" s="142"/>
      <c r="E1162" s="75"/>
      <c r="F1162" s="75"/>
      <c r="G1162" s="75"/>
      <c r="H1162" s="75" t="s">
        <v>17</v>
      </c>
      <c r="I1162" s="75" t="s">
        <v>71</v>
      </c>
      <c r="J1162" s="75">
        <v>1000</v>
      </c>
      <c r="K1162" s="75"/>
      <c r="L1162" s="75"/>
      <c r="M1162" s="75"/>
      <c r="N1162" s="78"/>
      <c r="O1162" s="257" t="s">
        <v>948</v>
      </c>
      <c r="P1162" s="257" t="s">
        <v>2032</v>
      </c>
    </row>
    <row r="1163" spans="1:16" ht="18.75" hidden="1" customHeight="1" outlineLevel="1">
      <c r="A1163" s="75"/>
      <c r="B1163" s="75"/>
      <c r="C1163" s="75" t="s">
        <v>177</v>
      </c>
      <c r="D1163" s="142" t="s">
        <v>126</v>
      </c>
      <c r="E1163" s="75"/>
      <c r="F1163" s="75"/>
      <c r="G1163" s="75"/>
      <c r="H1163" s="75" t="s">
        <v>66</v>
      </c>
      <c r="I1163" s="75" t="s">
        <v>65</v>
      </c>
      <c r="J1163" s="75">
        <v>1</v>
      </c>
      <c r="K1163" s="75"/>
      <c r="L1163" s="75"/>
      <c r="M1163" s="75"/>
      <c r="N1163" s="78"/>
      <c r="O1163" s="257"/>
    </row>
    <row r="1164" spans="1:16" ht="18.75" hidden="1" customHeight="1" outlineLevel="1">
      <c r="A1164" s="33"/>
      <c r="B1164" s="33"/>
      <c r="C1164" s="11"/>
      <c r="D1164" s="33"/>
      <c r="E1164" s="11" t="s">
        <v>176</v>
      </c>
      <c r="F1164" s="11">
        <v>128</v>
      </c>
      <c r="G1164" s="11" t="s">
        <v>128</v>
      </c>
      <c r="H1164" s="11" t="s">
        <v>66</v>
      </c>
      <c r="I1164" s="11" t="s">
        <v>65</v>
      </c>
      <c r="J1164" s="11">
        <v>1</v>
      </c>
      <c r="K1164" s="11" t="s">
        <v>514</v>
      </c>
      <c r="L1164" s="11">
        <v>2</v>
      </c>
      <c r="M1164" s="11">
        <v>3</v>
      </c>
      <c r="N1164" s="18" t="s">
        <v>681</v>
      </c>
      <c r="O1164" s="257"/>
    </row>
    <row r="1165" spans="1:16" ht="18.75" hidden="1" customHeight="1" outlineLevel="1">
      <c r="A1165" s="33"/>
      <c r="B1165" s="33"/>
      <c r="C1165" s="11"/>
      <c r="D1165" s="33"/>
      <c r="E1165" s="11" t="s">
        <v>175</v>
      </c>
      <c r="F1165" s="11">
        <v>127</v>
      </c>
      <c r="G1165" s="11" t="s">
        <v>126</v>
      </c>
      <c r="H1165" s="11" t="s">
        <v>78</v>
      </c>
      <c r="I1165" s="11" t="s">
        <v>71</v>
      </c>
      <c r="J1165" s="11">
        <v>1</v>
      </c>
      <c r="K1165" s="11" t="s">
        <v>509</v>
      </c>
      <c r="L1165" s="11">
        <v>1</v>
      </c>
      <c r="M1165" s="11">
        <v>30</v>
      </c>
      <c r="N1165" s="18" t="s">
        <v>686</v>
      </c>
      <c r="O1165" s="257"/>
    </row>
    <row r="1166" spans="1:16" ht="18.75" hidden="1" customHeight="1" outlineLevel="1">
      <c r="A1166" s="33"/>
      <c r="B1166" s="33"/>
      <c r="C1166" s="11"/>
      <c r="D1166" s="33"/>
      <c r="E1166" s="11" t="s">
        <v>173</v>
      </c>
      <c r="F1166" s="11">
        <v>369</v>
      </c>
      <c r="G1166" s="11" t="s">
        <v>172</v>
      </c>
      <c r="H1166" s="11" t="s">
        <v>78</v>
      </c>
      <c r="I1166" s="11" t="s">
        <v>71</v>
      </c>
      <c r="J1166" s="11">
        <v>1</v>
      </c>
      <c r="K1166" s="11" t="s">
        <v>509</v>
      </c>
      <c r="L1166" s="11">
        <v>1</v>
      </c>
      <c r="M1166" s="11">
        <v>45</v>
      </c>
      <c r="N1166" s="18"/>
      <c r="P1166" s="243"/>
    </row>
    <row r="1167" spans="1:16" s="143" customFormat="1" ht="18.75" customHeight="1" collapsed="1">
      <c r="A1167" s="75" t="s">
        <v>177</v>
      </c>
      <c r="B1167" s="142" t="s">
        <v>126</v>
      </c>
      <c r="C1167" s="75"/>
      <c r="D1167" s="142"/>
      <c r="E1167" s="75"/>
      <c r="F1167" s="75"/>
      <c r="G1167" s="75"/>
      <c r="H1167" s="75" t="s">
        <v>17</v>
      </c>
      <c r="I1167" s="75" t="s">
        <v>71</v>
      </c>
      <c r="J1167" s="75">
        <v>1000</v>
      </c>
      <c r="K1167" s="75"/>
      <c r="L1167" s="75"/>
      <c r="M1167" s="75"/>
      <c r="N1167" s="78"/>
      <c r="O1167" s="257"/>
      <c r="P1167" s="257"/>
    </row>
    <row r="1168" spans="1:16" ht="18.75" hidden="1" customHeight="1">
      <c r="A1168" s="75"/>
      <c r="B1168" s="75"/>
      <c r="C1168" s="75" t="s">
        <v>177</v>
      </c>
      <c r="D1168" s="142" t="s">
        <v>126</v>
      </c>
      <c r="E1168" s="75"/>
      <c r="F1168" s="75"/>
      <c r="G1168" s="75"/>
      <c r="H1168" s="75" t="s">
        <v>66</v>
      </c>
      <c r="I1168" s="75" t="s">
        <v>65</v>
      </c>
      <c r="J1168" s="75">
        <v>1</v>
      </c>
      <c r="K1168" s="75"/>
      <c r="L1168" s="75"/>
      <c r="M1168" s="75"/>
      <c r="N1168" s="78"/>
      <c r="O1168" s="257"/>
    </row>
    <row r="1169" spans="1:16" ht="18.75" hidden="1" customHeight="1">
      <c r="A1169" s="33"/>
      <c r="B1169" s="33"/>
      <c r="C1169" s="11"/>
      <c r="D1169" s="33"/>
      <c r="E1169" s="11" t="s">
        <v>176</v>
      </c>
      <c r="F1169" s="11">
        <v>128</v>
      </c>
      <c r="G1169" s="11" t="s">
        <v>128</v>
      </c>
      <c r="H1169" s="11" t="s">
        <v>66</v>
      </c>
      <c r="I1169" s="11" t="s">
        <v>65</v>
      </c>
      <c r="J1169" s="11">
        <v>1</v>
      </c>
      <c r="K1169" s="11" t="s">
        <v>514</v>
      </c>
      <c r="L1169" s="11">
        <v>2</v>
      </c>
      <c r="M1169" s="11">
        <v>3</v>
      </c>
      <c r="N1169" s="18" t="s">
        <v>681</v>
      </c>
      <c r="O1169" s="257"/>
    </row>
    <row r="1170" spans="1:16" ht="18.75" hidden="1" customHeight="1">
      <c r="A1170" s="33"/>
      <c r="B1170" s="33"/>
      <c r="C1170" s="11"/>
      <c r="D1170" s="33"/>
      <c r="E1170" s="11" t="s">
        <v>175</v>
      </c>
      <c r="F1170" s="11">
        <v>127</v>
      </c>
      <c r="G1170" s="11" t="s">
        <v>126</v>
      </c>
      <c r="H1170" s="11" t="s">
        <v>78</v>
      </c>
      <c r="I1170" s="11" t="s">
        <v>71</v>
      </c>
      <c r="J1170" s="11">
        <v>1</v>
      </c>
      <c r="K1170" s="11" t="s">
        <v>509</v>
      </c>
      <c r="L1170" s="11">
        <v>1</v>
      </c>
      <c r="M1170" s="11">
        <v>30</v>
      </c>
      <c r="N1170" s="18" t="s">
        <v>685</v>
      </c>
      <c r="O1170" s="257"/>
    </row>
    <row r="1171" spans="1:16" ht="18.75" hidden="1" customHeight="1">
      <c r="A1171" s="33"/>
      <c r="B1171" s="33"/>
      <c r="C1171" s="11"/>
      <c r="D1171" s="33"/>
      <c r="E1171" s="11" t="s">
        <v>173</v>
      </c>
      <c r="F1171" s="11">
        <v>369</v>
      </c>
      <c r="G1171" s="11" t="s">
        <v>172</v>
      </c>
      <c r="H1171" s="11" t="s">
        <v>78</v>
      </c>
      <c r="I1171" s="11" t="s">
        <v>71</v>
      </c>
      <c r="J1171" s="11">
        <v>1</v>
      </c>
      <c r="K1171" s="11" t="s">
        <v>509</v>
      </c>
      <c r="L1171" s="11">
        <v>1</v>
      </c>
      <c r="M1171" s="11">
        <v>45</v>
      </c>
      <c r="N1171" s="18"/>
      <c r="O1171" s="257"/>
    </row>
    <row r="1172" spans="1:16" s="143" customFormat="1" ht="18.75" hidden="1" customHeight="1">
      <c r="A1172" s="75" t="s">
        <v>177</v>
      </c>
      <c r="B1172" s="142" t="s">
        <v>126</v>
      </c>
      <c r="C1172" s="75"/>
      <c r="D1172" s="142"/>
      <c r="E1172" s="75"/>
      <c r="F1172" s="75"/>
      <c r="G1172" s="75"/>
      <c r="H1172" s="75" t="s">
        <v>17</v>
      </c>
      <c r="I1172" s="75" t="s">
        <v>71</v>
      </c>
      <c r="J1172" s="75">
        <v>1000</v>
      </c>
      <c r="K1172" s="75"/>
      <c r="L1172" s="75"/>
      <c r="M1172" s="75"/>
      <c r="N1172" s="78"/>
      <c r="O1172" s="257"/>
      <c r="P1172" s="257"/>
    </row>
    <row r="1173" spans="1:16" ht="18.75" hidden="1" customHeight="1">
      <c r="A1173" s="75"/>
      <c r="B1173" s="75"/>
      <c r="C1173" s="75" t="s">
        <v>177</v>
      </c>
      <c r="D1173" s="142" t="s">
        <v>126</v>
      </c>
      <c r="E1173" s="75"/>
      <c r="F1173" s="75"/>
      <c r="G1173" s="75"/>
      <c r="H1173" s="75" t="s">
        <v>66</v>
      </c>
      <c r="I1173" s="75" t="s">
        <v>65</v>
      </c>
      <c r="J1173" s="75">
        <v>1</v>
      </c>
      <c r="K1173" s="75"/>
      <c r="L1173" s="75"/>
      <c r="M1173" s="75"/>
      <c r="N1173" s="78"/>
      <c r="O1173" s="257"/>
    </row>
    <row r="1174" spans="1:16" ht="18.75" hidden="1" customHeight="1">
      <c r="A1174" s="33"/>
      <c r="B1174" s="33"/>
      <c r="C1174" s="11"/>
      <c r="D1174" s="33"/>
      <c r="E1174" s="11" t="s">
        <v>176</v>
      </c>
      <c r="F1174" s="11">
        <v>128</v>
      </c>
      <c r="G1174" s="11" t="s">
        <v>128</v>
      </c>
      <c r="H1174" s="11" t="s">
        <v>66</v>
      </c>
      <c r="I1174" s="11" t="s">
        <v>65</v>
      </c>
      <c r="J1174" s="11">
        <v>1</v>
      </c>
      <c r="K1174" s="11" t="s">
        <v>514</v>
      </c>
      <c r="L1174" s="11">
        <v>2</v>
      </c>
      <c r="M1174" s="11">
        <v>3</v>
      </c>
      <c r="N1174" s="18" t="s">
        <v>681</v>
      </c>
      <c r="O1174" s="257"/>
    </row>
    <row r="1175" spans="1:16" ht="18.75" hidden="1" customHeight="1">
      <c r="A1175" s="33"/>
      <c r="B1175" s="33"/>
      <c r="C1175" s="11"/>
      <c r="D1175" s="33"/>
      <c r="E1175" s="11" t="s">
        <v>175</v>
      </c>
      <c r="F1175" s="11">
        <v>127</v>
      </c>
      <c r="G1175" s="11" t="s">
        <v>126</v>
      </c>
      <c r="H1175" s="11" t="s">
        <v>78</v>
      </c>
      <c r="I1175" s="11" t="s">
        <v>71</v>
      </c>
      <c r="J1175" s="11">
        <v>1</v>
      </c>
      <c r="K1175" s="11" t="s">
        <v>509</v>
      </c>
      <c r="L1175" s="11">
        <v>1</v>
      </c>
      <c r="M1175" s="11">
        <v>30</v>
      </c>
      <c r="N1175" s="18" t="s">
        <v>895</v>
      </c>
      <c r="O1175" s="257"/>
    </row>
    <row r="1176" spans="1:16" ht="18.75" hidden="1" customHeight="1">
      <c r="A1176" s="33"/>
      <c r="B1176" s="33"/>
      <c r="C1176" s="11"/>
      <c r="D1176" s="33"/>
      <c r="E1176" s="11" t="s">
        <v>173</v>
      </c>
      <c r="F1176" s="11">
        <v>369</v>
      </c>
      <c r="G1176" s="11" t="s">
        <v>172</v>
      </c>
      <c r="H1176" s="11" t="s">
        <v>78</v>
      </c>
      <c r="I1176" s="11" t="s">
        <v>71</v>
      </c>
      <c r="J1176" s="11">
        <v>1</v>
      </c>
      <c r="K1176" s="11" t="s">
        <v>509</v>
      </c>
      <c r="L1176" s="11">
        <v>1</v>
      </c>
      <c r="M1176" s="11">
        <v>45</v>
      </c>
      <c r="N1176" s="18"/>
      <c r="O1176" s="257"/>
    </row>
    <row r="1177" spans="1:16" s="143" customFormat="1" ht="18.75" hidden="1" customHeight="1">
      <c r="A1177" s="75" t="s">
        <v>177</v>
      </c>
      <c r="B1177" s="142" t="s">
        <v>126</v>
      </c>
      <c r="C1177" s="75"/>
      <c r="D1177" s="142"/>
      <c r="E1177" s="75"/>
      <c r="F1177" s="75"/>
      <c r="G1177" s="75"/>
      <c r="H1177" s="75" t="s">
        <v>17</v>
      </c>
      <c r="I1177" s="75" t="s">
        <v>71</v>
      </c>
      <c r="J1177" s="75">
        <v>1000</v>
      </c>
      <c r="K1177" s="75"/>
      <c r="L1177" s="75"/>
      <c r="M1177" s="75"/>
      <c r="N1177" s="78"/>
      <c r="O1177" s="257"/>
      <c r="P1177" s="257"/>
    </row>
    <row r="1178" spans="1:16" ht="18.75" hidden="1" customHeight="1">
      <c r="A1178" s="75"/>
      <c r="B1178" s="75"/>
      <c r="C1178" s="75" t="s">
        <v>177</v>
      </c>
      <c r="D1178" s="142" t="s">
        <v>126</v>
      </c>
      <c r="E1178" s="75"/>
      <c r="F1178" s="75"/>
      <c r="G1178" s="75"/>
      <c r="H1178" s="75" t="s">
        <v>66</v>
      </c>
      <c r="I1178" s="75" t="s">
        <v>65</v>
      </c>
      <c r="J1178" s="75">
        <v>1</v>
      </c>
      <c r="K1178" s="75"/>
      <c r="L1178" s="75"/>
      <c r="M1178" s="75"/>
      <c r="N1178" s="78"/>
      <c r="O1178" s="257"/>
    </row>
    <row r="1179" spans="1:16" ht="18.75" hidden="1" customHeight="1">
      <c r="A1179" s="33"/>
      <c r="B1179" s="33"/>
      <c r="C1179" s="11"/>
      <c r="D1179" s="33"/>
      <c r="E1179" s="11" t="s">
        <v>176</v>
      </c>
      <c r="F1179" s="11">
        <v>128</v>
      </c>
      <c r="G1179" s="11" t="s">
        <v>128</v>
      </c>
      <c r="H1179" s="11" t="s">
        <v>66</v>
      </c>
      <c r="I1179" s="11" t="s">
        <v>65</v>
      </c>
      <c r="J1179" s="11">
        <v>1</v>
      </c>
      <c r="K1179" s="11" t="s">
        <v>514</v>
      </c>
      <c r="L1179" s="11">
        <v>2</v>
      </c>
      <c r="M1179" s="11">
        <v>3</v>
      </c>
      <c r="N1179" s="18" t="s">
        <v>681</v>
      </c>
      <c r="O1179" s="257"/>
    </row>
    <row r="1180" spans="1:16" ht="18.75" hidden="1" customHeight="1">
      <c r="A1180" s="33"/>
      <c r="B1180" s="33"/>
      <c r="C1180" s="11"/>
      <c r="D1180" s="33"/>
      <c r="E1180" s="11" t="s">
        <v>175</v>
      </c>
      <c r="F1180" s="11">
        <v>127</v>
      </c>
      <c r="G1180" s="11" t="s">
        <v>126</v>
      </c>
      <c r="H1180" s="11" t="s">
        <v>78</v>
      </c>
      <c r="I1180" s="11" t="s">
        <v>71</v>
      </c>
      <c r="J1180" s="11">
        <v>1</v>
      </c>
      <c r="K1180" s="11" t="s">
        <v>509</v>
      </c>
      <c r="L1180" s="11">
        <v>1</v>
      </c>
      <c r="M1180" s="11">
        <v>30</v>
      </c>
      <c r="N1180" s="18" t="s">
        <v>687</v>
      </c>
      <c r="O1180" s="257"/>
    </row>
    <row r="1181" spans="1:16" ht="18.75" hidden="1" customHeight="1">
      <c r="A1181" s="33"/>
      <c r="B1181" s="33"/>
      <c r="C1181" s="11"/>
      <c r="D1181" s="33"/>
      <c r="E1181" s="11" t="s">
        <v>173</v>
      </c>
      <c r="F1181" s="11">
        <v>369</v>
      </c>
      <c r="G1181" s="11" t="s">
        <v>172</v>
      </c>
      <c r="H1181" s="11" t="s">
        <v>78</v>
      </c>
      <c r="I1181" s="11" t="s">
        <v>71</v>
      </c>
      <c r="J1181" s="11">
        <v>1</v>
      </c>
      <c r="K1181" s="11" t="s">
        <v>509</v>
      </c>
      <c r="L1181" s="11">
        <v>1</v>
      </c>
      <c r="M1181" s="11">
        <v>45</v>
      </c>
      <c r="N1181" s="18"/>
      <c r="O1181" s="257"/>
    </row>
    <row r="1182" spans="1:16" s="143" customFormat="1" ht="18.75" hidden="1" customHeight="1">
      <c r="A1182" s="75" t="s">
        <v>177</v>
      </c>
      <c r="B1182" s="142" t="s">
        <v>126</v>
      </c>
      <c r="C1182" s="75"/>
      <c r="D1182" s="142"/>
      <c r="E1182" s="75"/>
      <c r="F1182" s="75"/>
      <c r="G1182" s="75"/>
      <c r="H1182" s="75" t="s">
        <v>17</v>
      </c>
      <c r="I1182" s="75" t="s">
        <v>71</v>
      </c>
      <c r="J1182" s="75">
        <v>1000</v>
      </c>
      <c r="K1182" s="75"/>
      <c r="L1182" s="75"/>
      <c r="M1182" s="75"/>
      <c r="N1182" s="78"/>
      <c r="O1182" s="257"/>
      <c r="P1182" s="257"/>
    </row>
    <row r="1183" spans="1:16" ht="18.75" hidden="1" customHeight="1">
      <c r="A1183" s="75"/>
      <c r="B1183" s="75"/>
      <c r="C1183" s="75" t="s">
        <v>177</v>
      </c>
      <c r="D1183" s="142" t="s">
        <v>126</v>
      </c>
      <c r="E1183" s="75"/>
      <c r="F1183" s="75"/>
      <c r="G1183" s="75"/>
      <c r="H1183" s="75" t="s">
        <v>66</v>
      </c>
      <c r="I1183" s="75" t="s">
        <v>65</v>
      </c>
      <c r="J1183" s="75">
        <v>1</v>
      </c>
      <c r="K1183" s="75"/>
      <c r="L1183" s="75"/>
      <c r="M1183" s="75"/>
      <c r="N1183" s="78"/>
      <c r="O1183" s="257"/>
    </row>
    <row r="1184" spans="1:16" ht="18.75" hidden="1" customHeight="1">
      <c r="A1184" s="33"/>
      <c r="B1184" s="33"/>
      <c r="C1184" s="11"/>
      <c r="D1184" s="33"/>
      <c r="E1184" s="11" t="s">
        <v>176</v>
      </c>
      <c r="F1184" s="11">
        <v>128</v>
      </c>
      <c r="G1184" s="11" t="s">
        <v>128</v>
      </c>
      <c r="H1184" s="11" t="s">
        <v>66</v>
      </c>
      <c r="I1184" s="11" t="s">
        <v>65</v>
      </c>
      <c r="J1184" s="11">
        <v>1</v>
      </c>
      <c r="K1184" s="11" t="s">
        <v>514</v>
      </c>
      <c r="L1184" s="11">
        <v>2</v>
      </c>
      <c r="M1184" s="11">
        <v>3</v>
      </c>
      <c r="N1184" s="18" t="s">
        <v>681</v>
      </c>
      <c r="O1184" s="257"/>
    </row>
    <row r="1185" spans="1:16" ht="18.75" hidden="1" customHeight="1">
      <c r="A1185" s="33"/>
      <c r="B1185" s="33"/>
      <c r="C1185" s="11"/>
      <c r="D1185" s="33"/>
      <c r="E1185" s="11" t="s">
        <v>175</v>
      </c>
      <c r="F1185" s="11">
        <v>127</v>
      </c>
      <c r="G1185" s="11" t="s">
        <v>126</v>
      </c>
      <c r="H1185" s="11" t="s">
        <v>78</v>
      </c>
      <c r="I1185" s="11" t="s">
        <v>71</v>
      </c>
      <c r="J1185" s="11">
        <v>1</v>
      </c>
      <c r="K1185" s="11" t="s">
        <v>509</v>
      </c>
      <c r="L1185" s="11">
        <v>1</v>
      </c>
      <c r="M1185" s="11">
        <v>30</v>
      </c>
      <c r="N1185" s="18" t="s">
        <v>896</v>
      </c>
      <c r="O1185" s="257"/>
    </row>
    <row r="1186" spans="1:16" ht="18.75" hidden="1" customHeight="1">
      <c r="A1186" s="33"/>
      <c r="B1186" s="33"/>
      <c r="C1186" s="11"/>
      <c r="D1186" s="33"/>
      <c r="E1186" s="11" t="s">
        <v>173</v>
      </c>
      <c r="F1186" s="11">
        <v>369</v>
      </c>
      <c r="G1186" s="11" t="s">
        <v>172</v>
      </c>
      <c r="H1186" s="11" t="s">
        <v>78</v>
      </c>
      <c r="I1186" s="11" t="s">
        <v>71</v>
      </c>
      <c r="J1186" s="11">
        <v>1</v>
      </c>
      <c r="K1186" s="11" t="s">
        <v>509</v>
      </c>
      <c r="L1186" s="11">
        <v>1</v>
      </c>
      <c r="M1186" s="11">
        <v>45</v>
      </c>
      <c r="N1186" s="18"/>
      <c r="O1186" s="257"/>
    </row>
    <row r="1187" spans="1:16" s="143" customFormat="1" ht="18.75" hidden="1" customHeight="1">
      <c r="A1187" s="75" t="s">
        <v>177</v>
      </c>
      <c r="B1187" s="142" t="s">
        <v>126</v>
      </c>
      <c r="C1187" s="75"/>
      <c r="D1187" s="142"/>
      <c r="E1187" s="75"/>
      <c r="F1187" s="75"/>
      <c r="G1187" s="75"/>
      <c r="H1187" s="75" t="s">
        <v>17</v>
      </c>
      <c r="I1187" s="75" t="s">
        <v>71</v>
      </c>
      <c r="J1187" s="75">
        <v>1000</v>
      </c>
      <c r="K1187" s="75"/>
      <c r="L1187" s="75"/>
      <c r="M1187" s="75"/>
      <c r="N1187" s="78"/>
      <c r="O1187" s="257"/>
      <c r="P1187" s="257"/>
    </row>
    <row r="1188" spans="1:16" ht="18.75" hidden="1" customHeight="1">
      <c r="A1188" s="75"/>
      <c r="B1188" s="75"/>
      <c r="C1188" s="75" t="s">
        <v>177</v>
      </c>
      <c r="D1188" s="142" t="s">
        <v>126</v>
      </c>
      <c r="E1188" s="75"/>
      <c r="F1188" s="75"/>
      <c r="G1188" s="75"/>
      <c r="H1188" s="75" t="s">
        <v>66</v>
      </c>
      <c r="I1188" s="75" t="s">
        <v>65</v>
      </c>
      <c r="J1188" s="75">
        <v>1</v>
      </c>
      <c r="K1188" s="75"/>
      <c r="L1188" s="75"/>
      <c r="M1188" s="75"/>
      <c r="N1188" s="78"/>
      <c r="O1188" s="257"/>
    </row>
    <row r="1189" spans="1:16" ht="18.75" hidden="1" customHeight="1">
      <c r="A1189" s="33"/>
      <c r="B1189" s="33"/>
      <c r="C1189" s="11"/>
      <c r="D1189" s="33"/>
      <c r="E1189" s="11" t="s">
        <v>176</v>
      </c>
      <c r="F1189" s="11">
        <v>128</v>
      </c>
      <c r="G1189" s="11" t="s">
        <v>128</v>
      </c>
      <c r="H1189" s="11" t="s">
        <v>66</v>
      </c>
      <c r="I1189" s="11" t="s">
        <v>65</v>
      </c>
      <c r="J1189" s="11">
        <v>1</v>
      </c>
      <c r="K1189" s="11" t="s">
        <v>514</v>
      </c>
      <c r="L1189" s="11">
        <v>2</v>
      </c>
      <c r="M1189" s="11">
        <v>3</v>
      </c>
      <c r="N1189" s="18" t="s">
        <v>912</v>
      </c>
      <c r="O1189" s="257"/>
    </row>
    <row r="1190" spans="1:16" ht="18.75" hidden="1" customHeight="1">
      <c r="A1190" s="33"/>
      <c r="B1190" s="33"/>
      <c r="C1190" s="11"/>
      <c r="D1190" s="33"/>
      <c r="E1190" s="11" t="s">
        <v>175</v>
      </c>
      <c r="F1190" s="11">
        <v>127</v>
      </c>
      <c r="G1190" s="11" t="s">
        <v>126</v>
      </c>
      <c r="H1190" s="11" t="s">
        <v>78</v>
      </c>
      <c r="I1190" s="11" t="s">
        <v>71</v>
      </c>
      <c r="J1190" s="11">
        <v>1</v>
      </c>
      <c r="K1190" s="11" t="s">
        <v>509</v>
      </c>
      <c r="L1190" s="11">
        <v>1</v>
      </c>
      <c r="M1190" s="11">
        <v>30</v>
      </c>
      <c r="N1190" s="18"/>
      <c r="O1190" s="257"/>
    </row>
    <row r="1191" spans="1:16" ht="18.75" hidden="1" customHeight="1">
      <c r="A1191" s="33"/>
      <c r="B1191" s="33"/>
      <c r="C1191" s="11"/>
      <c r="D1191" s="33"/>
      <c r="E1191" s="11" t="s">
        <v>173</v>
      </c>
      <c r="F1191" s="11">
        <v>369</v>
      </c>
      <c r="G1191" s="11" t="s">
        <v>172</v>
      </c>
      <c r="H1191" s="11" t="s">
        <v>78</v>
      </c>
      <c r="I1191" s="11" t="s">
        <v>71</v>
      </c>
      <c r="J1191" s="11">
        <v>1</v>
      </c>
      <c r="K1191" s="11" t="s">
        <v>509</v>
      </c>
      <c r="L1191" s="11">
        <v>1</v>
      </c>
      <c r="M1191" s="11">
        <v>45</v>
      </c>
      <c r="N1191" s="18" t="s">
        <v>913</v>
      </c>
      <c r="O1191" s="257"/>
    </row>
    <row r="1192" spans="1:16" ht="18.75" hidden="1" customHeight="1">
      <c r="C1192" s="24"/>
      <c r="D1192" s="143"/>
      <c r="E1192" s="19" t="s">
        <v>184</v>
      </c>
      <c r="F1192" s="19">
        <v>373</v>
      </c>
      <c r="G1192" s="19" t="s">
        <v>1</v>
      </c>
      <c r="H1192" s="19" t="s">
        <v>17</v>
      </c>
      <c r="I1192" s="19" t="s">
        <v>96</v>
      </c>
      <c r="J1192" s="19">
        <v>1</v>
      </c>
      <c r="K1192" s="19" t="s">
        <v>519</v>
      </c>
      <c r="L1192" s="19">
        <v>8</v>
      </c>
      <c r="M1192" s="19">
        <v>8</v>
      </c>
      <c r="N1192" s="19"/>
      <c r="O1192" s="257"/>
    </row>
    <row r="1193" spans="1:16" ht="18.75" hidden="1" customHeight="1">
      <c r="C1193" s="24"/>
      <c r="D1193" s="143"/>
      <c r="E1193" s="19" t="s">
        <v>183</v>
      </c>
      <c r="F1193" s="19">
        <v>337</v>
      </c>
      <c r="G1193" s="19" t="s">
        <v>79</v>
      </c>
      <c r="H1193" s="19" t="s">
        <v>78</v>
      </c>
      <c r="I1193" s="19" t="s">
        <v>96</v>
      </c>
      <c r="J1193" s="19">
        <v>1</v>
      </c>
      <c r="K1193" s="19" t="s">
        <v>518</v>
      </c>
      <c r="L1193" s="19">
        <v>4</v>
      </c>
      <c r="M1193" s="19">
        <v>8</v>
      </c>
      <c r="N1193" s="19"/>
      <c r="O1193" s="257"/>
    </row>
    <row r="1194" spans="1:16" ht="18.75" hidden="1" customHeight="1">
      <c r="C1194" s="24"/>
      <c r="D1194" s="143"/>
      <c r="E1194" s="19" t="s">
        <v>182</v>
      </c>
      <c r="F1194" s="19">
        <v>623</v>
      </c>
      <c r="G1194" s="19" t="s">
        <v>76</v>
      </c>
      <c r="H1194" s="19" t="s">
        <v>17</v>
      </c>
      <c r="I1194" s="19" t="s">
        <v>96</v>
      </c>
      <c r="J1194" s="19">
        <v>1</v>
      </c>
      <c r="K1194" s="19" t="s">
        <v>514</v>
      </c>
      <c r="L1194" s="19">
        <v>2</v>
      </c>
      <c r="M1194" s="19">
        <v>2</v>
      </c>
      <c r="N1194" s="19"/>
      <c r="O1194" s="257"/>
    </row>
    <row r="1195" spans="1:16" ht="18.75" hidden="1" customHeight="1">
      <c r="C1195" s="33"/>
      <c r="D1195" s="33" t="s">
        <v>181</v>
      </c>
      <c r="E1195" s="33"/>
      <c r="F1195" s="11"/>
      <c r="G1195" s="33" t="s">
        <v>180</v>
      </c>
      <c r="H1195" s="33" t="s">
        <v>17</v>
      </c>
      <c r="I1195" s="33" t="s">
        <v>71</v>
      </c>
      <c r="J1195" s="11">
        <v>1</v>
      </c>
      <c r="K1195" s="11"/>
      <c r="L1195" s="11"/>
      <c r="M1195" s="11"/>
      <c r="N1195" s="18"/>
      <c r="O1195" s="257"/>
    </row>
    <row r="1196" spans="1:16" ht="18.75" hidden="1" customHeight="1">
      <c r="C1196" s="33"/>
      <c r="D1196" s="33"/>
      <c r="E1196" s="33" t="s">
        <v>914</v>
      </c>
      <c r="F1196" s="11">
        <v>128</v>
      </c>
      <c r="G1196" s="33" t="s">
        <v>128</v>
      </c>
      <c r="H1196" s="33" t="s">
        <v>66</v>
      </c>
      <c r="I1196" s="33" t="s">
        <v>65</v>
      </c>
      <c r="J1196" s="11">
        <v>1</v>
      </c>
      <c r="K1196" s="11" t="s">
        <v>514</v>
      </c>
      <c r="L1196" s="11">
        <v>2</v>
      </c>
      <c r="M1196" s="11">
        <v>3</v>
      </c>
      <c r="N1196" s="18" t="s">
        <v>912</v>
      </c>
      <c r="O1196" s="257"/>
    </row>
    <row r="1197" spans="1:16" ht="18.75" hidden="1" customHeight="1">
      <c r="C1197" s="33"/>
      <c r="D1197" s="33"/>
      <c r="E1197" s="33" t="s">
        <v>915</v>
      </c>
      <c r="F1197" s="11">
        <v>127</v>
      </c>
      <c r="G1197" s="33" t="s">
        <v>126</v>
      </c>
      <c r="H1197" s="33" t="s">
        <v>66</v>
      </c>
      <c r="I1197" s="33" t="s">
        <v>65</v>
      </c>
      <c r="J1197" s="11">
        <v>1</v>
      </c>
      <c r="K1197" s="11" t="s">
        <v>509</v>
      </c>
      <c r="L1197" s="11">
        <v>1</v>
      </c>
      <c r="M1197" s="11">
        <v>30</v>
      </c>
      <c r="N1197" s="18"/>
      <c r="O1197" s="257"/>
    </row>
    <row r="1198" spans="1:16" ht="18.75" hidden="1" customHeight="1">
      <c r="A1198" s="17"/>
      <c r="B1198" s="17"/>
      <c r="C1198" s="75" t="s">
        <v>87</v>
      </c>
      <c r="D1198" s="142" t="s">
        <v>515</v>
      </c>
      <c r="E1198" s="75"/>
      <c r="F1198" s="75"/>
      <c r="G1198" s="75"/>
      <c r="H1198" s="75" t="s">
        <v>17</v>
      </c>
      <c r="I1198" s="75" t="s">
        <v>71</v>
      </c>
      <c r="J1198" s="75">
        <v>1000</v>
      </c>
      <c r="K1198" s="75"/>
      <c r="L1198" s="75"/>
      <c r="M1198" s="75"/>
      <c r="N1198" s="78"/>
      <c r="O1198" s="257"/>
    </row>
    <row r="1199" spans="1:16" ht="18.75" hidden="1" customHeight="1">
      <c r="C1199" s="11"/>
      <c r="D1199" s="33"/>
      <c r="E1199" s="11" t="s">
        <v>86</v>
      </c>
      <c r="F1199" s="11">
        <v>933</v>
      </c>
      <c r="G1199" s="11" t="s">
        <v>85</v>
      </c>
      <c r="H1199" s="11" t="s">
        <v>66</v>
      </c>
      <c r="I1199" s="11" t="s">
        <v>65</v>
      </c>
      <c r="J1199" s="11">
        <v>1</v>
      </c>
      <c r="K1199" s="11" t="s">
        <v>509</v>
      </c>
      <c r="L1199" s="11">
        <v>1</v>
      </c>
      <c r="M1199" s="11">
        <v>264</v>
      </c>
      <c r="N1199" s="18"/>
      <c r="O1199" s="257"/>
    </row>
    <row r="1200" spans="1:16" s="143" customFormat="1" ht="18.75" hidden="1" customHeight="1">
      <c r="A1200" s="75" t="s">
        <v>177</v>
      </c>
      <c r="B1200" s="142" t="s">
        <v>126</v>
      </c>
      <c r="C1200" s="75"/>
      <c r="D1200" s="142"/>
      <c r="E1200" s="75"/>
      <c r="F1200" s="75"/>
      <c r="G1200" s="75"/>
      <c r="H1200" s="75" t="s">
        <v>17</v>
      </c>
      <c r="I1200" s="75" t="s">
        <v>71</v>
      </c>
      <c r="J1200" s="75">
        <v>1000</v>
      </c>
      <c r="K1200" s="75"/>
      <c r="L1200" s="75"/>
      <c r="M1200" s="75"/>
      <c r="N1200" s="78"/>
      <c r="O1200" s="257"/>
      <c r="P1200" s="257"/>
    </row>
    <row r="1201" spans="1:16" ht="18.75" hidden="1" customHeight="1">
      <c r="A1201" s="17"/>
      <c r="B1201" s="17"/>
      <c r="C1201" s="75" t="s">
        <v>177</v>
      </c>
      <c r="D1201" s="142" t="s">
        <v>126</v>
      </c>
      <c r="E1201" s="75"/>
      <c r="F1201" s="75"/>
      <c r="G1201" s="75"/>
      <c r="H1201" s="75" t="s">
        <v>66</v>
      </c>
      <c r="I1201" s="75" t="s">
        <v>65</v>
      </c>
      <c r="J1201" s="75">
        <v>1</v>
      </c>
      <c r="K1201" s="75"/>
      <c r="L1201" s="75"/>
      <c r="M1201" s="75"/>
      <c r="N1201" s="78"/>
      <c r="O1201" s="257"/>
    </row>
    <row r="1202" spans="1:16" ht="18.75" hidden="1" customHeight="1">
      <c r="A1202" s="33"/>
      <c r="B1202" s="33"/>
      <c r="C1202" s="11"/>
      <c r="D1202" s="33"/>
      <c r="E1202" s="11" t="s">
        <v>176</v>
      </c>
      <c r="F1202" s="11">
        <v>128</v>
      </c>
      <c r="G1202" s="11" t="s">
        <v>128</v>
      </c>
      <c r="H1202" s="11" t="s">
        <v>66</v>
      </c>
      <c r="I1202" s="11" t="s">
        <v>65</v>
      </c>
      <c r="J1202" s="11">
        <v>1</v>
      </c>
      <c r="K1202" s="11" t="s">
        <v>514</v>
      </c>
      <c r="L1202" s="11">
        <v>2</v>
      </c>
      <c r="M1202" s="11">
        <v>3</v>
      </c>
      <c r="N1202" s="18" t="s">
        <v>912</v>
      </c>
      <c r="O1202" s="257"/>
    </row>
    <row r="1203" spans="1:16" ht="18.75" hidden="1" customHeight="1">
      <c r="A1203" s="33"/>
      <c r="B1203" s="33"/>
      <c r="C1203" s="11"/>
      <c r="D1203" s="33"/>
      <c r="E1203" s="11" t="s">
        <v>175</v>
      </c>
      <c r="F1203" s="11">
        <v>127</v>
      </c>
      <c r="G1203" s="11" t="s">
        <v>126</v>
      </c>
      <c r="H1203" s="11" t="s">
        <v>78</v>
      </c>
      <c r="I1203" s="11" t="s">
        <v>71</v>
      </c>
      <c r="J1203" s="11">
        <v>1</v>
      </c>
      <c r="K1203" s="11" t="s">
        <v>509</v>
      </c>
      <c r="L1203" s="11">
        <v>1</v>
      </c>
      <c r="M1203" s="11">
        <v>30</v>
      </c>
      <c r="N1203" s="18"/>
      <c r="O1203" s="257"/>
    </row>
    <row r="1204" spans="1:16" ht="18.75" hidden="1" customHeight="1">
      <c r="A1204" s="33"/>
      <c r="B1204" s="33"/>
      <c r="C1204" s="11"/>
      <c r="D1204" s="33"/>
      <c r="E1204" s="11" t="s">
        <v>173</v>
      </c>
      <c r="F1204" s="11">
        <v>369</v>
      </c>
      <c r="G1204" s="11" t="s">
        <v>172</v>
      </c>
      <c r="H1204" s="11" t="s">
        <v>78</v>
      </c>
      <c r="I1204" s="11" t="s">
        <v>71</v>
      </c>
      <c r="J1204" s="11">
        <v>1</v>
      </c>
      <c r="K1204" s="11" t="s">
        <v>509</v>
      </c>
      <c r="L1204" s="11">
        <v>1</v>
      </c>
      <c r="M1204" s="11">
        <v>45</v>
      </c>
      <c r="N1204" s="18" t="s">
        <v>916</v>
      </c>
      <c r="O1204" s="257"/>
    </row>
    <row r="1205" spans="1:16" ht="18.75" hidden="1" customHeight="1">
      <c r="A1205" s="33"/>
      <c r="B1205" s="33"/>
      <c r="C1205" s="11"/>
      <c r="D1205" s="33"/>
      <c r="E1205" s="19" t="s">
        <v>184</v>
      </c>
      <c r="F1205" s="19">
        <v>373</v>
      </c>
      <c r="G1205" s="19" t="s">
        <v>1</v>
      </c>
      <c r="H1205" s="19" t="s">
        <v>17</v>
      </c>
      <c r="I1205" s="19" t="s">
        <v>96</v>
      </c>
      <c r="J1205" s="19">
        <v>1</v>
      </c>
      <c r="K1205" s="19" t="s">
        <v>519</v>
      </c>
      <c r="L1205" s="19">
        <v>8</v>
      </c>
      <c r="M1205" s="19">
        <v>8</v>
      </c>
      <c r="N1205" s="19"/>
      <c r="O1205" s="257"/>
    </row>
    <row r="1206" spans="1:16" ht="18.75" hidden="1" customHeight="1">
      <c r="A1206" s="33"/>
      <c r="B1206" s="33"/>
      <c r="C1206" s="11"/>
      <c r="D1206" s="33"/>
      <c r="E1206" s="19" t="s">
        <v>183</v>
      </c>
      <c r="F1206" s="19">
        <v>337</v>
      </c>
      <c r="G1206" s="19" t="s">
        <v>79</v>
      </c>
      <c r="H1206" s="19" t="s">
        <v>78</v>
      </c>
      <c r="I1206" s="19" t="s">
        <v>96</v>
      </c>
      <c r="J1206" s="19">
        <v>1</v>
      </c>
      <c r="K1206" s="19" t="s">
        <v>518</v>
      </c>
      <c r="L1206" s="19">
        <v>4</v>
      </c>
      <c r="M1206" s="19">
        <v>8</v>
      </c>
      <c r="N1206" s="19"/>
      <c r="O1206" s="257"/>
    </row>
    <row r="1207" spans="1:16" ht="18.75" hidden="1" customHeight="1">
      <c r="A1207" s="33"/>
      <c r="B1207" s="33"/>
      <c r="C1207" s="11"/>
      <c r="D1207" s="33"/>
      <c r="E1207" s="19" t="s">
        <v>182</v>
      </c>
      <c r="F1207" s="19">
        <v>623</v>
      </c>
      <c r="G1207" s="19" t="s">
        <v>76</v>
      </c>
      <c r="H1207" s="19" t="s">
        <v>17</v>
      </c>
      <c r="I1207" s="19" t="s">
        <v>96</v>
      </c>
      <c r="J1207" s="19">
        <v>1</v>
      </c>
      <c r="K1207" s="19" t="s">
        <v>514</v>
      </c>
      <c r="L1207" s="19">
        <v>2</v>
      </c>
      <c r="M1207" s="19">
        <v>2</v>
      </c>
      <c r="N1207" s="19"/>
      <c r="O1207" s="257"/>
    </row>
    <row r="1208" spans="1:16" ht="18.75" hidden="1" customHeight="1">
      <c r="A1208" s="33"/>
      <c r="B1208" s="33"/>
      <c r="C1208" s="33"/>
      <c r="D1208" s="33" t="s">
        <v>181</v>
      </c>
      <c r="E1208" s="33"/>
      <c r="F1208" s="11"/>
      <c r="G1208" s="33" t="s">
        <v>180</v>
      </c>
      <c r="H1208" s="33" t="s">
        <v>17</v>
      </c>
      <c r="I1208" s="33" t="s">
        <v>71</v>
      </c>
      <c r="J1208" s="11">
        <v>1</v>
      </c>
      <c r="K1208" s="11"/>
      <c r="L1208" s="11"/>
      <c r="M1208" s="11"/>
      <c r="N1208" s="18"/>
      <c r="O1208" s="257"/>
    </row>
    <row r="1209" spans="1:16" ht="18.75" hidden="1" customHeight="1">
      <c r="A1209" s="33"/>
      <c r="B1209" s="33"/>
      <c r="C1209" s="33"/>
      <c r="D1209" s="33"/>
      <c r="E1209" s="33" t="s">
        <v>914</v>
      </c>
      <c r="F1209" s="11">
        <v>128</v>
      </c>
      <c r="G1209" s="33" t="s">
        <v>128</v>
      </c>
      <c r="H1209" s="33" t="s">
        <v>66</v>
      </c>
      <c r="I1209" s="33" t="s">
        <v>65</v>
      </c>
      <c r="J1209" s="11">
        <v>1</v>
      </c>
      <c r="K1209" s="11" t="s">
        <v>514</v>
      </c>
      <c r="L1209" s="11">
        <v>2</v>
      </c>
      <c r="M1209" s="11">
        <v>3</v>
      </c>
      <c r="N1209" s="18" t="s">
        <v>912</v>
      </c>
      <c r="O1209" s="257"/>
    </row>
    <row r="1210" spans="1:16" ht="18.75" hidden="1" customHeight="1">
      <c r="A1210" s="33"/>
      <c r="B1210" s="33"/>
      <c r="C1210" s="33"/>
      <c r="D1210" s="33"/>
      <c r="E1210" s="33" t="s">
        <v>915</v>
      </c>
      <c r="F1210" s="11">
        <v>127</v>
      </c>
      <c r="G1210" s="33" t="s">
        <v>126</v>
      </c>
      <c r="H1210" s="33" t="s">
        <v>66</v>
      </c>
      <c r="I1210" s="33" t="s">
        <v>65</v>
      </c>
      <c r="J1210" s="11">
        <v>1</v>
      </c>
      <c r="K1210" s="11" t="s">
        <v>509</v>
      </c>
      <c r="L1210" s="11">
        <v>1</v>
      </c>
      <c r="M1210" s="11">
        <v>30</v>
      </c>
      <c r="N1210" s="18"/>
      <c r="O1210" s="257"/>
    </row>
    <row r="1211" spans="1:16" ht="18.75" hidden="1" customHeight="1">
      <c r="A1211" s="75"/>
      <c r="B1211" s="75"/>
      <c r="C1211" s="75" t="s">
        <v>87</v>
      </c>
      <c r="D1211" s="142" t="s">
        <v>515</v>
      </c>
      <c r="E1211" s="75"/>
      <c r="F1211" s="75"/>
      <c r="G1211" s="75"/>
      <c r="H1211" s="75" t="s">
        <v>17</v>
      </c>
      <c r="I1211" s="75" t="s">
        <v>71</v>
      </c>
      <c r="J1211" s="75">
        <v>1000</v>
      </c>
      <c r="K1211" s="75"/>
      <c r="L1211" s="75"/>
      <c r="M1211" s="75"/>
      <c r="N1211" s="78"/>
      <c r="O1211" s="257"/>
    </row>
    <row r="1212" spans="1:16" ht="18.75" hidden="1" customHeight="1">
      <c r="A1212" s="33"/>
      <c r="B1212" s="33"/>
      <c r="C1212" s="11"/>
      <c r="D1212" s="33"/>
      <c r="E1212" s="11" t="s">
        <v>86</v>
      </c>
      <c r="F1212" s="11">
        <v>933</v>
      </c>
      <c r="G1212" s="11" t="s">
        <v>85</v>
      </c>
      <c r="H1212" s="11" t="s">
        <v>66</v>
      </c>
      <c r="I1212" s="11" t="s">
        <v>65</v>
      </c>
      <c r="J1212" s="11">
        <v>1</v>
      </c>
      <c r="K1212" s="11" t="s">
        <v>509</v>
      </c>
      <c r="L1212" s="11">
        <v>1</v>
      </c>
      <c r="M1212" s="11">
        <v>264</v>
      </c>
      <c r="N1212" s="18"/>
      <c r="O1212" s="257"/>
    </row>
    <row r="1213" spans="1:16" s="33" customFormat="1" ht="18.75" hidden="1" customHeight="1">
      <c r="A1213" s="75" t="s">
        <v>177</v>
      </c>
      <c r="B1213" s="142" t="s">
        <v>126</v>
      </c>
      <c r="C1213" s="75"/>
      <c r="D1213" s="142"/>
      <c r="E1213" s="75"/>
      <c r="F1213" s="75"/>
      <c r="G1213" s="75"/>
      <c r="H1213" s="75" t="s">
        <v>17</v>
      </c>
      <c r="I1213" s="75" t="s">
        <v>71</v>
      </c>
      <c r="J1213" s="75">
        <v>1000</v>
      </c>
      <c r="K1213" s="75"/>
      <c r="L1213" s="75"/>
      <c r="M1213" s="75"/>
      <c r="N1213" s="78"/>
      <c r="O1213" s="257"/>
      <c r="P1213" s="257"/>
    </row>
    <row r="1214" spans="1:16" ht="18.75" hidden="1" customHeight="1">
      <c r="A1214" s="17"/>
      <c r="B1214" s="17"/>
      <c r="C1214" s="17" t="s">
        <v>177</v>
      </c>
      <c r="D1214" s="139" t="s">
        <v>126</v>
      </c>
      <c r="E1214" s="17"/>
      <c r="F1214" s="17"/>
      <c r="G1214" s="17"/>
      <c r="H1214" s="17" t="s">
        <v>66</v>
      </c>
      <c r="I1214" s="17" t="s">
        <v>65</v>
      </c>
      <c r="J1214" s="17">
        <v>1</v>
      </c>
      <c r="K1214" s="17"/>
      <c r="L1214" s="17"/>
      <c r="M1214" s="17"/>
      <c r="N1214" s="138"/>
      <c r="O1214" s="257"/>
    </row>
    <row r="1215" spans="1:16" ht="18.75" hidden="1" customHeight="1">
      <c r="E1215" s="8" t="s">
        <v>176</v>
      </c>
      <c r="F1215" s="8">
        <v>128</v>
      </c>
      <c r="G1215" s="8" t="s">
        <v>128</v>
      </c>
      <c r="H1215" s="8" t="s">
        <v>66</v>
      </c>
      <c r="I1215" s="8" t="s">
        <v>65</v>
      </c>
      <c r="J1215" s="8">
        <v>1</v>
      </c>
      <c r="K1215" s="8" t="s">
        <v>514</v>
      </c>
      <c r="L1215" s="8">
        <v>2</v>
      </c>
      <c r="M1215" s="8">
        <v>3</v>
      </c>
      <c r="N1215" s="72" t="s">
        <v>643</v>
      </c>
      <c r="O1215" s="257"/>
    </row>
    <row r="1216" spans="1:16" ht="18.75" hidden="1" customHeight="1">
      <c r="E1216" s="19" t="s">
        <v>175</v>
      </c>
      <c r="F1216" s="19">
        <v>127</v>
      </c>
      <c r="G1216" s="19" t="s">
        <v>126</v>
      </c>
      <c r="H1216" s="19" t="s">
        <v>78</v>
      </c>
      <c r="I1216" s="19" t="s">
        <v>174</v>
      </c>
      <c r="J1216" s="19">
        <v>1</v>
      </c>
      <c r="K1216" s="19" t="s">
        <v>509</v>
      </c>
      <c r="L1216" s="19">
        <v>1</v>
      </c>
      <c r="M1216" s="19">
        <v>30</v>
      </c>
      <c r="N1216" s="25"/>
      <c r="O1216" s="257"/>
    </row>
    <row r="1217" spans="1:16" ht="18.75" hidden="1" customHeight="1">
      <c r="E1217" s="8" t="s">
        <v>173</v>
      </c>
      <c r="F1217" s="8">
        <v>369</v>
      </c>
      <c r="G1217" s="8" t="s">
        <v>172</v>
      </c>
      <c r="H1217" s="8" t="s">
        <v>78</v>
      </c>
      <c r="I1217" s="8" t="s">
        <v>71</v>
      </c>
      <c r="J1217" s="8">
        <v>1</v>
      </c>
      <c r="K1217" s="8" t="s">
        <v>509</v>
      </c>
      <c r="L1217" s="8">
        <v>1</v>
      </c>
      <c r="M1217" s="8">
        <v>45</v>
      </c>
      <c r="O1217" s="257"/>
    </row>
    <row r="1218" spans="1:16" ht="18.75" hidden="1" customHeight="1">
      <c r="A1218" s="17"/>
      <c r="B1218" s="17"/>
      <c r="C1218" s="17" t="s">
        <v>87</v>
      </c>
      <c r="D1218" s="139" t="s">
        <v>515</v>
      </c>
      <c r="E1218" s="17"/>
      <c r="F1218" s="17"/>
      <c r="G1218" s="17"/>
      <c r="H1218" s="17" t="s">
        <v>17</v>
      </c>
      <c r="I1218" s="17" t="s">
        <v>71</v>
      </c>
      <c r="J1218" s="17">
        <v>1000</v>
      </c>
      <c r="K1218" s="17"/>
      <c r="L1218" s="17"/>
      <c r="M1218" s="17"/>
      <c r="N1218" s="138"/>
      <c r="O1218" s="257"/>
    </row>
    <row r="1219" spans="1:16" ht="18.75" hidden="1" customHeight="1">
      <c r="E1219" s="8" t="s">
        <v>86</v>
      </c>
      <c r="F1219" s="8">
        <v>933</v>
      </c>
      <c r="G1219" s="8" t="s">
        <v>85</v>
      </c>
      <c r="H1219" s="8" t="s">
        <v>66</v>
      </c>
      <c r="I1219" s="8" t="s">
        <v>65</v>
      </c>
      <c r="J1219" s="8">
        <v>1</v>
      </c>
      <c r="K1219" s="8" t="s">
        <v>509</v>
      </c>
      <c r="L1219" s="8">
        <v>1</v>
      </c>
      <c r="M1219" s="8">
        <v>264</v>
      </c>
      <c r="O1219" s="257"/>
    </row>
    <row r="1220" spans="1:16" ht="18.75" hidden="1" customHeight="1">
      <c r="E1220" s="8" t="s">
        <v>179</v>
      </c>
      <c r="F1220" s="8">
        <v>934</v>
      </c>
      <c r="G1220" s="8" t="s">
        <v>178</v>
      </c>
      <c r="H1220" s="8" t="s">
        <v>78</v>
      </c>
      <c r="I1220" s="8" t="s">
        <v>71</v>
      </c>
      <c r="J1220" s="8">
        <v>1</v>
      </c>
      <c r="K1220" s="8" t="s">
        <v>514</v>
      </c>
      <c r="L1220" s="8">
        <v>2</v>
      </c>
      <c r="M1220" s="8">
        <v>2</v>
      </c>
      <c r="N1220" s="72" t="s">
        <v>674</v>
      </c>
      <c r="O1220" s="257"/>
    </row>
    <row r="1221" spans="1:16" s="33" customFormat="1" ht="18.75" customHeight="1">
      <c r="A1221" s="75" t="s">
        <v>177</v>
      </c>
      <c r="B1221" s="142" t="s">
        <v>126</v>
      </c>
      <c r="C1221" s="75"/>
      <c r="D1221" s="142"/>
      <c r="E1221" s="75"/>
      <c r="F1221" s="75"/>
      <c r="G1221" s="75"/>
      <c r="H1221" s="75" t="s">
        <v>17</v>
      </c>
      <c r="I1221" s="75" t="s">
        <v>71</v>
      </c>
      <c r="J1221" s="75">
        <v>1000</v>
      </c>
      <c r="K1221" s="75"/>
      <c r="L1221" s="75"/>
      <c r="M1221" s="75"/>
      <c r="N1221" s="78"/>
      <c r="O1221" s="257"/>
      <c r="P1221" s="257"/>
    </row>
    <row r="1222" spans="1:16" ht="17.5" customHeight="1">
      <c r="A1222" s="17"/>
      <c r="B1222" s="17"/>
      <c r="C1222" s="17" t="s">
        <v>177</v>
      </c>
      <c r="D1222" s="139" t="s">
        <v>126</v>
      </c>
      <c r="E1222" s="17"/>
      <c r="F1222" s="17"/>
      <c r="G1222" s="17"/>
      <c r="H1222" s="17" t="s">
        <v>66</v>
      </c>
      <c r="I1222" s="17" t="s">
        <v>65</v>
      </c>
      <c r="J1222" s="17">
        <v>1</v>
      </c>
      <c r="K1222" s="17"/>
      <c r="L1222" s="17"/>
      <c r="M1222" s="17"/>
      <c r="N1222" s="138"/>
      <c r="O1222" s="107" t="s">
        <v>1865</v>
      </c>
      <c r="P1222" s="205" t="s">
        <v>1093</v>
      </c>
    </row>
    <row r="1223" spans="1:16" ht="17.5" customHeight="1">
      <c r="E1223" s="8" t="s">
        <v>176</v>
      </c>
      <c r="F1223" s="8">
        <v>128</v>
      </c>
      <c r="G1223" s="8" t="s">
        <v>128</v>
      </c>
      <c r="H1223" s="8" t="s">
        <v>66</v>
      </c>
      <c r="I1223" s="8" t="s">
        <v>65</v>
      </c>
      <c r="J1223" s="8">
        <v>1</v>
      </c>
      <c r="K1223" s="8" t="s">
        <v>514</v>
      </c>
      <c r="L1223" s="8">
        <v>2</v>
      </c>
      <c r="M1223" s="8">
        <v>3</v>
      </c>
      <c r="N1223" s="72" t="s">
        <v>743</v>
      </c>
      <c r="O1223" s="107" t="s">
        <v>1866</v>
      </c>
      <c r="P1223" s="205" t="s">
        <v>1094</v>
      </c>
    </row>
    <row r="1224" spans="1:16" ht="17.5" customHeight="1">
      <c r="E1224" s="152" t="s">
        <v>175</v>
      </c>
      <c r="F1224" s="152">
        <v>127</v>
      </c>
      <c r="G1224" s="152" t="s">
        <v>126</v>
      </c>
      <c r="H1224" s="152" t="s">
        <v>78</v>
      </c>
      <c r="I1224" s="19" t="s">
        <v>174</v>
      </c>
      <c r="J1224" s="19">
        <v>1</v>
      </c>
      <c r="K1224" s="19" t="s">
        <v>509</v>
      </c>
      <c r="L1224" s="19">
        <v>1</v>
      </c>
      <c r="M1224" s="19">
        <v>30</v>
      </c>
      <c r="N1224" s="25"/>
      <c r="O1224" s="107" t="s">
        <v>1867</v>
      </c>
      <c r="P1224" s="205" t="s">
        <v>1093</v>
      </c>
    </row>
    <row r="1225" spans="1:16" ht="17.5" customHeight="1">
      <c r="E1225" s="8" t="s">
        <v>173</v>
      </c>
      <c r="F1225" s="8">
        <v>369</v>
      </c>
      <c r="G1225" s="8" t="s">
        <v>172</v>
      </c>
      <c r="H1225" s="8" t="s">
        <v>78</v>
      </c>
      <c r="I1225" s="8" t="s">
        <v>71</v>
      </c>
      <c r="J1225" s="8">
        <v>1</v>
      </c>
      <c r="K1225" s="8" t="s">
        <v>509</v>
      </c>
      <c r="L1225" s="8">
        <v>1</v>
      </c>
      <c r="M1225" s="8">
        <v>45</v>
      </c>
      <c r="O1225" s="107" t="s">
        <v>1866</v>
      </c>
      <c r="P1225" s="205" t="s">
        <v>1094</v>
      </c>
    </row>
    <row r="1226" spans="1:16" ht="18.75" customHeight="1">
      <c r="A1226" s="17"/>
      <c r="B1226" s="17"/>
      <c r="C1226" s="17" t="s">
        <v>87</v>
      </c>
      <c r="D1226" s="139" t="s">
        <v>515</v>
      </c>
      <c r="E1226" s="17"/>
      <c r="F1226" s="17"/>
      <c r="G1226" s="17"/>
      <c r="H1226" s="17" t="s">
        <v>17</v>
      </c>
      <c r="I1226" s="17" t="s">
        <v>71</v>
      </c>
      <c r="J1226" s="17">
        <v>1000</v>
      </c>
      <c r="K1226" s="17"/>
      <c r="L1226" s="17"/>
      <c r="M1226" s="17"/>
      <c r="N1226" s="138"/>
      <c r="O1226" s="107" t="s">
        <v>1868</v>
      </c>
      <c r="P1226" s="205"/>
    </row>
    <row r="1227" spans="1:16" ht="37" customHeight="1">
      <c r="E1227" s="8" t="s">
        <v>86</v>
      </c>
      <c r="F1227" s="8">
        <v>933</v>
      </c>
      <c r="G1227" s="8" t="s">
        <v>85</v>
      </c>
      <c r="H1227" s="8" t="s">
        <v>66</v>
      </c>
      <c r="I1227" s="8" t="s">
        <v>65</v>
      </c>
      <c r="J1227" s="8">
        <v>1</v>
      </c>
      <c r="K1227" s="8" t="s">
        <v>509</v>
      </c>
      <c r="L1227" s="8">
        <v>1</v>
      </c>
      <c r="M1227" s="8">
        <v>264</v>
      </c>
      <c r="O1227" s="107" t="s">
        <v>1866</v>
      </c>
      <c r="P1227" s="205"/>
    </row>
    <row r="1228" spans="1:16" ht="37" customHeight="1">
      <c r="O1228" s="107" t="s">
        <v>1869</v>
      </c>
      <c r="P1228" s="205"/>
    </row>
    <row r="1229" spans="1:16" ht="18.75" customHeight="1">
      <c r="O1229" s="107" t="s">
        <v>1866</v>
      </c>
      <c r="P1229" s="205"/>
    </row>
    <row r="1230" spans="1:16" ht="18.75" customHeight="1">
      <c r="O1230" s="107" t="s">
        <v>1870</v>
      </c>
      <c r="P1230" s="205"/>
    </row>
    <row r="1231" spans="1:16" ht="18.75" customHeight="1">
      <c r="O1231" s="107" t="s">
        <v>1866</v>
      </c>
      <c r="P1231" s="205"/>
    </row>
    <row r="1232" spans="1:16" ht="18.75" customHeight="1">
      <c r="O1232" s="107" t="s">
        <v>1871</v>
      </c>
      <c r="P1232" s="205"/>
    </row>
    <row r="1233" spans="1:16" ht="18.75" customHeight="1">
      <c r="O1233" s="107" t="s">
        <v>1866</v>
      </c>
      <c r="P1233" s="205"/>
    </row>
    <row r="1234" spans="1:16" ht="18.75" customHeight="1">
      <c r="O1234" s="107" t="s">
        <v>1872</v>
      </c>
      <c r="P1234" s="205"/>
    </row>
    <row r="1235" spans="1:16" ht="18.75" customHeight="1">
      <c r="O1235" s="107" t="s">
        <v>1866</v>
      </c>
      <c r="P1235" s="205"/>
    </row>
    <row r="1236" spans="1:16" ht="18.75" customHeight="1">
      <c r="O1236" s="107" t="s">
        <v>1873</v>
      </c>
      <c r="P1236" s="205"/>
    </row>
    <row r="1237" spans="1:16" ht="18.75" customHeight="1">
      <c r="O1237" s="107" t="s">
        <v>1866</v>
      </c>
      <c r="P1237" s="205"/>
    </row>
    <row r="1238" spans="1:16" ht="18.75" customHeight="1">
      <c r="O1238" s="107" t="s">
        <v>1874</v>
      </c>
      <c r="P1238" s="205"/>
    </row>
    <row r="1239" spans="1:16" ht="18.75" customHeight="1">
      <c r="O1239" s="107" t="s">
        <v>1866</v>
      </c>
      <c r="P1239" s="205"/>
    </row>
    <row r="1240" spans="1:16" s="33" customFormat="1" ht="18.75" hidden="1" customHeight="1">
      <c r="A1240" s="75" t="s">
        <v>177</v>
      </c>
      <c r="B1240" s="142" t="s">
        <v>126</v>
      </c>
      <c r="C1240" s="75"/>
      <c r="D1240" s="142"/>
      <c r="E1240" s="75"/>
      <c r="F1240" s="75"/>
      <c r="G1240" s="75"/>
      <c r="H1240" s="75" t="s">
        <v>17</v>
      </c>
      <c r="I1240" s="75" t="s">
        <v>71</v>
      </c>
      <c r="J1240" s="75">
        <v>1000</v>
      </c>
      <c r="K1240" s="75"/>
      <c r="L1240" s="75"/>
      <c r="M1240" s="75"/>
      <c r="N1240" s="78"/>
      <c r="O1240" s="107"/>
      <c r="P1240" s="205"/>
    </row>
    <row r="1241" spans="1:16" ht="18.75" hidden="1" customHeight="1">
      <c r="A1241" s="17"/>
      <c r="B1241" s="17"/>
      <c r="C1241" s="17" t="s">
        <v>177</v>
      </c>
      <c r="D1241" s="139" t="s">
        <v>126</v>
      </c>
      <c r="E1241" s="17"/>
      <c r="F1241" s="17"/>
      <c r="G1241" s="17"/>
      <c r="H1241" s="17" t="s">
        <v>66</v>
      </c>
      <c r="I1241" s="17" t="s">
        <v>65</v>
      </c>
      <c r="J1241" s="17">
        <v>1</v>
      </c>
      <c r="K1241" s="17"/>
      <c r="L1241" s="17"/>
      <c r="M1241" s="17"/>
      <c r="N1241" s="138"/>
      <c r="O1241" s="107"/>
      <c r="P1241" s="205"/>
    </row>
    <row r="1242" spans="1:16" s="8" customFormat="1" ht="18.75" hidden="1" customHeight="1">
      <c r="E1242" s="8" t="s">
        <v>176</v>
      </c>
      <c r="F1242" s="8">
        <v>128</v>
      </c>
      <c r="G1242" s="8" t="s">
        <v>128</v>
      </c>
      <c r="H1242" s="8" t="s">
        <v>66</v>
      </c>
      <c r="I1242" s="8" t="s">
        <v>65</v>
      </c>
      <c r="J1242" s="8">
        <v>1</v>
      </c>
      <c r="K1242" s="8" t="s">
        <v>514</v>
      </c>
      <c r="L1242" s="8">
        <v>2</v>
      </c>
      <c r="M1242" s="8">
        <v>3</v>
      </c>
      <c r="N1242" s="72" t="s">
        <v>627</v>
      </c>
      <c r="O1242" s="107"/>
      <c r="P1242" s="205"/>
    </row>
    <row r="1243" spans="1:16" s="8" customFormat="1" ht="18.75" hidden="1" customHeight="1">
      <c r="E1243" s="8" t="s">
        <v>175</v>
      </c>
      <c r="F1243" s="8">
        <v>127</v>
      </c>
      <c r="G1243" s="8" t="s">
        <v>126</v>
      </c>
      <c r="H1243" s="8" t="s">
        <v>78</v>
      </c>
      <c r="I1243" s="8" t="s">
        <v>71</v>
      </c>
      <c r="J1243" s="8">
        <v>1</v>
      </c>
      <c r="K1243" s="8" t="s">
        <v>509</v>
      </c>
      <c r="L1243" s="8">
        <v>1</v>
      </c>
      <c r="M1243" s="8">
        <v>30</v>
      </c>
      <c r="N1243" s="72"/>
      <c r="O1243" s="107"/>
      <c r="P1243" s="205"/>
    </row>
    <row r="1244" spans="1:16" s="8" customFormat="1" ht="18.75" hidden="1" customHeight="1">
      <c r="E1244" s="8" t="s">
        <v>173</v>
      </c>
      <c r="F1244" s="8">
        <v>369</v>
      </c>
      <c r="G1244" s="8" t="s">
        <v>172</v>
      </c>
      <c r="H1244" s="8" t="s">
        <v>78</v>
      </c>
      <c r="I1244" s="8" t="s">
        <v>71</v>
      </c>
      <c r="J1244" s="8">
        <v>1</v>
      </c>
      <c r="K1244" s="8" t="s">
        <v>509</v>
      </c>
      <c r="L1244" s="8">
        <v>1</v>
      </c>
      <c r="M1244" s="8">
        <v>45</v>
      </c>
      <c r="N1244" s="72"/>
      <c r="O1244" s="251"/>
      <c r="P1244" s="205"/>
    </row>
    <row r="1245" spans="1:16" s="8" customFormat="1" ht="18.75" hidden="1" customHeight="1">
      <c r="E1245" s="8" t="s">
        <v>184</v>
      </c>
      <c r="F1245" s="8">
        <v>373</v>
      </c>
      <c r="G1245" s="8" t="s">
        <v>1</v>
      </c>
      <c r="H1245" s="8" t="s">
        <v>17</v>
      </c>
      <c r="I1245" s="8" t="s">
        <v>71</v>
      </c>
      <c r="J1245" s="8">
        <v>1</v>
      </c>
      <c r="K1245" s="8" t="s">
        <v>519</v>
      </c>
      <c r="L1245" s="8">
        <v>8</v>
      </c>
      <c r="M1245" s="8">
        <v>8</v>
      </c>
      <c r="N1245" s="72"/>
      <c r="O1245" s="251"/>
      <c r="P1245" s="205"/>
    </row>
    <row r="1246" spans="1:16" s="8" customFormat="1" ht="18.75" hidden="1" customHeight="1">
      <c r="E1246" s="8" t="s">
        <v>183</v>
      </c>
      <c r="F1246" s="8">
        <v>337</v>
      </c>
      <c r="G1246" s="8" t="s">
        <v>79</v>
      </c>
      <c r="H1246" s="8" t="s">
        <v>78</v>
      </c>
      <c r="I1246" s="8" t="s">
        <v>71</v>
      </c>
      <c r="J1246" s="8">
        <v>1</v>
      </c>
      <c r="K1246" s="8" t="s">
        <v>518</v>
      </c>
      <c r="L1246" s="8">
        <v>4</v>
      </c>
      <c r="M1246" s="8">
        <v>8</v>
      </c>
      <c r="N1246" s="72"/>
      <c r="O1246" s="251"/>
      <c r="P1246" s="205"/>
    </row>
    <row r="1247" spans="1:16" s="8" customFormat="1" ht="18.75" hidden="1" customHeight="1">
      <c r="E1247" s="8" t="s">
        <v>182</v>
      </c>
      <c r="F1247" s="8">
        <v>623</v>
      </c>
      <c r="G1247" s="8" t="s">
        <v>76</v>
      </c>
      <c r="H1247" s="8" t="s">
        <v>17</v>
      </c>
      <c r="I1247" s="8" t="s">
        <v>71</v>
      </c>
      <c r="J1247" s="8">
        <v>1</v>
      </c>
      <c r="K1247" s="8" t="s">
        <v>514</v>
      </c>
      <c r="L1247" s="8">
        <v>2</v>
      </c>
      <c r="M1247" s="8">
        <v>2</v>
      </c>
      <c r="N1247" s="70" t="s">
        <v>624</v>
      </c>
      <c r="O1247" s="251"/>
      <c r="P1247" s="205"/>
    </row>
    <row r="1248" spans="1:16" s="8" customFormat="1" ht="18.75" hidden="1" customHeight="1">
      <c r="D1248" s="8" t="s">
        <v>181</v>
      </c>
      <c r="G1248" s="8" t="s">
        <v>180</v>
      </c>
      <c r="H1248" s="8" t="s">
        <v>17</v>
      </c>
      <c r="I1248" s="8" t="s">
        <v>71</v>
      </c>
      <c r="J1248" s="8">
        <v>1</v>
      </c>
      <c r="N1248" s="72"/>
      <c r="O1248" s="257"/>
      <c r="P1248" s="257"/>
    </row>
    <row r="1249" spans="1:16" s="8" customFormat="1" ht="18.75" hidden="1" customHeight="1">
      <c r="E1249" s="8" t="s">
        <v>740</v>
      </c>
      <c r="F1249" s="8">
        <v>128</v>
      </c>
      <c r="G1249" s="8" t="s">
        <v>128</v>
      </c>
      <c r="H1249" s="8" t="s">
        <v>66</v>
      </c>
      <c r="I1249" s="8" t="s">
        <v>65</v>
      </c>
      <c r="J1249" s="8">
        <v>1</v>
      </c>
      <c r="K1249" s="8" t="s">
        <v>514</v>
      </c>
      <c r="L1249" s="8">
        <v>2</v>
      </c>
      <c r="M1249" s="8">
        <v>3</v>
      </c>
      <c r="N1249" s="72" t="s">
        <v>741</v>
      </c>
      <c r="O1249" s="257"/>
      <c r="P1249" s="257"/>
    </row>
    <row r="1250" spans="1:16" s="8" customFormat="1" ht="18.75" hidden="1" customHeight="1">
      <c r="E1250" s="8" t="s">
        <v>742</v>
      </c>
      <c r="F1250" s="8">
        <v>127</v>
      </c>
      <c r="G1250" s="8" t="s">
        <v>126</v>
      </c>
      <c r="H1250" s="8" t="s">
        <v>66</v>
      </c>
      <c r="I1250" s="8" t="s">
        <v>65</v>
      </c>
      <c r="J1250" s="8">
        <v>1</v>
      </c>
      <c r="K1250" s="8" t="s">
        <v>509</v>
      </c>
      <c r="L1250" s="8">
        <v>1</v>
      </c>
      <c r="M1250" s="8">
        <v>30</v>
      </c>
      <c r="N1250" s="72"/>
      <c r="O1250" s="257"/>
      <c r="P1250" s="257"/>
    </row>
    <row r="1251" spans="1:16" s="8" customFormat="1" ht="18.75" hidden="1" customHeight="1">
      <c r="E1251" s="8" t="s">
        <v>909</v>
      </c>
      <c r="F1251" s="8">
        <v>128</v>
      </c>
      <c r="G1251" s="8" t="s">
        <v>128</v>
      </c>
      <c r="H1251" s="8" t="s">
        <v>66</v>
      </c>
      <c r="I1251" s="8" t="s">
        <v>65</v>
      </c>
      <c r="J1251" s="8">
        <v>1</v>
      </c>
      <c r="K1251" s="8" t="s">
        <v>514</v>
      </c>
      <c r="L1251" s="8">
        <v>2</v>
      </c>
      <c r="M1251" s="8">
        <v>3</v>
      </c>
      <c r="N1251" s="72" t="s">
        <v>910</v>
      </c>
      <c r="O1251" s="257"/>
      <c r="P1251" s="257"/>
    </row>
    <row r="1252" spans="1:16" s="8" customFormat="1" ht="18.75" hidden="1" customHeight="1">
      <c r="E1252" s="8" t="s">
        <v>911</v>
      </c>
      <c r="F1252" s="8">
        <v>127</v>
      </c>
      <c r="G1252" s="8" t="s">
        <v>126</v>
      </c>
      <c r="H1252" s="8" t="s">
        <v>66</v>
      </c>
      <c r="I1252" s="8" t="s">
        <v>65</v>
      </c>
      <c r="J1252" s="8">
        <v>1</v>
      </c>
      <c r="K1252" s="8" t="s">
        <v>509</v>
      </c>
      <c r="L1252" s="8">
        <v>1</v>
      </c>
      <c r="M1252" s="8">
        <v>30</v>
      </c>
      <c r="N1252" s="72"/>
      <c r="O1252" s="257"/>
      <c r="P1252" s="257"/>
    </row>
    <row r="1253" spans="1:16" ht="18.75" hidden="1" customHeight="1">
      <c r="A1253" s="17" t="s">
        <v>158</v>
      </c>
      <c r="B1253" s="139" t="s">
        <v>120</v>
      </c>
      <c r="C1253" s="17"/>
      <c r="D1253" s="139"/>
      <c r="E1253" s="17"/>
      <c r="F1253" s="17"/>
      <c r="G1253" s="17"/>
      <c r="H1253" s="17" t="s">
        <v>17</v>
      </c>
      <c r="I1253" s="17" t="s">
        <v>71</v>
      </c>
      <c r="J1253" s="17">
        <v>200</v>
      </c>
      <c r="K1253" s="17"/>
      <c r="L1253" s="17"/>
      <c r="M1253" s="17"/>
      <c r="N1253" s="138"/>
      <c r="O1253" s="257"/>
    </row>
    <row r="1254" spans="1:16" ht="18.75" hidden="1" customHeight="1">
      <c r="A1254" s="17"/>
      <c r="B1254" s="17"/>
      <c r="C1254" s="17" t="s">
        <v>158</v>
      </c>
      <c r="D1254" s="139" t="s">
        <v>120</v>
      </c>
      <c r="E1254" s="17"/>
      <c r="F1254" s="17"/>
      <c r="G1254" s="17"/>
      <c r="H1254" s="17" t="s">
        <v>66</v>
      </c>
      <c r="I1254" s="17" t="s">
        <v>65</v>
      </c>
      <c r="J1254" s="17">
        <v>1</v>
      </c>
      <c r="K1254" s="17"/>
      <c r="L1254" s="17"/>
      <c r="M1254" s="17"/>
      <c r="N1254" s="138"/>
      <c r="O1254" s="257"/>
    </row>
    <row r="1255" spans="1:16" ht="18.75" hidden="1" customHeight="1">
      <c r="E1255" s="8" t="s">
        <v>157</v>
      </c>
      <c r="F1255" s="8">
        <v>98</v>
      </c>
      <c r="G1255" s="8" t="s">
        <v>156</v>
      </c>
      <c r="H1255" s="8" t="s">
        <v>66</v>
      </c>
      <c r="I1255" s="8" t="s">
        <v>65</v>
      </c>
      <c r="J1255" s="8">
        <v>1</v>
      </c>
      <c r="K1255" s="8" t="s">
        <v>514</v>
      </c>
      <c r="L1255" s="8">
        <v>2</v>
      </c>
      <c r="M1255" s="8">
        <v>3</v>
      </c>
      <c r="N1255" s="72" t="s">
        <v>1311</v>
      </c>
      <c r="O1255" s="257"/>
    </row>
    <row r="1256" spans="1:16" ht="18.75" hidden="1" customHeight="1">
      <c r="E1256" s="8" t="s">
        <v>155</v>
      </c>
      <c r="F1256" s="8">
        <v>93</v>
      </c>
      <c r="G1256" s="8" t="s">
        <v>120</v>
      </c>
      <c r="H1256" s="8" t="s">
        <v>78</v>
      </c>
      <c r="I1256" s="8" t="s">
        <v>71</v>
      </c>
      <c r="J1256" s="8">
        <v>1</v>
      </c>
      <c r="K1256" s="8" t="s">
        <v>509</v>
      </c>
      <c r="L1256" s="8">
        <v>1</v>
      </c>
      <c r="M1256" s="8">
        <v>60</v>
      </c>
      <c r="O1256" s="257"/>
    </row>
    <row r="1257" spans="1:16" ht="18.75" hidden="1" customHeight="1">
      <c r="E1257" s="8" t="s">
        <v>154</v>
      </c>
      <c r="F1257" s="8">
        <v>66</v>
      </c>
      <c r="G1257" s="8" t="s">
        <v>153</v>
      </c>
      <c r="H1257" s="8" t="s">
        <v>78</v>
      </c>
      <c r="I1257" s="8" t="s">
        <v>71</v>
      </c>
      <c r="J1257" s="8">
        <v>1</v>
      </c>
      <c r="K1257" s="8" t="s">
        <v>514</v>
      </c>
      <c r="L1257" s="8">
        <v>1</v>
      </c>
      <c r="M1257" s="8">
        <v>2</v>
      </c>
      <c r="N1257" s="70" t="s">
        <v>624</v>
      </c>
      <c r="O1257" s="257"/>
    </row>
    <row r="1258" spans="1:16" ht="18.75" hidden="1" customHeight="1">
      <c r="E1258" s="8" t="s">
        <v>152</v>
      </c>
      <c r="F1258" s="8">
        <v>67</v>
      </c>
      <c r="G1258" s="8" t="s">
        <v>151</v>
      </c>
      <c r="H1258" s="8" t="s">
        <v>78</v>
      </c>
      <c r="I1258" s="8" t="s">
        <v>71</v>
      </c>
      <c r="J1258" s="8">
        <v>1</v>
      </c>
      <c r="K1258" s="8" t="s">
        <v>509</v>
      </c>
      <c r="L1258" s="8">
        <v>2</v>
      </c>
      <c r="M1258" s="8">
        <v>80</v>
      </c>
      <c r="O1258" s="257"/>
    </row>
    <row r="1259" spans="1:16" ht="18.75" hidden="1" customHeight="1" collapsed="1">
      <c r="A1259" s="17"/>
      <c r="B1259" s="17"/>
      <c r="C1259" s="17" t="s">
        <v>150</v>
      </c>
      <c r="D1259" s="139" t="s">
        <v>473</v>
      </c>
      <c r="E1259" s="17"/>
      <c r="F1259" s="17"/>
      <c r="G1259" s="17"/>
      <c r="H1259" s="17" t="s">
        <v>17</v>
      </c>
      <c r="I1259" s="17" t="s">
        <v>71</v>
      </c>
      <c r="J1259" s="17">
        <v>2</v>
      </c>
      <c r="K1259" s="17"/>
      <c r="L1259" s="17"/>
      <c r="M1259" s="17"/>
      <c r="N1259" s="138"/>
      <c r="O1259" s="257"/>
    </row>
    <row r="1260" spans="1:16" ht="18.75" hidden="1" customHeight="1">
      <c r="E1260" s="8" t="s">
        <v>149</v>
      </c>
      <c r="F1260" s="8">
        <v>93</v>
      </c>
      <c r="G1260" s="8" t="s">
        <v>120</v>
      </c>
      <c r="H1260" s="8" t="s">
        <v>66</v>
      </c>
      <c r="I1260" s="8" t="s">
        <v>65</v>
      </c>
      <c r="J1260" s="8">
        <v>1</v>
      </c>
      <c r="K1260" s="8" t="s">
        <v>509</v>
      </c>
      <c r="L1260" s="8">
        <v>1</v>
      </c>
      <c r="M1260" s="8">
        <v>60</v>
      </c>
      <c r="O1260" s="257"/>
    </row>
    <row r="1261" spans="1:16" ht="18.75" hidden="1" customHeight="1">
      <c r="E1261" s="8" t="s">
        <v>148</v>
      </c>
      <c r="F1261" s="8">
        <v>93</v>
      </c>
      <c r="G1261" s="8" t="s">
        <v>120</v>
      </c>
      <c r="H1261" s="8" t="s">
        <v>17</v>
      </c>
      <c r="I1261" s="8" t="s">
        <v>71</v>
      </c>
      <c r="J1261" s="8">
        <v>1</v>
      </c>
      <c r="K1261" s="8" t="s">
        <v>509</v>
      </c>
      <c r="L1261" s="8">
        <v>1</v>
      </c>
      <c r="M1261" s="8">
        <v>60</v>
      </c>
      <c r="O1261" s="257"/>
    </row>
    <row r="1262" spans="1:16" ht="18.75" hidden="1" customHeight="1">
      <c r="A1262" s="17"/>
      <c r="B1262" s="17"/>
      <c r="C1262" s="17" t="s">
        <v>150</v>
      </c>
      <c r="D1262" s="139" t="s">
        <v>473</v>
      </c>
      <c r="E1262" s="17"/>
      <c r="F1262" s="17"/>
      <c r="G1262" s="17"/>
      <c r="H1262" s="17" t="s">
        <v>17</v>
      </c>
      <c r="I1262" s="17" t="s">
        <v>71</v>
      </c>
      <c r="J1262" s="17">
        <v>2</v>
      </c>
      <c r="K1262" s="17"/>
      <c r="L1262" s="17"/>
      <c r="M1262" s="17"/>
      <c r="N1262" s="138"/>
      <c r="O1262" s="257"/>
    </row>
    <row r="1263" spans="1:16" ht="18.75" hidden="1" customHeight="1">
      <c r="E1263" s="8" t="s">
        <v>149</v>
      </c>
      <c r="F1263" s="8">
        <v>93</v>
      </c>
      <c r="G1263" s="8" t="s">
        <v>120</v>
      </c>
      <c r="H1263" s="8" t="s">
        <v>66</v>
      </c>
      <c r="I1263" s="8" t="s">
        <v>65</v>
      </c>
      <c r="J1263" s="8">
        <v>1</v>
      </c>
      <c r="K1263" s="8" t="s">
        <v>509</v>
      </c>
      <c r="L1263" s="8">
        <v>1</v>
      </c>
      <c r="M1263" s="8">
        <v>60</v>
      </c>
      <c r="O1263" s="257"/>
    </row>
    <row r="1264" spans="1:16" ht="18.75" hidden="1" customHeight="1">
      <c r="E1264" s="8" t="s">
        <v>148</v>
      </c>
      <c r="F1264" s="8">
        <v>93</v>
      </c>
      <c r="G1264" s="8" t="s">
        <v>120</v>
      </c>
      <c r="H1264" s="8" t="s">
        <v>17</v>
      </c>
      <c r="I1264" s="8" t="s">
        <v>71</v>
      </c>
      <c r="J1264" s="8">
        <v>1</v>
      </c>
      <c r="K1264" s="8" t="s">
        <v>509</v>
      </c>
      <c r="L1264" s="8">
        <v>1</v>
      </c>
      <c r="M1264" s="8">
        <v>60</v>
      </c>
      <c r="O1264" s="257"/>
    </row>
    <row r="1265" spans="1:16" ht="18.75" hidden="1" customHeight="1">
      <c r="A1265" s="17"/>
      <c r="B1265" s="17"/>
      <c r="C1265" s="17" t="s">
        <v>147</v>
      </c>
      <c r="D1265" s="139" t="s">
        <v>144</v>
      </c>
      <c r="E1265" s="17"/>
      <c r="F1265" s="17"/>
      <c r="G1265" s="17"/>
      <c r="H1265" s="17" t="s">
        <v>17</v>
      </c>
      <c r="I1265" s="17" t="s">
        <v>71</v>
      </c>
      <c r="J1265" s="17">
        <v>2</v>
      </c>
      <c r="K1265" s="17"/>
      <c r="L1265" s="17"/>
      <c r="M1265" s="17"/>
      <c r="N1265" s="138"/>
      <c r="O1265" s="257"/>
    </row>
    <row r="1266" spans="1:16" ht="18.75" hidden="1" customHeight="1">
      <c r="E1266" s="8" t="s">
        <v>146</v>
      </c>
      <c r="F1266" s="8">
        <v>166</v>
      </c>
      <c r="G1266" s="8" t="s">
        <v>144</v>
      </c>
      <c r="H1266" s="8" t="s">
        <v>66</v>
      </c>
      <c r="I1266" s="8" t="s">
        <v>65</v>
      </c>
      <c r="J1266" s="8">
        <v>1</v>
      </c>
      <c r="K1266" s="8" t="s">
        <v>509</v>
      </c>
      <c r="L1266" s="8">
        <v>1</v>
      </c>
      <c r="M1266" s="8">
        <v>55</v>
      </c>
      <c r="O1266" s="257"/>
    </row>
    <row r="1267" spans="1:16" ht="18.75" hidden="1" customHeight="1">
      <c r="E1267" s="8" t="s">
        <v>145</v>
      </c>
      <c r="F1267" s="8">
        <v>166</v>
      </c>
      <c r="G1267" s="8" t="s">
        <v>144</v>
      </c>
      <c r="H1267" s="8" t="s">
        <v>17</v>
      </c>
      <c r="I1267" s="8" t="s">
        <v>71</v>
      </c>
      <c r="J1267" s="8">
        <v>1</v>
      </c>
      <c r="K1267" s="8" t="s">
        <v>509</v>
      </c>
      <c r="L1267" s="8">
        <v>1</v>
      </c>
      <c r="M1267" s="8">
        <v>55</v>
      </c>
      <c r="O1267" s="257"/>
    </row>
    <row r="1268" spans="1:16" ht="18.75" hidden="1" customHeight="1">
      <c r="A1268" s="17"/>
      <c r="B1268" s="17"/>
      <c r="C1268" s="17" t="s">
        <v>147</v>
      </c>
      <c r="D1268" s="139" t="s">
        <v>144</v>
      </c>
      <c r="E1268" s="17"/>
      <c r="F1268" s="17"/>
      <c r="G1268" s="17"/>
      <c r="H1268" s="17" t="s">
        <v>17</v>
      </c>
      <c r="I1268" s="17" t="s">
        <v>71</v>
      </c>
      <c r="J1268" s="17">
        <v>2</v>
      </c>
      <c r="K1268" s="17"/>
      <c r="L1268" s="17"/>
      <c r="M1268" s="17"/>
      <c r="N1268" s="138"/>
      <c r="O1268" s="257"/>
    </row>
    <row r="1269" spans="1:16" ht="18.75" hidden="1" customHeight="1">
      <c r="E1269" s="8" t="s">
        <v>146</v>
      </c>
      <c r="F1269" s="8">
        <v>166</v>
      </c>
      <c r="G1269" s="8" t="s">
        <v>144</v>
      </c>
      <c r="H1269" s="8" t="s">
        <v>66</v>
      </c>
      <c r="I1269" s="8" t="s">
        <v>65</v>
      </c>
      <c r="J1269" s="8">
        <v>1</v>
      </c>
      <c r="K1269" s="8" t="s">
        <v>509</v>
      </c>
      <c r="L1269" s="8">
        <v>1</v>
      </c>
      <c r="M1269" s="8">
        <v>55</v>
      </c>
      <c r="O1269" s="257"/>
    </row>
    <row r="1270" spans="1:16" ht="18.75" hidden="1" customHeight="1">
      <c r="E1270" s="8" t="s">
        <v>145</v>
      </c>
      <c r="F1270" s="8">
        <v>166</v>
      </c>
      <c r="G1270" s="8" t="s">
        <v>144</v>
      </c>
      <c r="H1270" s="8" t="s">
        <v>17</v>
      </c>
      <c r="I1270" s="8" t="s">
        <v>71</v>
      </c>
      <c r="J1270" s="8">
        <v>1</v>
      </c>
      <c r="K1270" s="8" t="s">
        <v>509</v>
      </c>
      <c r="L1270" s="8">
        <v>1</v>
      </c>
      <c r="M1270" s="8">
        <v>55</v>
      </c>
      <c r="O1270" s="257"/>
    </row>
    <row r="1271" spans="1:16" ht="18.75" hidden="1" customHeight="1">
      <c r="A1271" s="17"/>
      <c r="B1271" s="17"/>
      <c r="C1271" s="17" t="s">
        <v>143</v>
      </c>
      <c r="D1271" s="139" t="s">
        <v>474</v>
      </c>
      <c r="E1271" s="17"/>
      <c r="F1271" s="17"/>
      <c r="G1271" s="17"/>
      <c r="H1271" s="17" t="s">
        <v>17</v>
      </c>
      <c r="I1271" s="17" t="s">
        <v>71</v>
      </c>
      <c r="J1271" s="17">
        <v>1</v>
      </c>
      <c r="K1271" s="17"/>
      <c r="L1271" s="17"/>
      <c r="M1271" s="17"/>
      <c r="N1271" s="138"/>
      <c r="O1271" s="257"/>
    </row>
    <row r="1272" spans="1:16" ht="18.75" hidden="1" customHeight="1">
      <c r="E1272" s="8" t="s">
        <v>142</v>
      </c>
      <c r="F1272" s="8">
        <v>19</v>
      </c>
      <c r="G1272" s="8" t="s">
        <v>141</v>
      </c>
      <c r="H1272" s="8" t="s">
        <v>17</v>
      </c>
      <c r="I1272" s="8" t="s">
        <v>71</v>
      </c>
      <c r="J1272" s="8">
        <v>1</v>
      </c>
      <c r="K1272" s="8" t="s">
        <v>509</v>
      </c>
      <c r="L1272" s="8">
        <v>2</v>
      </c>
      <c r="M1272" s="8">
        <v>30</v>
      </c>
      <c r="O1272" s="257"/>
    </row>
    <row r="1273" spans="1:16" ht="18.75" hidden="1" customHeight="1">
      <c r="E1273" s="8" t="s">
        <v>140</v>
      </c>
      <c r="F1273" s="8">
        <v>156</v>
      </c>
      <c r="G1273" s="8" t="s">
        <v>139</v>
      </c>
      <c r="H1273" s="8" t="s">
        <v>17</v>
      </c>
      <c r="I1273" s="8" t="s">
        <v>71</v>
      </c>
      <c r="J1273" s="8">
        <v>1</v>
      </c>
      <c r="K1273" s="8" t="s">
        <v>514</v>
      </c>
      <c r="L1273" s="8">
        <v>2</v>
      </c>
      <c r="M1273" s="8">
        <v>2</v>
      </c>
      <c r="N1273" s="70" t="s">
        <v>624</v>
      </c>
      <c r="O1273" s="257"/>
    </row>
    <row r="1274" spans="1:16" ht="18.75" hidden="1" customHeight="1">
      <c r="E1274" s="8" t="s">
        <v>138</v>
      </c>
      <c r="F1274" s="8">
        <v>116</v>
      </c>
      <c r="G1274" s="8" t="s">
        <v>137</v>
      </c>
      <c r="H1274" s="8" t="s">
        <v>17</v>
      </c>
      <c r="I1274" s="8" t="s">
        <v>71</v>
      </c>
      <c r="J1274" s="8">
        <v>1</v>
      </c>
      <c r="K1274" s="8" t="s">
        <v>514</v>
      </c>
      <c r="L1274" s="8">
        <v>3</v>
      </c>
      <c r="M1274" s="8">
        <v>15</v>
      </c>
      <c r="N1274" s="18"/>
      <c r="O1274" s="257"/>
    </row>
    <row r="1275" spans="1:16" ht="18.75" hidden="1" customHeight="1">
      <c r="E1275" s="8" t="s">
        <v>136</v>
      </c>
      <c r="F1275" s="8">
        <v>26</v>
      </c>
      <c r="G1275" s="8" t="s">
        <v>135</v>
      </c>
      <c r="H1275" s="8" t="s">
        <v>17</v>
      </c>
      <c r="I1275" s="8" t="s">
        <v>71</v>
      </c>
      <c r="J1275" s="8">
        <v>1</v>
      </c>
      <c r="K1275" s="8" t="s">
        <v>514</v>
      </c>
      <c r="L1275" s="8">
        <v>2</v>
      </c>
      <c r="M1275" s="8">
        <v>3</v>
      </c>
      <c r="N1275" s="18"/>
      <c r="O1275" s="257"/>
    </row>
    <row r="1276" spans="1:16" s="8" customFormat="1" ht="18.75" hidden="1" customHeight="1">
      <c r="C1276" s="33"/>
      <c r="D1276" s="33"/>
      <c r="E1276" s="33" t="s">
        <v>134</v>
      </c>
      <c r="F1276" s="11">
        <v>309</v>
      </c>
      <c r="G1276" s="33" t="s">
        <v>133</v>
      </c>
      <c r="H1276" s="33" t="s">
        <v>78</v>
      </c>
      <c r="I1276" s="33" t="s">
        <v>71</v>
      </c>
      <c r="J1276" s="11">
        <v>1</v>
      </c>
      <c r="K1276" s="11" t="s">
        <v>514</v>
      </c>
      <c r="L1276" s="11">
        <v>1</v>
      </c>
      <c r="M1276" s="11">
        <v>2</v>
      </c>
      <c r="N1276" s="18" t="s">
        <v>690</v>
      </c>
      <c r="O1276" s="257"/>
      <c r="P1276" s="257"/>
    </row>
    <row r="1277" spans="1:16" s="8" customFormat="1" ht="18.75" hidden="1" customHeight="1">
      <c r="C1277" s="33"/>
      <c r="D1277" s="33"/>
      <c r="E1277" s="33" t="s">
        <v>132</v>
      </c>
      <c r="F1277" s="11">
        <v>310</v>
      </c>
      <c r="G1277" s="33" t="s">
        <v>131</v>
      </c>
      <c r="H1277" s="33" t="s">
        <v>17</v>
      </c>
      <c r="I1277" s="33" t="s">
        <v>71</v>
      </c>
      <c r="J1277" s="11">
        <v>1</v>
      </c>
      <c r="K1277" s="11" t="s">
        <v>509</v>
      </c>
      <c r="L1277" s="11">
        <v>1</v>
      </c>
      <c r="M1277" s="11">
        <v>30</v>
      </c>
      <c r="N1277" s="18"/>
      <c r="O1277" s="257"/>
      <c r="P1277" s="257"/>
    </row>
    <row r="1278" spans="1:16" ht="18.75" hidden="1" customHeight="1">
      <c r="A1278" s="17"/>
      <c r="B1278" s="17"/>
      <c r="C1278" s="17" t="s">
        <v>130</v>
      </c>
      <c r="D1278" s="139" t="s">
        <v>126</v>
      </c>
      <c r="E1278" s="17"/>
      <c r="F1278" s="17"/>
      <c r="G1278" s="17"/>
      <c r="H1278" s="17" t="s">
        <v>17</v>
      </c>
      <c r="I1278" s="17" t="s">
        <v>71</v>
      </c>
      <c r="J1278" s="17">
        <v>12</v>
      </c>
      <c r="K1278" s="17"/>
      <c r="L1278" s="17"/>
      <c r="M1278" s="17"/>
      <c r="N1278" s="138"/>
      <c r="O1278" s="257"/>
    </row>
    <row r="1279" spans="1:16" ht="18.75" hidden="1" customHeight="1">
      <c r="E1279" s="8" t="s">
        <v>129</v>
      </c>
      <c r="F1279" s="72">
        <v>128</v>
      </c>
      <c r="G1279" s="72" t="s">
        <v>128</v>
      </c>
      <c r="H1279" s="8" t="s">
        <v>66</v>
      </c>
      <c r="I1279" s="8" t="s">
        <v>65</v>
      </c>
      <c r="J1279" s="8">
        <v>1</v>
      </c>
      <c r="K1279" s="8" t="s">
        <v>514</v>
      </c>
      <c r="L1279" s="8">
        <v>2</v>
      </c>
      <c r="M1279" s="8">
        <v>3</v>
      </c>
      <c r="N1279" s="70" t="s">
        <v>624</v>
      </c>
      <c r="O1279" s="257"/>
    </row>
    <row r="1280" spans="1:16" ht="18.75" hidden="1" customHeight="1">
      <c r="C1280" s="19"/>
      <c r="D1280" s="19"/>
      <c r="E1280" s="19" t="s">
        <v>127</v>
      </c>
      <c r="F1280" s="19">
        <v>127</v>
      </c>
      <c r="G1280" s="19" t="s">
        <v>126</v>
      </c>
      <c r="H1280" s="19" t="s">
        <v>78</v>
      </c>
      <c r="I1280" s="25" t="s">
        <v>96</v>
      </c>
      <c r="J1280" s="19">
        <v>1</v>
      </c>
      <c r="K1280" s="19" t="s">
        <v>509</v>
      </c>
      <c r="L1280" s="19">
        <v>1</v>
      </c>
      <c r="M1280" s="19">
        <v>30</v>
      </c>
      <c r="N1280" s="25"/>
      <c r="O1280" s="257"/>
    </row>
    <row r="1281" spans="1:15" ht="18.75" hidden="1" customHeight="1">
      <c r="E1281" s="8" t="s">
        <v>125</v>
      </c>
      <c r="F1281" s="72">
        <v>352</v>
      </c>
      <c r="G1281" s="72" t="s">
        <v>3</v>
      </c>
      <c r="H1281" s="8" t="s">
        <v>78</v>
      </c>
      <c r="I1281" s="8" t="s">
        <v>71</v>
      </c>
      <c r="J1281" s="8">
        <v>1</v>
      </c>
      <c r="K1281" s="8" t="s">
        <v>509</v>
      </c>
      <c r="L1281" s="8">
        <v>1</v>
      </c>
      <c r="M1281" s="8">
        <v>80</v>
      </c>
      <c r="O1281" s="257"/>
    </row>
    <row r="1282" spans="1:15" ht="18.75" hidden="1" customHeight="1">
      <c r="A1282" s="17"/>
      <c r="B1282" s="17"/>
      <c r="C1282" s="17" t="s">
        <v>130</v>
      </c>
      <c r="D1282" s="139" t="s">
        <v>126</v>
      </c>
      <c r="E1282" s="17"/>
      <c r="F1282" s="17"/>
      <c r="G1282" s="17"/>
      <c r="H1282" s="17" t="s">
        <v>17</v>
      </c>
      <c r="I1282" s="17" t="s">
        <v>71</v>
      </c>
      <c r="J1282" s="17">
        <v>12</v>
      </c>
      <c r="K1282" s="17"/>
      <c r="L1282" s="17"/>
      <c r="M1282" s="17"/>
      <c r="N1282" s="138"/>
      <c r="O1282" s="257"/>
    </row>
    <row r="1283" spans="1:15" ht="18.75" hidden="1" customHeight="1">
      <c r="E1283" s="8" t="s">
        <v>129</v>
      </c>
      <c r="F1283" s="72">
        <v>128</v>
      </c>
      <c r="G1283" s="72" t="s">
        <v>128</v>
      </c>
      <c r="H1283" s="8" t="s">
        <v>66</v>
      </c>
      <c r="I1283" s="8" t="s">
        <v>65</v>
      </c>
      <c r="J1283" s="8">
        <v>1</v>
      </c>
      <c r="K1283" s="8" t="s">
        <v>514</v>
      </c>
      <c r="L1283" s="8">
        <v>2</v>
      </c>
      <c r="M1283" s="8">
        <v>3</v>
      </c>
      <c r="N1283" s="72" t="s">
        <v>692</v>
      </c>
      <c r="O1283" s="257"/>
    </row>
    <row r="1284" spans="1:15" ht="18.75" hidden="1" customHeight="1">
      <c r="E1284" s="19" t="s">
        <v>127</v>
      </c>
      <c r="F1284" s="19">
        <v>127</v>
      </c>
      <c r="G1284" s="19" t="s">
        <v>126</v>
      </c>
      <c r="H1284" s="19" t="s">
        <v>78</v>
      </c>
      <c r="I1284" s="25" t="s">
        <v>96</v>
      </c>
      <c r="J1284" s="19">
        <v>1</v>
      </c>
      <c r="K1284" s="19" t="s">
        <v>509</v>
      </c>
      <c r="L1284" s="19">
        <v>1</v>
      </c>
      <c r="M1284" s="19">
        <v>30</v>
      </c>
      <c r="N1284" s="25"/>
      <c r="O1284" s="257"/>
    </row>
    <row r="1285" spans="1:15" ht="18.75" hidden="1" customHeight="1">
      <c r="E1285" s="8" t="s">
        <v>125</v>
      </c>
      <c r="F1285" s="72">
        <v>352</v>
      </c>
      <c r="G1285" s="72" t="s">
        <v>3</v>
      </c>
      <c r="H1285" s="8" t="s">
        <v>78</v>
      </c>
      <c r="I1285" s="8" t="s">
        <v>71</v>
      </c>
      <c r="J1285" s="8">
        <v>1</v>
      </c>
      <c r="K1285" s="8" t="s">
        <v>509</v>
      </c>
      <c r="L1285" s="8">
        <v>1</v>
      </c>
      <c r="M1285" s="8">
        <v>80</v>
      </c>
      <c r="O1285" s="257"/>
    </row>
    <row r="1286" spans="1:15" ht="18.75" hidden="1" customHeight="1">
      <c r="A1286" s="17"/>
      <c r="B1286" s="17"/>
      <c r="C1286" s="17" t="s">
        <v>124</v>
      </c>
      <c r="D1286" s="139" t="s">
        <v>475</v>
      </c>
      <c r="E1286" s="17"/>
      <c r="F1286" s="17"/>
      <c r="G1286" s="17"/>
      <c r="H1286" s="17" t="s">
        <v>17</v>
      </c>
      <c r="I1286" s="17" t="s">
        <v>71</v>
      </c>
      <c r="J1286" s="17">
        <v>3</v>
      </c>
      <c r="K1286" s="17"/>
      <c r="L1286" s="17"/>
      <c r="M1286" s="17"/>
      <c r="N1286" s="138"/>
      <c r="O1286" s="257"/>
    </row>
    <row r="1287" spans="1:15" ht="18.75" hidden="1" customHeight="1">
      <c r="E1287" s="8" t="s">
        <v>123</v>
      </c>
      <c r="F1287" s="8">
        <v>366</v>
      </c>
      <c r="G1287" s="8" t="s">
        <v>122</v>
      </c>
      <c r="H1287" s="8" t="s">
        <v>66</v>
      </c>
      <c r="I1287" s="8" t="s">
        <v>65</v>
      </c>
      <c r="J1287" s="8">
        <v>1</v>
      </c>
      <c r="K1287" s="8" t="s">
        <v>514</v>
      </c>
      <c r="L1287" s="8">
        <v>2</v>
      </c>
      <c r="M1287" s="8">
        <v>2</v>
      </c>
      <c r="N1287" s="18" t="s">
        <v>695</v>
      </c>
      <c r="O1287" s="257"/>
    </row>
    <row r="1288" spans="1:15" ht="18.75" hidden="1" customHeight="1">
      <c r="E1288" s="8" t="s">
        <v>121</v>
      </c>
      <c r="F1288" s="8">
        <v>93</v>
      </c>
      <c r="G1288" s="8" t="s">
        <v>120</v>
      </c>
      <c r="H1288" s="8" t="s">
        <v>17</v>
      </c>
      <c r="I1288" s="8" t="s">
        <v>71</v>
      </c>
      <c r="J1288" s="8">
        <v>1</v>
      </c>
      <c r="K1288" s="8" t="s">
        <v>509</v>
      </c>
      <c r="L1288" s="8">
        <v>1</v>
      </c>
      <c r="M1288" s="8">
        <v>60</v>
      </c>
      <c r="O1288" s="257"/>
    </row>
    <row r="1289" spans="1:15" ht="18.75" hidden="1" customHeight="1">
      <c r="E1289" s="8" t="s">
        <v>119</v>
      </c>
      <c r="F1289" s="8">
        <v>365</v>
      </c>
      <c r="G1289" s="8" t="s">
        <v>114</v>
      </c>
      <c r="H1289" s="8" t="s">
        <v>78</v>
      </c>
      <c r="I1289" s="8" t="s">
        <v>71</v>
      </c>
      <c r="J1289" s="8">
        <v>1</v>
      </c>
      <c r="K1289" s="8" t="s">
        <v>514</v>
      </c>
      <c r="L1289" s="8">
        <v>2</v>
      </c>
      <c r="M1289" s="8">
        <v>2</v>
      </c>
      <c r="N1289" s="70" t="s">
        <v>624</v>
      </c>
      <c r="O1289" s="257"/>
    </row>
    <row r="1290" spans="1:15" ht="18.75" hidden="1" customHeight="1">
      <c r="E1290" s="8" t="s">
        <v>118</v>
      </c>
      <c r="F1290" s="8">
        <v>364</v>
      </c>
      <c r="G1290" s="8" t="s">
        <v>112</v>
      </c>
      <c r="H1290" s="8" t="s">
        <v>78</v>
      </c>
      <c r="I1290" s="8" t="s">
        <v>71</v>
      </c>
      <c r="J1290" s="8">
        <v>1</v>
      </c>
      <c r="K1290" s="8" t="s">
        <v>509</v>
      </c>
      <c r="L1290" s="8">
        <v>1</v>
      </c>
      <c r="M1290" s="8">
        <v>80</v>
      </c>
      <c r="O1290" s="257"/>
    </row>
    <row r="1291" spans="1:15" ht="18.75" hidden="1" customHeight="1">
      <c r="E1291" s="8" t="s">
        <v>117</v>
      </c>
      <c r="F1291" s="8">
        <v>365</v>
      </c>
      <c r="G1291" s="8" t="s">
        <v>114</v>
      </c>
      <c r="H1291" s="8" t="s">
        <v>78</v>
      </c>
      <c r="I1291" s="8" t="s">
        <v>71</v>
      </c>
      <c r="J1291" s="8">
        <v>1</v>
      </c>
      <c r="K1291" s="8" t="s">
        <v>514</v>
      </c>
      <c r="L1291" s="8">
        <v>2</v>
      </c>
      <c r="M1291" s="8">
        <v>2</v>
      </c>
      <c r="N1291" s="70" t="s">
        <v>624</v>
      </c>
      <c r="O1291" s="257"/>
    </row>
    <row r="1292" spans="1:15" ht="18.75" hidden="1" customHeight="1">
      <c r="E1292" s="8" t="s">
        <v>116</v>
      </c>
      <c r="F1292" s="8">
        <v>364</v>
      </c>
      <c r="G1292" s="8" t="s">
        <v>112</v>
      </c>
      <c r="H1292" s="8" t="s">
        <v>78</v>
      </c>
      <c r="I1292" s="8" t="s">
        <v>71</v>
      </c>
      <c r="J1292" s="8">
        <v>1</v>
      </c>
      <c r="K1292" s="8" t="s">
        <v>509</v>
      </c>
      <c r="L1292" s="8">
        <v>1</v>
      </c>
      <c r="M1292" s="8">
        <v>80</v>
      </c>
      <c r="O1292" s="257"/>
    </row>
    <row r="1293" spans="1:15" ht="18.75" hidden="1" customHeight="1">
      <c r="E1293" s="8" t="s">
        <v>115</v>
      </c>
      <c r="F1293" s="8">
        <v>365</v>
      </c>
      <c r="G1293" s="8" t="s">
        <v>114</v>
      </c>
      <c r="H1293" s="8" t="s">
        <v>78</v>
      </c>
      <c r="I1293" s="8" t="s">
        <v>71</v>
      </c>
      <c r="J1293" s="8">
        <v>1</v>
      </c>
      <c r="K1293" s="8" t="s">
        <v>514</v>
      </c>
      <c r="L1293" s="8">
        <v>2</v>
      </c>
      <c r="M1293" s="8">
        <v>2</v>
      </c>
      <c r="N1293" s="70" t="s">
        <v>624</v>
      </c>
      <c r="O1293" s="257"/>
    </row>
    <row r="1294" spans="1:15" ht="18.75" hidden="1" customHeight="1">
      <c r="E1294" s="8" t="s">
        <v>113</v>
      </c>
      <c r="F1294" s="8">
        <v>364</v>
      </c>
      <c r="G1294" s="8" t="s">
        <v>112</v>
      </c>
      <c r="H1294" s="8" t="s">
        <v>78</v>
      </c>
      <c r="I1294" s="8" t="s">
        <v>71</v>
      </c>
      <c r="J1294" s="8">
        <v>1</v>
      </c>
      <c r="K1294" s="8" t="s">
        <v>509</v>
      </c>
      <c r="L1294" s="8">
        <v>1</v>
      </c>
      <c r="M1294" s="8">
        <v>80</v>
      </c>
      <c r="O1294" s="257"/>
    </row>
    <row r="1295" spans="1:15" ht="18.75" hidden="1" customHeight="1">
      <c r="A1295" s="17"/>
      <c r="B1295" s="17"/>
      <c r="C1295" s="17" t="s">
        <v>163</v>
      </c>
      <c r="D1295" s="139" t="s">
        <v>456</v>
      </c>
      <c r="E1295" s="17"/>
      <c r="F1295" s="17"/>
      <c r="G1295" s="17"/>
      <c r="H1295" s="17" t="s">
        <v>17</v>
      </c>
      <c r="I1295" s="17" t="s">
        <v>71</v>
      </c>
      <c r="J1295" s="17">
        <v>12</v>
      </c>
      <c r="K1295" s="17"/>
      <c r="L1295" s="17"/>
      <c r="M1295" s="17"/>
      <c r="N1295" s="138"/>
      <c r="O1295" s="257"/>
    </row>
    <row r="1296" spans="1:15" ht="18.75" hidden="1" customHeight="1">
      <c r="E1296" s="8" t="s">
        <v>162</v>
      </c>
      <c r="F1296" s="8">
        <v>133</v>
      </c>
      <c r="G1296" s="8" t="s">
        <v>161</v>
      </c>
      <c r="H1296" s="8" t="s">
        <v>17</v>
      </c>
      <c r="I1296" s="8" t="s">
        <v>71</v>
      </c>
      <c r="J1296" s="8">
        <v>1</v>
      </c>
      <c r="K1296" s="8" t="s">
        <v>514</v>
      </c>
      <c r="L1296" s="8">
        <v>1</v>
      </c>
      <c r="M1296" s="8">
        <v>2</v>
      </c>
      <c r="N1296" s="72" t="s">
        <v>696</v>
      </c>
      <c r="O1296" s="257"/>
    </row>
    <row r="1297" spans="1:15" ht="18.75" hidden="1" customHeight="1">
      <c r="E1297" s="8" t="s">
        <v>160</v>
      </c>
      <c r="F1297" s="8">
        <v>66</v>
      </c>
      <c r="G1297" s="8" t="s">
        <v>153</v>
      </c>
      <c r="H1297" s="8" t="s">
        <v>78</v>
      </c>
      <c r="I1297" s="8" t="s">
        <v>71</v>
      </c>
      <c r="J1297" s="8">
        <v>1</v>
      </c>
      <c r="K1297" s="8" t="s">
        <v>514</v>
      </c>
      <c r="L1297" s="8">
        <v>1</v>
      </c>
      <c r="M1297" s="8">
        <v>2</v>
      </c>
      <c r="N1297" s="72" t="s">
        <v>643</v>
      </c>
      <c r="O1297" s="257"/>
    </row>
    <row r="1298" spans="1:15" ht="18.75" hidden="1" customHeight="1">
      <c r="E1298" s="8" t="s">
        <v>159</v>
      </c>
      <c r="F1298" s="8">
        <v>67</v>
      </c>
      <c r="G1298" s="8" t="s">
        <v>151</v>
      </c>
      <c r="H1298" s="8" t="s">
        <v>78</v>
      </c>
      <c r="I1298" s="8" t="s">
        <v>71</v>
      </c>
      <c r="J1298" s="8">
        <v>1</v>
      </c>
      <c r="K1298" s="8" t="s">
        <v>509</v>
      </c>
      <c r="L1298" s="8">
        <v>2</v>
      </c>
      <c r="M1298" s="8">
        <v>80</v>
      </c>
      <c r="O1298" s="257"/>
    </row>
    <row r="1299" spans="1:15" ht="18.75" hidden="1" customHeight="1">
      <c r="E1299" s="8" t="s">
        <v>171</v>
      </c>
      <c r="F1299" s="8">
        <v>91</v>
      </c>
      <c r="G1299" s="8" t="s">
        <v>170</v>
      </c>
      <c r="H1299" s="8" t="s">
        <v>78</v>
      </c>
      <c r="I1299" s="8" t="s">
        <v>71</v>
      </c>
      <c r="J1299" s="8">
        <v>1</v>
      </c>
      <c r="K1299" s="8" t="s">
        <v>514</v>
      </c>
      <c r="L1299" s="8">
        <v>1</v>
      </c>
      <c r="M1299" s="8">
        <v>2</v>
      </c>
      <c r="N1299" s="70" t="s">
        <v>624</v>
      </c>
      <c r="O1299" s="257"/>
    </row>
    <row r="1300" spans="1:15" ht="18.75" hidden="1" customHeight="1">
      <c r="E1300" s="19" t="s">
        <v>169</v>
      </c>
      <c r="F1300" s="19">
        <v>387</v>
      </c>
      <c r="G1300" s="19" t="s">
        <v>168</v>
      </c>
      <c r="H1300" s="19" t="s">
        <v>78</v>
      </c>
      <c r="I1300" s="19" t="s">
        <v>96</v>
      </c>
      <c r="J1300" s="19">
        <v>1</v>
      </c>
      <c r="K1300" s="19" t="s">
        <v>509</v>
      </c>
      <c r="L1300" s="19">
        <v>1</v>
      </c>
      <c r="M1300" s="19">
        <v>35</v>
      </c>
      <c r="N1300" s="25"/>
      <c r="O1300" s="257"/>
    </row>
    <row r="1301" spans="1:15" ht="18.75" hidden="1" customHeight="1">
      <c r="E1301" s="19" t="s">
        <v>167</v>
      </c>
      <c r="F1301" s="19">
        <v>368</v>
      </c>
      <c r="G1301" s="19" t="s">
        <v>166</v>
      </c>
      <c r="H1301" s="19" t="s">
        <v>78</v>
      </c>
      <c r="I1301" s="19" t="s">
        <v>96</v>
      </c>
      <c r="J1301" s="19">
        <v>1</v>
      </c>
      <c r="K1301" s="19" t="s">
        <v>514</v>
      </c>
      <c r="L1301" s="19">
        <v>2</v>
      </c>
      <c r="M1301" s="19">
        <v>2</v>
      </c>
      <c r="N1301" s="25"/>
      <c r="O1301" s="257"/>
    </row>
    <row r="1302" spans="1:15" ht="18.75" hidden="1" customHeight="1">
      <c r="C1302" s="24"/>
      <c r="D1302" s="143"/>
      <c r="E1302" s="11" t="s">
        <v>897</v>
      </c>
      <c r="F1302" s="11">
        <v>309</v>
      </c>
      <c r="G1302" s="11" t="s">
        <v>133</v>
      </c>
      <c r="H1302" s="11" t="s">
        <v>17</v>
      </c>
      <c r="I1302" s="11" t="s">
        <v>71</v>
      </c>
      <c r="J1302" s="11">
        <v>1</v>
      </c>
      <c r="K1302" s="11" t="s">
        <v>514</v>
      </c>
      <c r="L1302" s="11">
        <v>1</v>
      </c>
      <c r="M1302" s="11">
        <v>2</v>
      </c>
      <c r="N1302" s="18" t="s">
        <v>643</v>
      </c>
      <c r="O1302" s="257"/>
    </row>
    <row r="1303" spans="1:15" ht="18.75" hidden="1" customHeight="1">
      <c r="C1303" s="147"/>
      <c r="D1303" s="148"/>
      <c r="E1303" s="11" t="s">
        <v>898</v>
      </c>
      <c r="F1303" s="11">
        <v>310</v>
      </c>
      <c r="G1303" s="11" t="s">
        <v>131</v>
      </c>
      <c r="H1303" s="11" t="s">
        <v>17</v>
      </c>
      <c r="I1303" s="11" t="s">
        <v>71</v>
      </c>
      <c r="J1303" s="11">
        <v>1</v>
      </c>
      <c r="K1303" s="11" t="s">
        <v>509</v>
      </c>
      <c r="L1303" s="11">
        <v>1</v>
      </c>
      <c r="M1303" s="11">
        <v>30</v>
      </c>
      <c r="N1303" s="18"/>
      <c r="O1303" s="257"/>
    </row>
    <row r="1304" spans="1:15" ht="18.75" hidden="1" customHeight="1">
      <c r="A1304" s="17"/>
      <c r="B1304" s="17"/>
      <c r="C1304" s="142" t="s">
        <v>165</v>
      </c>
      <c r="D1304" s="142" t="s">
        <v>469</v>
      </c>
      <c r="E1304" s="142"/>
      <c r="F1304" s="142"/>
      <c r="G1304" s="142"/>
      <c r="H1304" s="142" t="s">
        <v>17</v>
      </c>
      <c r="I1304" s="142" t="s">
        <v>71</v>
      </c>
      <c r="J1304" s="75">
        <v>5</v>
      </c>
      <c r="K1304" s="75"/>
      <c r="L1304" s="75"/>
      <c r="M1304" s="75"/>
      <c r="N1304" s="141"/>
      <c r="O1304" s="257"/>
    </row>
    <row r="1305" spans="1:15" ht="18.75" hidden="1" customHeight="1">
      <c r="C1305" s="11"/>
      <c r="D1305" s="11"/>
      <c r="E1305" s="11" t="s">
        <v>697</v>
      </c>
      <c r="F1305" s="11">
        <v>152</v>
      </c>
      <c r="G1305" s="11" t="s">
        <v>164</v>
      </c>
      <c r="H1305" s="11" t="s">
        <v>78</v>
      </c>
      <c r="I1305" s="11" t="s">
        <v>71</v>
      </c>
      <c r="J1305" s="11">
        <v>1</v>
      </c>
      <c r="K1305" s="11" t="s">
        <v>514</v>
      </c>
      <c r="L1305" s="11">
        <v>2</v>
      </c>
      <c r="M1305" s="11">
        <v>3</v>
      </c>
      <c r="N1305" s="18" t="s">
        <v>698</v>
      </c>
      <c r="O1305" s="257"/>
    </row>
    <row r="1306" spans="1:15" ht="18.75" hidden="1" customHeight="1">
      <c r="C1306" s="24"/>
      <c r="D1306" s="24"/>
      <c r="E1306" s="25" t="s">
        <v>699</v>
      </c>
      <c r="F1306" s="25">
        <v>208</v>
      </c>
      <c r="G1306" s="25" t="s">
        <v>470</v>
      </c>
      <c r="H1306" s="19" t="s">
        <v>78</v>
      </c>
      <c r="I1306" s="19" t="s">
        <v>96</v>
      </c>
      <c r="J1306" s="19">
        <v>1</v>
      </c>
      <c r="K1306" s="19" t="s">
        <v>514</v>
      </c>
      <c r="L1306" s="19">
        <v>1</v>
      </c>
      <c r="M1306" s="19">
        <v>1</v>
      </c>
      <c r="N1306" s="25"/>
      <c r="O1306" s="257"/>
    </row>
    <row r="1307" spans="1:15" ht="18.75" hidden="1" customHeight="1">
      <c r="C1307" s="24"/>
      <c r="D1307" s="24"/>
      <c r="E1307" s="25" t="s">
        <v>700</v>
      </c>
      <c r="F1307" s="25">
        <v>209</v>
      </c>
      <c r="G1307" s="25" t="s">
        <v>471</v>
      </c>
      <c r="H1307" s="19" t="s">
        <v>78</v>
      </c>
      <c r="I1307" s="19" t="s">
        <v>96</v>
      </c>
      <c r="J1307" s="19">
        <v>1</v>
      </c>
      <c r="K1307" s="19" t="s">
        <v>509</v>
      </c>
      <c r="L1307" s="19">
        <v>1</v>
      </c>
      <c r="M1307" s="19">
        <v>4</v>
      </c>
      <c r="N1307" s="25"/>
      <c r="O1307" s="257"/>
    </row>
    <row r="1308" spans="1:15" ht="18.75" hidden="1" customHeight="1">
      <c r="C1308" s="24"/>
      <c r="D1308" s="24"/>
      <c r="E1308" s="11" t="s">
        <v>701</v>
      </c>
      <c r="F1308" s="11">
        <v>352</v>
      </c>
      <c r="G1308" s="11" t="s">
        <v>3</v>
      </c>
      <c r="H1308" s="11" t="s">
        <v>78</v>
      </c>
      <c r="I1308" s="11" t="s">
        <v>71</v>
      </c>
      <c r="J1308" s="11">
        <v>1</v>
      </c>
      <c r="K1308" s="11" t="s">
        <v>509</v>
      </c>
      <c r="L1308" s="11">
        <v>1</v>
      </c>
      <c r="M1308" s="11">
        <v>80</v>
      </c>
      <c r="N1308" s="18"/>
      <c r="O1308" s="257"/>
    </row>
    <row r="1309" spans="1:15" ht="18.75" hidden="1" customHeight="1">
      <c r="A1309" s="17" t="s">
        <v>158</v>
      </c>
      <c r="B1309" s="139" t="s">
        <v>120</v>
      </c>
      <c r="C1309" s="17"/>
      <c r="D1309" s="139"/>
      <c r="E1309" s="17"/>
      <c r="F1309" s="17"/>
      <c r="G1309" s="17"/>
      <c r="H1309" s="17" t="s">
        <v>17</v>
      </c>
      <c r="I1309" s="17" t="s">
        <v>71</v>
      </c>
      <c r="J1309" s="17">
        <v>200</v>
      </c>
      <c r="K1309" s="17"/>
      <c r="L1309" s="17"/>
      <c r="M1309" s="17"/>
      <c r="N1309" s="138"/>
      <c r="O1309" s="257"/>
    </row>
    <row r="1310" spans="1:15" ht="18.75" hidden="1" customHeight="1">
      <c r="A1310" s="17"/>
      <c r="B1310" s="17"/>
      <c r="C1310" s="17" t="s">
        <v>158</v>
      </c>
      <c r="D1310" s="139" t="s">
        <v>120</v>
      </c>
      <c r="E1310" s="17"/>
      <c r="F1310" s="17"/>
      <c r="G1310" s="17"/>
      <c r="H1310" s="17" t="s">
        <v>66</v>
      </c>
      <c r="I1310" s="17" t="s">
        <v>65</v>
      </c>
      <c r="J1310" s="17">
        <v>1</v>
      </c>
      <c r="K1310" s="17"/>
      <c r="L1310" s="17"/>
      <c r="M1310" s="17"/>
      <c r="N1310" s="138"/>
      <c r="O1310" s="257"/>
    </row>
    <row r="1311" spans="1:15" ht="18.75" hidden="1" customHeight="1">
      <c r="E1311" s="8" t="s">
        <v>157</v>
      </c>
      <c r="F1311" s="8">
        <v>98</v>
      </c>
      <c r="G1311" s="8" t="s">
        <v>156</v>
      </c>
      <c r="H1311" s="8" t="s">
        <v>66</v>
      </c>
      <c r="I1311" s="8" t="s">
        <v>65</v>
      </c>
      <c r="J1311" s="8">
        <v>1</v>
      </c>
      <c r="K1311" s="8" t="s">
        <v>514</v>
      </c>
      <c r="L1311" s="8">
        <v>2</v>
      </c>
      <c r="M1311" s="8">
        <v>3</v>
      </c>
      <c r="N1311" s="72" t="s">
        <v>702</v>
      </c>
      <c r="O1311" s="257"/>
    </row>
    <row r="1312" spans="1:15" ht="18.75" hidden="1" customHeight="1">
      <c r="E1312" s="8" t="s">
        <v>155</v>
      </c>
      <c r="F1312" s="8">
        <v>93</v>
      </c>
      <c r="G1312" s="8" t="s">
        <v>120</v>
      </c>
      <c r="H1312" s="8" t="s">
        <v>78</v>
      </c>
      <c r="I1312" s="8" t="s">
        <v>71</v>
      </c>
      <c r="J1312" s="8">
        <v>1</v>
      </c>
      <c r="K1312" s="8" t="s">
        <v>509</v>
      </c>
      <c r="L1312" s="8">
        <v>1</v>
      </c>
      <c r="M1312" s="8">
        <v>60</v>
      </c>
      <c r="O1312" s="257"/>
    </row>
    <row r="1313" spans="1:15" ht="18.75" hidden="1" customHeight="1">
      <c r="E1313" s="8" t="s">
        <v>154</v>
      </c>
      <c r="F1313" s="8">
        <v>66</v>
      </c>
      <c r="G1313" s="8" t="s">
        <v>153</v>
      </c>
      <c r="H1313" s="8" t="s">
        <v>78</v>
      </c>
      <c r="I1313" s="8" t="s">
        <v>71</v>
      </c>
      <c r="J1313" s="8">
        <v>1</v>
      </c>
      <c r="K1313" s="8" t="s">
        <v>514</v>
      </c>
      <c r="L1313" s="8">
        <v>1</v>
      </c>
      <c r="M1313" s="8">
        <v>2</v>
      </c>
      <c r="N1313" s="70" t="s">
        <v>624</v>
      </c>
      <c r="O1313" s="257"/>
    </row>
    <row r="1314" spans="1:15" ht="18.75" hidden="1" customHeight="1">
      <c r="E1314" s="8" t="s">
        <v>152</v>
      </c>
      <c r="F1314" s="8">
        <v>67</v>
      </c>
      <c r="G1314" s="8" t="s">
        <v>151</v>
      </c>
      <c r="H1314" s="8" t="s">
        <v>78</v>
      </c>
      <c r="I1314" s="8" t="s">
        <v>71</v>
      </c>
      <c r="J1314" s="8">
        <v>1</v>
      </c>
      <c r="K1314" s="8" t="s">
        <v>509</v>
      </c>
      <c r="L1314" s="8">
        <v>2</v>
      </c>
      <c r="M1314" s="8">
        <v>80</v>
      </c>
      <c r="O1314" s="257"/>
    </row>
    <row r="1315" spans="1:15" ht="18.75" hidden="1" customHeight="1">
      <c r="A1315" s="17"/>
      <c r="B1315" s="17"/>
      <c r="C1315" s="17" t="s">
        <v>150</v>
      </c>
      <c r="D1315" s="139" t="s">
        <v>473</v>
      </c>
      <c r="E1315" s="17"/>
      <c r="F1315" s="17"/>
      <c r="G1315" s="17"/>
      <c r="H1315" s="17" t="s">
        <v>17</v>
      </c>
      <c r="I1315" s="17" t="s">
        <v>71</v>
      </c>
      <c r="J1315" s="17">
        <v>2</v>
      </c>
      <c r="K1315" s="17"/>
      <c r="L1315" s="17"/>
      <c r="M1315" s="17"/>
      <c r="N1315" s="138"/>
      <c r="O1315" s="257"/>
    </row>
    <row r="1316" spans="1:15" ht="18.75" hidden="1" customHeight="1">
      <c r="E1316" s="8" t="s">
        <v>149</v>
      </c>
      <c r="F1316" s="8">
        <v>93</v>
      </c>
      <c r="G1316" s="8" t="s">
        <v>120</v>
      </c>
      <c r="H1316" s="8" t="s">
        <v>66</v>
      </c>
      <c r="I1316" s="8" t="s">
        <v>65</v>
      </c>
      <c r="J1316" s="8">
        <v>1</v>
      </c>
      <c r="K1316" s="8" t="s">
        <v>509</v>
      </c>
      <c r="L1316" s="8">
        <v>1</v>
      </c>
      <c r="M1316" s="8">
        <v>60</v>
      </c>
      <c r="O1316" s="257"/>
    </row>
    <row r="1317" spans="1:15" ht="18.75" hidden="1" customHeight="1">
      <c r="E1317" s="8" t="s">
        <v>148</v>
      </c>
      <c r="F1317" s="8">
        <v>93</v>
      </c>
      <c r="G1317" s="8" t="s">
        <v>120</v>
      </c>
      <c r="H1317" s="8" t="s">
        <v>17</v>
      </c>
      <c r="I1317" s="8" t="s">
        <v>71</v>
      </c>
      <c r="J1317" s="8">
        <v>1</v>
      </c>
      <c r="K1317" s="8" t="s">
        <v>509</v>
      </c>
      <c r="L1317" s="8">
        <v>1</v>
      </c>
      <c r="M1317" s="8">
        <v>60</v>
      </c>
      <c r="O1317" s="257"/>
    </row>
    <row r="1318" spans="1:15" ht="18.75" hidden="1" customHeight="1">
      <c r="A1318" s="17"/>
      <c r="B1318" s="17"/>
      <c r="C1318" s="17" t="s">
        <v>147</v>
      </c>
      <c r="D1318" s="139" t="s">
        <v>144</v>
      </c>
      <c r="E1318" s="17"/>
      <c r="F1318" s="17"/>
      <c r="G1318" s="17"/>
      <c r="H1318" s="17" t="s">
        <v>17</v>
      </c>
      <c r="I1318" s="17" t="s">
        <v>71</v>
      </c>
      <c r="J1318" s="17">
        <v>2</v>
      </c>
      <c r="K1318" s="17"/>
      <c r="L1318" s="17"/>
      <c r="M1318" s="17"/>
      <c r="N1318" s="138"/>
      <c r="O1318" s="257"/>
    </row>
    <row r="1319" spans="1:15" ht="18.75" hidden="1" customHeight="1">
      <c r="E1319" s="8" t="s">
        <v>146</v>
      </c>
      <c r="F1319" s="8">
        <v>166</v>
      </c>
      <c r="G1319" s="8" t="s">
        <v>144</v>
      </c>
      <c r="H1319" s="8" t="s">
        <v>66</v>
      </c>
      <c r="I1319" s="8" t="s">
        <v>65</v>
      </c>
      <c r="J1319" s="8">
        <v>1</v>
      </c>
      <c r="K1319" s="8" t="s">
        <v>509</v>
      </c>
      <c r="L1319" s="8">
        <v>1</v>
      </c>
      <c r="M1319" s="8">
        <v>55</v>
      </c>
      <c r="O1319" s="257"/>
    </row>
    <row r="1320" spans="1:15" ht="18.75" hidden="1" customHeight="1">
      <c r="E1320" s="8" t="s">
        <v>145</v>
      </c>
      <c r="F1320" s="8">
        <v>166</v>
      </c>
      <c r="G1320" s="8" t="s">
        <v>144</v>
      </c>
      <c r="H1320" s="8" t="s">
        <v>17</v>
      </c>
      <c r="I1320" s="8" t="s">
        <v>71</v>
      </c>
      <c r="J1320" s="8">
        <v>1</v>
      </c>
      <c r="K1320" s="8" t="s">
        <v>509</v>
      </c>
      <c r="L1320" s="8">
        <v>1</v>
      </c>
      <c r="M1320" s="8">
        <v>55</v>
      </c>
      <c r="O1320" s="257"/>
    </row>
    <row r="1321" spans="1:15" ht="18.75" hidden="1" customHeight="1">
      <c r="A1321" s="17"/>
      <c r="B1321" s="17"/>
      <c r="C1321" s="17" t="s">
        <v>147</v>
      </c>
      <c r="D1321" s="139" t="s">
        <v>144</v>
      </c>
      <c r="E1321" s="17"/>
      <c r="F1321" s="17"/>
      <c r="G1321" s="17"/>
      <c r="H1321" s="17" t="s">
        <v>17</v>
      </c>
      <c r="I1321" s="17" t="s">
        <v>71</v>
      </c>
      <c r="J1321" s="17">
        <v>2</v>
      </c>
      <c r="K1321" s="17"/>
      <c r="L1321" s="17"/>
      <c r="M1321" s="17"/>
      <c r="N1321" s="138"/>
      <c r="O1321" s="257"/>
    </row>
    <row r="1322" spans="1:15" ht="18.75" hidden="1" customHeight="1">
      <c r="E1322" s="8" t="s">
        <v>146</v>
      </c>
      <c r="F1322" s="8">
        <v>166</v>
      </c>
      <c r="G1322" s="8" t="s">
        <v>144</v>
      </c>
      <c r="H1322" s="8" t="s">
        <v>66</v>
      </c>
      <c r="I1322" s="8" t="s">
        <v>65</v>
      </c>
      <c r="J1322" s="8">
        <v>1</v>
      </c>
      <c r="K1322" s="8" t="s">
        <v>509</v>
      </c>
      <c r="L1322" s="8">
        <v>1</v>
      </c>
      <c r="M1322" s="8">
        <v>55</v>
      </c>
      <c r="O1322" s="257"/>
    </row>
    <row r="1323" spans="1:15" ht="18.75" hidden="1" customHeight="1">
      <c r="E1323" s="8" t="s">
        <v>145</v>
      </c>
      <c r="F1323" s="8">
        <v>166</v>
      </c>
      <c r="G1323" s="8" t="s">
        <v>144</v>
      </c>
      <c r="H1323" s="8" t="s">
        <v>17</v>
      </c>
      <c r="I1323" s="8" t="s">
        <v>71</v>
      </c>
      <c r="J1323" s="8">
        <v>1</v>
      </c>
      <c r="K1323" s="8" t="s">
        <v>509</v>
      </c>
      <c r="L1323" s="8">
        <v>1</v>
      </c>
      <c r="M1323" s="8">
        <v>55</v>
      </c>
      <c r="O1323" s="257"/>
    </row>
    <row r="1324" spans="1:15" ht="18.75" hidden="1" customHeight="1">
      <c r="A1324" s="17"/>
      <c r="B1324" s="17"/>
      <c r="C1324" s="17" t="s">
        <v>143</v>
      </c>
      <c r="D1324" s="139" t="s">
        <v>474</v>
      </c>
      <c r="E1324" s="17"/>
      <c r="F1324" s="17"/>
      <c r="G1324" s="17"/>
      <c r="H1324" s="17" t="s">
        <v>17</v>
      </c>
      <c r="I1324" s="17" t="s">
        <v>71</v>
      </c>
      <c r="J1324" s="17">
        <v>1</v>
      </c>
      <c r="K1324" s="17"/>
      <c r="L1324" s="17"/>
      <c r="M1324" s="17"/>
      <c r="N1324" s="138"/>
      <c r="O1324" s="257"/>
    </row>
    <row r="1325" spans="1:15" ht="18.75" hidden="1" customHeight="1">
      <c r="E1325" s="8" t="s">
        <v>142</v>
      </c>
      <c r="F1325" s="8">
        <v>19</v>
      </c>
      <c r="G1325" s="8" t="s">
        <v>141</v>
      </c>
      <c r="H1325" s="8" t="s">
        <v>17</v>
      </c>
      <c r="I1325" s="8" t="s">
        <v>71</v>
      </c>
      <c r="J1325" s="8">
        <v>1</v>
      </c>
      <c r="K1325" s="8" t="s">
        <v>509</v>
      </c>
      <c r="L1325" s="8">
        <v>2</v>
      </c>
      <c r="M1325" s="8">
        <v>30</v>
      </c>
      <c r="O1325" s="257"/>
    </row>
    <row r="1326" spans="1:15" ht="18.75" hidden="1" customHeight="1">
      <c r="E1326" s="8" t="s">
        <v>140</v>
      </c>
      <c r="F1326" s="8">
        <v>156</v>
      </c>
      <c r="G1326" s="8" t="s">
        <v>139</v>
      </c>
      <c r="H1326" s="8" t="s">
        <v>17</v>
      </c>
      <c r="I1326" s="8" t="s">
        <v>71</v>
      </c>
      <c r="J1326" s="8">
        <v>1</v>
      </c>
      <c r="K1326" s="8" t="s">
        <v>514</v>
      </c>
      <c r="L1326" s="8">
        <v>2</v>
      </c>
      <c r="M1326" s="8">
        <v>2</v>
      </c>
      <c r="N1326" s="70" t="s">
        <v>624</v>
      </c>
      <c r="O1326" s="257"/>
    </row>
    <row r="1327" spans="1:15" ht="18.75" hidden="1" customHeight="1">
      <c r="E1327" s="8" t="s">
        <v>138</v>
      </c>
      <c r="F1327" s="8">
        <v>116</v>
      </c>
      <c r="G1327" s="8" t="s">
        <v>137</v>
      </c>
      <c r="H1327" s="8" t="s">
        <v>17</v>
      </c>
      <c r="I1327" s="8" t="s">
        <v>71</v>
      </c>
      <c r="J1327" s="8">
        <v>1</v>
      </c>
      <c r="K1327" s="8" t="s">
        <v>514</v>
      </c>
      <c r="L1327" s="8">
        <v>3</v>
      </c>
      <c r="M1327" s="8">
        <v>15</v>
      </c>
      <c r="N1327" s="18"/>
      <c r="O1327" s="257"/>
    </row>
    <row r="1328" spans="1:15" ht="18.75" hidden="1" customHeight="1">
      <c r="E1328" s="8" t="s">
        <v>136</v>
      </c>
      <c r="F1328" s="8">
        <v>26</v>
      </c>
      <c r="G1328" s="8" t="s">
        <v>135</v>
      </c>
      <c r="H1328" s="8" t="s">
        <v>17</v>
      </c>
      <c r="I1328" s="8" t="s">
        <v>71</v>
      </c>
      <c r="J1328" s="8">
        <v>1</v>
      </c>
      <c r="K1328" s="8" t="s">
        <v>514</v>
      </c>
      <c r="L1328" s="8">
        <v>2</v>
      </c>
      <c r="M1328" s="8">
        <v>3</v>
      </c>
      <c r="N1328" s="18"/>
      <c r="O1328" s="257"/>
    </row>
    <row r="1329" spans="1:16" s="8" customFormat="1" ht="18.75" hidden="1" customHeight="1">
      <c r="C1329" s="33"/>
      <c r="D1329" s="33"/>
      <c r="E1329" s="33" t="s">
        <v>134</v>
      </c>
      <c r="F1329" s="11">
        <v>309</v>
      </c>
      <c r="G1329" s="33" t="s">
        <v>133</v>
      </c>
      <c r="H1329" s="33" t="s">
        <v>78</v>
      </c>
      <c r="I1329" s="33" t="s">
        <v>71</v>
      </c>
      <c r="J1329" s="11">
        <v>1</v>
      </c>
      <c r="K1329" s="11" t="s">
        <v>514</v>
      </c>
      <c r="L1329" s="11">
        <v>1</v>
      </c>
      <c r="M1329" s="11">
        <v>2</v>
      </c>
      <c r="N1329" s="18" t="s">
        <v>690</v>
      </c>
      <c r="O1329" s="257"/>
      <c r="P1329" s="257"/>
    </row>
    <row r="1330" spans="1:16" s="8" customFormat="1" ht="18.75" hidden="1" customHeight="1">
      <c r="C1330" s="33"/>
      <c r="D1330" s="33"/>
      <c r="E1330" s="33" t="s">
        <v>132</v>
      </c>
      <c r="F1330" s="11">
        <v>310</v>
      </c>
      <c r="G1330" s="33" t="s">
        <v>131</v>
      </c>
      <c r="H1330" s="33" t="s">
        <v>17</v>
      </c>
      <c r="I1330" s="33" t="s">
        <v>71</v>
      </c>
      <c r="J1330" s="11">
        <v>1</v>
      </c>
      <c r="K1330" s="11" t="s">
        <v>509</v>
      </c>
      <c r="L1330" s="11">
        <v>1</v>
      </c>
      <c r="M1330" s="11">
        <v>30</v>
      </c>
      <c r="N1330" s="18"/>
      <c r="O1330" s="257"/>
      <c r="P1330" s="257"/>
    </row>
    <row r="1331" spans="1:16" ht="18.75" hidden="1" customHeight="1">
      <c r="A1331" s="17"/>
      <c r="B1331" s="17"/>
      <c r="C1331" s="17" t="s">
        <v>130</v>
      </c>
      <c r="D1331" s="139" t="s">
        <v>126</v>
      </c>
      <c r="E1331" s="17"/>
      <c r="F1331" s="17"/>
      <c r="G1331" s="17"/>
      <c r="H1331" s="17" t="s">
        <v>17</v>
      </c>
      <c r="I1331" s="17" t="s">
        <v>71</v>
      </c>
      <c r="J1331" s="17">
        <v>12</v>
      </c>
      <c r="K1331" s="17"/>
      <c r="L1331" s="17"/>
      <c r="M1331" s="17"/>
      <c r="N1331" s="138"/>
      <c r="O1331" s="257"/>
    </row>
    <row r="1332" spans="1:16" ht="18.75" hidden="1" customHeight="1">
      <c r="E1332" s="8" t="s">
        <v>129</v>
      </c>
      <c r="F1332" s="72">
        <v>128</v>
      </c>
      <c r="G1332" s="72" t="s">
        <v>128</v>
      </c>
      <c r="H1332" s="8" t="s">
        <v>66</v>
      </c>
      <c r="I1332" s="8" t="s">
        <v>65</v>
      </c>
      <c r="J1332" s="8">
        <v>1</v>
      </c>
      <c r="K1332" s="8" t="s">
        <v>514</v>
      </c>
      <c r="L1332" s="8">
        <v>2</v>
      </c>
      <c r="M1332" s="8">
        <v>3</v>
      </c>
      <c r="N1332" s="72" t="s">
        <v>692</v>
      </c>
      <c r="O1332" s="257"/>
    </row>
    <row r="1333" spans="1:16" ht="18.75" hidden="1" customHeight="1">
      <c r="E1333" s="19" t="s">
        <v>127</v>
      </c>
      <c r="F1333" s="19">
        <v>127</v>
      </c>
      <c r="G1333" s="19" t="s">
        <v>126</v>
      </c>
      <c r="H1333" s="19" t="s">
        <v>78</v>
      </c>
      <c r="I1333" s="25" t="s">
        <v>96</v>
      </c>
      <c r="J1333" s="19">
        <v>1</v>
      </c>
      <c r="K1333" s="19" t="s">
        <v>509</v>
      </c>
      <c r="L1333" s="19">
        <v>1</v>
      </c>
      <c r="M1333" s="19">
        <v>30</v>
      </c>
      <c r="N1333" s="25"/>
      <c r="O1333" s="257"/>
    </row>
    <row r="1334" spans="1:16" ht="18.75" hidden="1" customHeight="1">
      <c r="E1334" s="8" t="s">
        <v>125</v>
      </c>
      <c r="F1334" s="72">
        <v>352</v>
      </c>
      <c r="G1334" s="72" t="s">
        <v>3</v>
      </c>
      <c r="H1334" s="8" t="s">
        <v>78</v>
      </c>
      <c r="I1334" s="8" t="s">
        <v>71</v>
      </c>
      <c r="J1334" s="8">
        <v>1</v>
      </c>
      <c r="K1334" s="8" t="s">
        <v>509</v>
      </c>
      <c r="L1334" s="8">
        <v>1</v>
      </c>
      <c r="M1334" s="8">
        <v>80</v>
      </c>
      <c r="O1334" s="257"/>
    </row>
    <row r="1335" spans="1:16" ht="18.75" hidden="1" customHeight="1">
      <c r="A1335" s="17"/>
      <c r="B1335" s="17"/>
      <c r="C1335" s="17" t="s">
        <v>124</v>
      </c>
      <c r="D1335" s="139" t="s">
        <v>475</v>
      </c>
      <c r="E1335" s="17"/>
      <c r="F1335" s="17"/>
      <c r="G1335" s="17"/>
      <c r="H1335" s="17" t="s">
        <v>17</v>
      </c>
      <c r="I1335" s="17" t="s">
        <v>71</v>
      </c>
      <c r="J1335" s="17">
        <v>3</v>
      </c>
      <c r="K1335" s="17"/>
      <c r="L1335" s="17"/>
      <c r="M1335" s="17"/>
      <c r="N1335" s="138"/>
      <c r="O1335" s="257"/>
    </row>
    <row r="1336" spans="1:16" ht="18.75" hidden="1" customHeight="1">
      <c r="E1336" s="8" t="s">
        <v>123</v>
      </c>
      <c r="F1336" s="8">
        <v>366</v>
      </c>
      <c r="G1336" s="8" t="s">
        <v>122</v>
      </c>
      <c r="H1336" s="8" t="s">
        <v>66</v>
      </c>
      <c r="I1336" s="8" t="s">
        <v>65</v>
      </c>
      <c r="J1336" s="8">
        <v>1</v>
      </c>
      <c r="K1336" s="8" t="s">
        <v>514</v>
      </c>
      <c r="L1336" s="8">
        <v>2</v>
      </c>
      <c r="M1336" s="8">
        <v>2</v>
      </c>
      <c r="N1336" s="72" t="s">
        <v>704</v>
      </c>
      <c r="O1336" s="257"/>
    </row>
    <row r="1337" spans="1:16" ht="18.75" hidden="1" customHeight="1">
      <c r="E1337" s="8" t="s">
        <v>121</v>
      </c>
      <c r="F1337" s="8">
        <v>93</v>
      </c>
      <c r="G1337" s="8" t="s">
        <v>120</v>
      </c>
      <c r="H1337" s="8" t="s">
        <v>17</v>
      </c>
      <c r="I1337" s="8" t="s">
        <v>71</v>
      </c>
      <c r="J1337" s="8">
        <v>1</v>
      </c>
      <c r="K1337" s="8" t="s">
        <v>509</v>
      </c>
      <c r="L1337" s="8">
        <v>1</v>
      </c>
      <c r="M1337" s="8">
        <v>60</v>
      </c>
      <c r="O1337" s="257"/>
    </row>
    <row r="1338" spans="1:16" ht="18.75" hidden="1" customHeight="1">
      <c r="E1338" s="8" t="s">
        <v>119</v>
      </c>
      <c r="F1338" s="8">
        <v>365</v>
      </c>
      <c r="G1338" s="8" t="s">
        <v>114</v>
      </c>
      <c r="H1338" s="8" t="s">
        <v>78</v>
      </c>
      <c r="I1338" s="8" t="s">
        <v>71</v>
      </c>
      <c r="J1338" s="8">
        <v>1</v>
      </c>
      <c r="K1338" s="8" t="s">
        <v>514</v>
      </c>
      <c r="L1338" s="8">
        <v>2</v>
      </c>
      <c r="M1338" s="8">
        <v>2</v>
      </c>
      <c r="N1338" s="70" t="s">
        <v>624</v>
      </c>
      <c r="O1338" s="257"/>
    </row>
    <row r="1339" spans="1:16" ht="18.75" hidden="1" customHeight="1">
      <c r="E1339" s="8" t="s">
        <v>118</v>
      </c>
      <c r="F1339" s="8">
        <v>364</v>
      </c>
      <c r="G1339" s="8" t="s">
        <v>112</v>
      </c>
      <c r="H1339" s="8" t="s">
        <v>78</v>
      </c>
      <c r="I1339" s="8" t="s">
        <v>71</v>
      </c>
      <c r="J1339" s="8">
        <v>1</v>
      </c>
      <c r="K1339" s="8" t="s">
        <v>509</v>
      </c>
      <c r="L1339" s="8">
        <v>1</v>
      </c>
      <c r="M1339" s="8">
        <v>80</v>
      </c>
      <c r="O1339" s="257"/>
    </row>
    <row r="1340" spans="1:16" ht="18.75" hidden="1" customHeight="1">
      <c r="E1340" s="8" t="s">
        <v>117</v>
      </c>
      <c r="F1340" s="8">
        <v>365</v>
      </c>
      <c r="G1340" s="8" t="s">
        <v>114</v>
      </c>
      <c r="H1340" s="8" t="s">
        <v>78</v>
      </c>
      <c r="I1340" s="8" t="s">
        <v>71</v>
      </c>
      <c r="J1340" s="8">
        <v>1</v>
      </c>
      <c r="K1340" s="8" t="s">
        <v>514</v>
      </c>
      <c r="L1340" s="8">
        <v>2</v>
      </c>
      <c r="M1340" s="8">
        <v>2</v>
      </c>
      <c r="N1340" s="70" t="s">
        <v>624</v>
      </c>
      <c r="O1340" s="257"/>
    </row>
    <row r="1341" spans="1:16" ht="18.75" hidden="1" customHeight="1">
      <c r="E1341" s="8" t="s">
        <v>116</v>
      </c>
      <c r="F1341" s="8">
        <v>364</v>
      </c>
      <c r="G1341" s="8" t="s">
        <v>112</v>
      </c>
      <c r="H1341" s="8" t="s">
        <v>78</v>
      </c>
      <c r="I1341" s="8" t="s">
        <v>71</v>
      </c>
      <c r="J1341" s="8">
        <v>1</v>
      </c>
      <c r="K1341" s="8" t="s">
        <v>509</v>
      </c>
      <c r="L1341" s="8">
        <v>1</v>
      </c>
      <c r="M1341" s="8">
        <v>80</v>
      </c>
      <c r="O1341" s="257"/>
    </row>
    <row r="1342" spans="1:16" ht="18.75" hidden="1" customHeight="1">
      <c r="E1342" s="8" t="s">
        <v>115</v>
      </c>
      <c r="F1342" s="8">
        <v>365</v>
      </c>
      <c r="G1342" s="8" t="s">
        <v>114</v>
      </c>
      <c r="H1342" s="8" t="s">
        <v>78</v>
      </c>
      <c r="I1342" s="8" t="s">
        <v>71</v>
      </c>
      <c r="J1342" s="8">
        <v>1</v>
      </c>
      <c r="K1342" s="8" t="s">
        <v>514</v>
      </c>
      <c r="L1342" s="8">
        <v>2</v>
      </c>
      <c r="M1342" s="8">
        <v>2</v>
      </c>
      <c r="N1342" s="70" t="s">
        <v>624</v>
      </c>
      <c r="O1342" s="257"/>
    </row>
    <row r="1343" spans="1:16" ht="18.75" hidden="1" customHeight="1">
      <c r="E1343" s="8" t="s">
        <v>113</v>
      </c>
      <c r="F1343" s="8">
        <v>364</v>
      </c>
      <c r="G1343" s="8" t="s">
        <v>112</v>
      </c>
      <c r="H1343" s="8" t="s">
        <v>78</v>
      </c>
      <c r="I1343" s="8" t="s">
        <v>71</v>
      </c>
      <c r="J1343" s="8">
        <v>1</v>
      </c>
      <c r="K1343" s="8" t="s">
        <v>509</v>
      </c>
      <c r="L1343" s="8">
        <v>1</v>
      </c>
      <c r="M1343" s="8">
        <v>80</v>
      </c>
      <c r="O1343" s="257"/>
    </row>
    <row r="1344" spans="1:16" ht="18.75" hidden="1" customHeight="1">
      <c r="A1344" s="17" t="s">
        <v>158</v>
      </c>
      <c r="B1344" s="139" t="s">
        <v>120</v>
      </c>
      <c r="C1344" s="17"/>
      <c r="D1344" s="139"/>
      <c r="E1344" s="17"/>
      <c r="F1344" s="17"/>
      <c r="G1344" s="17"/>
      <c r="H1344" s="17" t="s">
        <v>17</v>
      </c>
      <c r="I1344" s="17" t="s">
        <v>71</v>
      </c>
      <c r="J1344" s="17">
        <v>200</v>
      </c>
      <c r="K1344" s="17"/>
      <c r="L1344" s="17"/>
      <c r="M1344" s="17"/>
      <c r="N1344" s="138"/>
      <c r="O1344" s="257"/>
    </row>
    <row r="1345" spans="1:15" ht="18.75" hidden="1" customHeight="1">
      <c r="A1345" s="17"/>
      <c r="B1345" s="17"/>
      <c r="C1345" s="17" t="s">
        <v>158</v>
      </c>
      <c r="D1345" s="139" t="s">
        <v>120</v>
      </c>
      <c r="E1345" s="17"/>
      <c r="F1345" s="17"/>
      <c r="G1345" s="17"/>
      <c r="H1345" s="17" t="s">
        <v>66</v>
      </c>
      <c r="I1345" s="17" t="s">
        <v>65</v>
      </c>
      <c r="J1345" s="17">
        <v>1</v>
      </c>
      <c r="K1345" s="17"/>
      <c r="L1345" s="17"/>
      <c r="M1345" s="17"/>
      <c r="N1345" s="138"/>
      <c r="O1345" s="257"/>
    </row>
    <row r="1346" spans="1:15" ht="18.75" hidden="1" customHeight="1">
      <c r="E1346" s="8" t="s">
        <v>157</v>
      </c>
      <c r="F1346" s="8">
        <v>98</v>
      </c>
      <c r="G1346" s="8" t="s">
        <v>156</v>
      </c>
      <c r="H1346" s="8" t="s">
        <v>66</v>
      </c>
      <c r="I1346" s="8" t="s">
        <v>65</v>
      </c>
      <c r="J1346" s="8">
        <v>1</v>
      </c>
      <c r="K1346" s="8" t="s">
        <v>514</v>
      </c>
      <c r="L1346" s="8">
        <v>2</v>
      </c>
      <c r="M1346" s="8">
        <v>3</v>
      </c>
      <c r="N1346" s="70" t="s">
        <v>624</v>
      </c>
      <c r="O1346" s="257"/>
    </row>
    <row r="1347" spans="1:15" ht="18.75" hidden="1" customHeight="1">
      <c r="E1347" s="8" t="s">
        <v>155</v>
      </c>
      <c r="F1347" s="8">
        <v>93</v>
      </c>
      <c r="G1347" s="8" t="s">
        <v>120</v>
      </c>
      <c r="H1347" s="8" t="s">
        <v>78</v>
      </c>
      <c r="I1347" s="8" t="s">
        <v>71</v>
      </c>
      <c r="J1347" s="8">
        <v>1</v>
      </c>
      <c r="K1347" s="8" t="s">
        <v>509</v>
      </c>
      <c r="L1347" s="8">
        <v>1</v>
      </c>
      <c r="M1347" s="8">
        <v>60</v>
      </c>
      <c r="O1347" s="257"/>
    </row>
    <row r="1348" spans="1:15" ht="18.75" hidden="1" customHeight="1">
      <c r="E1348" s="8" t="s">
        <v>154</v>
      </c>
      <c r="F1348" s="8">
        <v>66</v>
      </c>
      <c r="G1348" s="8" t="s">
        <v>153</v>
      </c>
      <c r="H1348" s="8" t="s">
        <v>78</v>
      </c>
      <c r="I1348" s="8" t="s">
        <v>71</v>
      </c>
      <c r="J1348" s="8">
        <v>1</v>
      </c>
      <c r="K1348" s="8" t="s">
        <v>514</v>
      </c>
      <c r="L1348" s="8">
        <v>1</v>
      </c>
      <c r="M1348" s="8">
        <v>2</v>
      </c>
      <c r="N1348" s="70" t="s">
        <v>624</v>
      </c>
      <c r="O1348" s="257"/>
    </row>
    <row r="1349" spans="1:15" ht="18.75" hidden="1" customHeight="1">
      <c r="E1349" s="8" t="s">
        <v>152</v>
      </c>
      <c r="F1349" s="8">
        <v>67</v>
      </c>
      <c r="G1349" s="8" t="s">
        <v>151</v>
      </c>
      <c r="H1349" s="8" t="s">
        <v>78</v>
      </c>
      <c r="I1349" s="8" t="s">
        <v>71</v>
      </c>
      <c r="J1349" s="8">
        <v>1</v>
      </c>
      <c r="K1349" s="8" t="s">
        <v>509</v>
      </c>
      <c r="L1349" s="8">
        <v>2</v>
      </c>
      <c r="M1349" s="8">
        <v>80</v>
      </c>
      <c r="O1349" s="257"/>
    </row>
    <row r="1350" spans="1:15" ht="18.75" hidden="1" customHeight="1">
      <c r="A1350" s="17"/>
      <c r="B1350" s="17"/>
      <c r="C1350" s="17" t="s">
        <v>150</v>
      </c>
      <c r="D1350" s="139" t="s">
        <v>473</v>
      </c>
      <c r="E1350" s="17"/>
      <c r="F1350" s="17"/>
      <c r="G1350" s="17"/>
      <c r="H1350" s="17" t="s">
        <v>17</v>
      </c>
      <c r="I1350" s="17" t="s">
        <v>71</v>
      </c>
      <c r="J1350" s="17">
        <v>2</v>
      </c>
      <c r="K1350" s="17"/>
      <c r="L1350" s="17"/>
      <c r="M1350" s="17"/>
      <c r="N1350" s="138"/>
      <c r="O1350" s="257"/>
    </row>
    <row r="1351" spans="1:15" ht="18.75" hidden="1" customHeight="1">
      <c r="E1351" s="8" t="s">
        <v>149</v>
      </c>
      <c r="F1351" s="8">
        <v>93</v>
      </c>
      <c r="G1351" s="8" t="s">
        <v>120</v>
      </c>
      <c r="H1351" s="8" t="s">
        <v>66</v>
      </c>
      <c r="I1351" s="8" t="s">
        <v>65</v>
      </c>
      <c r="J1351" s="8">
        <v>1</v>
      </c>
      <c r="K1351" s="8" t="s">
        <v>509</v>
      </c>
      <c r="L1351" s="8">
        <v>1</v>
      </c>
      <c r="M1351" s="8">
        <v>60</v>
      </c>
      <c r="O1351" s="257"/>
    </row>
    <row r="1352" spans="1:15" ht="18.75" hidden="1" customHeight="1">
      <c r="E1352" s="8" t="s">
        <v>148</v>
      </c>
      <c r="F1352" s="8">
        <v>93</v>
      </c>
      <c r="G1352" s="8" t="s">
        <v>120</v>
      </c>
      <c r="H1352" s="8" t="s">
        <v>17</v>
      </c>
      <c r="I1352" s="8" t="s">
        <v>71</v>
      </c>
      <c r="J1352" s="8">
        <v>1</v>
      </c>
      <c r="K1352" s="8" t="s">
        <v>509</v>
      </c>
      <c r="L1352" s="8">
        <v>1</v>
      </c>
      <c r="M1352" s="8">
        <v>60</v>
      </c>
      <c r="O1352" s="257"/>
    </row>
    <row r="1353" spans="1:15" ht="18.75" hidden="1" customHeight="1">
      <c r="A1353" s="17"/>
      <c r="B1353" s="17"/>
      <c r="C1353" s="17" t="s">
        <v>150</v>
      </c>
      <c r="D1353" s="139" t="s">
        <v>473</v>
      </c>
      <c r="E1353" s="17"/>
      <c r="F1353" s="17"/>
      <c r="G1353" s="17"/>
      <c r="H1353" s="17" t="s">
        <v>17</v>
      </c>
      <c r="I1353" s="17" t="s">
        <v>71</v>
      </c>
      <c r="J1353" s="17">
        <v>2</v>
      </c>
      <c r="K1353" s="17"/>
      <c r="L1353" s="17"/>
      <c r="M1353" s="17"/>
      <c r="N1353" s="138"/>
      <c r="O1353" s="257"/>
    </row>
    <row r="1354" spans="1:15" ht="18.75" hidden="1" customHeight="1">
      <c r="E1354" s="8" t="s">
        <v>149</v>
      </c>
      <c r="F1354" s="8">
        <v>93</v>
      </c>
      <c r="G1354" s="8" t="s">
        <v>120</v>
      </c>
      <c r="H1354" s="8" t="s">
        <v>66</v>
      </c>
      <c r="I1354" s="8" t="s">
        <v>65</v>
      </c>
      <c r="J1354" s="8">
        <v>1</v>
      </c>
      <c r="K1354" s="8" t="s">
        <v>509</v>
      </c>
      <c r="L1354" s="8">
        <v>1</v>
      </c>
      <c r="M1354" s="8">
        <v>60</v>
      </c>
      <c r="O1354" s="257"/>
    </row>
    <row r="1355" spans="1:15" ht="18.75" hidden="1" customHeight="1">
      <c r="E1355" s="8" t="s">
        <v>148</v>
      </c>
      <c r="F1355" s="8">
        <v>93</v>
      </c>
      <c r="G1355" s="8" t="s">
        <v>120</v>
      </c>
      <c r="H1355" s="8" t="s">
        <v>17</v>
      </c>
      <c r="I1355" s="8" t="s">
        <v>71</v>
      </c>
      <c r="J1355" s="8">
        <v>1</v>
      </c>
      <c r="K1355" s="8" t="s">
        <v>509</v>
      </c>
      <c r="L1355" s="8">
        <v>1</v>
      </c>
      <c r="M1355" s="8">
        <v>60</v>
      </c>
      <c r="O1355" s="257"/>
    </row>
    <row r="1356" spans="1:15" ht="18.75" hidden="1" customHeight="1">
      <c r="A1356" s="17"/>
      <c r="B1356" s="17"/>
      <c r="C1356" s="17" t="s">
        <v>147</v>
      </c>
      <c r="D1356" s="139" t="s">
        <v>144</v>
      </c>
      <c r="E1356" s="17"/>
      <c r="F1356" s="17"/>
      <c r="G1356" s="17"/>
      <c r="H1356" s="17" t="s">
        <v>17</v>
      </c>
      <c r="I1356" s="17" t="s">
        <v>71</v>
      </c>
      <c r="J1356" s="17">
        <v>2</v>
      </c>
      <c r="K1356" s="17"/>
      <c r="L1356" s="17"/>
      <c r="M1356" s="17"/>
      <c r="N1356" s="138"/>
      <c r="O1356" s="257"/>
    </row>
    <row r="1357" spans="1:15" ht="18.75" hidden="1" customHeight="1">
      <c r="E1357" s="8" t="s">
        <v>146</v>
      </c>
      <c r="F1357" s="8">
        <v>166</v>
      </c>
      <c r="G1357" s="8" t="s">
        <v>144</v>
      </c>
      <c r="H1357" s="8" t="s">
        <v>66</v>
      </c>
      <c r="I1357" s="8" t="s">
        <v>65</v>
      </c>
      <c r="J1357" s="8">
        <v>1</v>
      </c>
      <c r="K1357" s="8" t="s">
        <v>509</v>
      </c>
      <c r="L1357" s="8">
        <v>1</v>
      </c>
      <c r="M1357" s="8">
        <v>55</v>
      </c>
      <c r="O1357" s="257"/>
    </row>
    <row r="1358" spans="1:15" ht="18.75" hidden="1" customHeight="1">
      <c r="E1358" s="8" t="s">
        <v>145</v>
      </c>
      <c r="F1358" s="8">
        <v>166</v>
      </c>
      <c r="G1358" s="8" t="s">
        <v>144</v>
      </c>
      <c r="H1358" s="8" t="s">
        <v>17</v>
      </c>
      <c r="I1358" s="8" t="s">
        <v>71</v>
      </c>
      <c r="J1358" s="8">
        <v>1</v>
      </c>
      <c r="K1358" s="8" t="s">
        <v>509</v>
      </c>
      <c r="L1358" s="8">
        <v>1</v>
      </c>
      <c r="M1358" s="8">
        <v>55</v>
      </c>
      <c r="O1358" s="257"/>
    </row>
    <row r="1359" spans="1:15" ht="18.75" hidden="1" customHeight="1">
      <c r="A1359" s="17"/>
      <c r="B1359" s="17"/>
      <c r="C1359" s="17" t="s">
        <v>147</v>
      </c>
      <c r="D1359" s="139" t="s">
        <v>144</v>
      </c>
      <c r="E1359" s="17"/>
      <c r="F1359" s="17"/>
      <c r="G1359" s="17"/>
      <c r="H1359" s="17" t="s">
        <v>17</v>
      </c>
      <c r="I1359" s="17" t="s">
        <v>71</v>
      </c>
      <c r="J1359" s="17">
        <v>2</v>
      </c>
      <c r="K1359" s="17"/>
      <c r="L1359" s="17"/>
      <c r="M1359" s="17"/>
      <c r="N1359" s="138"/>
      <c r="O1359" s="257"/>
    </row>
    <row r="1360" spans="1:15" ht="18.75" hidden="1" customHeight="1">
      <c r="E1360" s="8" t="s">
        <v>146</v>
      </c>
      <c r="F1360" s="8">
        <v>166</v>
      </c>
      <c r="G1360" s="8" t="s">
        <v>144</v>
      </c>
      <c r="H1360" s="8" t="s">
        <v>66</v>
      </c>
      <c r="I1360" s="8" t="s">
        <v>65</v>
      </c>
      <c r="J1360" s="8">
        <v>1</v>
      </c>
      <c r="K1360" s="8" t="s">
        <v>509</v>
      </c>
      <c r="L1360" s="8">
        <v>1</v>
      </c>
      <c r="M1360" s="8">
        <v>55</v>
      </c>
      <c r="O1360" s="257"/>
    </row>
    <row r="1361" spans="1:16" ht="18.75" hidden="1" customHeight="1">
      <c r="E1361" s="8" t="s">
        <v>145</v>
      </c>
      <c r="F1361" s="8">
        <v>166</v>
      </c>
      <c r="G1361" s="8" t="s">
        <v>144</v>
      </c>
      <c r="H1361" s="8" t="s">
        <v>17</v>
      </c>
      <c r="I1361" s="8" t="s">
        <v>71</v>
      </c>
      <c r="J1361" s="8">
        <v>1</v>
      </c>
      <c r="K1361" s="8" t="s">
        <v>509</v>
      </c>
      <c r="L1361" s="8">
        <v>1</v>
      </c>
      <c r="M1361" s="8">
        <v>55</v>
      </c>
      <c r="O1361" s="257"/>
    </row>
    <row r="1362" spans="1:16" ht="18.75" hidden="1" customHeight="1">
      <c r="A1362" s="17"/>
      <c r="B1362" s="17"/>
      <c r="C1362" s="17" t="s">
        <v>143</v>
      </c>
      <c r="D1362" s="139" t="s">
        <v>474</v>
      </c>
      <c r="E1362" s="17"/>
      <c r="F1362" s="17"/>
      <c r="G1362" s="17"/>
      <c r="H1362" s="17" t="s">
        <v>17</v>
      </c>
      <c r="I1362" s="17" t="s">
        <v>71</v>
      </c>
      <c r="J1362" s="17">
        <v>1</v>
      </c>
      <c r="K1362" s="17"/>
      <c r="L1362" s="17"/>
      <c r="M1362" s="17"/>
      <c r="N1362" s="138"/>
      <c r="O1362" s="257"/>
    </row>
    <row r="1363" spans="1:16" ht="18.75" hidden="1" customHeight="1">
      <c r="E1363" s="8" t="s">
        <v>142</v>
      </c>
      <c r="F1363" s="8">
        <v>19</v>
      </c>
      <c r="G1363" s="8" t="s">
        <v>141</v>
      </c>
      <c r="H1363" s="8" t="s">
        <v>17</v>
      </c>
      <c r="I1363" s="8" t="s">
        <v>71</v>
      </c>
      <c r="J1363" s="8">
        <v>1</v>
      </c>
      <c r="K1363" s="8" t="s">
        <v>509</v>
      </c>
      <c r="L1363" s="8">
        <v>2</v>
      </c>
      <c r="M1363" s="8">
        <v>30</v>
      </c>
      <c r="O1363" s="257"/>
    </row>
    <row r="1364" spans="1:16" ht="18.75" hidden="1" customHeight="1">
      <c r="E1364" s="8" t="s">
        <v>140</v>
      </c>
      <c r="F1364" s="8">
        <v>156</v>
      </c>
      <c r="G1364" s="8" t="s">
        <v>139</v>
      </c>
      <c r="H1364" s="8" t="s">
        <v>17</v>
      </c>
      <c r="I1364" s="8" t="s">
        <v>71</v>
      </c>
      <c r="J1364" s="8">
        <v>1</v>
      </c>
      <c r="K1364" s="8" t="s">
        <v>514</v>
      </c>
      <c r="L1364" s="8">
        <v>2</v>
      </c>
      <c r="M1364" s="8">
        <v>2</v>
      </c>
      <c r="N1364" s="70" t="s">
        <v>624</v>
      </c>
      <c r="O1364" s="257"/>
    </row>
    <row r="1365" spans="1:16" ht="18.75" hidden="1" customHeight="1">
      <c r="E1365" s="8" t="s">
        <v>138</v>
      </c>
      <c r="F1365" s="8">
        <v>116</v>
      </c>
      <c r="G1365" s="8" t="s">
        <v>137</v>
      </c>
      <c r="H1365" s="8" t="s">
        <v>17</v>
      </c>
      <c r="I1365" s="8" t="s">
        <v>71</v>
      </c>
      <c r="J1365" s="8">
        <v>1</v>
      </c>
      <c r="K1365" s="8" t="s">
        <v>514</v>
      </c>
      <c r="L1365" s="8">
        <v>3</v>
      </c>
      <c r="M1365" s="8">
        <v>15</v>
      </c>
      <c r="N1365" s="18"/>
      <c r="O1365" s="257"/>
    </row>
    <row r="1366" spans="1:16" ht="18.75" hidden="1" customHeight="1">
      <c r="E1366" s="8" t="s">
        <v>136</v>
      </c>
      <c r="F1366" s="8">
        <v>26</v>
      </c>
      <c r="G1366" s="8" t="s">
        <v>135</v>
      </c>
      <c r="H1366" s="8" t="s">
        <v>17</v>
      </c>
      <c r="I1366" s="8" t="s">
        <v>71</v>
      </c>
      <c r="J1366" s="8">
        <v>1</v>
      </c>
      <c r="K1366" s="8" t="s">
        <v>514</v>
      </c>
      <c r="L1366" s="8">
        <v>2</v>
      </c>
      <c r="M1366" s="8">
        <v>3</v>
      </c>
      <c r="N1366" s="18"/>
      <c r="O1366" s="257"/>
    </row>
    <row r="1367" spans="1:16" s="8" customFormat="1" ht="18.75" hidden="1" customHeight="1">
      <c r="C1367" s="33"/>
      <c r="D1367" s="33"/>
      <c r="E1367" s="33" t="s">
        <v>134</v>
      </c>
      <c r="F1367" s="11">
        <v>309</v>
      </c>
      <c r="G1367" s="33" t="s">
        <v>133</v>
      </c>
      <c r="H1367" s="33" t="s">
        <v>78</v>
      </c>
      <c r="I1367" s="33" t="s">
        <v>71</v>
      </c>
      <c r="J1367" s="11">
        <v>1</v>
      </c>
      <c r="K1367" s="11" t="s">
        <v>514</v>
      </c>
      <c r="L1367" s="11">
        <v>1</v>
      </c>
      <c r="M1367" s="11">
        <v>2</v>
      </c>
      <c r="N1367" s="18" t="s">
        <v>690</v>
      </c>
      <c r="O1367" s="257"/>
      <c r="P1367" s="257"/>
    </row>
    <row r="1368" spans="1:16" s="8" customFormat="1" ht="18.75" hidden="1" customHeight="1">
      <c r="C1368" s="33"/>
      <c r="D1368" s="33"/>
      <c r="E1368" s="33" t="s">
        <v>132</v>
      </c>
      <c r="F1368" s="11">
        <v>310</v>
      </c>
      <c r="G1368" s="33" t="s">
        <v>131</v>
      </c>
      <c r="H1368" s="33" t="s">
        <v>17</v>
      </c>
      <c r="I1368" s="33" t="s">
        <v>71</v>
      </c>
      <c r="J1368" s="11">
        <v>1</v>
      </c>
      <c r="K1368" s="11" t="s">
        <v>509</v>
      </c>
      <c r="L1368" s="11">
        <v>1</v>
      </c>
      <c r="M1368" s="11">
        <v>30</v>
      </c>
      <c r="N1368" s="18"/>
      <c r="O1368" s="257"/>
      <c r="P1368" s="257"/>
    </row>
    <row r="1369" spans="1:16" ht="18.75" hidden="1" customHeight="1">
      <c r="A1369" s="17"/>
      <c r="B1369" s="17"/>
      <c r="C1369" s="17" t="s">
        <v>130</v>
      </c>
      <c r="D1369" s="139" t="s">
        <v>126</v>
      </c>
      <c r="E1369" s="17"/>
      <c r="F1369" s="17"/>
      <c r="G1369" s="17"/>
      <c r="H1369" s="17" t="s">
        <v>17</v>
      </c>
      <c r="I1369" s="17" t="s">
        <v>71</v>
      </c>
      <c r="J1369" s="17">
        <v>12</v>
      </c>
      <c r="K1369" s="17"/>
      <c r="L1369" s="17"/>
      <c r="M1369" s="17"/>
      <c r="N1369" s="138"/>
      <c r="O1369" s="257"/>
    </row>
    <row r="1370" spans="1:16" ht="18.75" hidden="1" customHeight="1">
      <c r="E1370" s="8" t="s">
        <v>129</v>
      </c>
      <c r="F1370" s="72">
        <v>128</v>
      </c>
      <c r="G1370" s="72" t="s">
        <v>128</v>
      </c>
      <c r="H1370" s="8" t="s">
        <v>66</v>
      </c>
      <c r="I1370" s="8" t="s">
        <v>65</v>
      </c>
      <c r="J1370" s="8">
        <v>1</v>
      </c>
      <c r="K1370" s="8" t="s">
        <v>514</v>
      </c>
      <c r="L1370" s="8">
        <v>2</v>
      </c>
      <c r="M1370" s="8">
        <v>3</v>
      </c>
      <c r="N1370" s="70" t="s">
        <v>624</v>
      </c>
      <c r="O1370" s="257"/>
    </row>
    <row r="1371" spans="1:16" ht="18.75" hidden="1" customHeight="1">
      <c r="E1371" s="19" t="s">
        <v>127</v>
      </c>
      <c r="F1371" s="25">
        <v>127</v>
      </c>
      <c r="G1371" s="25" t="s">
        <v>126</v>
      </c>
      <c r="H1371" s="19" t="s">
        <v>78</v>
      </c>
      <c r="I1371" s="25" t="s">
        <v>96</v>
      </c>
      <c r="J1371" s="19">
        <v>1</v>
      </c>
      <c r="K1371" s="19" t="s">
        <v>509</v>
      </c>
      <c r="L1371" s="19">
        <v>1</v>
      </c>
      <c r="M1371" s="19">
        <v>30</v>
      </c>
      <c r="N1371" s="25"/>
      <c r="O1371" s="257"/>
    </row>
    <row r="1372" spans="1:16" ht="18.75" hidden="1" customHeight="1">
      <c r="E1372" s="8" t="s">
        <v>125</v>
      </c>
      <c r="F1372" s="72">
        <v>352</v>
      </c>
      <c r="G1372" s="72" t="s">
        <v>3</v>
      </c>
      <c r="H1372" s="8" t="s">
        <v>78</v>
      </c>
      <c r="I1372" s="8" t="s">
        <v>71</v>
      </c>
      <c r="J1372" s="8">
        <v>1</v>
      </c>
      <c r="K1372" s="8" t="s">
        <v>509</v>
      </c>
      <c r="L1372" s="8">
        <v>1</v>
      </c>
      <c r="M1372" s="8">
        <v>80</v>
      </c>
      <c r="O1372" s="257"/>
    </row>
    <row r="1373" spans="1:16" ht="18.75" hidden="1" customHeight="1">
      <c r="A1373" s="17"/>
      <c r="B1373" s="17"/>
      <c r="C1373" s="17" t="s">
        <v>130</v>
      </c>
      <c r="D1373" s="139" t="s">
        <v>126</v>
      </c>
      <c r="E1373" s="17"/>
      <c r="F1373" s="17"/>
      <c r="G1373" s="17"/>
      <c r="H1373" s="17" t="s">
        <v>17</v>
      </c>
      <c r="I1373" s="17" t="s">
        <v>71</v>
      </c>
      <c r="J1373" s="17">
        <v>12</v>
      </c>
      <c r="K1373" s="17"/>
      <c r="L1373" s="17"/>
      <c r="M1373" s="17"/>
      <c r="N1373" s="138"/>
      <c r="O1373" s="257"/>
    </row>
    <row r="1374" spans="1:16" ht="18.75" hidden="1" customHeight="1">
      <c r="E1374" s="8" t="s">
        <v>129</v>
      </c>
      <c r="F1374" s="72">
        <v>128</v>
      </c>
      <c r="G1374" s="72" t="s">
        <v>128</v>
      </c>
      <c r="H1374" s="8" t="s">
        <v>66</v>
      </c>
      <c r="I1374" s="8" t="s">
        <v>65</v>
      </c>
      <c r="J1374" s="8">
        <v>1</v>
      </c>
      <c r="K1374" s="8" t="s">
        <v>514</v>
      </c>
      <c r="L1374" s="8">
        <v>2</v>
      </c>
      <c r="M1374" s="8">
        <v>3</v>
      </c>
      <c r="N1374" s="72" t="s">
        <v>692</v>
      </c>
      <c r="O1374" s="257"/>
    </row>
    <row r="1375" spans="1:16" ht="18.75" hidden="1" customHeight="1">
      <c r="E1375" s="19" t="s">
        <v>127</v>
      </c>
      <c r="F1375" s="25">
        <v>127</v>
      </c>
      <c r="G1375" s="25" t="s">
        <v>126</v>
      </c>
      <c r="H1375" s="19" t="s">
        <v>78</v>
      </c>
      <c r="I1375" s="25" t="s">
        <v>96</v>
      </c>
      <c r="J1375" s="19">
        <v>1</v>
      </c>
      <c r="K1375" s="19" t="s">
        <v>509</v>
      </c>
      <c r="L1375" s="19">
        <v>1</v>
      </c>
      <c r="M1375" s="19">
        <v>30</v>
      </c>
      <c r="N1375" s="25"/>
      <c r="O1375" s="257"/>
    </row>
    <row r="1376" spans="1:16" ht="18.75" hidden="1" customHeight="1">
      <c r="E1376" s="8" t="s">
        <v>125</v>
      </c>
      <c r="F1376" s="72">
        <v>352</v>
      </c>
      <c r="G1376" s="72" t="s">
        <v>3</v>
      </c>
      <c r="H1376" s="8" t="s">
        <v>78</v>
      </c>
      <c r="I1376" s="8" t="s">
        <v>71</v>
      </c>
      <c r="J1376" s="8">
        <v>1</v>
      </c>
      <c r="K1376" s="8" t="s">
        <v>509</v>
      </c>
      <c r="L1376" s="8">
        <v>1</v>
      </c>
      <c r="M1376" s="8">
        <v>80</v>
      </c>
      <c r="O1376" s="257"/>
    </row>
    <row r="1377" spans="1:15" ht="18.75" hidden="1" customHeight="1">
      <c r="A1377" s="17"/>
      <c r="B1377" s="17"/>
      <c r="C1377" s="17" t="s">
        <v>124</v>
      </c>
      <c r="D1377" s="139" t="s">
        <v>475</v>
      </c>
      <c r="E1377" s="17"/>
      <c r="F1377" s="17"/>
      <c r="G1377" s="17"/>
      <c r="H1377" s="17" t="s">
        <v>17</v>
      </c>
      <c r="I1377" s="17" t="s">
        <v>71</v>
      </c>
      <c r="J1377" s="17">
        <v>3</v>
      </c>
      <c r="K1377" s="17"/>
      <c r="L1377" s="17"/>
      <c r="M1377" s="17"/>
      <c r="N1377" s="138"/>
      <c r="O1377" s="257"/>
    </row>
    <row r="1378" spans="1:15" ht="18.75" hidden="1" customHeight="1">
      <c r="E1378" s="8" t="s">
        <v>123</v>
      </c>
      <c r="F1378" s="8">
        <v>366</v>
      </c>
      <c r="G1378" s="8" t="s">
        <v>122</v>
      </c>
      <c r="H1378" s="8" t="s">
        <v>66</v>
      </c>
      <c r="I1378" s="8" t="s">
        <v>65</v>
      </c>
      <c r="J1378" s="8">
        <v>1</v>
      </c>
      <c r="K1378" s="8" t="s">
        <v>514</v>
      </c>
      <c r="L1378" s="8">
        <v>2</v>
      </c>
      <c r="M1378" s="8">
        <v>2</v>
      </c>
      <c r="N1378" s="72" t="s">
        <v>704</v>
      </c>
      <c r="O1378" s="257"/>
    </row>
    <row r="1379" spans="1:15" ht="18.75" hidden="1" customHeight="1">
      <c r="E1379" s="8" t="s">
        <v>121</v>
      </c>
      <c r="F1379" s="8">
        <v>93</v>
      </c>
      <c r="G1379" s="8" t="s">
        <v>120</v>
      </c>
      <c r="H1379" s="8" t="s">
        <v>17</v>
      </c>
      <c r="I1379" s="8" t="s">
        <v>71</v>
      </c>
      <c r="J1379" s="8">
        <v>1</v>
      </c>
      <c r="K1379" s="8" t="s">
        <v>509</v>
      </c>
      <c r="L1379" s="8">
        <v>1</v>
      </c>
      <c r="M1379" s="8">
        <v>60</v>
      </c>
      <c r="O1379" s="257"/>
    </row>
    <row r="1380" spans="1:15" ht="18.75" hidden="1" customHeight="1">
      <c r="E1380" s="8" t="s">
        <v>119</v>
      </c>
      <c r="F1380" s="8">
        <v>365</v>
      </c>
      <c r="G1380" s="8" t="s">
        <v>114</v>
      </c>
      <c r="H1380" s="8" t="s">
        <v>78</v>
      </c>
      <c r="I1380" s="8" t="s">
        <v>71</v>
      </c>
      <c r="J1380" s="8">
        <v>1</v>
      </c>
      <c r="K1380" s="8" t="s">
        <v>514</v>
      </c>
      <c r="L1380" s="8">
        <v>2</v>
      </c>
      <c r="M1380" s="8">
        <v>2</v>
      </c>
      <c r="N1380" s="70" t="s">
        <v>624</v>
      </c>
      <c r="O1380" s="257"/>
    </row>
    <row r="1381" spans="1:15" ht="18.75" hidden="1" customHeight="1">
      <c r="E1381" s="8" t="s">
        <v>118</v>
      </c>
      <c r="F1381" s="8">
        <v>364</v>
      </c>
      <c r="G1381" s="8" t="s">
        <v>112</v>
      </c>
      <c r="H1381" s="8" t="s">
        <v>78</v>
      </c>
      <c r="I1381" s="8" t="s">
        <v>71</v>
      </c>
      <c r="J1381" s="8">
        <v>1</v>
      </c>
      <c r="K1381" s="8" t="s">
        <v>509</v>
      </c>
      <c r="L1381" s="8">
        <v>1</v>
      </c>
      <c r="M1381" s="8">
        <v>80</v>
      </c>
      <c r="O1381" s="257"/>
    </row>
    <row r="1382" spans="1:15" ht="18.75" hidden="1" customHeight="1">
      <c r="E1382" s="8" t="s">
        <v>117</v>
      </c>
      <c r="F1382" s="8">
        <v>365</v>
      </c>
      <c r="G1382" s="8" t="s">
        <v>114</v>
      </c>
      <c r="H1382" s="8" t="s">
        <v>78</v>
      </c>
      <c r="I1382" s="8" t="s">
        <v>71</v>
      </c>
      <c r="J1382" s="8">
        <v>1</v>
      </c>
      <c r="K1382" s="8" t="s">
        <v>514</v>
      </c>
      <c r="L1382" s="8">
        <v>2</v>
      </c>
      <c r="M1382" s="8">
        <v>2</v>
      </c>
      <c r="N1382" s="70" t="s">
        <v>624</v>
      </c>
      <c r="O1382" s="257"/>
    </row>
    <row r="1383" spans="1:15" ht="18.75" hidden="1" customHeight="1">
      <c r="E1383" s="8" t="s">
        <v>116</v>
      </c>
      <c r="F1383" s="8">
        <v>364</v>
      </c>
      <c r="G1383" s="8" t="s">
        <v>112</v>
      </c>
      <c r="H1383" s="8" t="s">
        <v>78</v>
      </c>
      <c r="I1383" s="8" t="s">
        <v>71</v>
      </c>
      <c r="J1383" s="8">
        <v>1</v>
      </c>
      <c r="K1383" s="8" t="s">
        <v>509</v>
      </c>
      <c r="L1383" s="8">
        <v>1</v>
      </c>
      <c r="M1383" s="8">
        <v>80</v>
      </c>
      <c r="O1383" s="257"/>
    </row>
    <row r="1384" spans="1:15" ht="18.75" hidden="1" customHeight="1">
      <c r="E1384" s="8" t="s">
        <v>115</v>
      </c>
      <c r="F1384" s="8">
        <v>365</v>
      </c>
      <c r="G1384" s="8" t="s">
        <v>114</v>
      </c>
      <c r="H1384" s="8" t="s">
        <v>78</v>
      </c>
      <c r="I1384" s="8" t="s">
        <v>71</v>
      </c>
      <c r="J1384" s="8">
        <v>1</v>
      </c>
      <c r="K1384" s="8" t="s">
        <v>514</v>
      </c>
      <c r="L1384" s="8">
        <v>2</v>
      </c>
      <c r="M1384" s="8">
        <v>2</v>
      </c>
      <c r="N1384" s="70" t="s">
        <v>624</v>
      </c>
      <c r="O1384" s="257"/>
    </row>
    <row r="1385" spans="1:15" ht="18.75" hidden="1" customHeight="1">
      <c r="E1385" s="8" t="s">
        <v>113</v>
      </c>
      <c r="F1385" s="8">
        <v>364</v>
      </c>
      <c r="G1385" s="8" t="s">
        <v>112</v>
      </c>
      <c r="H1385" s="8" t="s">
        <v>78</v>
      </c>
      <c r="I1385" s="8" t="s">
        <v>71</v>
      </c>
      <c r="J1385" s="8">
        <v>1</v>
      </c>
      <c r="K1385" s="8" t="s">
        <v>509</v>
      </c>
      <c r="L1385" s="8">
        <v>1</v>
      </c>
      <c r="M1385" s="8">
        <v>80</v>
      </c>
      <c r="O1385" s="257"/>
    </row>
    <row r="1386" spans="1:15" ht="18.75" hidden="1" customHeight="1">
      <c r="A1386" s="17" t="s">
        <v>111</v>
      </c>
      <c r="B1386" s="139" t="s">
        <v>487</v>
      </c>
      <c r="C1386" s="139"/>
      <c r="D1386" s="139"/>
      <c r="E1386" s="139"/>
      <c r="F1386" s="17"/>
      <c r="G1386" s="17"/>
      <c r="H1386" s="17" t="s">
        <v>17</v>
      </c>
      <c r="I1386" s="17" t="s">
        <v>71</v>
      </c>
      <c r="J1386" s="17">
        <v>1000</v>
      </c>
      <c r="K1386" s="17"/>
      <c r="L1386" s="17"/>
      <c r="M1386" s="17"/>
      <c r="N1386" s="138"/>
      <c r="O1386" s="257"/>
    </row>
    <row r="1387" spans="1:15" ht="18.75" hidden="1" customHeight="1">
      <c r="A1387" s="17"/>
      <c r="B1387" s="17"/>
      <c r="C1387" s="17" t="s">
        <v>111</v>
      </c>
      <c r="D1387" s="139" t="s">
        <v>487</v>
      </c>
      <c r="E1387" s="139"/>
      <c r="F1387" s="17"/>
      <c r="G1387" s="17"/>
      <c r="H1387" s="17" t="s">
        <v>66</v>
      </c>
      <c r="I1387" s="17" t="s">
        <v>65</v>
      </c>
      <c r="J1387" s="17">
        <v>1</v>
      </c>
      <c r="K1387" s="17"/>
      <c r="L1387" s="17"/>
      <c r="M1387" s="17"/>
      <c r="N1387" s="138"/>
      <c r="O1387" s="257"/>
    </row>
    <row r="1388" spans="1:15" ht="18.75" hidden="1" customHeight="1">
      <c r="E1388" s="8" t="s">
        <v>110</v>
      </c>
      <c r="F1388" s="8">
        <v>350</v>
      </c>
      <c r="G1388" s="8" t="s">
        <v>108</v>
      </c>
      <c r="H1388" s="8" t="s">
        <v>66</v>
      </c>
      <c r="I1388" s="8" t="s">
        <v>65</v>
      </c>
      <c r="J1388" s="8">
        <v>1</v>
      </c>
      <c r="K1388" s="8" t="s">
        <v>509</v>
      </c>
      <c r="L1388" s="8">
        <v>1</v>
      </c>
      <c r="M1388" s="8">
        <v>20</v>
      </c>
      <c r="O1388" s="257"/>
    </row>
    <row r="1389" spans="1:15" ht="18.75" hidden="1" customHeight="1">
      <c r="C1389" s="33"/>
      <c r="D1389" s="33"/>
      <c r="E1389" s="8" t="s">
        <v>109</v>
      </c>
      <c r="F1389" s="8">
        <v>350</v>
      </c>
      <c r="G1389" s="8" t="s">
        <v>108</v>
      </c>
      <c r="H1389" s="8" t="s">
        <v>17</v>
      </c>
      <c r="I1389" s="8" t="s">
        <v>71</v>
      </c>
      <c r="J1389" s="8">
        <v>1</v>
      </c>
      <c r="K1389" s="8" t="s">
        <v>509</v>
      </c>
      <c r="L1389" s="8">
        <v>1</v>
      </c>
      <c r="M1389" s="8">
        <v>20</v>
      </c>
      <c r="N1389" s="25"/>
      <c r="O1389" s="257"/>
    </row>
    <row r="1390" spans="1:15" ht="18.75" hidden="1" customHeight="1">
      <c r="C1390" s="33"/>
      <c r="D1390" s="33"/>
      <c r="E1390" s="8" t="s">
        <v>107</v>
      </c>
      <c r="F1390" s="8">
        <v>662</v>
      </c>
      <c r="G1390" s="8" t="s">
        <v>97</v>
      </c>
      <c r="H1390" s="8" t="s">
        <v>66</v>
      </c>
      <c r="I1390" s="8" t="s">
        <v>65</v>
      </c>
      <c r="J1390" s="8">
        <v>1</v>
      </c>
      <c r="K1390" s="8" t="s">
        <v>514</v>
      </c>
      <c r="L1390" s="8">
        <v>1</v>
      </c>
      <c r="M1390" s="8">
        <v>1</v>
      </c>
      <c r="N1390" s="72" t="s">
        <v>744</v>
      </c>
      <c r="O1390" s="257"/>
    </row>
    <row r="1391" spans="1:15" ht="18.75" hidden="1" customHeight="1">
      <c r="C1391" s="33"/>
      <c r="D1391" s="33"/>
      <c r="E1391" s="8" t="s">
        <v>106</v>
      </c>
      <c r="F1391" s="8">
        <v>380</v>
      </c>
      <c r="G1391" s="8" t="s">
        <v>105</v>
      </c>
      <c r="H1391" s="8" t="s">
        <v>78</v>
      </c>
      <c r="I1391" s="8" t="s">
        <v>71</v>
      </c>
      <c r="J1391" s="8">
        <v>1</v>
      </c>
      <c r="K1391" s="8" t="s">
        <v>438</v>
      </c>
      <c r="L1391" s="8">
        <v>1</v>
      </c>
      <c r="M1391" s="8">
        <v>15</v>
      </c>
      <c r="O1391" s="257"/>
    </row>
    <row r="1392" spans="1:15" ht="18.75" hidden="1" customHeight="1">
      <c r="C1392" s="33"/>
      <c r="D1392" s="33" t="s">
        <v>186</v>
      </c>
      <c r="E1392" s="8" t="s">
        <v>104</v>
      </c>
      <c r="H1392" s="8" t="s">
        <v>78</v>
      </c>
      <c r="I1392" s="8" t="s">
        <v>71</v>
      </c>
      <c r="J1392" s="8">
        <v>1</v>
      </c>
      <c r="O1392" s="257"/>
    </row>
    <row r="1393" spans="1:15" ht="18.75" hidden="1" customHeight="1">
      <c r="C1393" s="33"/>
      <c r="D1393" s="33"/>
      <c r="E1393" s="8" t="s">
        <v>745</v>
      </c>
      <c r="F1393" s="8">
        <v>355</v>
      </c>
      <c r="G1393" s="8" t="s">
        <v>103</v>
      </c>
      <c r="H1393" s="8" t="s">
        <v>66</v>
      </c>
      <c r="I1393" s="8" t="s">
        <v>65</v>
      </c>
      <c r="J1393" s="8">
        <v>1</v>
      </c>
      <c r="K1393" s="8" t="s">
        <v>514</v>
      </c>
      <c r="L1393" s="8">
        <v>2</v>
      </c>
      <c r="M1393" s="8">
        <v>2</v>
      </c>
      <c r="N1393" s="70" t="s">
        <v>624</v>
      </c>
      <c r="O1393" s="257"/>
    </row>
    <row r="1394" spans="1:15" ht="18.75" hidden="1" customHeight="1">
      <c r="C1394" s="33"/>
      <c r="D1394" s="33"/>
      <c r="E1394" s="19" t="s">
        <v>102</v>
      </c>
      <c r="F1394" s="19">
        <v>212</v>
      </c>
      <c r="G1394" s="19" t="s">
        <v>101</v>
      </c>
      <c r="H1394" s="19" t="s">
        <v>78</v>
      </c>
      <c r="I1394" s="19" t="s">
        <v>96</v>
      </c>
      <c r="J1394" s="19">
        <v>1</v>
      </c>
      <c r="K1394" s="19" t="s">
        <v>438</v>
      </c>
      <c r="L1394" s="19">
        <v>1</v>
      </c>
      <c r="M1394" s="19">
        <v>17</v>
      </c>
      <c r="N1394" s="25"/>
      <c r="O1394" s="257"/>
    </row>
    <row r="1395" spans="1:15" ht="18.75" hidden="1" customHeight="1">
      <c r="C1395" s="33"/>
      <c r="D1395" s="33"/>
      <c r="E1395" s="19" t="s">
        <v>100</v>
      </c>
      <c r="F1395" s="19">
        <v>639</v>
      </c>
      <c r="G1395" s="19" t="s">
        <v>99</v>
      </c>
      <c r="H1395" s="19" t="s">
        <v>17</v>
      </c>
      <c r="I1395" s="19" t="s">
        <v>96</v>
      </c>
      <c r="J1395" s="19">
        <v>1</v>
      </c>
      <c r="K1395" s="19" t="s">
        <v>514</v>
      </c>
      <c r="L1395" s="19">
        <v>2</v>
      </c>
      <c r="M1395" s="19">
        <v>2</v>
      </c>
      <c r="N1395" s="25"/>
      <c r="O1395" s="257"/>
    </row>
    <row r="1396" spans="1:15" ht="18.75" hidden="1" customHeight="1">
      <c r="C1396" s="33"/>
      <c r="D1396" s="33"/>
      <c r="E1396" s="19" t="s">
        <v>98</v>
      </c>
      <c r="F1396" s="19">
        <v>662</v>
      </c>
      <c r="G1396" s="19" t="s">
        <v>97</v>
      </c>
      <c r="H1396" s="19" t="s">
        <v>17</v>
      </c>
      <c r="I1396" s="19" t="s">
        <v>96</v>
      </c>
      <c r="J1396" s="19">
        <v>1</v>
      </c>
      <c r="K1396" s="19" t="s">
        <v>514</v>
      </c>
      <c r="L1396" s="19">
        <v>1</v>
      </c>
      <c r="M1396" s="19">
        <v>1</v>
      </c>
      <c r="N1396" s="25"/>
      <c r="O1396" s="257"/>
    </row>
    <row r="1397" spans="1:15" ht="18.75" hidden="1" customHeight="1">
      <c r="C1397" s="33"/>
      <c r="D1397" s="33"/>
      <c r="E1397" s="8" t="s">
        <v>95</v>
      </c>
      <c r="F1397" s="8">
        <v>235</v>
      </c>
      <c r="G1397" s="8" t="s">
        <v>90</v>
      </c>
      <c r="H1397" s="8" t="s">
        <v>78</v>
      </c>
      <c r="I1397" s="8" t="s">
        <v>71</v>
      </c>
      <c r="J1397" s="8">
        <v>1</v>
      </c>
      <c r="K1397" s="8" t="s">
        <v>514</v>
      </c>
      <c r="L1397" s="8">
        <v>2</v>
      </c>
      <c r="M1397" s="8">
        <v>2</v>
      </c>
      <c r="N1397" s="70" t="s">
        <v>624</v>
      </c>
      <c r="O1397" s="257"/>
    </row>
    <row r="1398" spans="1:15" ht="18.75" hidden="1" customHeight="1">
      <c r="E1398" s="8" t="s">
        <v>94</v>
      </c>
      <c r="F1398" s="8">
        <v>234</v>
      </c>
      <c r="G1398" s="8" t="s">
        <v>88</v>
      </c>
      <c r="H1398" s="8" t="s">
        <v>78</v>
      </c>
      <c r="I1398" s="8" t="s">
        <v>71</v>
      </c>
      <c r="J1398" s="8">
        <v>1</v>
      </c>
      <c r="K1398" s="8" t="s">
        <v>509</v>
      </c>
      <c r="L1398" s="8">
        <v>1</v>
      </c>
      <c r="M1398" s="8">
        <v>48</v>
      </c>
      <c r="N1398" s="70"/>
      <c r="O1398" s="257"/>
    </row>
    <row r="1399" spans="1:15" ht="18.75" hidden="1" customHeight="1">
      <c r="E1399" s="8" t="s">
        <v>93</v>
      </c>
      <c r="F1399" s="8">
        <v>235</v>
      </c>
      <c r="G1399" s="8" t="s">
        <v>90</v>
      </c>
      <c r="H1399" s="8" t="s">
        <v>78</v>
      </c>
      <c r="I1399" s="8" t="s">
        <v>71</v>
      </c>
      <c r="J1399" s="8">
        <v>1</v>
      </c>
      <c r="K1399" s="8" t="s">
        <v>514</v>
      </c>
      <c r="L1399" s="8">
        <v>2</v>
      </c>
      <c r="M1399" s="8">
        <v>2</v>
      </c>
      <c r="N1399" s="70" t="s">
        <v>624</v>
      </c>
      <c r="O1399" s="257"/>
    </row>
    <row r="1400" spans="1:15" ht="18.75" hidden="1" customHeight="1">
      <c r="E1400" s="8" t="s">
        <v>92</v>
      </c>
      <c r="F1400" s="8">
        <v>234</v>
      </c>
      <c r="G1400" s="8" t="s">
        <v>88</v>
      </c>
      <c r="H1400" s="8" t="s">
        <v>78</v>
      </c>
      <c r="I1400" s="8" t="s">
        <v>71</v>
      </c>
      <c r="J1400" s="8">
        <v>1</v>
      </c>
      <c r="K1400" s="8" t="s">
        <v>509</v>
      </c>
      <c r="L1400" s="8">
        <v>1</v>
      </c>
      <c r="M1400" s="8">
        <v>48</v>
      </c>
      <c r="N1400" s="70"/>
      <c r="O1400" s="257"/>
    </row>
    <row r="1401" spans="1:15" ht="18.75" hidden="1" customHeight="1">
      <c r="E1401" s="8" t="s">
        <v>91</v>
      </c>
      <c r="F1401" s="8">
        <v>235</v>
      </c>
      <c r="G1401" s="8" t="s">
        <v>90</v>
      </c>
      <c r="H1401" s="8" t="s">
        <v>78</v>
      </c>
      <c r="I1401" s="8" t="s">
        <v>71</v>
      </c>
      <c r="J1401" s="8">
        <v>1</v>
      </c>
      <c r="K1401" s="8" t="s">
        <v>514</v>
      </c>
      <c r="L1401" s="8">
        <v>2</v>
      </c>
      <c r="M1401" s="8">
        <v>2</v>
      </c>
      <c r="N1401" s="70" t="s">
        <v>624</v>
      </c>
      <c r="O1401" s="257"/>
    </row>
    <row r="1402" spans="1:15" ht="18.75" hidden="1" customHeight="1">
      <c r="E1402" s="8" t="s">
        <v>89</v>
      </c>
      <c r="F1402" s="8">
        <v>234</v>
      </c>
      <c r="G1402" s="8" t="s">
        <v>88</v>
      </c>
      <c r="H1402" s="8" t="s">
        <v>78</v>
      </c>
      <c r="I1402" s="8" t="s">
        <v>71</v>
      </c>
      <c r="J1402" s="8">
        <v>1</v>
      </c>
      <c r="K1402" s="8" t="s">
        <v>509</v>
      </c>
      <c r="L1402" s="8">
        <v>1</v>
      </c>
      <c r="M1402" s="8">
        <v>48</v>
      </c>
      <c r="N1402" s="70"/>
      <c r="O1402" s="257"/>
    </row>
    <row r="1403" spans="1:15" ht="18.75" hidden="1" customHeight="1">
      <c r="A1403" s="17"/>
      <c r="B1403" s="17"/>
      <c r="C1403" s="17" t="s">
        <v>87</v>
      </c>
      <c r="D1403" s="139" t="s">
        <v>515</v>
      </c>
      <c r="E1403" s="17"/>
      <c r="F1403" s="17"/>
      <c r="G1403" s="17"/>
      <c r="H1403" s="17" t="s">
        <v>17</v>
      </c>
      <c r="I1403" s="17" t="s">
        <v>71</v>
      </c>
      <c r="J1403" s="17" t="s">
        <v>525</v>
      </c>
      <c r="K1403" s="17"/>
      <c r="L1403" s="17"/>
      <c r="M1403" s="17"/>
      <c r="N1403" s="138"/>
      <c r="O1403" s="257"/>
    </row>
    <row r="1404" spans="1:15" ht="18.75" hidden="1" customHeight="1">
      <c r="E1404" s="8" t="s">
        <v>86</v>
      </c>
      <c r="F1404" s="8">
        <v>933</v>
      </c>
      <c r="G1404" s="8" t="s">
        <v>85</v>
      </c>
      <c r="H1404" s="8" t="s">
        <v>66</v>
      </c>
      <c r="I1404" s="8" t="s">
        <v>65</v>
      </c>
      <c r="J1404" s="8">
        <v>1</v>
      </c>
      <c r="K1404" s="8" t="s">
        <v>509</v>
      </c>
      <c r="L1404" s="8">
        <v>1</v>
      </c>
      <c r="M1404" s="8">
        <v>264</v>
      </c>
      <c r="O1404" s="257"/>
    </row>
    <row r="1405" spans="1:15" ht="18.75" hidden="1" customHeight="1">
      <c r="A1405" s="17"/>
      <c r="B1405" s="17"/>
      <c r="C1405" s="17" t="s">
        <v>84</v>
      </c>
      <c r="D1405" s="139" t="s">
        <v>428</v>
      </c>
      <c r="E1405" s="17"/>
      <c r="F1405" s="17"/>
      <c r="G1405" s="17"/>
      <c r="H1405" s="17" t="s">
        <v>17</v>
      </c>
      <c r="I1405" s="17" t="s">
        <v>71</v>
      </c>
      <c r="J1405" s="17">
        <v>10</v>
      </c>
      <c r="K1405" s="17"/>
      <c r="L1405" s="17"/>
      <c r="M1405" s="17"/>
      <c r="N1405" s="138"/>
      <c r="O1405" s="257"/>
    </row>
    <row r="1406" spans="1:15" ht="18.75" hidden="1" customHeight="1">
      <c r="E1406" s="8" t="s">
        <v>83</v>
      </c>
      <c r="F1406" s="8">
        <v>374</v>
      </c>
      <c r="G1406" s="8" t="s">
        <v>82</v>
      </c>
      <c r="H1406" s="8" t="s">
        <v>66</v>
      </c>
      <c r="I1406" s="8" t="s">
        <v>65</v>
      </c>
      <c r="J1406" s="8">
        <v>1</v>
      </c>
      <c r="K1406" s="8" t="s">
        <v>514</v>
      </c>
      <c r="L1406" s="8">
        <v>3</v>
      </c>
      <c r="M1406" s="8">
        <v>3</v>
      </c>
      <c r="N1406" s="72" t="s">
        <v>746</v>
      </c>
      <c r="O1406" s="257"/>
    </row>
    <row r="1407" spans="1:15" ht="18.75" hidden="1" customHeight="1">
      <c r="E1407" s="8" t="s">
        <v>81</v>
      </c>
      <c r="F1407" s="8">
        <v>373</v>
      </c>
      <c r="G1407" s="8" t="s">
        <v>1</v>
      </c>
      <c r="H1407" s="8" t="s">
        <v>78</v>
      </c>
      <c r="I1407" s="8" t="s">
        <v>71</v>
      </c>
      <c r="J1407" s="8">
        <v>1</v>
      </c>
      <c r="K1407" s="8" t="s">
        <v>519</v>
      </c>
      <c r="L1407" s="8">
        <v>8</v>
      </c>
      <c r="M1407" s="8">
        <v>8</v>
      </c>
      <c r="O1407" s="257"/>
    </row>
    <row r="1408" spans="1:15" ht="18.75" hidden="1" customHeight="1">
      <c r="E1408" s="8" t="s">
        <v>80</v>
      </c>
      <c r="F1408" s="8">
        <v>337</v>
      </c>
      <c r="G1408" s="8" t="s">
        <v>79</v>
      </c>
      <c r="H1408" s="8" t="s">
        <v>78</v>
      </c>
      <c r="I1408" s="8" t="s">
        <v>71</v>
      </c>
      <c r="J1408" s="8">
        <v>1</v>
      </c>
      <c r="K1408" s="8" t="s">
        <v>518</v>
      </c>
      <c r="L1408" s="8">
        <v>4</v>
      </c>
      <c r="M1408" s="8">
        <v>8</v>
      </c>
      <c r="O1408" s="257"/>
    </row>
    <row r="1409" spans="1:15" ht="18.75" hidden="1" customHeight="1">
      <c r="E1409" s="8" t="s">
        <v>77</v>
      </c>
      <c r="F1409" s="8">
        <v>623</v>
      </c>
      <c r="G1409" s="8" t="s">
        <v>76</v>
      </c>
      <c r="H1409" s="8" t="s">
        <v>17</v>
      </c>
      <c r="I1409" s="8" t="s">
        <v>71</v>
      </c>
      <c r="J1409" s="8">
        <v>1</v>
      </c>
      <c r="K1409" s="8" t="s">
        <v>514</v>
      </c>
      <c r="L1409" s="8">
        <v>2</v>
      </c>
      <c r="M1409" s="8">
        <v>2</v>
      </c>
      <c r="N1409" s="70" t="s">
        <v>624</v>
      </c>
      <c r="O1409" s="257"/>
    </row>
    <row r="1410" spans="1:15" ht="18.75" hidden="1" customHeight="1">
      <c r="A1410" s="75" t="s">
        <v>177</v>
      </c>
      <c r="B1410" s="142" t="s">
        <v>126</v>
      </c>
      <c r="C1410" s="75"/>
      <c r="D1410" s="142"/>
      <c r="E1410" s="75"/>
      <c r="F1410" s="75"/>
      <c r="G1410" s="75"/>
      <c r="H1410" s="75" t="s">
        <v>17</v>
      </c>
      <c r="I1410" s="75" t="s">
        <v>71</v>
      </c>
      <c r="J1410" s="75" t="s">
        <v>525</v>
      </c>
      <c r="K1410" s="75"/>
      <c r="L1410" s="75"/>
      <c r="M1410" s="75"/>
      <c r="N1410" s="78"/>
      <c r="O1410" s="257"/>
    </row>
    <row r="1411" spans="1:15" ht="18.75" hidden="1" customHeight="1">
      <c r="A1411" s="75"/>
      <c r="B1411" s="75"/>
      <c r="C1411" s="75" t="s">
        <v>177</v>
      </c>
      <c r="D1411" s="142" t="s">
        <v>126</v>
      </c>
      <c r="E1411" s="75"/>
      <c r="F1411" s="75"/>
      <c r="G1411" s="75"/>
      <c r="H1411" s="75" t="s">
        <v>66</v>
      </c>
      <c r="I1411" s="75" t="s">
        <v>65</v>
      </c>
      <c r="J1411" s="75">
        <v>1</v>
      </c>
      <c r="K1411" s="75"/>
      <c r="L1411" s="75"/>
      <c r="M1411" s="75"/>
      <c r="N1411" s="78"/>
      <c r="O1411" s="257"/>
    </row>
    <row r="1412" spans="1:15" ht="18.75" hidden="1" customHeight="1">
      <c r="A1412" s="33"/>
      <c r="B1412" s="33"/>
      <c r="C1412" s="11"/>
      <c r="D1412" s="33"/>
      <c r="E1412" s="11" t="s">
        <v>176</v>
      </c>
      <c r="F1412" s="11">
        <v>128</v>
      </c>
      <c r="G1412" s="11" t="s">
        <v>128</v>
      </c>
      <c r="H1412" s="11" t="s">
        <v>66</v>
      </c>
      <c r="I1412" s="11" t="s">
        <v>65</v>
      </c>
      <c r="J1412" s="11">
        <v>1</v>
      </c>
      <c r="K1412" s="11" t="s">
        <v>514</v>
      </c>
      <c r="L1412" s="11">
        <v>2</v>
      </c>
      <c r="M1412" s="11">
        <v>3</v>
      </c>
      <c r="N1412" s="18" t="s">
        <v>755</v>
      </c>
      <c r="O1412" s="257"/>
    </row>
    <row r="1413" spans="1:15" ht="18.75" hidden="1" customHeight="1">
      <c r="A1413" s="33"/>
      <c r="B1413" s="33"/>
      <c r="C1413" s="11"/>
      <c r="D1413" s="33"/>
      <c r="E1413" s="11" t="s">
        <v>175</v>
      </c>
      <c r="F1413" s="11">
        <v>127</v>
      </c>
      <c r="G1413" s="11" t="s">
        <v>126</v>
      </c>
      <c r="H1413" s="11" t="s">
        <v>78</v>
      </c>
      <c r="I1413" s="11" t="s">
        <v>71</v>
      </c>
      <c r="J1413" s="11">
        <v>1</v>
      </c>
      <c r="K1413" s="11" t="s">
        <v>509</v>
      </c>
      <c r="L1413" s="11">
        <v>1</v>
      </c>
      <c r="M1413" s="11">
        <v>30</v>
      </c>
      <c r="N1413" s="18" t="s">
        <v>917</v>
      </c>
      <c r="O1413" s="257"/>
    </row>
    <row r="1414" spans="1:15" ht="18.75" hidden="1" customHeight="1">
      <c r="A1414" s="33"/>
      <c r="B1414" s="33"/>
      <c r="C1414" s="11"/>
      <c r="D1414" s="33"/>
      <c r="E1414" s="11" t="s">
        <v>173</v>
      </c>
      <c r="F1414" s="11">
        <v>369</v>
      </c>
      <c r="G1414" s="11" t="s">
        <v>172</v>
      </c>
      <c r="H1414" s="11" t="s">
        <v>78</v>
      </c>
      <c r="I1414" s="11" t="s">
        <v>71</v>
      </c>
      <c r="J1414" s="11">
        <v>1</v>
      </c>
      <c r="K1414" s="11" t="s">
        <v>509</v>
      </c>
      <c r="L1414" s="11">
        <v>1</v>
      </c>
      <c r="M1414" s="11">
        <v>45</v>
      </c>
      <c r="N1414" s="18"/>
      <c r="O1414" s="257"/>
    </row>
    <row r="1415" spans="1:15" ht="18.75" hidden="1" customHeight="1">
      <c r="A1415" s="75" t="s">
        <v>177</v>
      </c>
      <c r="B1415" s="142" t="s">
        <v>126</v>
      </c>
      <c r="C1415" s="75"/>
      <c r="D1415" s="142"/>
      <c r="E1415" s="75"/>
      <c r="F1415" s="75"/>
      <c r="G1415" s="75"/>
      <c r="H1415" s="75" t="s">
        <v>17</v>
      </c>
      <c r="I1415" s="75" t="s">
        <v>71</v>
      </c>
      <c r="J1415" s="75" t="s">
        <v>525</v>
      </c>
      <c r="K1415" s="75"/>
      <c r="L1415" s="75"/>
      <c r="M1415" s="75"/>
      <c r="N1415" s="78"/>
      <c r="O1415" s="257"/>
    </row>
    <row r="1416" spans="1:15" ht="18.75" hidden="1" customHeight="1">
      <c r="A1416" s="75"/>
      <c r="B1416" s="75"/>
      <c r="C1416" s="75" t="s">
        <v>177</v>
      </c>
      <c r="D1416" s="142" t="s">
        <v>126</v>
      </c>
      <c r="E1416" s="75"/>
      <c r="F1416" s="75"/>
      <c r="G1416" s="75"/>
      <c r="H1416" s="75" t="s">
        <v>66</v>
      </c>
      <c r="I1416" s="75" t="s">
        <v>65</v>
      </c>
      <c r="J1416" s="75">
        <v>1</v>
      </c>
      <c r="K1416" s="75"/>
      <c r="L1416" s="75"/>
      <c r="M1416" s="75"/>
      <c r="N1416" s="78"/>
      <c r="O1416" s="257"/>
    </row>
    <row r="1417" spans="1:15" ht="18.75" hidden="1" customHeight="1">
      <c r="A1417" s="33"/>
      <c r="B1417" s="33"/>
      <c r="C1417" s="11"/>
      <c r="D1417" s="33"/>
      <c r="E1417" s="11" t="s">
        <v>176</v>
      </c>
      <c r="F1417" s="11">
        <v>128</v>
      </c>
      <c r="G1417" s="11" t="s">
        <v>128</v>
      </c>
      <c r="H1417" s="11" t="s">
        <v>66</v>
      </c>
      <c r="I1417" s="11" t="s">
        <v>65</v>
      </c>
      <c r="J1417" s="11">
        <v>1</v>
      </c>
      <c r="K1417" s="11" t="s">
        <v>514</v>
      </c>
      <c r="L1417" s="11">
        <v>2</v>
      </c>
      <c r="M1417" s="11">
        <v>3</v>
      </c>
      <c r="N1417" s="18" t="s">
        <v>689</v>
      </c>
      <c r="O1417" s="257"/>
    </row>
    <row r="1418" spans="1:15" ht="18.75" hidden="1" customHeight="1">
      <c r="A1418" s="33"/>
      <c r="B1418" s="33"/>
      <c r="C1418" s="11"/>
      <c r="D1418" s="33"/>
      <c r="E1418" s="19" t="s">
        <v>175</v>
      </c>
      <c r="F1418" s="19">
        <v>127</v>
      </c>
      <c r="G1418" s="19" t="s">
        <v>126</v>
      </c>
      <c r="H1418" s="19" t="s">
        <v>78</v>
      </c>
      <c r="I1418" s="19" t="s">
        <v>71</v>
      </c>
      <c r="J1418" s="19">
        <v>1</v>
      </c>
      <c r="K1418" s="19" t="s">
        <v>509</v>
      </c>
      <c r="L1418" s="19">
        <v>1</v>
      </c>
      <c r="M1418" s="19">
        <v>30</v>
      </c>
      <c r="N1418" s="18"/>
      <c r="O1418" s="257"/>
    </row>
    <row r="1419" spans="1:15" ht="18.75" hidden="1" customHeight="1">
      <c r="A1419" s="33"/>
      <c r="B1419" s="33"/>
      <c r="C1419" s="11"/>
      <c r="D1419" s="33"/>
      <c r="E1419" s="11" t="s">
        <v>173</v>
      </c>
      <c r="F1419" s="11">
        <v>369</v>
      </c>
      <c r="G1419" s="11" t="s">
        <v>172</v>
      </c>
      <c r="H1419" s="11" t="s">
        <v>78</v>
      </c>
      <c r="I1419" s="11" t="s">
        <v>71</v>
      </c>
      <c r="J1419" s="11">
        <v>1</v>
      </c>
      <c r="K1419" s="11" t="s">
        <v>509</v>
      </c>
      <c r="L1419" s="11">
        <v>1</v>
      </c>
      <c r="M1419" s="11">
        <v>45</v>
      </c>
      <c r="N1419" s="18"/>
      <c r="O1419" s="257"/>
    </row>
    <row r="1420" spans="1:15" ht="18.75" hidden="1" customHeight="1">
      <c r="A1420" s="75" t="s">
        <v>177</v>
      </c>
      <c r="B1420" s="142" t="s">
        <v>126</v>
      </c>
      <c r="C1420" s="75"/>
      <c r="D1420" s="142"/>
      <c r="E1420" s="75"/>
      <c r="F1420" s="75"/>
      <c r="G1420" s="75"/>
      <c r="H1420" s="75" t="s">
        <v>17</v>
      </c>
      <c r="I1420" s="75" t="s">
        <v>71</v>
      </c>
      <c r="J1420" s="75" t="s">
        <v>525</v>
      </c>
      <c r="K1420" s="75"/>
      <c r="L1420" s="75"/>
      <c r="M1420" s="75"/>
      <c r="N1420" s="78"/>
      <c r="O1420" s="257"/>
    </row>
    <row r="1421" spans="1:15" ht="18.75" hidden="1" customHeight="1">
      <c r="A1421" s="75"/>
      <c r="B1421" s="75"/>
      <c r="C1421" s="75" t="s">
        <v>177</v>
      </c>
      <c r="D1421" s="142" t="s">
        <v>126</v>
      </c>
      <c r="E1421" s="75"/>
      <c r="F1421" s="75"/>
      <c r="G1421" s="75"/>
      <c r="H1421" s="75" t="s">
        <v>66</v>
      </c>
      <c r="I1421" s="75" t="s">
        <v>65</v>
      </c>
      <c r="J1421" s="75">
        <v>1</v>
      </c>
      <c r="K1421" s="75"/>
      <c r="L1421" s="75"/>
      <c r="M1421" s="75"/>
      <c r="N1421" s="78"/>
      <c r="O1421" s="257"/>
    </row>
    <row r="1422" spans="1:15" ht="18.75" hidden="1" customHeight="1">
      <c r="A1422" s="33"/>
      <c r="B1422" s="33"/>
      <c r="C1422" s="11"/>
      <c r="D1422" s="33"/>
      <c r="E1422" s="11" t="s">
        <v>176</v>
      </c>
      <c r="F1422" s="11">
        <v>128</v>
      </c>
      <c r="G1422" s="11" t="s">
        <v>128</v>
      </c>
      <c r="H1422" s="11" t="s">
        <v>66</v>
      </c>
      <c r="I1422" s="11" t="s">
        <v>65</v>
      </c>
      <c r="J1422" s="11">
        <v>1</v>
      </c>
      <c r="K1422" s="11" t="s">
        <v>514</v>
      </c>
      <c r="L1422" s="11">
        <v>2</v>
      </c>
      <c r="M1422" s="11">
        <v>3</v>
      </c>
      <c r="N1422" s="18" t="s">
        <v>719</v>
      </c>
      <c r="O1422" s="257"/>
    </row>
    <row r="1423" spans="1:15" ht="18.75" hidden="1" customHeight="1">
      <c r="A1423" s="33"/>
      <c r="B1423" s="33"/>
      <c r="C1423" s="11"/>
      <c r="D1423" s="33"/>
      <c r="E1423" s="19" t="s">
        <v>175</v>
      </c>
      <c r="F1423" s="19">
        <v>127</v>
      </c>
      <c r="G1423" s="19" t="s">
        <v>126</v>
      </c>
      <c r="H1423" s="19" t="s">
        <v>78</v>
      </c>
      <c r="I1423" s="19" t="s">
        <v>71</v>
      </c>
      <c r="J1423" s="19">
        <v>1</v>
      </c>
      <c r="K1423" s="19" t="s">
        <v>509</v>
      </c>
      <c r="L1423" s="19">
        <v>1</v>
      </c>
      <c r="M1423" s="19">
        <v>30</v>
      </c>
      <c r="N1423" s="18"/>
      <c r="O1423" s="257"/>
    </row>
    <row r="1424" spans="1:15" ht="18.75" hidden="1" customHeight="1">
      <c r="A1424" s="33"/>
      <c r="B1424" s="33"/>
      <c r="C1424" s="11"/>
      <c r="D1424" s="33"/>
      <c r="E1424" s="11" t="s">
        <v>173</v>
      </c>
      <c r="F1424" s="11">
        <v>369</v>
      </c>
      <c r="G1424" s="11" t="s">
        <v>172</v>
      </c>
      <c r="H1424" s="11" t="s">
        <v>78</v>
      </c>
      <c r="I1424" s="11" t="s">
        <v>71</v>
      </c>
      <c r="J1424" s="11">
        <v>1</v>
      </c>
      <c r="K1424" s="11" t="s">
        <v>509</v>
      </c>
      <c r="L1424" s="11">
        <v>1</v>
      </c>
      <c r="M1424" s="11">
        <v>45</v>
      </c>
      <c r="N1424" s="18"/>
      <c r="O1424" s="257"/>
    </row>
    <row r="1425" spans="1:16" customFormat="1">
      <c r="A1425" s="75" t="s">
        <v>75</v>
      </c>
      <c r="B1425" s="51" t="s">
        <v>429</v>
      </c>
      <c r="C1425" s="75"/>
      <c r="D1425" s="51"/>
      <c r="E1425" s="75"/>
      <c r="F1425" s="75"/>
      <c r="G1425" s="75"/>
      <c r="H1425" s="75" t="s">
        <v>17</v>
      </c>
      <c r="I1425" s="75" t="s">
        <v>71</v>
      </c>
      <c r="J1425" s="75">
        <v>1</v>
      </c>
      <c r="K1425" s="75"/>
      <c r="L1425" s="75"/>
      <c r="M1425" s="75"/>
      <c r="N1425" s="75"/>
      <c r="O1425" s="257" t="s">
        <v>1960</v>
      </c>
      <c r="P1425" s="257"/>
    </row>
    <row r="1426" spans="1:16">
      <c r="A1426" s="17"/>
      <c r="B1426" s="17"/>
      <c r="C1426" s="17" t="s">
        <v>72</v>
      </c>
      <c r="D1426" s="139" t="s">
        <v>67</v>
      </c>
      <c r="E1426" s="17"/>
      <c r="F1426" s="17"/>
      <c r="G1426" s="17"/>
      <c r="H1426" s="17" t="s">
        <v>17</v>
      </c>
      <c r="I1426" s="17" t="s">
        <v>71</v>
      </c>
      <c r="J1426" s="17">
        <v>1</v>
      </c>
      <c r="K1426" s="17"/>
      <c r="L1426" s="17"/>
      <c r="M1426" s="17"/>
      <c r="N1426" s="138"/>
      <c r="O1426" s="257" t="s">
        <v>1961</v>
      </c>
    </row>
    <row r="1427" spans="1:16">
      <c r="E1427" s="8" t="s">
        <v>70</v>
      </c>
      <c r="F1427" s="8">
        <v>522</v>
      </c>
      <c r="G1427" s="8" t="s">
        <v>69</v>
      </c>
      <c r="H1427" s="8" t="s">
        <v>66</v>
      </c>
      <c r="I1427" s="8" t="s">
        <v>747</v>
      </c>
      <c r="J1427" s="8">
        <v>1</v>
      </c>
      <c r="K1427" s="8" t="s">
        <v>514</v>
      </c>
      <c r="L1427" s="8">
        <v>1</v>
      </c>
      <c r="M1427" s="8">
        <v>3</v>
      </c>
      <c r="N1427" s="72" t="s">
        <v>748</v>
      </c>
      <c r="O1427" s="257"/>
    </row>
    <row r="1428" spans="1:16">
      <c r="E1428" s="8" t="s">
        <v>68</v>
      </c>
      <c r="F1428" s="8">
        <v>782</v>
      </c>
      <c r="G1428" s="8" t="s">
        <v>67</v>
      </c>
      <c r="H1428" s="8" t="s">
        <v>66</v>
      </c>
      <c r="I1428" s="8" t="s">
        <v>65</v>
      </c>
      <c r="J1428" s="8">
        <v>1</v>
      </c>
      <c r="K1428" s="8" t="s">
        <v>438</v>
      </c>
      <c r="L1428" s="8">
        <v>1</v>
      </c>
      <c r="M1428" s="8">
        <v>18</v>
      </c>
      <c r="O1428" s="257"/>
    </row>
    <row r="1429" spans="1:16">
      <c r="O1429" s="257"/>
    </row>
    <row r="1430" spans="1:16">
      <c r="O1430" s="257"/>
    </row>
    <row r="1431" spans="1:16">
      <c r="O1431" s="257"/>
    </row>
    <row r="1432" spans="1:16">
      <c r="O1432" s="257"/>
    </row>
    <row r="1433" spans="1:16">
      <c r="O1433" s="257"/>
    </row>
    <row r="1434" spans="1:16">
      <c r="O1434" s="257"/>
    </row>
    <row r="1435" spans="1:16">
      <c r="O1435" s="257"/>
    </row>
    <row r="1436" spans="1:16">
      <c r="O1436" s="257"/>
    </row>
    <row r="1437" spans="1:16">
      <c r="O1437" s="257"/>
    </row>
    <row r="1438" spans="1:16">
      <c r="O1438" s="257"/>
    </row>
    <row r="1439" spans="1:16">
      <c r="O1439" s="257"/>
    </row>
    <row r="1440" spans="1:16">
      <c r="O1440" s="257"/>
    </row>
    <row r="1441" spans="15:15">
      <c r="O1441" s="257"/>
    </row>
    <row r="1442" spans="15:15">
      <c r="O1442" s="257"/>
    </row>
    <row r="1443" spans="15:15">
      <c r="O1443" s="257"/>
    </row>
    <row r="1444" spans="15:15">
      <c r="O1444" s="257"/>
    </row>
    <row r="1445" spans="15:15">
      <c r="O1445" s="257"/>
    </row>
    <row r="1525" spans="15:15">
      <c r="O1525" s="252"/>
    </row>
    <row r="1526" spans="15:15">
      <c r="O1526" s="252"/>
    </row>
    <row r="1527" spans="15:15">
      <c r="O1527" s="253"/>
    </row>
    <row r="1528" spans="15:15">
      <c r="O1528" s="253"/>
    </row>
    <row r="1529" spans="15:15">
      <c r="O1529" s="253"/>
    </row>
    <row r="1530" spans="15:15">
      <c r="O1530" s="253"/>
    </row>
    <row r="1531" spans="15:15">
      <c r="O1531" s="253"/>
    </row>
    <row r="1532" spans="15:15">
      <c r="O1532" s="253"/>
    </row>
    <row r="1533" spans="15:15">
      <c r="O1533" s="253"/>
    </row>
    <row r="1534" spans="15:15">
      <c r="O1534" s="252"/>
    </row>
    <row r="1535" spans="15:15">
      <c r="O1535" s="252"/>
    </row>
    <row r="1536" spans="15:15">
      <c r="O1536" s="252"/>
    </row>
    <row r="1537" spans="15:15">
      <c r="O1537" s="253"/>
    </row>
    <row r="1538" spans="15:15">
      <c r="O1538" s="253"/>
    </row>
    <row r="1539" spans="15:15">
      <c r="O1539" s="253"/>
    </row>
    <row r="1540" spans="15:15">
      <c r="O1540" s="253"/>
    </row>
    <row r="1541" spans="15:15">
      <c r="O1541" s="253"/>
    </row>
    <row r="1542" spans="15:15">
      <c r="O1542" s="253"/>
    </row>
    <row r="1543" spans="15:15">
      <c r="O1543" s="253"/>
    </row>
    <row r="1544" spans="15:15">
      <c r="O1544" s="252"/>
    </row>
    <row r="1545" spans="15:15">
      <c r="O1545" s="253"/>
    </row>
    <row r="1546" spans="15:15">
      <c r="O1546" s="253"/>
    </row>
    <row r="1547" spans="15:15">
      <c r="O1547" s="253"/>
    </row>
    <row r="1548" spans="15:15">
      <c r="O1548" s="253"/>
    </row>
    <row r="1549" spans="15:15">
      <c r="O1549" s="253"/>
    </row>
    <row r="1550" spans="15:15">
      <c r="O1550" s="253"/>
    </row>
    <row r="1551" spans="15:15">
      <c r="O1551" s="253"/>
    </row>
    <row r="1552" spans="15:15">
      <c r="O1552" s="253"/>
    </row>
    <row r="1553" spans="15:15">
      <c r="O1553" s="253"/>
    </row>
    <row r="1622" spans="15:15">
      <c r="O1622" s="254"/>
    </row>
    <row r="1623" spans="15:15">
      <c r="O1623" s="254"/>
    </row>
    <row r="1624" spans="15:15">
      <c r="O1624" s="254"/>
    </row>
    <row r="1625" spans="15:15">
      <c r="O1625" s="254"/>
    </row>
    <row r="1626" spans="15:15">
      <c r="O1626" s="254"/>
    </row>
    <row r="1627" spans="15:15">
      <c r="O1627" s="254"/>
    </row>
    <row r="1828" spans="15:15">
      <c r="O1828" s="251"/>
    </row>
    <row r="1829" spans="15:15">
      <c r="O1829" s="251"/>
    </row>
    <row r="1852" spans="15:15">
      <c r="O1852" s="255"/>
    </row>
    <row r="1853" spans="15:15">
      <c r="O1853" s="255"/>
    </row>
    <row r="1854" spans="15:15">
      <c r="O1854" s="252"/>
    </row>
    <row r="1855" spans="15:15">
      <c r="O1855" s="256"/>
    </row>
    <row r="1881" spans="15:15">
      <c r="O1881" s="251"/>
    </row>
    <row r="1882" spans="15:15">
      <c r="O1882" s="251"/>
    </row>
    <row r="1919" spans="15:15">
      <c r="O1919" s="251"/>
    </row>
    <row r="1920" spans="15:15">
      <c r="O1920" s="251"/>
    </row>
    <row r="2290" spans="15:15">
      <c r="O2290" s="249"/>
    </row>
    <row r="2291" spans="15:15">
      <c r="O2291" s="249"/>
    </row>
    <row r="2292" spans="15:15">
      <c r="O2292" s="249"/>
    </row>
    <row r="2293" spans="15:15">
      <c r="O2293" s="249"/>
    </row>
    <row r="2294" spans="15:15">
      <c r="O2294" s="249"/>
    </row>
    <row r="2295" spans="15:15">
      <c r="O2295" s="249"/>
    </row>
    <row r="2337" spans="15:15">
      <c r="O2337" s="252"/>
    </row>
    <row r="2338" spans="15:15">
      <c r="O2338" s="252"/>
    </row>
    <row r="2339" spans="15:15">
      <c r="O2339" s="252"/>
    </row>
    <row r="2340" spans="15:15">
      <c r="O2340" s="252"/>
    </row>
    <row r="2341" spans="15:15">
      <c r="O2341" s="252"/>
    </row>
    <row r="2342" spans="15:15">
      <c r="O2342" s="252"/>
    </row>
    <row r="2343" spans="15:15">
      <c r="O2343" s="252"/>
    </row>
    <row r="2344" spans="15:15">
      <c r="O2344" s="252"/>
    </row>
    <row r="2345" spans="15:15">
      <c r="O2345" s="252"/>
    </row>
    <row r="2346" spans="15:15">
      <c r="O2346" s="252"/>
    </row>
    <row r="2347" spans="15:15">
      <c r="O2347" s="252"/>
    </row>
    <row r="2348" spans="15:15">
      <c r="O2348" s="252"/>
    </row>
    <row r="2349" spans="15:15">
      <c r="O2349" s="252"/>
    </row>
  </sheetData>
  <mergeCells count="1">
    <mergeCell ref="A2:N2"/>
  </mergeCells>
  <hyperlinks>
    <hyperlink ref="O571" r:id="rId1" xr:uid="{00000000-0004-0000-0600-000000000000}"/>
  </hyperlinks>
  <pageMargins left="0.7" right="0.7" top="0.75" bottom="0.75" header="0.3" footer="0.3"/>
  <pageSetup orientation="portrait" horizontalDpi="300" verticalDpi="0" r:id="rId2"/>
  <customProperties>
    <customPr name="IbpWorksheetKeyString_GUID" r:id="rId3"/>
  </customPropertie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tabColor theme="3"/>
  </sheetPr>
  <dimension ref="A1:U449"/>
  <sheetViews>
    <sheetView topLeftCell="N1" zoomScale="130" zoomScaleNormal="130" zoomScaleSheetLayoutView="85" workbookViewId="0">
      <pane ySplit="1" topLeftCell="A2" activePane="bottomLeft" state="frozen"/>
      <selection activeCell="O1" sqref="O1"/>
      <selection pane="bottomLeft" activeCell="R6" sqref="R6"/>
    </sheetView>
  </sheetViews>
  <sheetFormatPr defaultColWidth="8.5" defaultRowHeight="17.5" outlineLevelRow="1"/>
  <cols>
    <col min="1" max="4" width="5" style="72" customWidth="1"/>
    <col min="5" max="7" width="5" style="8" customWidth="1"/>
    <col min="8" max="8" width="5" style="72" customWidth="1"/>
    <col min="9" max="9" width="7.6640625" style="72" bestFit="1" customWidth="1"/>
    <col min="10" max="10" width="36.5" style="72" bestFit="1" customWidth="1"/>
    <col min="11" max="12" width="10.83203125" style="8" customWidth="1"/>
    <col min="13" max="13" width="10.6640625" style="72" customWidth="1"/>
    <col min="14" max="14" width="4" style="8" customWidth="1"/>
    <col min="15" max="15" width="2" style="72" customWidth="1"/>
    <col min="16" max="16" width="4.6640625" style="72" customWidth="1"/>
    <col min="17" max="17" width="48.33203125" style="72" bestFit="1" customWidth="1"/>
    <col min="18" max="18" width="69.83203125" style="72" customWidth="1"/>
    <col min="19" max="19" width="58.33203125" style="98" customWidth="1"/>
    <col min="20" max="20" width="25.1640625" style="72" customWidth="1"/>
    <col min="21" max="16384" width="8.5" style="72"/>
  </cols>
  <sheetData>
    <row r="1" spans="1:21" s="92" customFormat="1" ht="42">
      <c r="A1" s="42" t="s">
        <v>430</v>
      </c>
      <c r="B1" s="42" t="s">
        <v>415</v>
      </c>
      <c r="C1" s="42" t="s">
        <v>416</v>
      </c>
      <c r="D1" s="42" t="s">
        <v>412</v>
      </c>
      <c r="E1" s="42" t="s">
        <v>431</v>
      </c>
      <c r="F1" s="42" t="s">
        <v>411</v>
      </c>
      <c r="G1" s="42" t="s">
        <v>419</v>
      </c>
      <c r="H1" s="42" t="s">
        <v>420</v>
      </c>
      <c r="I1" s="42" t="s">
        <v>410</v>
      </c>
      <c r="J1" s="42" t="s">
        <v>408</v>
      </c>
      <c r="K1" s="42" t="s">
        <v>407</v>
      </c>
      <c r="L1" s="42" t="s">
        <v>406</v>
      </c>
      <c r="M1" s="42" t="s">
        <v>535</v>
      </c>
      <c r="N1" s="42" t="s">
        <v>534</v>
      </c>
      <c r="O1" s="42" t="s">
        <v>533</v>
      </c>
      <c r="P1" s="42" t="s">
        <v>532</v>
      </c>
      <c r="Q1" s="69" t="s">
        <v>752</v>
      </c>
      <c r="R1" s="69" t="s">
        <v>753</v>
      </c>
      <c r="S1" s="69" t="s">
        <v>0</v>
      </c>
      <c r="T1" s="69"/>
      <c r="U1" s="72"/>
    </row>
    <row r="2" spans="1:21" s="10" customFormat="1">
      <c r="A2" s="154" t="s">
        <v>421</v>
      </c>
      <c r="B2" s="155"/>
      <c r="C2" s="155"/>
      <c r="D2" s="155"/>
      <c r="E2" s="155"/>
      <c r="F2" s="155"/>
      <c r="G2" s="155"/>
      <c r="H2" s="155"/>
      <c r="I2" s="155"/>
      <c r="J2" s="155"/>
      <c r="K2" s="155"/>
      <c r="L2" s="155"/>
      <c r="M2" s="155"/>
      <c r="N2" s="155"/>
      <c r="O2" s="155"/>
      <c r="P2" s="155"/>
      <c r="Q2" s="155"/>
      <c r="S2" s="98"/>
    </row>
    <row r="3" spans="1:21">
      <c r="A3" s="138"/>
      <c r="B3" s="138"/>
      <c r="C3" s="138"/>
      <c r="D3" s="138" t="s">
        <v>405</v>
      </c>
      <c r="E3" s="17" t="s">
        <v>422</v>
      </c>
      <c r="F3" s="17"/>
      <c r="G3" s="17"/>
      <c r="H3" s="138"/>
      <c r="I3" s="138"/>
      <c r="J3" s="138"/>
      <c r="K3" s="17" t="s">
        <v>66</v>
      </c>
      <c r="L3" s="17" t="s">
        <v>65</v>
      </c>
      <c r="M3" s="138">
        <v>1</v>
      </c>
      <c r="N3" s="17"/>
      <c r="O3" s="138"/>
      <c r="P3" s="138"/>
      <c r="Q3" s="156" t="s">
        <v>804</v>
      </c>
      <c r="R3" s="98" t="s">
        <v>1101</v>
      </c>
    </row>
    <row r="4" spans="1:21" hidden="1" outlineLevel="1">
      <c r="H4" s="72">
        <v>1</v>
      </c>
      <c r="I4" s="72">
        <v>143</v>
      </c>
      <c r="J4" s="72" t="s">
        <v>403</v>
      </c>
      <c r="K4" s="8" t="s">
        <v>66</v>
      </c>
      <c r="L4" s="8" t="s">
        <v>65</v>
      </c>
      <c r="M4" s="72">
        <v>1</v>
      </c>
      <c r="N4" s="8" t="s">
        <v>514</v>
      </c>
      <c r="O4" s="72">
        <v>3</v>
      </c>
      <c r="P4" s="72">
        <v>3</v>
      </c>
      <c r="Q4" s="72" t="s">
        <v>805</v>
      </c>
      <c r="R4" s="98"/>
    </row>
    <row r="5" spans="1:21" hidden="1" outlineLevel="1">
      <c r="H5" s="72">
        <v>2</v>
      </c>
      <c r="I5" s="72">
        <v>329</v>
      </c>
      <c r="J5" s="72" t="s">
        <v>401</v>
      </c>
      <c r="K5" s="8" t="s">
        <v>66</v>
      </c>
      <c r="L5" s="8" t="s">
        <v>65</v>
      </c>
      <c r="M5" s="72">
        <v>1</v>
      </c>
      <c r="N5" s="8" t="s">
        <v>509</v>
      </c>
      <c r="O5" s="72">
        <v>4</v>
      </c>
      <c r="P5" s="72">
        <v>9</v>
      </c>
      <c r="R5" s="98"/>
    </row>
    <row r="6" spans="1:21" ht="87.5" collapsed="1">
      <c r="A6" s="138"/>
      <c r="B6" s="138"/>
      <c r="C6" s="138"/>
      <c r="D6" s="138" t="s">
        <v>531</v>
      </c>
      <c r="E6" s="17" t="s">
        <v>530</v>
      </c>
      <c r="F6" s="17"/>
      <c r="G6" s="17"/>
      <c r="H6" s="138"/>
      <c r="I6" s="138"/>
      <c r="J6" s="138"/>
      <c r="K6" s="17" t="s">
        <v>66</v>
      </c>
      <c r="L6" s="17" t="s">
        <v>65</v>
      </c>
      <c r="M6" s="138">
        <v>1</v>
      </c>
      <c r="N6" s="17"/>
      <c r="O6" s="138"/>
      <c r="P6" s="138"/>
      <c r="Q6" s="138"/>
      <c r="R6" s="98" t="s">
        <v>1607</v>
      </c>
      <c r="S6" s="99" t="s">
        <v>1683</v>
      </c>
      <c r="T6" s="98" t="s">
        <v>2</v>
      </c>
    </row>
    <row r="7" spans="1:21" ht="28" hidden="1" outlineLevel="1">
      <c r="H7" s="72">
        <v>1</v>
      </c>
      <c r="I7" s="72">
        <v>353</v>
      </c>
      <c r="J7" s="72" t="s">
        <v>398</v>
      </c>
      <c r="K7" s="8" t="s">
        <v>66</v>
      </c>
      <c r="L7" s="8" t="s">
        <v>65</v>
      </c>
      <c r="M7" s="72">
        <v>1</v>
      </c>
      <c r="N7" s="8" t="s">
        <v>514</v>
      </c>
      <c r="O7" s="72">
        <v>2</v>
      </c>
      <c r="P7" s="72">
        <v>2</v>
      </c>
      <c r="Q7" s="72" t="s">
        <v>806</v>
      </c>
      <c r="R7" s="98"/>
    </row>
    <row r="8" spans="1:21" hidden="1" outlineLevel="1">
      <c r="H8" s="72">
        <v>2</v>
      </c>
      <c r="I8" s="72">
        <v>587</v>
      </c>
      <c r="J8" s="72" t="s">
        <v>529</v>
      </c>
      <c r="K8" s="8" t="s">
        <v>66</v>
      </c>
      <c r="L8" s="8" t="s">
        <v>65</v>
      </c>
      <c r="M8" s="72">
        <v>1</v>
      </c>
      <c r="N8" s="8" t="s">
        <v>514</v>
      </c>
      <c r="O8" s="72">
        <v>2</v>
      </c>
      <c r="P8" s="72">
        <v>2</v>
      </c>
      <c r="Q8" s="70" t="s">
        <v>624</v>
      </c>
      <c r="R8" s="98"/>
    </row>
    <row r="9" spans="1:21" hidden="1" outlineLevel="1">
      <c r="H9" s="72">
        <v>3</v>
      </c>
      <c r="I9" s="72">
        <v>324</v>
      </c>
      <c r="J9" s="72" t="s">
        <v>394</v>
      </c>
      <c r="K9" s="8" t="s">
        <v>66</v>
      </c>
      <c r="L9" s="8" t="s">
        <v>65</v>
      </c>
      <c r="M9" s="72">
        <v>1</v>
      </c>
      <c r="N9" s="8" t="s">
        <v>509</v>
      </c>
      <c r="O9" s="72">
        <v>1</v>
      </c>
      <c r="P9" s="72">
        <v>22</v>
      </c>
      <c r="R9" s="98"/>
    </row>
    <row r="10" spans="1:21" hidden="1" outlineLevel="1">
      <c r="H10" s="72">
        <v>4</v>
      </c>
      <c r="I10" s="72">
        <v>373</v>
      </c>
      <c r="J10" s="72" t="s">
        <v>1</v>
      </c>
      <c r="K10" s="8" t="s">
        <v>66</v>
      </c>
      <c r="L10" s="8" t="s">
        <v>65</v>
      </c>
      <c r="M10" s="72">
        <v>1</v>
      </c>
      <c r="N10" s="8" t="s">
        <v>519</v>
      </c>
      <c r="O10" s="72">
        <v>8</v>
      </c>
      <c r="P10" s="72">
        <v>8</v>
      </c>
      <c r="R10" s="98"/>
    </row>
    <row r="11" spans="1:21" hidden="1" outlineLevel="1">
      <c r="E11" s="72"/>
      <c r="F11" s="72"/>
      <c r="G11" s="72"/>
      <c r="H11" s="25">
        <v>5</v>
      </c>
      <c r="I11" s="25">
        <v>328</v>
      </c>
      <c r="J11" s="25" t="s">
        <v>392</v>
      </c>
      <c r="K11" s="19" t="s">
        <v>17</v>
      </c>
      <c r="L11" s="25" t="s">
        <v>174</v>
      </c>
      <c r="M11" s="25">
        <v>1</v>
      </c>
      <c r="N11" s="19" t="s">
        <v>509</v>
      </c>
      <c r="O11" s="25">
        <v>1</v>
      </c>
      <c r="P11" s="25">
        <v>30</v>
      </c>
      <c r="Q11" s="25"/>
      <c r="R11" s="98"/>
    </row>
    <row r="12" spans="1:21" hidden="1" outlineLevel="1">
      <c r="E12" s="72"/>
      <c r="F12" s="72"/>
      <c r="G12" s="72"/>
      <c r="H12" s="25">
        <v>6</v>
      </c>
      <c r="I12" s="25">
        <v>326</v>
      </c>
      <c r="J12" s="25" t="s">
        <v>214</v>
      </c>
      <c r="K12" s="19" t="s">
        <v>17</v>
      </c>
      <c r="L12" s="25" t="s">
        <v>174</v>
      </c>
      <c r="M12" s="25">
        <v>1</v>
      </c>
      <c r="N12" s="19" t="s">
        <v>509</v>
      </c>
      <c r="O12" s="25">
        <v>1</v>
      </c>
      <c r="P12" s="25">
        <v>45</v>
      </c>
      <c r="Q12" s="25"/>
      <c r="R12" s="98"/>
    </row>
    <row r="13" spans="1:21" hidden="1" outlineLevel="1">
      <c r="E13" s="72"/>
      <c r="F13" s="72"/>
      <c r="G13" s="72"/>
      <c r="H13" s="25">
        <v>7</v>
      </c>
      <c r="I13" s="25">
        <v>367</v>
      </c>
      <c r="J13" s="25" t="s">
        <v>481</v>
      </c>
      <c r="K13" s="19" t="s">
        <v>17</v>
      </c>
      <c r="L13" s="25" t="s">
        <v>174</v>
      </c>
      <c r="M13" s="25">
        <v>1</v>
      </c>
      <c r="N13" s="19" t="s">
        <v>509</v>
      </c>
      <c r="O13" s="25">
        <v>1</v>
      </c>
      <c r="P13" s="25">
        <v>30</v>
      </c>
      <c r="Q13" s="25"/>
      <c r="R13" s="98"/>
    </row>
    <row r="14" spans="1:21" hidden="1" outlineLevel="1">
      <c r="H14" s="72">
        <v>8</v>
      </c>
      <c r="I14" s="72">
        <v>127</v>
      </c>
      <c r="J14" s="72" t="s">
        <v>126</v>
      </c>
      <c r="K14" s="8" t="s">
        <v>17</v>
      </c>
      <c r="L14" s="8" t="s">
        <v>71</v>
      </c>
      <c r="M14" s="72">
        <v>1</v>
      </c>
      <c r="N14" s="8" t="s">
        <v>509</v>
      </c>
      <c r="O14" s="72">
        <v>1</v>
      </c>
      <c r="P14" s="72">
        <v>30</v>
      </c>
      <c r="R14" s="98"/>
    </row>
    <row r="15" spans="1:21" hidden="1" outlineLevel="1">
      <c r="H15" s="72">
        <v>9</v>
      </c>
      <c r="I15" s="72">
        <v>373</v>
      </c>
      <c r="J15" s="72" t="s">
        <v>1</v>
      </c>
      <c r="K15" s="8" t="s">
        <v>17</v>
      </c>
      <c r="L15" s="8" t="s">
        <v>71</v>
      </c>
      <c r="M15" s="72">
        <v>1</v>
      </c>
      <c r="N15" s="8" t="s">
        <v>519</v>
      </c>
      <c r="O15" s="72">
        <v>8</v>
      </c>
      <c r="P15" s="72">
        <v>8</v>
      </c>
      <c r="R15" s="98"/>
    </row>
    <row r="16" spans="1:21" collapsed="1">
      <c r="A16" s="138"/>
      <c r="B16" s="138"/>
      <c r="C16" s="138"/>
      <c r="D16" s="138" t="s">
        <v>252</v>
      </c>
      <c r="E16" s="17" t="s">
        <v>476</v>
      </c>
      <c r="F16" s="17"/>
      <c r="G16" s="17"/>
      <c r="H16" s="138"/>
      <c r="I16" s="138"/>
      <c r="J16" s="138"/>
      <c r="K16" s="17" t="s">
        <v>17</v>
      </c>
      <c r="L16" s="17" t="s">
        <v>71</v>
      </c>
      <c r="M16" s="138">
        <v>1</v>
      </c>
      <c r="N16" s="17"/>
      <c r="O16" s="138"/>
      <c r="P16" s="138"/>
      <c r="Q16" s="138"/>
      <c r="R16" s="98" t="s">
        <v>920</v>
      </c>
      <c r="S16" s="98" t="s">
        <v>476</v>
      </c>
      <c r="T16" s="98" t="s">
        <v>2</v>
      </c>
    </row>
    <row r="17" spans="1:18" hidden="1" outlineLevel="1">
      <c r="H17" s="72">
        <v>1</v>
      </c>
      <c r="I17" s="72">
        <v>98</v>
      </c>
      <c r="J17" s="72" t="s">
        <v>156</v>
      </c>
      <c r="K17" s="8" t="s">
        <v>66</v>
      </c>
      <c r="L17" s="8" t="s">
        <v>65</v>
      </c>
      <c r="M17" s="72">
        <v>1</v>
      </c>
      <c r="N17" s="8" t="s">
        <v>514</v>
      </c>
      <c r="O17" s="72">
        <v>2</v>
      </c>
      <c r="P17" s="72">
        <v>3</v>
      </c>
      <c r="Q17" s="72" t="s">
        <v>623</v>
      </c>
      <c r="R17" s="98"/>
    </row>
    <row r="18" spans="1:18" hidden="1" outlineLevel="1">
      <c r="H18" s="72">
        <v>2</v>
      </c>
      <c r="I18" s="72">
        <v>100</v>
      </c>
      <c r="J18" s="72" t="s">
        <v>249</v>
      </c>
      <c r="K18" s="8" t="s">
        <v>66</v>
      </c>
      <c r="L18" s="8" t="s">
        <v>65</v>
      </c>
      <c r="M18" s="72">
        <v>1</v>
      </c>
      <c r="N18" s="8" t="s">
        <v>514</v>
      </c>
      <c r="O18" s="72">
        <v>3</v>
      </c>
      <c r="P18" s="72">
        <v>3</v>
      </c>
      <c r="R18" s="98"/>
    </row>
    <row r="19" spans="1:18" collapsed="1">
      <c r="A19" s="138"/>
      <c r="B19" s="138"/>
      <c r="C19" s="138"/>
      <c r="D19" s="138" t="s">
        <v>130</v>
      </c>
      <c r="E19" s="17" t="s">
        <v>126</v>
      </c>
      <c r="F19" s="17"/>
      <c r="G19" s="17"/>
      <c r="H19" s="138"/>
      <c r="I19" s="138"/>
      <c r="J19" s="138"/>
      <c r="K19" s="17" t="s">
        <v>17</v>
      </c>
      <c r="L19" s="17" t="s">
        <v>71</v>
      </c>
      <c r="M19" s="138" t="s">
        <v>525</v>
      </c>
      <c r="N19" s="17"/>
      <c r="O19" s="138"/>
      <c r="P19" s="138"/>
      <c r="Q19" s="138"/>
      <c r="R19" s="98"/>
    </row>
    <row r="20" spans="1:18" hidden="1">
      <c r="H20" s="72">
        <v>1</v>
      </c>
      <c r="I20" s="72">
        <v>128</v>
      </c>
      <c r="J20" s="72" t="s">
        <v>128</v>
      </c>
      <c r="K20" s="8" t="s">
        <v>66</v>
      </c>
      <c r="L20" s="8" t="s">
        <v>65</v>
      </c>
      <c r="M20" s="72">
        <v>1</v>
      </c>
      <c r="N20" s="8" t="s">
        <v>514</v>
      </c>
      <c r="O20" s="72">
        <v>2</v>
      </c>
      <c r="P20" s="72">
        <v>3</v>
      </c>
      <c r="Q20" s="72" t="s">
        <v>807</v>
      </c>
      <c r="R20" s="98"/>
    </row>
    <row r="21" spans="1:18" hidden="1">
      <c r="H21" s="72">
        <v>2</v>
      </c>
      <c r="I21" s="72">
        <v>127</v>
      </c>
      <c r="J21" s="72" t="s">
        <v>126</v>
      </c>
      <c r="K21" s="8" t="s">
        <v>78</v>
      </c>
      <c r="L21" s="8" t="s">
        <v>71</v>
      </c>
      <c r="M21" s="72">
        <v>1</v>
      </c>
      <c r="N21" s="8" t="s">
        <v>509</v>
      </c>
      <c r="O21" s="72">
        <v>1</v>
      </c>
      <c r="P21" s="72">
        <v>30</v>
      </c>
      <c r="R21" s="98"/>
    </row>
    <row r="22" spans="1:18" hidden="1">
      <c r="A22" s="138"/>
      <c r="B22" s="138"/>
      <c r="C22" s="138"/>
      <c r="D22" s="138" t="s">
        <v>130</v>
      </c>
      <c r="E22" s="17" t="s">
        <v>126</v>
      </c>
      <c r="F22" s="17"/>
      <c r="G22" s="17"/>
      <c r="H22" s="138"/>
      <c r="I22" s="138"/>
      <c r="J22" s="138"/>
      <c r="K22" s="17" t="s">
        <v>17</v>
      </c>
      <c r="L22" s="17" t="s">
        <v>71</v>
      </c>
      <c r="M22" s="138" t="s">
        <v>525</v>
      </c>
      <c r="N22" s="17"/>
      <c r="O22" s="138"/>
      <c r="P22" s="138"/>
      <c r="Q22" s="138"/>
      <c r="R22" s="98"/>
    </row>
    <row r="23" spans="1:18" hidden="1">
      <c r="H23" s="72">
        <v>1</v>
      </c>
      <c r="I23" s="72">
        <v>128</v>
      </c>
      <c r="J23" s="72" t="s">
        <v>128</v>
      </c>
      <c r="K23" s="8" t="s">
        <v>66</v>
      </c>
      <c r="L23" s="8" t="s">
        <v>65</v>
      </c>
      <c r="M23" s="72">
        <v>1</v>
      </c>
      <c r="N23" s="8" t="s">
        <v>514</v>
      </c>
      <c r="O23" s="72">
        <v>2</v>
      </c>
      <c r="P23" s="72">
        <v>3</v>
      </c>
      <c r="Q23" s="72" t="s">
        <v>808</v>
      </c>
      <c r="R23" s="98"/>
    </row>
    <row r="24" spans="1:18" hidden="1">
      <c r="H24" s="72">
        <v>2</v>
      </c>
      <c r="I24" s="72">
        <v>127</v>
      </c>
      <c r="J24" s="72" t="s">
        <v>126</v>
      </c>
      <c r="K24" s="8" t="s">
        <v>78</v>
      </c>
      <c r="L24" s="8" t="s">
        <v>71</v>
      </c>
      <c r="M24" s="72">
        <v>1</v>
      </c>
      <c r="N24" s="8" t="s">
        <v>509</v>
      </c>
      <c r="O24" s="72">
        <v>1</v>
      </c>
      <c r="P24" s="72">
        <v>30</v>
      </c>
      <c r="R24" s="98"/>
    </row>
    <row r="25" spans="1:18" ht="74.25" hidden="1" customHeight="1">
      <c r="A25" s="138"/>
      <c r="B25" s="138"/>
      <c r="C25" s="138"/>
      <c r="D25" s="78" t="s">
        <v>130</v>
      </c>
      <c r="E25" s="75" t="s">
        <v>126</v>
      </c>
      <c r="F25" s="75"/>
      <c r="G25" s="75"/>
      <c r="H25" s="78"/>
      <c r="I25" s="78"/>
      <c r="J25" s="78"/>
      <c r="K25" s="75" t="s">
        <v>17</v>
      </c>
      <c r="L25" s="17" t="s">
        <v>71</v>
      </c>
      <c r="M25" s="78" t="s">
        <v>525</v>
      </c>
      <c r="N25" s="75"/>
      <c r="O25" s="78"/>
      <c r="P25" s="78"/>
      <c r="Q25" s="78"/>
    </row>
    <row r="26" spans="1:18" hidden="1">
      <c r="A26" s="144"/>
      <c r="B26" s="144"/>
      <c r="C26" s="144"/>
      <c r="D26" s="18"/>
      <c r="E26" s="11"/>
      <c r="F26" s="11"/>
      <c r="G26" s="11"/>
      <c r="H26" s="18">
        <v>1</v>
      </c>
      <c r="I26" s="18">
        <v>128</v>
      </c>
      <c r="J26" s="18" t="s">
        <v>128</v>
      </c>
      <c r="K26" s="11" t="s">
        <v>66</v>
      </c>
      <c r="L26" s="8" t="s">
        <v>65</v>
      </c>
      <c r="M26" s="18">
        <v>1</v>
      </c>
      <c r="N26" s="11" t="s">
        <v>514</v>
      </c>
      <c r="O26" s="18">
        <v>2</v>
      </c>
      <c r="P26" s="18">
        <v>3</v>
      </c>
      <c r="Q26" s="18" t="s">
        <v>643</v>
      </c>
      <c r="R26" s="98"/>
    </row>
    <row r="27" spans="1:18" hidden="1">
      <c r="A27" s="144"/>
      <c r="B27" s="144"/>
      <c r="C27" s="144"/>
      <c r="D27" s="18"/>
      <c r="E27" s="11"/>
      <c r="F27" s="11"/>
      <c r="G27" s="11"/>
      <c r="H27" s="18">
        <v>2</v>
      </c>
      <c r="I27" s="18">
        <v>127</v>
      </c>
      <c r="J27" s="18" t="s">
        <v>126</v>
      </c>
      <c r="K27" s="11" t="s">
        <v>78</v>
      </c>
      <c r="L27" s="8" t="s">
        <v>71</v>
      </c>
      <c r="M27" s="18"/>
      <c r="N27" s="11" t="s">
        <v>509</v>
      </c>
      <c r="O27" s="18">
        <v>1</v>
      </c>
      <c r="P27" s="18">
        <v>30</v>
      </c>
      <c r="Q27" s="18"/>
      <c r="R27" s="98"/>
    </row>
    <row r="28" spans="1:18" hidden="1">
      <c r="A28" s="144"/>
      <c r="B28" s="144"/>
      <c r="C28" s="144"/>
      <c r="D28" s="18"/>
      <c r="E28" s="11"/>
      <c r="F28" s="11"/>
      <c r="G28" s="11"/>
      <c r="H28" s="18">
        <v>3</v>
      </c>
      <c r="I28" s="18">
        <v>352</v>
      </c>
      <c r="J28" s="18" t="s">
        <v>3</v>
      </c>
      <c r="K28" s="11" t="s">
        <v>78</v>
      </c>
      <c r="L28" s="8" t="s">
        <v>71</v>
      </c>
      <c r="M28" s="18"/>
      <c r="N28" s="11" t="s">
        <v>509</v>
      </c>
      <c r="O28" s="18">
        <v>1</v>
      </c>
      <c r="P28" s="18">
        <v>80</v>
      </c>
      <c r="Q28" s="18"/>
      <c r="R28" s="98"/>
    </row>
    <row r="29" spans="1:18" hidden="1">
      <c r="A29" s="138"/>
      <c r="B29" s="138"/>
      <c r="C29" s="138"/>
      <c r="D29" s="138" t="s">
        <v>248</v>
      </c>
      <c r="E29" s="17" t="s">
        <v>472</v>
      </c>
      <c r="F29" s="17"/>
      <c r="G29" s="17"/>
      <c r="H29" s="138"/>
      <c r="I29" s="138"/>
      <c r="J29" s="138"/>
      <c r="K29" s="17" t="s">
        <v>17</v>
      </c>
      <c r="L29" s="17" t="s">
        <v>71</v>
      </c>
      <c r="M29" s="138">
        <v>1</v>
      </c>
      <c r="N29" s="17"/>
      <c r="O29" s="138"/>
      <c r="P29" s="138"/>
      <c r="Q29" s="138"/>
      <c r="R29" s="98"/>
    </row>
    <row r="30" spans="1:18" hidden="1">
      <c r="H30" s="72">
        <v>1</v>
      </c>
      <c r="I30" s="72">
        <v>146</v>
      </c>
      <c r="J30" s="72" t="s">
        <v>246</v>
      </c>
      <c r="K30" s="8" t="s">
        <v>66</v>
      </c>
      <c r="L30" s="8" t="s">
        <v>65</v>
      </c>
      <c r="M30" s="72">
        <v>1</v>
      </c>
      <c r="N30" s="8" t="s">
        <v>514</v>
      </c>
      <c r="O30" s="72">
        <v>2</v>
      </c>
      <c r="P30" s="72">
        <v>2</v>
      </c>
      <c r="Q30" s="72" t="s">
        <v>809</v>
      </c>
      <c r="R30" s="98"/>
    </row>
    <row r="31" spans="1:18" hidden="1">
      <c r="E31" s="72"/>
      <c r="F31" s="72"/>
      <c r="G31" s="72"/>
      <c r="H31" s="25">
        <v>2</v>
      </c>
      <c r="I31" s="25">
        <v>309</v>
      </c>
      <c r="J31" s="25" t="s">
        <v>133</v>
      </c>
      <c r="K31" s="19" t="s">
        <v>78</v>
      </c>
      <c r="L31" s="25" t="s">
        <v>174</v>
      </c>
      <c r="M31" s="25">
        <v>1</v>
      </c>
      <c r="N31" s="19" t="s">
        <v>509</v>
      </c>
      <c r="O31" s="25">
        <v>1</v>
      </c>
      <c r="P31" s="25">
        <v>30</v>
      </c>
      <c r="Q31" s="25"/>
      <c r="R31" s="98"/>
    </row>
    <row r="32" spans="1:18" hidden="1">
      <c r="E32" s="72"/>
      <c r="F32" s="72"/>
      <c r="G32" s="72"/>
      <c r="H32" s="25">
        <v>3</v>
      </c>
      <c r="I32" s="25">
        <v>352</v>
      </c>
      <c r="J32" s="25" t="s">
        <v>3</v>
      </c>
      <c r="K32" s="19" t="s">
        <v>17</v>
      </c>
      <c r="L32" s="25" t="s">
        <v>174</v>
      </c>
      <c r="M32" s="25">
        <v>1</v>
      </c>
      <c r="N32" s="19" t="s">
        <v>509</v>
      </c>
      <c r="O32" s="25">
        <v>1</v>
      </c>
      <c r="P32" s="25">
        <v>30</v>
      </c>
      <c r="Q32" s="25"/>
      <c r="R32" s="98"/>
    </row>
    <row r="33" spans="1:18" hidden="1">
      <c r="H33" s="72">
        <v>4</v>
      </c>
      <c r="I33" s="72">
        <v>334</v>
      </c>
      <c r="J33" s="72" t="s">
        <v>242</v>
      </c>
      <c r="K33" s="8" t="s">
        <v>17</v>
      </c>
      <c r="L33" s="8" t="s">
        <v>71</v>
      </c>
      <c r="M33" s="72">
        <v>1</v>
      </c>
      <c r="N33" s="8" t="s">
        <v>514</v>
      </c>
      <c r="O33" s="72">
        <v>2</v>
      </c>
      <c r="P33" s="72">
        <v>2</v>
      </c>
      <c r="Q33" s="72" t="s">
        <v>730</v>
      </c>
      <c r="R33" s="98"/>
    </row>
    <row r="34" spans="1:18" hidden="1">
      <c r="H34" s="72">
        <v>5</v>
      </c>
      <c r="I34" s="72">
        <v>335</v>
      </c>
      <c r="J34" s="72" t="s">
        <v>240</v>
      </c>
      <c r="K34" s="8" t="s">
        <v>78</v>
      </c>
      <c r="L34" s="8" t="s">
        <v>71</v>
      </c>
      <c r="M34" s="72">
        <v>1</v>
      </c>
      <c r="N34" s="8" t="s">
        <v>514</v>
      </c>
      <c r="O34" s="72">
        <v>3</v>
      </c>
      <c r="P34" s="72">
        <v>3</v>
      </c>
      <c r="Q34" s="70" t="s">
        <v>624</v>
      </c>
      <c r="R34" s="98"/>
    </row>
    <row r="35" spans="1:18" hidden="1">
      <c r="A35" s="138">
        <v>120</v>
      </c>
      <c r="B35" s="138" t="s">
        <v>278</v>
      </c>
      <c r="C35" s="17" t="s">
        <v>524</v>
      </c>
      <c r="D35" s="17"/>
      <c r="E35" s="17"/>
      <c r="F35" s="17"/>
      <c r="G35" s="17"/>
      <c r="H35" s="138"/>
      <c r="I35" s="138"/>
      <c r="J35" s="138"/>
      <c r="K35" s="17" t="s">
        <v>17</v>
      </c>
      <c r="L35" s="17" t="s">
        <v>71</v>
      </c>
      <c r="M35" s="138">
        <v>25</v>
      </c>
      <c r="N35" s="17"/>
      <c r="O35" s="138"/>
      <c r="P35" s="138"/>
      <c r="Q35" s="138"/>
      <c r="R35" s="98"/>
    </row>
    <row r="36" spans="1:18" hidden="1">
      <c r="A36" s="138"/>
      <c r="B36" s="138"/>
      <c r="C36" s="138"/>
      <c r="D36" s="138" t="s">
        <v>278</v>
      </c>
      <c r="E36" s="17" t="s">
        <v>524</v>
      </c>
      <c r="F36" s="17"/>
      <c r="G36" s="17"/>
      <c r="H36" s="138"/>
      <c r="I36" s="138"/>
      <c r="J36" s="138"/>
      <c r="K36" s="17" t="s">
        <v>66</v>
      </c>
      <c r="L36" s="17" t="s">
        <v>65</v>
      </c>
      <c r="M36" s="138">
        <v>1</v>
      </c>
      <c r="N36" s="17"/>
      <c r="O36" s="138"/>
      <c r="P36" s="138"/>
      <c r="Q36" s="138"/>
      <c r="R36" s="98"/>
    </row>
    <row r="37" spans="1:18" hidden="1">
      <c r="H37" s="72">
        <v>1</v>
      </c>
      <c r="I37" s="72">
        <v>248</v>
      </c>
      <c r="J37" s="72" t="s">
        <v>276</v>
      </c>
      <c r="K37" s="8" t="s">
        <v>66</v>
      </c>
      <c r="L37" s="8" t="s">
        <v>65</v>
      </c>
      <c r="M37" s="72">
        <v>1</v>
      </c>
      <c r="N37" s="8" t="s">
        <v>514</v>
      </c>
      <c r="O37" s="72">
        <v>1</v>
      </c>
      <c r="P37" s="72">
        <v>1</v>
      </c>
      <c r="Q37" s="72" t="s">
        <v>649</v>
      </c>
      <c r="R37" s="98"/>
    </row>
    <row r="38" spans="1:18" ht="28" hidden="1">
      <c r="H38" s="72">
        <v>2</v>
      </c>
      <c r="I38" s="72">
        <v>1300</v>
      </c>
      <c r="J38" s="72" t="s">
        <v>274</v>
      </c>
      <c r="K38" s="8" t="s">
        <v>78</v>
      </c>
      <c r="L38" s="8" t="s">
        <v>71</v>
      </c>
      <c r="M38" s="72">
        <v>1</v>
      </c>
      <c r="N38" s="8" t="s">
        <v>514</v>
      </c>
      <c r="O38" s="72">
        <v>4</v>
      </c>
      <c r="P38" s="72">
        <v>4</v>
      </c>
      <c r="Q38" s="72" t="s">
        <v>650</v>
      </c>
      <c r="R38" s="98"/>
    </row>
    <row r="39" spans="1:18" hidden="1">
      <c r="E39" s="72"/>
      <c r="F39" s="72"/>
      <c r="G39" s="72"/>
      <c r="H39" s="25">
        <v>3</v>
      </c>
      <c r="I39" s="25">
        <v>559</v>
      </c>
      <c r="J39" s="25" t="s">
        <v>197</v>
      </c>
      <c r="K39" s="19" t="s">
        <v>78</v>
      </c>
      <c r="L39" s="25" t="s">
        <v>174</v>
      </c>
      <c r="M39" s="25">
        <v>1</v>
      </c>
      <c r="N39" s="19" t="s">
        <v>509</v>
      </c>
      <c r="O39" s="25">
        <v>1</v>
      </c>
      <c r="P39" s="25">
        <v>30</v>
      </c>
      <c r="Q39" s="25"/>
      <c r="R39" s="98"/>
    </row>
    <row r="40" spans="1:18" ht="28" hidden="1">
      <c r="E40" s="72"/>
      <c r="F40" s="72"/>
      <c r="G40" s="72"/>
      <c r="H40" s="25">
        <v>4</v>
      </c>
      <c r="I40" s="25">
        <v>1301</v>
      </c>
      <c r="J40" s="25" t="s">
        <v>271</v>
      </c>
      <c r="K40" s="19" t="s">
        <v>78</v>
      </c>
      <c r="L40" s="25" t="s">
        <v>174</v>
      </c>
      <c r="M40" s="25">
        <v>1</v>
      </c>
      <c r="N40" s="19" t="s">
        <v>509</v>
      </c>
      <c r="O40" s="25">
        <v>1</v>
      </c>
      <c r="P40" s="25">
        <v>30</v>
      </c>
      <c r="Q40" s="25"/>
      <c r="R40" s="98"/>
    </row>
    <row r="41" spans="1:18" hidden="1">
      <c r="H41" s="72">
        <v>5</v>
      </c>
      <c r="I41" s="72">
        <v>610</v>
      </c>
      <c r="J41" s="72" t="s">
        <v>269</v>
      </c>
      <c r="K41" s="8" t="s">
        <v>17</v>
      </c>
      <c r="L41" s="8" t="s">
        <v>71</v>
      </c>
      <c r="M41" s="72">
        <v>1</v>
      </c>
      <c r="N41" s="8" t="s">
        <v>150</v>
      </c>
      <c r="O41" s="72">
        <v>1</v>
      </c>
      <c r="P41" s="72">
        <v>15</v>
      </c>
      <c r="R41" s="98"/>
    </row>
    <row r="42" spans="1:18" hidden="1">
      <c r="E42" s="72"/>
      <c r="F42" s="72"/>
      <c r="G42" s="72"/>
      <c r="H42" s="25">
        <v>6</v>
      </c>
      <c r="I42" s="25">
        <v>378</v>
      </c>
      <c r="J42" s="25" t="s">
        <v>267</v>
      </c>
      <c r="K42" s="19" t="s">
        <v>78</v>
      </c>
      <c r="L42" s="25" t="s">
        <v>174</v>
      </c>
      <c r="M42" s="25">
        <v>1</v>
      </c>
      <c r="N42" s="19" t="s">
        <v>514</v>
      </c>
      <c r="O42" s="25">
        <v>1</v>
      </c>
      <c r="P42" s="25">
        <v>1</v>
      </c>
      <c r="Q42" s="25"/>
      <c r="R42" s="98"/>
    </row>
    <row r="43" spans="1:18" hidden="1">
      <c r="E43" s="72"/>
      <c r="F43" s="72"/>
      <c r="G43" s="72"/>
      <c r="H43" s="25">
        <v>7</v>
      </c>
      <c r="I43" s="25">
        <v>332</v>
      </c>
      <c r="J43" s="25" t="s">
        <v>232</v>
      </c>
      <c r="K43" s="19" t="s">
        <v>78</v>
      </c>
      <c r="L43" s="25" t="s">
        <v>174</v>
      </c>
      <c r="M43" s="25">
        <v>1</v>
      </c>
      <c r="N43" s="19" t="s">
        <v>438</v>
      </c>
      <c r="O43" s="25">
        <v>1</v>
      </c>
      <c r="P43" s="25">
        <v>6</v>
      </c>
      <c r="Q43" s="25"/>
      <c r="R43" s="98"/>
    </row>
    <row r="44" spans="1:18" hidden="1">
      <c r="E44" s="72"/>
      <c r="F44" s="72"/>
      <c r="G44" s="72"/>
      <c r="H44" s="25">
        <v>8</v>
      </c>
      <c r="I44" s="25">
        <v>118</v>
      </c>
      <c r="J44" s="25" t="s">
        <v>264</v>
      </c>
      <c r="K44" s="19" t="s">
        <v>17</v>
      </c>
      <c r="L44" s="25" t="s">
        <v>174</v>
      </c>
      <c r="M44" s="25">
        <v>1</v>
      </c>
      <c r="N44" s="19" t="s">
        <v>438</v>
      </c>
      <c r="O44" s="25">
        <v>1</v>
      </c>
      <c r="P44" s="25">
        <v>9</v>
      </c>
      <c r="Q44" s="25"/>
      <c r="R44" s="98"/>
    </row>
    <row r="45" spans="1:18" hidden="1">
      <c r="E45" s="72"/>
      <c r="F45" s="72"/>
      <c r="G45" s="72"/>
      <c r="H45" s="25">
        <v>9</v>
      </c>
      <c r="I45" s="25">
        <v>355</v>
      </c>
      <c r="J45" s="25" t="s">
        <v>103</v>
      </c>
      <c r="K45" s="19" t="s">
        <v>78</v>
      </c>
      <c r="L45" s="25" t="s">
        <v>174</v>
      </c>
      <c r="M45" s="25">
        <v>1</v>
      </c>
      <c r="N45" s="19" t="s">
        <v>514</v>
      </c>
      <c r="O45" s="25">
        <v>2</v>
      </c>
      <c r="P45" s="25">
        <v>2</v>
      </c>
      <c r="Q45" s="25"/>
      <c r="R45" s="98"/>
    </row>
    <row r="46" spans="1:18" hidden="1">
      <c r="E46" s="72"/>
      <c r="F46" s="72"/>
      <c r="G46" s="72"/>
      <c r="H46" s="25">
        <v>10</v>
      </c>
      <c r="I46" s="25">
        <v>380</v>
      </c>
      <c r="J46" s="25" t="s">
        <v>105</v>
      </c>
      <c r="K46" s="19" t="s">
        <v>78</v>
      </c>
      <c r="L46" s="25" t="s">
        <v>174</v>
      </c>
      <c r="M46" s="25">
        <v>1</v>
      </c>
      <c r="N46" s="19" t="s">
        <v>438</v>
      </c>
      <c r="O46" s="25">
        <v>1</v>
      </c>
      <c r="P46" s="25">
        <v>15</v>
      </c>
      <c r="Q46" s="25"/>
      <c r="R46" s="98"/>
    </row>
    <row r="47" spans="1:18" hidden="1">
      <c r="E47" s="72"/>
      <c r="F47" s="72"/>
      <c r="G47" s="72"/>
      <c r="H47" s="25">
        <v>11</v>
      </c>
      <c r="I47" s="25">
        <v>380</v>
      </c>
      <c r="J47" s="25" t="s">
        <v>105</v>
      </c>
      <c r="K47" s="19" t="s">
        <v>17</v>
      </c>
      <c r="L47" s="25" t="s">
        <v>174</v>
      </c>
      <c r="M47" s="25">
        <v>1</v>
      </c>
      <c r="N47" s="19" t="s">
        <v>438</v>
      </c>
      <c r="O47" s="25">
        <v>1</v>
      </c>
      <c r="P47" s="25">
        <v>15</v>
      </c>
      <c r="Q47" s="25"/>
      <c r="R47" s="98"/>
    </row>
    <row r="48" spans="1:18" ht="28" hidden="1">
      <c r="E48" s="72"/>
      <c r="F48" s="72"/>
      <c r="G48" s="72"/>
      <c r="H48" s="25">
        <v>12</v>
      </c>
      <c r="I48" s="25">
        <v>331</v>
      </c>
      <c r="J48" s="25" t="s">
        <v>259</v>
      </c>
      <c r="K48" s="19" t="s">
        <v>17</v>
      </c>
      <c r="L48" s="25" t="s">
        <v>174</v>
      </c>
      <c r="M48" s="25">
        <v>1</v>
      </c>
      <c r="N48" s="19" t="s">
        <v>514</v>
      </c>
      <c r="O48" s="25">
        <v>2</v>
      </c>
      <c r="P48" s="25">
        <v>2</v>
      </c>
      <c r="Q48" s="25"/>
      <c r="R48" s="98"/>
    </row>
    <row r="49" spans="1:18" hidden="1">
      <c r="H49" s="72">
        <v>13</v>
      </c>
      <c r="I49" s="72">
        <v>127</v>
      </c>
      <c r="J49" s="72" t="s">
        <v>126</v>
      </c>
      <c r="K49" s="8" t="s">
        <v>78</v>
      </c>
      <c r="L49" s="8" t="s">
        <v>71</v>
      </c>
      <c r="M49" s="72">
        <v>1</v>
      </c>
      <c r="N49" s="8" t="s">
        <v>509</v>
      </c>
      <c r="O49" s="72">
        <v>1</v>
      </c>
      <c r="P49" s="72">
        <v>30</v>
      </c>
      <c r="R49" s="98"/>
    </row>
    <row r="50" spans="1:18" hidden="1">
      <c r="H50" s="72">
        <v>14</v>
      </c>
      <c r="I50" s="72">
        <v>770</v>
      </c>
      <c r="J50" s="72" t="s">
        <v>256</v>
      </c>
      <c r="K50" s="8" t="s">
        <v>17</v>
      </c>
      <c r="L50" s="8" t="s">
        <v>71</v>
      </c>
      <c r="M50" s="72">
        <v>1</v>
      </c>
      <c r="N50" s="8" t="s">
        <v>509</v>
      </c>
      <c r="O50" s="72">
        <v>1</v>
      </c>
      <c r="P50" s="72">
        <v>20</v>
      </c>
      <c r="R50" s="98"/>
    </row>
    <row r="51" spans="1:18" hidden="1">
      <c r="H51" s="72">
        <v>15</v>
      </c>
      <c r="I51" s="72">
        <v>352</v>
      </c>
      <c r="J51" s="72" t="s">
        <v>3</v>
      </c>
      <c r="K51" s="8" t="s">
        <v>78</v>
      </c>
      <c r="L51" s="8" t="s">
        <v>71</v>
      </c>
      <c r="M51" s="72">
        <v>1</v>
      </c>
      <c r="N51" s="8" t="s">
        <v>509</v>
      </c>
      <c r="O51" s="72">
        <v>1</v>
      </c>
      <c r="P51" s="72">
        <v>80</v>
      </c>
      <c r="R51" s="98"/>
    </row>
    <row r="52" spans="1:18" hidden="1">
      <c r="H52" s="72">
        <v>16</v>
      </c>
      <c r="I52" s="72">
        <v>819</v>
      </c>
      <c r="J52" s="72" t="s">
        <v>253</v>
      </c>
      <c r="K52" s="8" t="s">
        <v>17</v>
      </c>
      <c r="L52" s="8" t="s">
        <v>71</v>
      </c>
      <c r="M52" s="72">
        <v>1</v>
      </c>
      <c r="N52" s="8" t="s">
        <v>514</v>
      </c>
      <c r="O52" s="72">
        <v>2</v>
      </c>
      <c r="P52" s="72">
        <v>3</v>
      </c>
      <c r="R52" s="98"/>
    </row>
    <row r="53" spans="1:18" hidden="1">
      <c r="A53" s="138"/>
      <c r="B53" s="138"/>
      <c r="C53" s="138"/>
      <c r="D53" s="138" t="s">
        <v>252</v>
      </c>
      <c r="E53" s="17" t="s">
        <v>476</v>
      </c>
      <c r="F53" s="17"/>
      <c r="G53" s="17"/>
      <c r="H53" s="138"/>
      <c r="I53" s="138"/>
      <c r="J53" s="138"/>
      <c r="K53" s="17" t="s">
        <v>17</v>
      </c>
      <c r="L53" s="17" t="s">
        <v>71</v>
      </c>
      <c r="M53" s="138">
        <v>1</v>
      </c>
      <c r="N53" s="17"/>
      <c r="O53" s="138"/>
      <c r="P53" s="138"/>
      <c r="Q53" s="138"/>
      <c r="R53" s="98"/>
    </row>
    <row r="54" spans="1:18" hidden="1">
      <c r="H54" s="72">
        <v>1</v>
      </c>
      <c r="I54" s="72">
        <v>98</v>
      </c>
      <c r="J54" s="72" t="s">
        <v>156</v>
      </c>
      <c r="K54" s="8" t="s">
        <v>66</v>
      </c>
      <c r="L54" s="8" t="s">
        <v>65</v>
      </c>
      <c r="M54" s="72">
        <v>1</v>
      </c>
      <c r="N54" s="8" t="s">
        <v>514</v>
      </c>
      <c r="O54" s="72">
        <v>2</v>
      </c>
      <c r="P54" s="72">
        <v>3</v>
      </c>
      <c r="Q54" s="72" t="s">
        <v>623</v>
      </c>
      <c r="R54" s="98"/>
    </row>
    <row r="55" spans="1:18" hidden="1">
      <c r="H55" s="72">
        <v>2</v>
      </c>
      <c r="I55" s="72">
        <v>100</v>
      </c>
      <c r="J55" s="72" t="s">
        <v>249</v>
      </c>
      <c r="K55" s="8" t="s">
        <v>66</v>
      </c>
      <c r="L55" s="8" t="s">
        <v>65</v>
      </c>
      <c r="M55" s="72">
        <v>1</v>
      </c>
      <c r="N55" s="8" t="s">
        <v>514</v>
      </c>
      <c r="O55" s="72">
        <v>3</v>
      </c>
      <c r="P55" s="72">
        <v>3</v>
      </c>
      <c r="R55" s="98"/>
    </row>
    <row r="56" spans="1:18" hidden="1">
      <c r="A56" s="138">
        <v>120</v>
      </c>
      <c r="B56" s="138" t="s">
        <v>278</v>
      </c>
      <c r="C56" s="17" t="s">
        <v>524</v>
      </c>
      <c r="D56" s="17"/>
      <c r="E56" s="17"/>
      <c r="F56" s="17"/>
      <c r="G56" s="17"/>
      <c r="H56" s="138"/>
      <c r="I56" s="138"/>
      <c r="J56" s="138"/>
      <c r="K56" s="17" t="s">
        <v>17</v>
      </c>
      <c r="L56" s="17" t="s">
        <v>71</v>
      </c>
      <c r="M56" s="138">
        <v>25</v>
      </c>
      <c r="N56" s="17"/>
      <c r="O56" s="138"/>
      <c r="P56" s="138"/>
      <c r="Q56" s="138"/>
      <c r="R56" s="98"/>
    </row>
    <row r="57" spans="1:18" hidden="1">
      <c r="A57" s="138"/>
      <c r="B57" s="138"/>
      <c r="C57" s="138"/>
      <c r="D57" s="138" t="s">
        <v>278</v>
      </c>
      <c r="E57" s="17" t="s">
        <v>524</v>
      </c>
      <c r="F57" s="17"/>
      <c r="G57" s="17"/>
      <c r="H57" s="138"/>
      <c r="I57" s="138"/>
      <c r="J57" s="138"/>
      <c r="K57" s="17" t="s">
        <v>66</v>
      </c>
      <c r="L57" s="17" t="s">
        <v>65</v>
      </c>
      <c r="M57" s="138">
        <v>1</v>
      </c>
      <c r="N57" s="17"/>
      <c r="O57" s="138"/>
      <c r="P57" s="138"/>
      <c r="Q57" s="138"/>
      <c r="R57" s="98"/>
    </row>
    <row r="58" spans="1:18" hidden="1">
      <c r="H58" s="72">
        <v>1</v>
      </c>
      <c r="I58" s="72">
        <v>248</v>
      </c>
      <c r="J58" s="72" t="s">
        <v>276</v>
      </c>
      <c r="K58" s="8" t="s">
        <v>66</v>
      </c>
      <c r="L58" s="8" t="s">
        <v>65</v>
      </c>
      <c r="M58" s="72">
        <v>1</v>
      </c>
      <c r="N58" s="8" t="s">
        <v>514</v>
      </c>
      <c r="O58" s="72">
        <v>1</v>
      </c>
      <c r="P58" s="72">
        <v>1</v>
      </c>
      <c r="Q58" s="72" t="s">
        <v>649</v>
      </c>
      <c r="R58" s="98"/>
    </row>
    <row r="59" spans="1:18" ht="28" hidden="1">
      <c r="H59" s="72">
        <v>2</v>
      </c>
      <c r="I59" s="72">
        <v>1300</v>
      </c>
      <c r="J59" s="72" t="s">
        <v>274</v>
      </c>
      <c r="K59" s="8" t="s">
        <v>78</v>
      </c>
      <c r="L59" s="8" t="s">
        <v>71</v>
      </c>
      <c r="M59" s="72">
        <v>1</v>
      </c>
      <c r="N59" s="8" t="s">
        <v>514</v>
      </c>
      <c r="O59" s="72">
        <v>4</v>
      </c>
      <c r="P59" s="72">
        <v>4</v>
      </c>
      <c r="Q59" s="72" t="s">
        <v>810</v>
      </c>
      <c r="R59" s="98"/>
    </row>
    <row r="60" spans="1:18" hidden="1">
      <c r="E60" s="72"/>
      <c r="F60" s="72"/>
      <c r="G60" s="72"/>
      <c r="H60" s="25">
        <v>3</v>
      </c>
      <c r="I60" s="25">
        <v>559</v>
      </c>
      <c r="J60" s="25" t="s">
        <v>197</v>
      </c>
      <c r="K60" s="19" t="s">
        <v>78</v>
      </c>
      <c r="L60" s="25" t="s">
        <v>174</v>
      </c>
      <c r="M60" s="25">
        <v>1</v>
      </c>
      <c r="N60" s="19" t="s">
        <v>509</v>
      </c>
      <c r="O60" s="25">
        <v>1</v>
      </c>
      <c r="P60" s="25">
        <v>30</v>
      </c>
      <c r="Q60" s="25"/>
      <c r="R60" s="98"/>
    </row>
    <row r="61" spans="1:18" ht="28" hidden="1">
      <c r="E61" s="72"/>
      <c r="F61" s="72"/>
      <c r="G61" s="72"/>
      <c r="H61" s="25">
        <v>4</v>
      </c>
      <c r="I61" s="25">
        <v>1301</v>
      </c>
      <c r="J61" s="25" t="s">
        <v>271</v>
      </c>
      <c r="K61" s="19" t="s">
        <v>78</v>
      </c>
      <c r="L61" s="25" t="s">
        <v>174</v>
      </c>
      <c r="M61" s="25">
        <v>1</v>
      </c>
      <c r="N61" s="19" t="s">
        <v>509</v>
      </c>
      <c r="O61" s="25">
        <v>1</v>
      </c>
      <c r="P61" s="25">
        <v>30</v>
      </c>
      <c r="Q61" s="25"/>
      <c r="R61" s="98"/>
    </row>
    <row r="62" spans="1:18" hidden="1">
      <c r="H62" s="72">
        <v>5</v>
      </c>
      <c r="I62" s="72">
        <v>610</v>
      </c>
      <c r="J62" s="72" t="s">
        <v>269</v>
      </c>
      <c r="K62" s="8" t="s">
        <v>17</v>
      </c>
      <c r="L62" s="8" t="s">
        <v>71</v>
      </c>
      <c r="M62" s="72">
        <v>1</v>
      </c>
      <c r="N62" s="8" t="s">
        <v>150</v>
      </c>
      <c r="O62" s="72">
        <v>1</v>
      </c>
      <c r="P62" s="72">
        <v>15</v>
      </c>
      <c r="R62" s="98"/>
    </row>
    <row r="63" spans="1:18" hidden="1">
      <c r="E63" s="72"/>
      <c r="F63" s="72"/>
      <c r="G63" s="72"/>
      <c r="H63" s="25">
        <v>6</v>
      </c>
      <c r="I63" s="25">
        <v>378</v>
      </c>
      <c r="J63" s="25" t="s">
        <v>267</v>
      </c>
      <c r="K63" s="19" t="s">
        <v>78</v>
      </c>
      <c r="L63" s="25" t="s">
        <v>174</v>
      </c>
      <c r="M63" s="25">
        <v>1</v>
      </c>
      <c r="N63" s="19" t="s">
        <v>509</v>
      </c>
      <c r="O63" s="25">
        <v>1</v>
      </c>
      <c r="P63" s="25">
        <v>30</v>
      </c>
      <c r="Q63" s="25"/>
      <c r="R63" s="98"/>
    </row>
    <row r="64" spans="1:18" hidden="1">
      <c r="E64" s="72"/>
      <c r="F64" s="72"/>
      <c r="G64" s="72"/>
      <c r="H64" s="25">
        <v>7</v>
      </c>
      <c r="I64" s="25">
        <v>332</v>
      </c>
      <c r="J64" s="25" t="s">
        <v>232</v>
      </c>
      <c r="K64" s="19" t="s">
        <v>78</v>
      </c>
      <c r="L64" s="25" t="s">
        <v>174</v>
      </c>
      <c r="M64" s="25">
        <v>1</v>
      </c>
      <c r="N64" s="19" t="s">
        <v>509</v>
      </c>
      <c r="O64" s="25">
        <v>1</v>
      </c>
      <c r="P64" s="25">
        <v>30</v>
      </c>
      <c r="Q64" s="25"/>
      <c r="R64" s="98"/>
    </row>
    <row r="65" spans="1:18" hidden="1">
      <c r="E65" s="72"/>
      <c r="F65" s="72"/>
      <c r="G65" s="72"/>
      <c r="H65" s="25">
        <v>8</v>
      </c>
      <c r="I65" s="25">
        <v>118</v>
      </c>
      <c r="J65" s="25" t="s">
        <v>264</v>
      </c>
      <c r="K65" s="19" t="s">
        <v>17</v>
      </c>
      <c r="L65" s="25" t="s">
        <v>174</v>
      </c>
      <c r="M65" s="25">
        <v>1</v>
      </c>
      <c r="N65" s="19" t="s">
        <v>509</v>
      </c>
      <c r="O65" s="25">
        <v>1</v>
      </c>
      <c r="P65" s="25">
        <v>30</v>
      </c>
      <c r="Q65" s="25"/>
      <c r="R65" s="98"/>
    </row>
    <row r="66" spans="1:18" hidden="1">
      <c r="E66" s="72"/>
      <c r="F66" s="72"/>
      <c r="G66" s="72"/>
      <c r="H66" s="25">
        <v>9</v>
      </c>
      <c r="I66" s="25">
        <v>355</v>
      </c>
      <c r="J66" s="25" t="s">
        <v>103</v>
      </c>
      <c r="K66" s="19" t="s">
        <v>78</v>
      </c>
      <c r="L66" s="25" t="s">
        <v>174</v>
      </c>
      <c r="M66" s="25">
        <v>1</v>
      </c>
      <c r="N66" s="19" t="s">
        <v>509</v>
      </c>
      <c r="O66" s="25">
        <v>1</v>
      </c>
      <c r="P66" s="25">
        <v>30</v>
      </c>
      <c r="Q66" s="25"/>
      <c r="R66" s="98"/>
    </row>
    <row r="67" spans="1:18" hidden="1">
      <c r="E67" s="72"/>
      <c r="F67" s="72"/>
      <c r="G67" s="72"/>
      <c r="H67" s="25">
        <v>10</v>
      </c>
      <c r="I67" s="25">
        <v>380</v>
      </c>
      <c r="J67" s="25" t="s">
        <v>105</v>
      </c>
      <c r="K67" s="19" t="s">
        <v>78</v>
      </c>
      <c r="L67" s="25" t="s">
        <v>174</v>
      </c>
      <c r="M67" s="25">
        <v>1</v>
      </c>
      <c r="N67" s="19" t="s">
        <v>509</v>
      </c>
      <c r="O67" s="25">
        <v>1</v>
      </c>
      <c r="P67" s="25">
        <v>30</v>
      </c>
      <c r="Q67" s="25"/>
      <c r="R67" s="98"/>
    </row>
    <row r="68" spans="1:18" hidden="1">
      <c r="E68" s="72"/>
      <c r="F68" s="72"/>
      <c r="G68" s="72"/>
      <c r="H68" s="25">
        <v>11</v>
      </c>
      <c r="I68" s="25">
        <v>380</v>
      </c>
      <c r="J68" s="25" t="s">
        <v>105</v>
      </c>
      <c r="K68" s="19" t="s">
        <v>17</v>
      </c>
      <c r="L68" s="25" t="s">
        <v>174</v>
      </c>
      <c r="M68" s="25">
        <v>1</v>
      </c>
      <c r="N68" s="19" t="s">
        <v>509</v>
      </c>
      <c r="O68" s="25">
        <v>1</v>
      </c>
      <c r="P68" s="25">
        <v>30</v>
      </c>
      <c r="Q68" s="25"/>
      <c r="R68" s="98"/>
    </row>
    <row r="69" spans="1:18" ht="28" hidden="1">
      <c r="E69" s="72"/>
      <c r="F69" s="72"/>
      <c r="G69" s="72"/>
      <c r="H69" s="25">
        <v>12</v>
      </c>
      <c r="I69" s="25">
        <v>331</v>
      </c>
      <c r="J69" s="25" t="s">
        <v>259</v>
      </c>
      <c r="K69" s="19" t="s">
        <v>17</v>
      </c>
      <c r="L69" s="25" t="s">
        <v>174</v>
      </c>
      <c r="M69" s="25">
        <v>1</v>
      </c>
      <c r="N69" s="19" t="s">
        <v>509</v>
      </c>
      <c r="O69" s="25">
        <v>1</v>
      </c>
      <c r="P69" s="25">
        <v>30</v>
      </c>
      <c r="Q69" s="25"/>
      <c r="R69" s="98"/>
    </row>
    <row r="70" spans="1:18" hidden="1">
      <c r="E70" s="72"/>
      <c r="F70" s="72"/>
      <c r="G70" s="72"/>
      <c r="H70" s="25">
        <v>13</v>
      </c>
      <c r="I70" s="25">
        <v>127</v>
      </c>
      <c r="J70" s="25" t="s">
        <v>126</v>
      </c>
      <c r="K70" s="19" t="s">
        <v>78</v>
      </c>
      <c r="L70" s="25" t="s">
        <v>174</v>
      </c>
      <c r="M70" s="25">
        <v>1</v>
      </c>
      <c r="N70" s="19" t="s">
        <v>509</v>
      </c>
      <c r="O70" s="25">
        <v>1</v>
      </c>
      <c r="P70" s="25">
        <v>30</v>
      </c>
      <c r="Q70" s="25"/>
      <c r="R70" s="98"/>
    </row>
    <row r="71" spans="1:18" hidden="1">
      <c r="E71" s="72"/>
      <c r="F71" s="72"/>
      <c r="G71" s="72"/>
      <c r="H71" s="25">
        <v>14</v>
      </c>
      <c r="I71" s="25">
        <v>770</v>
      </c>
      <c r="J71" s="25" t="s">
        <v>256</v>
      </c>
      <c r="K71" s="19" t="s">
        <v>17</v>
      </c>
      <c r="L71" s="25" t="s">
        <v>174</v>
      </c>
      <c r="M71" s="25">
        <v>1</v>
      </c>
      <c r="N71" s="19" t="s">
        <v>509</v>
      </c>
      <c r="O71" s="25">
        <v>1</v>
      </c>
      <c r="P71" s="25">
        <v>30</v>
      </c>
      <c r="Q71" s="25"/>
      <c r="R71" s="98"/>
    </row>
    <row r="72" spans="1:18" hidden="1">
      <c r="H72" s="72">
        <v>15</v>
      </c>
      <c r="I72" s="72">
        <v>352</v>
      </c>
      <c r="J72" s="72" t="s">
        <v>3</v>
      </c>
      <c r="K72" s="8" t="s">
        <v>78</v>
      </c>
      <c r="L72" s="8" t="s">
        <v>71</v>
      </c>
      <c r="M72" s="72">
        <v>1</v>
      </c>
      <c r="N72" s="8" t="s">
        <v>509</v>
      </c>
      <c r="O72" s="72">
        <v>1</v>
      </c>
      <c r="P72" s="72">
        <v>80</v>
      </c>
      <c r="R72" s="98"/>
    </row>
    <row r="73" spans="1:18" hidden="1">
      <c r="H73" s="72">
        <v>16</v>
      </c>
      <c r="I73" s="72">
        <v>819</v>
      </c>
      <c r="J73" s="72" t="s">
        <v>253</v>
      </c>
      <c r="K73" s="8" t="s">
        <v>17</v>
      </c>
      <c r="L73" s="8" t="s">
        <v>71</v>
      </c>
      <c r="M73" s="72">
        <v>1</v>
      </c>
      <c r="N73" s="8" t="s">
        <v>514</v>
      </c>
      <c r="O73" s="72">
        <v>2</v>
      </c>
      <c r="P73" s="72">
        <v>3</v>
      </c>
      <c r="R73" s="98"/>
    </row>
    <row r="74" spans="1:18" hidden="1">
      <c r="A74" s="138"/>
      <c r="B74" s="138"/>
      <c r="C74" s="138"/>
      <c r="D74" s="138" t="s">
        <v>252</v>
      </c>
      <c r="E74" s="17" t="s">
        <v>476</v>
      </c>
      <c r="F74" s="17"/>
      <c r="G74" s="17"/>
      <c r="H74" s="138"/>
      <c r="I74" s="138"/>
      <c r="J74" s="138"/>
      <c r="K74" s="17" t="s">
        <v>17</v>
      </c>
      <c r="L74" s="17" t="s">
        <v>71</v>
      </c>
      <c r="M74" s="138">
        <v>1</v>
      </c>
      <c r="N74" s="17"/>
      <c r="O74" s="138"/>
      <c r="P74" s="138"/>
      <c r="Q74" s="138"/>
      <c r="R74" s="98"/>
    </row>
    <row r="75" spans="1:18" hidden="1">
      <c r="H75" s="72">
        <v>1</v>
      </c>
      <c r="I75" s="72">
        <v>98</v>
      </c>
      <c r="J75" s="72" t="s">
        <v>156</v>
      </c>
      <c r="K75" s="8" t="s">
        <v>66</v>
      </c>
      <c r="L75" s="8" t="s">
        <v>65</v>
      </c>
      <c r="M75" s="72">
        <v>1</v>
      </c>
      <c r="N75" s="8" t="s">
        <v>514</v>
      </c>
      <c r="O75" s="72">
        <v>2</v>
      </c>
      <c r="P75" s="72">
        <v>3</v>
      </c>
      <c r="Q75" s="72" t="s">
        <v>623</v>
      </c>
      <c r="R75" s="98"/>
    </row>
    <row r="76" spans="1:18" hidden="1">
      <c r="H76" s="72">
        <v>2</v>
      </c>
      <c r="I76" s="72">
        <v>100</v>
      </c>
      <c r="J76" s="72" t="s">
        <v>249</v>
      </c>
      <c r="K76" s="8" t="s">
        <v>66</v>
      </c>
      <c r="L76" s="8" t="s">
        <v>65</v>
      </c>
      <c r="M76" s="72">
        <v>1</v>
      </c>
      <c r="N76" s="8" t="s">
        <v>514</v>
      </c>
      <c r="O76" s="72">
        <v>3</v>
      </c>
      <c r="P76" s="72">
        <v>3</v>
      </c>
      <c r="R76" s="98"/>
    </row>
    <row r="77" spans="1:18" hidden="1">
      <c r="A77" s="138">
        <v>120</v>
      </c>
      <c r="B77" s="138" t="s">
        <v>278</v>
      </c>
      <c r="C77" s="17" t="s">
        <v>524</v>
      </c>
      <c r="D77" s="17"/>
      <c r="E77" s="17"/>
      <c r="F77" s="17"/>
      <c r="G77" s="17"/>
      <c r="H77" s="138"/>
      <c r="I77" s="138"/>
      <c r="J77" s="138"/>
      <c r="K77" s="17" t="s">
        <v>17</v>
      </c>
      <c r="L77" s="17" t="s">
        <v>71</v>
      </c>
      <c r="M77" s="138">
        <v>25</v>
      </c>
      <c r="N77" s="17"/>
      <c r="O77" s="138"/>
      <c r="P77" s="138"/>
      <c r="Q77" s="138"/>
      <c r="R77" s="98"/>
    </row>
    <row r="78" spans="1:18" hidden="1">
      <c r="A78" s="138"/>
      <c r="B78" s="138"/>
      <c r="C78" s="138"/>
      <c r="D78" s="138" t="s">
        <v>278</v>
      </c>
      <c r="E78" s="17" t="s">
        <v>524</v>
      </c>
      <c r="F78" s="17"/>
      <c r="G78" s="17"/>
      <c r="H78" s="138"/>
      <c r="I78" s="138"/>
      <c r="J78" s="138"/>
      <c r="K78" s="17" t="s">
        <v>66</v>
      </c>
      <c r="L78" s="17" t="s">
        <v>65</v>
      </c>
      <c r="M78" s="138">
        <v>1</v>
      </c>
      <c r="N78" s="17"/>
      <c r="O78" s="138"/>
      <c r="P78" s="138"/>
      <c r="Q78" s="138"/>
      <c r="R78" s="98"/>
    </row>
    <row r="79" spans="1:18" hidden="1">
      <c r="H79" s="72">
        <v>1</v>
      </c>
      <c r="I79" s="72">
        <v>248</v>
      </c>
      <c r="J79" s="72" t="s">
        <v>276</v>
      </c>
      <c r="K79" s="8" t="s">
        <v>66</v>
      </c>
      <c r="L79" s="8" t="s">
        <v>65</v>
      </c>
      <c r="M79" s="72">
        <v>1</v>
      </c>
      <c r="N79" s="8" t="s">
        <v>514</v>
      </c>
      <c r="O79" s="72">
        <v>1</v>
      </c>
      <c r="P79" s="72">
        <v>1</v>
      </c>
      <c r="Q79" s="70" t="s">
        <v>624</v>
      </c>
      <c r="R79" s="98"/>
    </row>
    <row r="80" spans="1:18" ht="28" hidden="1">
      <c r="E80" s="72"/>
      <c r="F80" s="72"/>
      <c r="G80" s="72"/>
      <c r="H80" s="72">
        <v>2</v>
      </c>
      <c r="I80" s="18">
        <v>1300</v>
      </c>
      <c r="J80" s="18" t="s">
        <v>274</v>
      </c>
      <c r="K80" s="11" t="s">
        <v>78</v>
      </c>
      <c r="L80" s="8" t="s">
        <v>71</v>
      </c>
      <c r="M80" s="72">
        <v>1</v>
      </c>
      <c r="N80" s="8" t="s">
        <v>509</v>
      </c>
      <c r="O80" s="72">
        <v>1</v>
      </c>
      <c r="P80" s="72">
        <v>30</v>
      </c>
      <c r="Q80" s="70" t="s">
        <v>624</v>
      </c>
      <c r="R80" s="98"/>
    </row>
    <row r="81" spans="1:18" hidden="1">
      <c r="H81" s="25">
        <v>3</v>
      </c>
      <c r="I81" s="25">
        <v>559</v>
      </c>
      <c r="J81" s="25" t="s">
        <v>197</v>
      </c>
      <c r="K81" s="25" t="s">
        <v>78</v>
      </c>
      <c r="L81" s="25" t="s">
        <v>174</v>
      </c>
      <c r="M81" s="25">
        <v>1</v>
      </c>
      <c r="N81" s="25" t="s">
        <v>514</v>
      </c>
      <c r="O81" s="25">
        <v>2</v>
      </c>
      <c r="P81" s="25">
        <v>2</v>
      </c>
      <c r="Q81" s="40"/>
      <c r="R81" s="98"/>
    </row>
    <row r="82" spans="1:18" ht="28" hidden="1">
      <c r="H82" s="25">
        <v>4</v>
      </c>
      <c r="I82" s="25">
        <v>1301</v>
      </c>
      <c r="J82" s="25" t="s">
        <v>271</v>
      </c>
      <c r="K82" s="25" t="s">
        <v>78</v>
      </c>
      <c r="L82" s="25" t="s">
        <v>174</v>
      </c>
      <c r="M82" s="25">
        <v>1</v>
      </c>
      <c r="N82" s="25" t="s">
        <v>509</v>
      </c>
      <c r="O82" s="25">
        <v>1</v>
      </c>
      <c r="P82" s="25">
        <v>10</v>
      </c>
      <c r="Q82" s="40"/>
      <c r="R82" s="98"/>
    </row>
    <row r="83" spans="1:18" hidden="1">
      <c r="H83" s="72">
        <v>5</v>
      </c>
      <c r="I83" s="72">
        <v>610</v>
      </c>
      <c r="J83" s="72" t="s">
        <v>269</v>
      </c>
      <c r="K83" s="8" t="s">
        <v>17</v>
      </c>
      <c r="L83" s="8" t="s">
        <v>71</v>
      </c>
      <c r="M83" s="72">
        <v>1</v>
      </c>
      <c r="N83" s="8" t="s">
        <v>150</v>
      </c>
      <c r="O83" s="72">
        <v>1</v>
      </c>
      <c r="P83" s="72">
        <v>15</v>
      </c>
      <c r="R83" s="98"/>
    </row>
    <row r="84" spans="1:18" hidden="1">
      <c r="H84" s="72">
        <v>6</v>
      </c>
      <c r="I84" s="72">
        <v>378</v>
      </c>
      <c r="J84" s="72" t="s">
        <v>267</v>
      </c>
      <c r="K84" s="8" t="s">
        <v>78</v>
      </c>
      <c r="L84" s="8" t="s">
        <v>71</v>
      </c>
      <c r="M84" s="72">
        <v>1</v>
      </c>
      <c r="N84" s="8" t="s">
        <v>514</v>
      </c>
      <c r="O84" s="72">
        <v>1</v>
      </c>
      <c r="P84" s="72">
        <v>1</v>
      </c>
      <c r="Q84" s="72" t="s">
        <v>658</v>
      </c>
      <c r="R84" s="98"/>
    </row>
    <row r="85" spans="1:18" hidden="1">
      <c r="H85" s="72">
        <v>7</v>
      </c>
      <c r="I85" s="72">
        <v>332</v>
      </c>
      <c r="J85" s="72" t="s">
        <v>232</v>
      </c>
      <c r="K85" s="8" t="s">
        <v>78</v>
      </c>
      <c r="L85" s="8" t="s">
        <v>71</v>
      </c>
      <c r="M85" s="72">
        <v>1</v>
      </c>
      <c r="N85" s="8" t="s">
        <v>438</v>
      </c>
      <c r="O85" s="72">
        <v>1</v>
      </c>
      <c r="P85" s="72">
        <v>6</v>
      </c>
      <c r="R85" s="98"/>
    </row>
    <row r="86" spans="1:18" hidden="1">
      <c r="E86" s="72"/>
      <c r="F86" s="72"/>
      <c r="G86" s="72"/>
      <c r="H86" s="25">
        <v>8</v>
      </c>
      <c r="I86" s="25">
        <v>118</v>
      </c>
      <c r="J86" s="25" t="s">
        <v>264</v>
      </c>
      <c r="K86" s="19" t="s">
        <v>17</v>
      </c>
      <c r="L86" s="25" t="s">
        <v>174</v>
      </c>
      <c r="M86" s="25">
        <v>1</v>
      </c>
      <c r="N86" s="19" t="s">
        <v>509</v>
      </c>
      <c r="O86" s="25">
        <v>1</v>
      </c>
      <c r="P86" s="25">
        <v>30</v>
      </c>
      <c r="Q86" s="25"/>
      <c r="R86" s="98"/>
    </row>
    <row r="87" spans="1:18" hidden="1">
      <c r="E87" s="72"/>
      <c r="F87" s="72"/>
      <c r="G87" s="72"/>
      <c r="H87" s="25">
        <v>9</v>
      </c>
      <c r="I87" s="25">
        <v>355</v>
      </c>
      <c r="J87" s="25" t="s">
        <v>103</v>
      </c>
      <c r="K87" s="19" t="s">
        <v>78</v>
      </c>
      <c r="L87" s="25" t="s">
        <v>174</v>
      </c>
      <c r="M87" s="25">
        <v>1</v>
      </c>
      <c r="N87" s="19" t="s">
        <v>509</v>
      </c>
      <c r="O87" s="25">
        <v>1</v>
      </c>
      <c r="P87" s="25">
        <v>30</v>
      </c>
      <c r="Q87" s="25"/>
      <c r="R87" s="98"/>
    </row>
    <row r="88" spans="1:18" hidden="1">
      <c r="E88" s="72"/>
      <c r="F88" s="72"/>
      <c r="G88" s="72"/>
      <c r="H88" s="25">
        <v>10</v>
      </c>
      <c r="I88" s="25">
        <v>380</v>
      </c>
      <c r="J88" s="25" t="s">
        <v>105</v>
      </c>
      <c r="K88" s="19" t="s">
        <v>78</v>
      </c>
      <c r="L88" s="25" t="s">
        <v>174</v>
      </c>
      <c r="M88" s="25">
        <v>1</v>
      </c>
      <c r="N88" s="19" t="s">
        <v>509</v>
      </c>
      <c r="O88" s="25">
        <v>1</v>
      </c>
      <c r="P88" s="25">
        <v>30</v>
      </c>
      <c r="Q88" s="25"/>
      <c r="R88" s="98"/>
    </row>
    <row r="89" spans="1:18" hidden="1">
      <c r="E89" s="72"/>
      <c r="F89" s="72"/>
      <c r="G89" s="72"/>
      <c r="H89" s="25">
        <v>11</v>
      </c>
      <c r="I89" s="25">
        <v>380</v>
      </c>
      <c r="J89" s="25" t="s">
        <v>105</v>
      </c>
      <c r="K89" s="19" t="s">
        <v>17</v>
      </c>
      <c r="L89" s="25" t="s">
        <v>174</v>
      </c>
      <c r="M89" s="25">
        <v>1</v>
      </c>
      <c r="N89" s="19" t="s">
        <v>509</v>
      </c>
      <c r="O89" s="25">
        <v>1</v>
      </c>
      <c r="P89" s="25">
        <v>30</v>
      </c>
      <c r="Q89" s="25"/>
      <c r="R89" s="98"/>
    </row>
    <row r="90" spans="1:18" ht="28" hidden="1">
      <c r="E90" s="72"/>
      <c r="F90" s="72"/>
      <c r="G90" s="72"/>
      <c r="H90" s="72">
        <v>12</v>
      </c>
      <c r="I90" s="72">
        <v>331</v>
      </c>
      <c r="J90" s="72" t="s">
        <v>259</v>
      </c>
      <c r="K90" s="8" t="s">
        <v>17</v>
      </c>
      <c r="L90" s="8" t="s">
        <v>71</v>
      </c>
      <c r="M90" s="72">
        <v>1</v>
      </c>
      <c r="N90" s="8" t="s">
        <v>509</v>
      </c>
      <c r="O90" s="72">
        <v>1</v>
      </c>
      <c r="P90" s="72">
        <v>30</v>
      </c>
      <c r="Q90" s="93" t="s">
        <v>811</v>
      </c>
      <c r="R90" s="98"/>
    </row>
    <row r="91" spans="1:18" hidden="1">
      <c r="E91" s="72"/>
      <c r="F91" s="72"/>
      <c r="G91" s="72"/>
      <c r="H91" s="72">
        <v>13</v>
      </c>
      <c r="I91" s="72">
        <v>127</v>
      </c>
      <c r="J91" s="72" t="s">
        <v>126</v>
      </c>
      <c r="K91" s="8" t="s">
        <v>78</v>
      </c>
      <c r="L91" s="8" t="s">
        <v>71</v>
      </c>
      <c r="M91" s="72">
        <v>1</v>
      </c>
      <c r="N91" s="8" t="s">
        <v>509</v>
      </c>
      <c r="O91" s="72">
        <v>1</v>
      </c>
      <c r="P91" s="72">
        <v>30</v>
      </c>
      <c r="R91" s="98"/>
    </row>
    <row r="92" spans="1:18" hidden="1">
      <c r="H92" s="72">
        <v>14</v>
      </c>
      <c r="I92" s="72">
        <v>770</v>
      </c>
      <c r="J92" s="72" t="s">
        <v>256</v>
      </c>
      <c r="K92" s="8" t="s">
        <v>17</v>
      </c>
      <c r="L92" s="8" t="s">
        <v>71</v>
      </c>
      <c r="M92" s="72">
        <v>1</v>
      </c>
      <c r="N92" s="8" t="s">
        <v>509</v>
      </c>
      <c r="O92" s="72">
        <v>1</v>
      </c>
      <c r="P92" s="72">
        <v>20</v>
      </c>
      <c r="R92" s="98"/>
    </row>
    <row r="93" spans="1:18" hidden="1">
      <c r="H93" s="72">
        <v>15</v>
      </c>
      <c r="I93" s="72">
        <v>352</v>
      </c>
      <c r="J93" s="72" t="s">
        <v>3</v>
      </c>
      <c r="K93" s="8" t="s">
        <v>78</v>
      </c>
      <c r="L93" s="8" t="s">
        <v>71</v>
      </c>
      <c r="M93" s="72">
        <v>1</v>
      </c>
      <c r="N93" s="8" t="s">
        <v>509</v>
      </c>
      <c r="O93" s="72">
        <v>1</v>
      </c>
      <c r="P93" s="72">
        <v>80</v>
      </c>
      <c r="R93" s="98"/>
    </row>
    <row r="94" spans="1:18" hidden="1">
      <c r="H94" s="72">
        <v>16</v>
      </c>
      <c r="I94" s="72">
        <v>819</v>
      </c>
      <c r="J94" s="72" t="s">
        <v>253</v>
      </c>
      <c r="K94" s="8" t="s">
        <v>17</v>
      </c>
      <c r="L94" s="8" t="s">
        <v>71</v>
      </c>
      <c r="M94" s="72">
        <v>1</v>
      </c>
      <c r="N94" s="8" t="s">
        <v>514</v>
      </c>
      <c r="O94" s="72">
        <v>2</v>
      </c>
      <c r="P94" s="72">
        <v>3</v>
      </c>
      <c r="R94" s="98"/>
    </row>
    <row r="95" spans="1:18" hidden="1">
      <c r="A95" s="138"/>
      <c r="B95" s="138"/>
      <c r="C95" s="138"/>
      <c r="D95" s="138" t="s">
        <v>252</v>
      </c>
      <c r="E95" s="17" t="s">
        <v>476</v>
      </c>
      <c r="F95" s="17"/>
      <c r="G95" s="17"/>
      <c r="H95" s="138"/>
      <c r="I95" s="138"/>
      <c r="J95" s="138"/>
      <c r="K95" s="17" t="s">
        <v>17</v>
      </c>
      <c r="L95" s="17" t="s">
        <v>71</v>
      </c>
      <c r="M95" s="138">
        <v>1</v>
      </c>
      <c r="N95" s="17"/>
      <c r="O95" s="138"/>
      <c r="P95" s="138"/>
      <c r="Q95" s="138"/>
      <c r="R95" s="98"/>
    </row>
    <row r="96" spans="1:18" hidden="1">
      <c r="H96" s="72">
        <v>1</v>
      </c>
      <c r="I96" s="72">
        <v>98</v>
      </c>
      <c r="J96" s="72" t="s">
        <v>156</v>
      </c>
      <c r="K96" s="8" t="s">
        <v>66</v>
      </c>
      <c r="L96" s="8" t="s">
        <v>65</v>
      </c>
      <c r="M96" s="72">
        <v>1</v>
      </c>
      <c r="N96" s="8" t="s">
        <v>514</v>
      </c>
      <c r="O96" s="72">
        <v>2</v>
      </c>
      <c r="P96" s="72">
        <v>3</v>
      </c>
      <c r="Q96" s="72" t="s">
        <v>623</v>
      </c>
      <c r="R96" s="98"/>
    </row>
    <row r="97" spans="1:18" hidden="1">
      <c r="H97" s="72">
        <v>2</v>
      </c>
      <c r="I97" s="72">
        <v>100</v>
      </c>
      <c r="J97" s="72" t="s">
        <v>249</v>
      </c>
      <c r="K97" s="8" t="s">
        <v>66</v>
      </c>
      <c r="L97" s="8" t="s">
        <v>65</v>
      </c>
      <c r="M97" s="72">
        <v>1</v>
      </c>
      <c r="N97" s="8" t="s">
        <v>514</v>
      </c>
      <c r="O97" s="72">
        <v>3</v>
      </c>
      <c r="P97" s="72">
        <v>3</v>
      </c>
      <c r="R97" s="98"/>
    </row>
    <row r="98" spans="1:18" hidden="1">
      <c r="E98" s="72"/>
      <c r="F98" s="72"/>
      <c r="G98" s="72"/>
      <c r="H98" s="25">
        <v>3</v>
      </c>
      <c r="I98" s="25">
        <v>280</v>
      </c>
      <c r="J98" s="25" t="s">
        <v>289</v>
      </c>
      <c r="K98" s="19" t="s">
        <v>17</v>
      </c>
      <c r="L98" s="25" t="s">
        <v>174</v>
      </c>
      <c r="M98" s="25">
        <v>1</v>
      </c>
      <c r="N98" s="19" t="s">
        <v>509</v>
      </c>
      <c r="O98" s="25">
        <v>1</v>
      </c>
      <c r="P98" s="25">
        <v>30</v>
      </c>
      <c r="Q98" s="25"/>
      <c r="R98" s="98"/>
    </row>
    <row r="99" spans="1:18" hidden="1">
      <c r="E99" s="72"/>
      <c r="F99" s="72"/>
      <c r="G99" s="72"/>
      <c r="H99" s="25">
        <v>4</v>
      </c>
      <c r="I99" s="25">
        <v>98</v>
      </c>
      <c r="J99" s="25" t="s">
        <v>156</v>
      </c>
      <c r="K99" s="19" t="s">
        <v>17</v>
      </c>
      <c r="L99" s="25" t="s">
        <v>174</v>
      </c>
      <c r="M99" s="25">
        <v>1</v>
      </c>
      <c r="N99" s="19" t="s">
        <v>514</v>
      </c>
      <c r="O99" s="25">
        <v>2</v>
      </c>
      <c r="P99" s="25">
        <v>3</v>
      </c>
      <c r="Q99" s="25"/>
      <c r="R99" s="98"/>
    </row>
    <row r="100" spans="1:18" hidden="1">
      <c r="E100" s="72"/>
      <c r="F100" s="72"/>
      <c r="G100" s="72"/>
      <c r="H100" s="25">
        <v>5</v>
      </c>
      <c r="I100" s="25">
        <v>100</v>
      </c>
      <c r="J100" s="25" t="s">
        <v>249</v>
      </c>
      <c r="K100" s="19" t="s">
        <v>17</v>
      </c>
      <c r="L100" s="25" t="s">
        <v>174</v>
      </c>
      <c r="M100" s="25">
        <v>1</v>
      </c>
      <c r="N100" s="19" t="s">
        <v>514</v>
      </c>
      <c r="O100" s="25">
        <v>3</v>
      </c>
      <c r="P100" s="25">
        <v>3</v>
      </c>
      <c r="Q100" s="25"/>
      <c r="R100" s="98"/>
    </row>
    <row r="101" spans="1:18" hidden="1">
      <c r="E101" s="72"/>
      <c r="F101" s="72"/>
      <c r="G101" s="72"/>
      <c r="H101" s="25">
        <v>6</v>
      </c>
      <c r="I101" s="25">
        <v>669</v>
      </c>
      <c r="J101" s="25" t="s">
        <v>285</v>
      </c>
      <c r="K101" s="19" t="s">
        <v>17</v>
      </c>
      <c r="L101" s="25" t="s">
        <v>174</v>
      </c>
      <c r="M101" s="25">
        <v>1</v>
      </c>
      <c r="N101" s="19" t="s">
        <v>509</v>
      </c>
      <c r="O101" s="25">
        <v>1</v>
      </c>
      <c r="P101" s="25">
        <v>30</v>
      </c>
      <c r="Q101" s="25"/>
      <c r="R101" s="98"/>
    </row>
    <row r="102" spans="1:18" hidden="1">
      <c r="H102" s="72">
        <v>7</v>
      </c>
      <c r="I102" s="72">
        <v>374</v>
      </c>
      <c r="J102" s="72" t="s">
        <v>82</v>
      </c>
      <c r="K102" s="8" t="s">
        <v>78</v>
      </c>
      <c r="L102" s="8" t="s">
        <v>71</v>
      </c>
      <c r="M102" s="72">
        <v>1</v>
      </c>
      <c r="N102" s="8" t="s">
        <v>514</v>
      </c>
      <c r="O102" s="72">
        <v>3</v>
      </c>
      <c r="P102" s="72">
        <v>3</v>
      </c>
      <c r="Q102" s="72" t="s">
        <v>656</v>
      </c>
      <c r="R102" s="98"/>
    </row>
    <row r="103" spans="1:18" hidden="1">
      <c r="H103" s="72">
        <v>8</v>
      </c>
      <c r="I103" s="72">
        <v>373</v>
      </c>
      <c r="J103" s="72" t="s">
        <v>1</v>
      </c>
      <c r="K103" s="8" t="s">
        <v>17</v>
      </c>
      <c r="L103" s="8" t="s">
        <v>71</v>
      </c>
      <c r="M103" s="72">
        <v>1</v>
      </c>
      <c r="N103" s="8" t="s">
        <v>519</v>
      </c>
      <c r="O103" s="72">
        <v>8</v>
      </c>
      <c r="P103" s="72">
        <v>8</v>
      </c>
      <c r="R103" s="98"/>
    </row>
    <row r="104" spans="1:18" hidden="1">
      <c r="H104" s="72">
        <v>9</v>
      </c>
      <c r="I104" s="72">
        <v>337</v>
      </c>
      <c r="J104" s="72" t="s">
        <v>79</v>
      </c>
      <c r="K104" s="8" t="s">
        <v>17</v>
      </c>
      <c r="L104" s="8" t="s">
        <v>71</v>
      </c>
      <c r="M104" s="72">
        <v>1</v>
      </c>
      <c r="N104" s="8" t="s">
        <v>518</v>
      </c>
      <c r="O104" s="72">
        <v>4</v>
      </c>
      <c r="P104" s="72">
        <v>8</v>
      </c>
      <c r="R104" s="98"/>
    </row>
    <row r="105" spans="1:18" hidden="1">
      <c r="H105" s="72">
        <v>10</v>
      </c>
      <c r="I105" s="72">
        <v>374</v>
      </c>
      <c r="J105" s="72" t="s">
        <v>82</v>
      </c>
      <c r="K105" s="8" t="s">
        <v>78</v>
      </c>
      <c r="L105" s="8" t="s">
        <v>71</v>
      </c>
      <c r="M105" s="72">
        <v>1</v>
      </c>
      <c r="N105" s="8" t="s">
        <v>514</v>
      </c>
      <c r="O105" s="72">
        <v>3</v>
      </c>
      <c r="P105" s="72">
        <v>3</v>
      </c>
      <c r="Q105" s="72" t="s">
        <v>657</v>
      </c>
      <c r="R105" s="98"/>
    </row>
    <row r="106" spans="1:18" hidden="1">
      <c r="H106" s="72">
        <v>11</v>
      </c>
      <c r="I106" s="72">
        <v>373</v>
      </c>
      <c r="J106" s="72" t="s">
        <v>1</v>
      </c>
      <c r="K106" s="8" t="s">
        <v>78</v>
      </c>
      <c r="L106" s="8" t="s">
        <v>71</v>
      </c>
      <c r="M106" s="72">
        <v>1</v>
      </c>
      <c r="N106" s="8" t="s">
        <v>519</v>
      </c>
      <c r="O106" s="72">
        <v>8</v>
      </c>
      <c r="P106" s="72">
        <v>8</v>
      </c>
      <c r="R106" s="98"/>
    </row>
    <row r="107" spans="1:18" hidden="1">
      <c r="H107" s="72">
        <v>12</v>
      </c>
      <c r="I107" s="72">
        <v>337</v>
      </c>
      <c r="J107" s="72" t="s">
        <v>79</v>
      </c>
      <c r="K107" s="8" t="s">
        <v>78</v>
      </c>
      <c r="L107" s="8" t="s">
        <v>71</v>
      </c>
      <c r="M107" s="72">
        <v>1</v>
      </c>
      <c r="N107" s="8" t="s">
        <v>518</v>
      </c>
      <c r="O107" s="72">
        <v>4</v>
      </c>
      <c r="P107" s="72">
        <v>8</v>
      </c>
      <c r="R107" s="98"/>
    </row>
    <row r="108" spans="1:18" hidden="1">
      <c r="A108" s="138"/>
      <c r="B108" s="138"/>
      <c r="C108" s="138"/>
      <c r="D108" s="138" t="s">
        <v>84</v>
      </c>
      <c r="E108" s="17" t="s">
        <v>428</v>
      </c>
      <c r="F108" s="17"/>
      <c r="G108" s="17"/>
      <c r="H108" s="138"/>
      <c r="I108" s="138"/>
      <c r="J108" s="138"/>
      <c r="K108" s="17" t="s">
        <v>17</v>
      </c>
      <c r="L108" s="17" t="s">
        <v>71</v>
      </c>
      <c r="M108" s="138">
        <v>1</v>
      </c>
      <c r="N108" s="17"/>
      <c r="O108" s="138"/>
      <c r="P108" s="138"/>
      <c r="Q108" s="138"/>
      <c r="R108" s="98"/>
    </row>
    <row r="109" spans="1:18" hidden="1">
      <c r="H109" s="72">
        <v>1</v>
      </c>
      <c r="I109" s="72">
        <v>374</v>
      </c>
      <c r="J109" s="72" t="s">
        <v>82</v>
      </c>
      <c r="K109" s="8" t="s">
        <v>66</v>
      </c>
      <c r="L109" s="8" t="s">
        <v>65</v>
      </c>
      <c r="M109" s="72">
        <v>1</v>
      </c>
      <c r="N109" s="8" t="s">
        <v>514</v>
      </c>
      <c r="O109" s="72">
        <v>3</v>
      </c>
      <c r="P109" s="72">
        <v>3</v>
      </c>
      <c r="Q109" s="72" t="s">
        <v>659</v>
      </c>
      <c r="R109" s="98"/>
    </row>
    <row r="110" spans="1:18" hidden="1">
      <c r="H110" s="72">
        <v>2</v>
      </c>
      <c r="I110" s="72">
        <v>373</v>
      </c>
      <c r="J110" s="72" t="s">
        <v>1</v>
      </c>
      <c r="K110" s="8" t="s">
        <v>78</v>
      </c>
      <c r="L110" s="8" t="s">
        <v>71</v>
      </c>
      <c r="M110" s="72">
        <v>1</v>
      </c>
      <c r="N110" s="8" t="s">
        <v>519</v>
      </c>
      <c r="O110" s="72">
        <v>8</v>
      </c>
      <c r="P110" s="72">
        <v>8</v>
      </c>
      <c r="R110" s="98"/>
    </row>
    <row r="111" spans="1:18" hidden="1">
      <c r="H111" s="72">
        <v>3</v>
      </c>
      <c r="I111" s="72">
        <v>337</v>
      </c>
      <c r="J111" s="72" t="s">
        <v>79</v>
      </c>
      <c r="K111" s="8" t="s">
        <v>78</v>
      </c>
      <c r="L111" s="8" t="s">
        <v>71</v>
      </c>
      <c r="M111" s="72">
        <v>1</v>
      </c>
      <c r="N111" s="8" t="s">
        <v>518</v>
      </c>
      <c r="O111" s="72">
        <v>4</v>
      </c>
      <c r="P111" s="72">
        <v>8</v>
      </c>
      <c r="R111" s="98"/>
    </row>
    <row r="112" spans="1:18" hidden="1">
      <c r="H112" s="72">
        <v>4</v>
      </c>
      <c r="I112" s="72">
        <v>623</v>
      </c>
      <c r="J112" s="72" t="s">
        <v>76</v>
      </c>
      <c r="K112" s="8" t="s">
        <v>17</v>
      </c>
      <c r="L112" s="8" t="s">
        <v>71</v>
      </c>
      <c r="M112" s="72">
        <v>1</v>
      </c>
      <c r="N112" s="8" t="s">
        <v>514</v>
      </c>
      <c r="O112" s="72">
        <v>2</v>
      </c>
      <c r="P112" s="72">
        <v>2</v>
      </c>
      <c r="Q112" s="70" t="s">
        <v>624</v>
      </c>
      <c r="R112" s="98"/>
    </row>
    <row r="113" spans="1:20">
      <c r="A113" s="138"/>
      <c r="B113" s="138"/>
      <c r="C113" s="138"/>
      <c r="D113" s="138" t="s">
        <v>84</v>
      </c>
      <c r="E113" s="17" t="s">
        <v>428</v>
      </c>
      <c r="F113" s="17"/>
      <c r="G113" s="17"/>
      <c r="H113" s="138"/>
      <c r="I113" s="138"/>
      <c r="J113" s="138"/>
      <c r="K113" s="17" t="s">
        <v>17</v>
      </c>
      <c r="L113" s="17" t="s">
        <v>71</v>
      </c>
      <c r="M113" s="138">
        <v>1</v>
      </c>
      <c r="N113" s="17"/>
      <c r="O113" s="138"/>
      <c r="P113" s="138"/>
      <c r="Q113" s="138"/>
      <c r="R113" s="98" t="s">
        <v>1103</v>
      </c>
      <c r="S113" s="98" t="s">
        <v>1314</v>
      </c>
      <c r="T113" s="98" t="s">
        <v>2</v>
      </c>
    </row>
    <row r="114" spans="1:20" hidden="1" outlineLevel="1">
      <c r="H114" s="72">
        <v>1</v>
      </c>
      <c r="I114" s="72">
        <v>374</v>
      </c>
      <c r="J114" s="72" t="s">
        <v>82</v>
      </c>
      <c r="K114" s="8" t="s">
        <v>66</v>
      </c>
      <c r="L114" s="8" t="s">
        <v>65</v>
      </c>
      <c r="M114" s="72">
        <v>1</v>
      </c>
      <c r="N114" s="8" t="s">
        <v>514</v>
      </c>
      <c r="O114" s="72">
        <v>3</v>
      </c>
      <c r="P114" s="72">
        <v>3</v>
      </c>
      <c r="Q114" s="72" t="s">
        <v>812</v>
      </c>
      <c r="R114" s="98"/>
    </row>
    <row r="115" spans="1:20" hidden="1" outlineLevel="1">
      <c r="H115" s="72">
        <v>2</v>
      </c>
      <c r="I115" s="72">
        <v>373</v>
      </c>
      <c r="J115" s="72" t="s">
        <v>1</v>
      </c>
      <c r="K115" s="8" t="s">
        <v>78</v>
      </c>
      <c r="L115" s="8" t="s">
        <v>71</v>
      </c>
      <c r="M115" s="72">
        <v>1</v>
      </c>
      <c r="N115" s="8" t="s">
        <v>519</v>
      </c>
      <c r="O115" s="72">
        <v>8</v>
      </c>
      <c r="P115" s="72">
        <v>8</v>
      </c>
      <c r="R115" s="98"/>
    </row>
    <row r="116" spans="1:20" hidden="1" outlineLevel="1">
      <c r="H116" s="72">
        <v>3</v>
      </c>
      <c r="I116" s="72">
        <v>337</v>
      </c>
      <c r="J116" s="72" t="s">
        <v>79</v>
      </c>
      <c r="K116" s="8" t="s">
        <v>78</v>
      </c>
      <c r="L116" s="8" t="s">
        <v>71</v>
      </c>
      <c r="M116" s="72">
        <v>1</v>
      </c>
      <c r="N116" s="8" t="s">
        <v>518</v>
      </c>
      <c r="O116" s="72">
        <v>4</v>
      </c>
      <c r="P116" s="72">
        <v>8</v>
      </c>
      <c r="R116" s="98"/>
    </row>
    <row r="117" spans="1:20" hidden="1" outlineLevel="1">
      <c r="H117" s="72">
        <v>4</v>
      </c>
      <c r="I117" s="72">
        <v>623</v>
      </c>
      <c r="J117" s="72" t="s">
        <v>76</v>
      </c>
      <c r="K117" s="8" t="s">
        <v>17</v>
      </c>
      <c r="L117" s="8" t="s">
        <v>71</v>
      </c>
      <c r="M117" s="72">
        <v>1</v>
      </c>
      <c r="N117" s="8" t="s">
        <v>514</v>
      </c>
      <c r="O117" s="72">
        <v>2</v>
      </c>
      <c r="P117" s="72">
        <v>2</v>
      </c>
      <c r="Q117" s="70" t="s">
        <v>624</v>
      </c>
      <c r="R117" s="98"/>
    </row>
    <row r="118" spans="1:20" hidden="1" collapsed="1">
      <c r="A118" s="138"/>
      <c r="B118" s="138"/>
      <c r="C118" s="138"/>
      <c r="D118" s="138" t="s">
        <v>237</v>
      </c>
      <c r="E118" s="17" t="s">
        <v>517</v>
      </c>
      <c r="F118" s="17"/>
      <c r="G118" s="17"/>
      <c r="H118" s="138"/>
      <c r="I118" s="138"/>
      <c r="J118" s="138"/>
      <c r="K118" s="17" t="s">
        <v>17</v>
      </c>
      <c r="L118" s="17" t="s">
        <v>71</v>
      </c>
      <c r="M118" s="138">
        <v>99</v>
      </c>
      <c r="N118" s="17"/>
      <c r="O118" s="138"/>
      <c r="P118" s="138"/>
      <c r="Q118" s="138"/>
      <c r="R118" s="98"/>
    </row>
    <row r="119" spans="1:20" hidden="1">
      <c r="H119" s="72">
        <v>1</v>
      </c>
      <c r="I119" s="72">
        <v>963</v>
      </c>
      <c r="J119" s="72" t="s">
        <v>235</v>
      </c>
      <c r="K119" s="8" t="s">
        <v>66</v>
      </c>
      <c r="L119" s="8" t="s">
        <v>65</v>
      </c>
      <c r="M119" s="72">
        <v>1</v>
      </c>
      <c r="N119" s="8" t="s">
        <v>514</v>
      </c>
      <c r="O119" s="72">
        <v>2</v>
      </c>
      <c r="P119" s="72">
        <v>2</v>
      </c>
      <c r="Q119" s="70" t="s">
        <v>624</v>
      </c>
      <c r="R119" s="98"/>
    </row>
    <row r="120" spans="1:20" hidden="1">
      <c r="H120" s="72">
        <v>2</v>
      </c>
      <c r="I120" s="72">
        <v>782</v>
      </c>
      <c r="J120" s="72" t="s">
        <v>67</v>
      </c>
      <c r="K120" s="8" t="s">
        <v>78</v>
      </c>
      <c r="L120" s="8" t="s">
        <v>71</v>
      </c>
      <c r="M120" s="72">
        <v>1</v>
      </c>
      <c r="N120" s="8" t="s">
        <v>438</v>
      </c>
      <c r="O120" s="72">
        <v>1</v>
      </c>
      <c r="P120" s="72">
        <v>18</v>
      </c>
      <c r="R120" s="98"/>
    </row>
    <row r="121" spans="1:20" hidden="1">
      <c r="H121" s="72">
        <v>3</v>
      </c>
      <c r="I121" s="72">
        <v>954</v>
      </c>
      <c r="J121" s="72" t="s">
        <v>232</v>
      </c>
      <c r="K121" s="8" t="s">
        <v>78</v>
      </c>
      <c r="L121" s="8" t="s">
        <v>71</v>
      </c>
      <c r="M121" s="72">
        <v>1</v>
      </c>
      <c r="N121" s="8" t="s">
        <v>438</v>
      </c>
      <c r="O121" s="72">
        <v>1</v>
      </c>
      <c r="P121" s="72">
        <v>10</v>
      </c>
      <c r="R121" s="98"/>
    </row>
    <row r="122" spans="1:20" hidden="1">
      <c r="H122" s="72">
        <v>4</v>
      </c>
      <c r="I122" s="72">
        <v>955</v>
      </c>
      <c r="J122" s="72" t="s">
        <v>230</v>
      </c>
      <c r="K122" s="8" t="s">
        <v>78</v>
      </c>
      <c r="L122" s="8" t="s">
        <v>71</v>
      </c>
      <c r="M122" s="72">
        <v>1</v>
      </c>
      <c r="N122" s="8" t="s">
        <v>514</v>
      </c>
      <c r="O122" s="72">
        <v>2</v>
      </c>
      <c r="P122" s="72">
        <v>2</v>
      </c>
      <c r="Q122" s="72" t="s">
        <v>813</v>
      </c>
      <c r="R122" s="98"/>
    </row>
    <row r="123" spans="1:20" hidden="1">
      <c r="H123" s="72">
        <v>5</v>
      </c>
      <c r="I123" s="72">
        <v>956</v>
      </c>
      <c r="J123" s="72" t="s">
        <v>228</v>
      </c>
      <c r="K123" s="8" t="s">
        <v>78</v>
      </c>
      <c r="L123" s="8" t="s">
        <v>71</v>
      </c>
      <c r="M123" s="72">
        <v>1</v>
      </c>
      <c r="N123" s="8" t="s">
        <v>509</v>
      </c>
      <c r="O123" s="72">
        <v>1</v>
      </c>
      <c r="P123" s="72">
        <v>10</v>
      </c>
      <c r="R123" s="98"/>
    </row>
    <row r="124" spans="1:20" hidden="1">
      <c r="E124" s="72"/>
      <c r="F124" s="72"/>
      <c r="G124" s="72"/>
      <c r="H124" s="18">
        <v>6</v>
      </c>
      <c r="I124" s="18">
        <v>441</v>
      </c>
      <c r="J124" s="18" t="s">
        <v>226</v>
      </c>
      <c r="K124" s="11" t="s">
        <v>78</v>
      </c>
      <c r="L124" s="8" t="s">
        <v>71</v>
      </c>
      <c r="M124" s="18">
        <v>1</v>
      </c>
      <c r="N124" s="11" t="s">
        <v>514</v>
      </c>
      <c r="O124" s="18">
        <v>1</v>
      </c>
      <c r="P124" s="18">
        <v>1</v>
      </c>
      <c r="Q124" s="70" t="s">
        <v>624</v>
      </c>
      <c r="R124" s="98"/>
    </row>
    <row r="125" spans="1:20" hidden="1">
      <c r="E125" s="72"/>
      <c r="F125" s="72"/>
      <c r="G125" s="72"/>
      <c r="H125" s="25">
        <v>7</v>
      </c>
      <c r="I125" s="25">
        <v>662</v>
      </c>
      <c r="J125" s="25" t="s">
        <v>97</v>
      </c>
      <c r="K125" s="19" t="s">
        <v>17</v>
      </c>
      <c r="L125" s="25" t="s">
        <v>174</v>
      </c>
      <c r="M125" s="25">
        <v>1</v>
      </c>
      <c r="N125" s="19" t="s">
        <v>514</v>
      </c>
      <c r="O125" s="25">
        <v>1</v>
      </c>
      <c r="P125" s="25">
        <v>1</v>
      </c>
      <c r="Q125" s="25"/>
      <c r="R125" s="98"/>
    </row>
    <row r="126" spans="1:20" hidden="1">
      <c r="H126" s="72">
        <v>8</v>
      </c>
      <c r="I126" s="72">
        <v>828</v>
      </c>
      <c r="J126" s="72" t="s">
        <v>223</v>
      </c>
      <c r="K126" s="8" t="s">
        <v>17</v>
      </c>
      <c r="L126" s="8" t="s">
        <v>71</v>
      </c>
      <c r="M126" s="72">
        <v>1</v>
      </c>
      <c r="N126" s="8" t="s">
        <v>438</v>
      </c>
      <c r="O126" s="72">
        <v>1</v>
      </c>
      <c r="P126" s="72">
        <v>9</v>
      </c>
      <c r="R126" s="98"/>
    </row>
    <row r="127" spans="1:20" hidden="1">
      <c r="A127" s="138">
        <v>280</v>
      </c>
      <c r="B127" s="138" t="s">
        <v>177</v>
      </c>
      <c r="C127" s="17" t="s">
        <v>126</v>
      </c>
      <c r="D127" s="138"/>
      <c r="E127" s="17"/>
      <c r="F127" s="17"/>
      <c r="G127" s="17"/>
      <c r="H127" s="138"/>
      <c r="I127" s="138"/>
      <c r="J127" s="138"/>
      <c r="K127" s="17" t="s">
        <v>17</v>
      </c>
      <c r="L127" s="17" t="s">
        <v>71</v>
      </c>
      <c r="M127" s="138">
        <v>1000</v>
      </c>
      <c r="N127" s="17"/>
      <c r="O127" s="138"/>
      <c r="P127" s="138"/>
      <c r="Q127" s="138"/>
      <c r="R127" s="98"/>
    </row>
    <row r="128" spans="1:20" hidden="1">
      <c r="A128" s="138"/>
      <c r="B128" s="138"/>
      <c r="C128" s="138"/>
      <c r="D128" s="138" t="s">
        <v>177</v>
      </c>
      <c r="E128" s="17" t="s">
        <v>126</v>
      </c>
      <c r="F128" s="17"/>
      <c r="G128" s="17"/>
      <c r="H128" s="138"/>
      <c r="I128" s="138"/>
      <c r="J128" s="138"/>
      <c r="K128" s="17" t="s">
        <v>66</v>
      </c>
      <c r="L128" s="17" t="s">
        <v>65</v>
      </c>
      <c r="M128" s="138">
        <v>1</v>
      </c>
      <c r="N128" s="17"/>
      <c r="O128" s="138"/>
      <c r="P128" s="138"/>
      <c r="Q128" s="138"/>
      <c r="R128" s="98"/>
    </row>
    <row r="129" spans="1:19" ht="28" hidden="1">
      <c r="H129" s="72">
        <v>1</v>
      </c>
      <c r="I129" s="72">
        <v>128</v>
      </c>
      <c r="J129" s="72" t="s">
        <v>128</v>
      </c>
      <c r="K129" s="8" t="s">
        <v>66</v>
      </c>
      <c r="L129" s="8" t="s">
        <v>65</v>
      </c>
      <c r="M129" s="72">
        <v>1</v>
      </c>
      <c r="N129" s="8" t="s">
        <v>514</v>
      </c>
      <c r="O129" s="72">
        <v>2</v>
      </c>
      <c r="P129" s="72">
        <v>3</v>
      </c>
      <c r="Q129" s="72" t="s">
        <v>814</v>
      </c>
      <c r="R129" s="98"/>
    </row>
    <row r="130" spans="1:19" hidden="1">
      <c r="H130" s="72">
        <v>2</v>
      </c>
      <c r="I130" s="72">
        <v>127</v>
      </c>
      <c r="J130" s="72" t="s">
        <v>126</v>
      </c>
      <c r="K130" s="8" t="s">
        <v>78</v>
      </c>
      <c r="L130" s="8" t="s">
        <v>71</v>
      </c>
      <c r="M130" s="72">
        <v>1</v>
      </c>
      <c r="N130" s="8" t="s">
        <v>509</v>
      </c>
      <c r="O130" s="72">
        <v>1</v>
      </c>
      <c r="P130" s="72">
        <v>30</v>
      </c>
      <c r="R130" s="98"/>
    </row>
    <row r="131" spans="1:19" hidden="1">
      <c r="H131" s="72">
        <v>3</v>
      </c>
      <c r="I131" s="72">
        <v>369</v>
      </c>
      <c r="J131" s="72" t="s">
        <v>172</v>
      </c>
      <c r="K131" s="8" t="s">
        <v>78</v>
      </c>
      <c r="L131" s="8" t="s">
        <v>71</v>
      </c>
      <c r="M131" s="72">
        <v>1</v>
      </c>
      <c r="N131" s="8" t="s">
        <v>509</v>
      </c>
      <c r="O131" s="72">
        <v>1</v>
      </c>
      <c r="P131" s="72">
        <v>45</v>
      </c>
      <c r="Q131" s="72" t="s">
        <v>673</v>
      </c>
      <c r="R131" s="98"/>
    </row>
    <row r="132" spans="1:19" hidden="1">
      <c r="A132" s="138"/>
      <c r="B132" s="138"/>
      <c r="C132" s="138"/>
      <c r="D132" s="138" t="s">
        <v>87</v>
      </c>
      <c r="E132" s="17" t="s">
        <v>515</v>
      </c>
      <c r="F132" s="17"/>
      <c r="G132" s="17"/>
      <c r="H132" s="138"/>
      <c r="I132" s="138"/>
      <c r="J132" s="138"/>
      <c r="K132" s="17" t="s">
        <v>17</v>
      </c>
      <c r="L132" s="17" t="s">
        <v>71</v>
      </c>
      <c r="M132" s="138">
        <v>999</v>
      </c>
      <c r="N132" s="17"/>
      <c r="O132" s="138"/>
      <c r="P132" s="138"/>
      <c r="Q132" s="138"/>
      <c r="R132" s="98"/>
    </row>
    <row r="133" spans="1:19" hidden="1">
      <c r="H133" s="72">
        <v>1</v>
      </c>
      <c r="I133" s="72">
        <v>933</v>
      </c>
      <c r="J133" s="72" t="s">
        <v>85</v>
      </c>
      <c r="K133" s="8" t="s">
        <v>66</v>
      </c>
      <c r="L133" s="8" t="s">
        <v>65</v>
      </c>
      <c r="M133" s="72">
        <v>1</v>
      </c>
      <c r="N133" s="8" t="s">
        <v>509</v>
      </c>
      <c r="O133" s="72">
        <v>1</v>
      </c>
      <c r="P133" s="72">
        <v>264</v>
      </c>
      <c r="R133" s="98"/>
    </row>
    <row r="134" spans="1:19" hidden="1">
      <c r="H134" s="72">
        <v>2</v>
      </c>
      <c r="I134" s="72">
        <v>934</v>
      </c>
      <c r="J134" s="72" t="s">
        <v>178</v>
      </c>
      <c r="K134" s="8" t="s">
        <v>78</v>
      </c>
      <c r="L134" s="8" t="s">
        <v>71</v>
      </c>
      <c r="M134" s="72">
        <v>1</v>
      </c>
      <c r="N134" s="8" t="s">
        <v>514</v>
      </c>
      <c r="O134" s="72">
        <v>2</v>
      </c>
      <c r="P134" s="72">
        <v>2</v>
      </c>
      <c r="Q134" s="72" t="s">
        <v>674</v>
      </c>
      <c r="R134" s="98"/>
    </row>
    <row r="135" spans="1:19" hidden="1">
      <c r="A135" s="138">
        <v>280</v>
      </c>
      <c r="B135" s="138" t="s">
        <v>177</v>
      </c>
      <c r="C135" s="17" t="s">
        <v>126</v>
      </c>
      <c r="D135" s="138"/>
      <c r="E135" s="17"/>
      <c r="F135" s="17"/>
      <c r="G135" s="17"/>
      <c r="H135" s="138"/>
      <c r="I135" s="138"/>
      <c r="J135" s="138"/>
      <c r="K135" s="17" t="s">
        <v>17</v>
      </c>
      <c r="L135" s="17" t="s">
        <v>71</v>
      </c>
      <c r="M135" s="138">
        <v>1000</v>
      </c>
      <c r="N135" s="17"/>
      <c r="O135" s="138"/>
      <c r="P135" s="138"/>
      <c r="Q135" s="138"/>
      <c r="R135" s="98"/>
    </row>
    <row r="136" spans="1:19" s="12" customFormat="1" hidden="1">
      <c r="A136" s="83"/>
      <c r="B136" s="83"/>
      <c r="C136" s="83"/>
      <c r="D136" s="138" t="s">
        <v>177</v>
      </c>
      <c r="E136" s="17" t="s">
        <v>126</v>
      </c>
      <c r="F136" s="17"/>
      <c r="G136" s="17"/>
      <c r="H136" s="138"/>
      <c r="I136" s="138"/>
      <c r="J136" s="138"/>
      <c r="K136" s="17" t="s">
        <v>66</v>
      </c>
      <c r="L136" s="17" t="s">
        <v>65</v>
      </c>
      <c r="M136" s="138">
        <v>1</v>
      </c>
      <c r="N136" s="17"/>
      <c r="O136" s="138"/>
      <c r="P136" s="138"/>
      <c r="Q136" s="138"/>
      <c r="R136" s="98"/>
      <c r="S136" s="98"/>
    </row>
    <row r="137" spans="1:19" s="12" customFormat="1" hidden="1">
      <c r="D137" s="18"/>
      <c r="E137" s="11"/>
      <c r="F137" s="11"/>
      <c r="G137" s="11"/>
      <c r="H137" s="18">
        <v>1</v>
      </c>
      <c r="I137" s="18">
        <v>128</v>
      </c>
      <c r="J137" s="18" t="s">
        <v>128</v>
      </c>
      <c r="K137" s="11" t="s">
        <v>66</v>
      </c>
      <c r="L137" s="8" t="s">
        <v>65</v>
      </c>
      <c r="M137" s="18">
        <v>1</v>
      </c>
      <c r="N137" s="11" t="s">
        <v>514</v>
      </c>
      <c r="O137" s="18">
        <v>2</v>
      </c>
      <c r="P137" s="18">
        <v>3</v>
      </c>
      <c r="Q137" s="18" t="s">
        <v>672</v>
      </c>
      <c r="R137" s="98"/>
      <c r="S137" s="98"/>
    </row>
    <row r="138" spans="1:19" s="12" customFormat="1" hidden="1">
      <c r="D138" s="18"/>
      <c r="E138" s="11"/>
      <c r="F138" s="11"/>
      <c r="G138" s="11"/>
      <c r="H138" s="25">
        <v>2</v>
      </c>
      <c r="I138" s="25">
        <v>127</v>
      </c>
      <c r="J138" s="25" t="s">
        <v>126</v>
      </c>
      <c r="K138" s="19" t="s">
        <v>78</v>
      </c>
      <c r="L138" s="25" t="s">
        <v>174</v>
      </c>
      <c r="M138" s="25">
        <v>1</v>
      </c>
      <c r="N138" s="19" t="s">
        <v>509</v>
      </c>
      <c r="O138" s="25">
        <v>1</v>
      </c>
      <c r="P138" s="25">
        <v>30</v>
      </c>
      <c r="Q138" s="25"/>
      <c r="R138" s="98"/>
      <c r="S138" s="98"/>
    </row>
    <row r="139" spans="1:19" s="12" customFormat="1" hidden="1">
      <c r="D139" s="18"/>
      <c r="E139" s="11"/>
      <c r="F139" s="11"/>
      <c r="G139" s="11"/>
      <c r="H139" s="18">
        <v>3</v>
      </c>
      <c r="I139" s="18">
        <v>369</v>
      </c>
      <c r="J139" s="18" t="s">
        <v>172</v>
      </c>
      <c r="K139" s="11" t="s">
        <v>78</v>
      </c>
      <c r="L139" s="8" t="s">
        <v>71</v>
      </c>
      <c r="M139" s="18">
        <v>1</v>
      </c>
      <c r="N139" s="11" t="s">
        <v>509</v>
      </c>
      <c r="O139" s="18">
        <v>1</v>
      </c>
      <c r="P139" s="18">
        <v>45</v>
      </c>
      <c r="Q139" s="18" t="s">
        <v>815</v>
      </c>
      <c r="R139" s="98"/>
      <c r="S139" s="98"/>
    </row>
    <row r="140" spans="1:19" s="12" customFormat="1" hidden="1">
      <c r="A140" s="83"/>
      <c r="B140" s="83"/>
      <c r="C140" s="83"/>
      <c r="D140" s="138" t="s">
        <v>87</v>
      </c>
      <c r="E140" s="17" t="s">
        <v>515</v>
      </c>
      <c r="F140" s="17"/>
      <c r="G140" s="17"/>
      <c r="H140" s="138"/>
      <c r="I140" s="138"/>
      <c r="J140" s="138"/>
      <c r="K140" s="17" t="s">
        <v>17</v>
      </c>
      <c r="L140" s="17" t="s">
        <v>71</v>
      </c>
      <c r="M140" s="138">
        <v>1000</v>
      </c>
      <c r="N140" s="17"/>
      <c r="O140" s="138"/>
      <c r="P140" s="138"/>
      <c r="Q140" s="138"/>
      <c r="R140" s="98"/>
      <c r="S140" s="98"/>
    </row>
    <row r="141" spans="1:19" s="12" customFormat="1" hidden="1">
      <c r="D141" s="18"/>
      <c r="E141" s="11"/>
      <c r="F141" s="11"/>
      <c r="G141" s="11"/>
      <c r="H141" s="18">
        <v>1</v>
      </c>
      <c r="I141" s="18">
        <v>933</v>
      </c>
      <c r="J141" s="18" t="s">
        <v>85</v>
      </c>
      <c r="K141" s="11" t="s">
        <v>66</v>
      </c>
      <c r="L141" s="8" t="s">
        <v>65</v>
      </c>
      <c r="M141" s="18">
        <v>1</v>
      </c>
      <c r="N141" s="11" t="s">
        <v>509</v>
      </c>
      <c r="O141" s="18">
        <v>1</v>
      </c>
      <c r="P141" s="18">
        <v>264</v>
      </c>
      <c r="Q141" s="70" t="s">
        <v>624</v>
      </c>
      <c r="R141" s="98"/>
      <c r="S141" s="98"/>
    </row>
    <row r="142" spans="1:19" hidden="1">
      <c r="A142" s="138">
        <v>280</v>
      </c>
      <c r="B142" s="138" t="s">
        <v>177</v>
      </c>
      <c r="C142" s="17" t="s">
        <v>126</v>
      </c>
      <c r="D142" s="138"/>
      <c r="E142" s="17"/>
      <c r="F142" s="17"/>
      <c r="G142" s="17"/>
      <c r="H142" s="138"/>
      <c r="I142" s="138"/>
      <c r="J142" s="138"/>
      <c r="K142" s="17" t="s">
        <v>17</v>
      </c>
      <c r="L142" s="17" t="s">
        <v>71</v>
      </c>
      <c r="M142" s="138">
        <v>1000</v>
      </c>
      <c r="N142" s="17"/>
      <c r="O142" s="138"/>
      <c r="P142" s="138"/>
      <c r="Q142" s="138"/>
      <c r="R142" s="98"/>
    </row>
    <row r="143" spans="1:19" hidden="1">
      <c r="A143" s="138"/>
      <c r="B143" s="138"/>
      <c r="C143" s="138"/>
      <c r="D143" s="138" t="s">
        <v>177</v>
      </c>
      <c r="E143" s="17" t="s">
        <v>126</v>
      </c>
      <c r="F143" s="17"/>
      <c r="G143" s="17"/>
      <c r="H143" s="138"/>
      <c r="I143" s="138"/>
      <c r="J143" s="138"/>
      <c r="K143" s="17" t="s">
        <v>66</v>
      </c>
      <c r="L143" s="17" t="s">
        <v>65</v>
      </c>
      <c r="M143" s="138">
        <v>1</v>
      </c>
      <c r="N143" s="17"/>
      <c r="O143" s="138"/>
      <c r="P143" s="138"/>
      <c r="Q143" s="138"/>
      <c r="R143" s="98"/>
    </row>
    <row r="144" spans="1:19" ht="28" hidden="1">
      <c r="H144" s="72">
        <v>1</v>
      </c>
      <c r="I144" s="72">
        <v>128</v>
      </c>
      <c r="J144" s="72" t="s">
        <v>128</v>
      </c>
      <c r="K144" s="8" t="s">
        <v>66</v>
      </c>
      <c r="L144" s="8" t="s">
        <v>65</v>
      </c>
      <c r="M144" s="72">
        <v>1</v>
      </c>
      <c r="N144" s="8" t="s">
        <v>514</v>
      </c>
      <c r="O144" s="72">
        <v>2</v>
      </c>
      <c r="P144" s="72">
        <v>3</v>
      </c>
      <c r="Q144" s="72" t="s">
        <v>814</v>
      </c>
      <c r="R144" s="98"/>
    </row>
    <row r="145" spans="1:18" hidden="1">
      <c r="H145" s="72">
        <v>2</v>
      </c>
      <c r="I145" s="72">
        <v>127</v>
      </c>
      <c r="J145" s="72" t="s">
        <v>126</v>
      </c>
      <c r="K145" s="8" t="s">
        <v>78</v>
      </c>
      <c r="L145" s="8" t="s">
        <v>71</v>
      </c>
      <c r="M145" s="72">
        <v>1</v>
      </c>
      <c r="N145" s="8" t="s">
        <v>509</v>
      </c>
      <c r="O145" s="72">
        <v>1</v>
      </c>
      <c r="P145" s="72">
        <v>30</v>
      </c>
      <c r="R145" s="98"/>
    </row>
    <row r="146" spans="1:18" hidden="1">
      <c r="H146" s="72">
        <v>3</v>
      </c>
      <c r="I146" s="72">
        <v>369</v>
      </c>
      <c r="J146" s="72" t="s">
        <v>172</v>
      </c>
      <c r="K146" s="8" t="s">
        <v>78</v>
      </c>
      <c r="L146" s="8" t="s">
        <v>71</v>
      </c>
      <c r="M146" s="72">
        <v>1</v>
      </c>
      <c r="N146" s="8" t="s">
        <v>509</v>
      </c>
      <c r="O146" s="72">
        <v>1</v>
      </c>
      <c r="P146" s="72">
        <v>45</v>
      </c>
      <c r="Q146" s="72" t="s">
        <v>816</v>
      </c>
      <c r="R146" s="98"/>
    </row>
    <row r="147" spans="1:18" hidden="1">
      <c r="A147" s="138"/>
      <c r="B147" s="138"/>
      <c r="C147" s="138"/>
      <c r="D147" s="138" t="s">
        <v>87</v>
      </c>
      <c r="E147" s="17" t="s">
        <v>515</v>
      </c>
      <c r="F147" s="17"/>
      <c r="G147" s="17"/>
      <c r="H147" s="138"/>
      <c r="I147" s="138"/>
      <c r="J147" s="138"/>
      <c r="K147" s="17" t="s">
        <v>17</v>
      </c>
      <c r="L147" s="17" t="s">
        <v>71</v>
      </c>
      <c r="M147" s="138">
        <v>999</v>
      </c>
      <c r="N147" s="17"/>
      <c r="O147" s="138"/>
      <c r="P147" s="138"/>
      <c r="Q147" s="138"/>
      <c r="R147" s="98"/>
    </row>
    <row r="148" spans="1:18" hidden="1">
      <c r="H148" s="72">
        <v>1</v>
      </c>
      <c r="I148" s="72">
        <v>933</v>
      </c>
      <c r="J148" s="72" t="s">
        <v>85</v>
      </c>
      <c r="K148" s="8" t="s">
        <v>66</v>
      </c>
      <c r="L148" s="8" t="s">
        <v>65</v>
      </c>
      <c r="M148" s="72">
        <v>1</v>
      </c>
      <c r="N148" s="8" t="s">
        <v>509</v>
      </c>
      <c r="O148" s="72">
        <v>1</v>
      </c>
      <c r="P148" s="72">
        <v>264</v>
      </c>
      <c r="R148" s="98"/>
    </row>
    <row r="149" spans="1:18" hidden="1">
      <c r="H149" s="72">
        <v>2</v>
      </c>
      <c r="I149" s="72">
        <v>934</v>
      </c>
      <c r="J149" s="72" t="s">
        <v>178</v>
      </c>
      <c r="K149" s="8" t="s">
        <v>78</v>
      </c>
      <c r="L149" s="8" t="s">
        <v>71</v>
      </c>
      <c r="M149" s="72">
        <v>1</v>
      </c>
      <c r="N149" s="8" t="s">
        <v>514</v>
      </c>
      <c r="O149" s="72">
        <v>2</v>
      </c>
      <c r="P149" s="72">
        <v>2</v>
      </c>
      <c r="Q149" s="72" t="s">
        <v>674</v>
      </c>
      <c r="R149" s="98"/>
    </row>
    <row r="150" spans="1:18" hidden="1">
      <c r="A150" s="138">
        <v>280</v>
      </c>
      <c r="B150" s="138" t="s">
        <v>177</v>
      </c>
      <c r="C150" s="17" t="s">
        <v>126</v>
      </c>
      <c r="D150" s="138"/>
      <c r="E150" s="17"/>
      <c r="F150" s="17"/>
      <c r="G150" s="17"/>
      <c r="H150" s="138"/>
      <c r="I150" s="138"/>
      <c r="J150" s="138"/>
      <c r="K150" s="17" t="s">
        <v>17</v>
      </c>
      <c r="L150" s="17" t="s">
        <v>71</v>
      </c>
      <c r="M150" s="138">
        <v>1000</v>
      </c>
      <c r="N150" s="17"/>
      <c r="O150" s="138"/>
      <c r="P150" s="138"/>
      <c r="Q150" s="138"/>
      <c r="R150" s="98"/>
    </row>
    <row r="151" spans="1:18" hidden="1">
      <c r="A151" s="138"/>
      <c r="B151" s="138"/>
      <c r="C151" s="138"/>
      <c r="D151" s="138" t="s">
        <v>177</v>
      </c>
      <c r="E151" s="17" t="s">
        <v>126</v>
      </c>
      <c r="F151" s="17"/>
      <c r="G151" s="17"/>
      <c r="H151" s="138"/>
      <c r="I151" s="138"/>
      <c r="J151" s="138"/>
      <c r="K151" s="17" t="s">
        <v>66</v>
      </c>
      <c r="L151" s="17" t="s">
        <v>65</v>
      </c>
      <c r="M151" s="138">
        <v>1</v>
      </c>
      <c r="N151" s="17"/>
      <c r="O151" s="138"/>
      <c r="P151" s="138"/>
      <c r="Q151" s="138"/>
      <c r="R151" s="98"/>
    </row>
    <row r="152" spans="1:18" ht="28" hidden="1">
      <c r="H152" s="72">
        <v>1</v>
      </c>
      <c r="I152" s="72">
        <v>128</v>
      </c>
      <c r="J152" s="72" t="s">
        <v>128</v>
      </c>
      <c r="K152" s="8" t="s">
        <v>66</v>
      </c>
      <c r="L152" s="8" t="s">
        <v>65</v>
      </c>
      <c r="M152" s="72">
        <v>1</v>
      </c>
      <c r="N152" s="8" t="s">
        <v>514</v>
      </c>
      <c r="O152" s="72">
        <v>2</v>
      </c>
      <c r="P152" s="72">
        <v>3</v>
      </c>
      <c r="Q152" s="72" t="s">
        <v>814</v>
      </c>
      <c r="R152" s="98"/>
    </row>
    <row r="153" spans="1:18" hidden="1">
      <c r="H153" s="72">
        <v>2</v>
      </c>
      <c r="I153" s="72">
        <v>127</v>
      </c>
      <c r="J153" s="72" t="s">
        <v>126</v>
      </c>
      <c r="K153" s="8" t="s">
        <v>78</v>
      </c>
      <c r="L153" s="8" t="s">
        <v>71</v>
      </c>
      <c r="M153" s="72">
        <v>1</v>
      </c>
      <c r="N153" s="8" t="s">
        <v>509</v>
      </c>
      <c r="O153" s="72">
        <v>1</v>
      </c>
      <c r="P153" s="72">
        <v>30</v>
      </c>
      <c r="R153" s="98"/>
    </row>
    <row r="154" spans="1:18" hidden="1">
      <c r="H154" s="72">
        <v>3</v>
      </c>
      <c r="I154" s="72">
        <v>369</v>
      </c>
      <c r="J154" s="72" t="s">
        <v>172</v>
      </c>
      <c r="K154" s="8" t="s">
        <v>78</v>
      </c>
      <c r="L154" s="8" t="s">
        <v>71</v>
      </c>
      <c r="M154" s="72">
        <v>1</v>
      </c>
      <c r="N154" s="8" t="s">
        <v>509</v>
      </c>
      <c r="O154" s="72">
        <v>1</v>
      </c>
      <c r="P154" s="72">
        <v>45</v>
      </c>
      <c r="Q154" s="72" t="s">
        <v>817</v>
      </c>
      <c r="R154" s="98"/>
    </row>
    <row r="155" spans="1:18" hidden="1">
      <c r="A155" s="138"/>
      <c r="B155" s="138"/>
      <c r="C155" s="138"/>
      <c r="D155" s="138" t="s">
        <v>87</v>
      </c>
      <c r="E155" s="17" t="s">
        <v>515</v>
      </c>
      <c r="F155" s="17"/>
      <c r="G155" s="17"/>
      <c r="H155" s="138"/>
      <c r="I155" s="138"/>
      <c r="J155" s="138"/>
      <c r="K155" s="17" t="s">
        <v>17</v>
      </c>
      <c r="L155" s="17" t="s">
        <v>71</v>
      </c>
      <c r="M155" s="138">
        <v>999</v>
      </c>
      <c r="N155" s="17"/>
      <c r="O155" s="138"/>
      <c r="P155" s="138"/>
      <c r="Q155" s="138"/>
      <c r="R155" s="98"/>
    </row>
    <row r="156" spans="1:18" hidden="1">
      <c r="H156" s="72">
        <v>1</v>
      </c>
      <c r="I156" s="72">
        <v>933</v>
      </c>
      <c r="J156" s="72" t="s">
        <v>85</v>
      </c>
      <c r="K156" s="8" t="s">
        <v>66</v>
      </c>
      <c r="L156" s="8" t="s">
        <v>65</v>
      </c>
      <c r="M156" s="72">
        <v>1</v>
      </c>
      <c r="N156" s="8" t="s">
        <v>509</v>
      </c>
      <c r="O156" s="72">
        <v>1</v>
      </c>
      <c r="P156" s="72">
        <v>264</v>
      </c>
      <c r="R156" s="98"/>
    </row>
    <row r="157" spans="1:18" hidden="1">
      <c r="H157" s="72">
        <v>2</v>
      </c>
      <c r="I157" s="72">
        <v>934</v>
      </c>
      <c r="J157" s="72" t="s">
        <v>178</v>
      </c>
      <c r="K157" s="8" t="s">
        <v>78</v>
      </c>
      <c r="L157" s="8" t="s">
        <v>71</v>
      </c>
      <c r="M157" s="72">
        <v>1</v>
      </c>
      <c r="N157" s="8" t="s">
        <v>514</v>
      </c>
      <c r="O157" s="72">
        <v>2</v>
      </c>
      <c r="P157" s="72">
        <v>2</v>
      </c>
      <c r="Q157" s="72" t="s">
        <v>674</v>
      </c>
      <c r="R157" s="98"/>
    </row>
    <row r="158" spans="1:18" hidden="1">
      <c r="A158" s="138">
        <v>280</v>
      </c>
      <c r="B158" s="138" t="s">
        <v>177</v>
      </c>
      <c r="C158" s="17" t="s">
        <v>126</v>
      </c>
      <c r="D158" s="138"/>
      <c r="E158" s="17"/>
      <c r="F158" s="17"/>
      <c r="G158" s="17"/>
      <c r="H158" s="138"/>
      <c r="I158" s="138"/>
      <c r="J158" s="138"/>
      <c r="K158" s="17" t="s">
        <v>17</v>
      </c>
      <c r="L158" s="17" t="s">
        <v>71</v>
      </c>
      <c r="M158" s="138">
        <v>1000</v>
      </c>
      <c r="N158" s="17"/>
      <c r="O158" s="138"/>
      <c r="P158" s="138"/>
      <c r="Q158" s="138"/>
      <c r="R158" s="98"/>
    </row>
    <row r="159" spans="1:18" hidden="1">
      <c r="A159" s="138"/>
      <c r="B159" s="138"/>
      <c r="C159" s="138"/>
      <c r="D159" s="138" t="s">
        <v>177</v>
      </c>
      <c r="E159" s="17" t="s">
        <v>126</v>
      </c>
      <c r="F159" s="17"/>
      <c r="G159" s="17"/>
      <c r="H159" s="138"/>
      <c r="I159" s="138"/>
      <c r="J159" s="138"/>
      <c r="K159" s="17" t="s">
        <v>66</v>
      </c>
      <c r="L159" s="17" t="s">
        <v>65</v>
      </c>
      <c r="M159" s="138">
        <v>1</v>
      </c>
      <c r="N159" s="17"/>
      <c r="O159" s="138"/>
      <c r="P159" s="138"/>
      <c r="Q159" s="138"/>
      <c r="R159" s="98"/>
    </row>
    <row r="160" spans="1:18" hidden="1">
      <c r="H160" s="72">
        <v>1</v>
      </c>
      <c r="I160" s="72">
        <v>128</v>
      </c>
      <c r="J160" s="72" t="s">
        <v>128</v>
      </c>
      <c r="K160" s="8" t="s">
        <v>66</v>
      </c>
      <c r="L160" s="8" t="s">
        <v>65</v>
      </c>
      <c r="M160" s="72">
        <v>1</v>
      </c>
      <c r="N160" s="8" t="s">
        <v>514</v>
      </c>
      <c r="O160" s="72">
        <v>2</v>
      </c>
      <c r="P160" s="72">
        <v>3</v>
      </c>
      <c r="Q160" s="72" t="s">
        <v>643</v>
      </c>
      <c r="R160" s="98"/>
    </row>
    <row r="161" spans="1:18" hidden="1">
      <c r="H161" s="72">
        <v>2</v>
      </c>
      <c r="I161" s="72">
        <v>127</v>
      </c>
      <c r="J161" s="72" t="s">
        <v>126</v>
      </c>
      <c r="K161" s="8" t="s">
        <v>78</v>
      </c>
      <c r="L161" s="8" t="s">
        <v>71</v>
      </c>
      <c r="M161" s="72">
        <v>1</v>
      </c>
      <c r="N161" s="8" t="s">
        <v>509</v>
      </c>
      <c r="O161" s="72">
        <v>1</v>
      </c>
      <c r="P161" s="72">
        <v>30</v>
      </c>
      <c r="R161" s="98"/>
    </row>
    <row r="162" spans="1:18" hidden="1">
      <c r="H162" s="72">
        <v>3</v>
      </c>
      <c r="I162" s="72">
        <v>369</v>
      </c>
      <c r="J162" s="72" t="s">
        <v>172</v>
      </c>
      <c r="K162" s="8" t="s">
        <v>78</v>
      </c>
      <c r="L162" s="8" t="s">
        <v>71</v>
      </c>
      <c r="M162" s="72">
        <v>1</v>
      </c>
      <c r="N162" s="8" t="s">
        <v>509</v>
      </c>
      <c r="O162" s="72">
        <v>1</v>
      </c>
      <c r="P162" s="72">
        <v>45</v>
      </c>
      <c r="R162" s="98"/>
    </row>
    <row r="163" spans="1:18" hidden="1">
      <c r="A163" s="138"/>
      <c r="B163" s="138"/>
      <c r="C163" s="138"/>
      <c r="D163" s="138" t="s">
        <v>87</v>
      </c>
      <c r="E163" s="17" t="s">
        <v>515</v>
      </c>
      <c r="F163" s="17"/>
      <c r="G163" s="17"/>
      <c r="H163" s="138"/>
      <c r="I163" s="138"/>
      <c r="J163" s="138"/>
      <c r="K163" s="17" t="s">
        <v>17</v>
      </c>
      <c r="L163" s="17" t="s">
        <v>71</v>
      </c>
      <c r="M163" s="138">
        <v>999</v>
      </c>
      <c r="N163" s="17"/>
      <c r="O163" s="138"/>
      <c r="P163" s="138"/>
      <c r="Q163" s="138"/>
      <c r="R163" s="98"/>
    </row>
    <row r="164" spans="1:18" hidden="1">
      <c r="H164" s="72">
        <v>1</v>
      </c>
      <c r="I164" s="72">
        <v>933</v>
      </c>
      <c r="J164" s="72" t="s">
        <v>85</v>
      </c>
      <c r="K164" s="8" t="s">
        <v>66</v>
      </c>
      <c r="L164" s="8" t="s">
        <v>65</v>
      </c>
      <c r="M164" s="72">
        <v>1</v>
      </c>
      <c r="N164" s="8" t="s">
        <v>509</v>
      </c>
      <c r="O164" s="72">
        <v>1</v>
      </c>
      <c r="P164" s="72">
        <v>264</v>
      </c>
      <c r="R164" s="98"/>
    </row>
    <row r="165" spans="1:18" hidden="1">
      <c r="H165" s="72">
        <v>2</v>
      </c>
      <c r="I165" s="72">
        <v>934</v>
      </c>
      <c r="J165" s="72" t="s">
        <v>178</v>
      </c>
      <c r="K165" s="8" t="s">
        <v>78</v>
      </c>
      <c r="L165" s="8" t="s">
        <v>71</v>
      </c>
      <c r="M165" s="72">
        <v>1</v>
      </c>
      <c r="N165" s="8" t="s">
        <v>514</v>
      </c>
      <c r="O165" s="72">
        <v>2</v>
      </c>
      <c r="P165" s="72">
        <v>2</v>
      </c>
      <c r="Q165" s="72" t="s">
        <v>674</v>
      </c>
      <c r="R165" s="98"/>
    </row>
    <row r="166" spans="1:18" hidden="1">
      <c r="A166" s="138">
        <v>300</v>
      </c>
      <c r="B166" s="138" t="s">
        <v>158</v>
      </c>
      <c r="C166" s="17" t="s">
        <v>120</v>
      </c>
      <c r="D166" s="138"/>
      <c r="E166" s="17"/>
      <c r="F166" s="17"/>
      <c r="G166" s="17"/>
      <c r="H166" s="138"/>
      <c r="I166" s="138"/>
      <c r="J166" s="138"/>
      <c r="K166" s="17" t="s">
        <v>17</v>
      </c>
      <c r="L166" s="17" t="s">
        <v>71</v>
      </c>
      <c r="M166" s="138">
        <v>200</v>
      </c>
      <c r="N166" s="17"/>
      <c r="O166" s="138"/>
      <c r="P166" s="138"/>
      <c r="Q166" s="138"/>
      <c r="R166" s="98"/>
    </row>
    <row r="167" spans="1:18" hidden="1">
      <c r="A167" s="138"/>
      <c r="B167" s="138"/>
      <c r="C167" s="138"/>
      <c r="D167" s="138" t="s">
        <v>158</v>
      </c>
      <c r="E167" s="17" t="s">
        <v>120</v>
      </c>
      <c r="F167" s="17"/>
      <c r="G167" s="17"/>
      <c r="H167" s="138"/>
      <c r="I167" s="138"/>
      <c r="J167" s="138"/>
      <c r="K167" s="17" t="s">
        <v>66</v>
      </c>
      <c r="L167" s="17" t="s">
        <v>65</v>
      </c>
      <c r="M167" s="138">
        <v>1</v>
      </c>
      <c r="N167" s="17"/>
      <c r="O167" s="138"/>
      <c r="P167" s="138"/>
      <c r="Q167" s="138"/>
      <c r="R167" s="98"/>
    </row>
    <row r="168" spans="1:18" hidden="1">
      <c r="H168" s="72">
        <v>1</v>
      </c>
      <c r="I168" s="8">
        <v>98</v>
      </c>
      <c r="J168" s="8" t="s">
        <v>156</v>
      </c>
      <c r="K168" s="72" t="s">
        <v>66</v>
      </c>
      <c r="L168" s="8" t="s">
        <v>65</v>
      </c>
      <c r="M168" s="72">
        <v>1</v>
      </c>
      <c r="N168" s="8" t="s">
        <v>514</v>
      </c>
      <c r="O168" s="72">
        <v>2</v>
      </c>
      <c r="P168" s="72">
        <v>3</v>
      </c>
      <c r="Q168" s="70" t="s">
        <v>624</v>
      </c>
      <c r="R168" s="98"/>
    </row>
    <row r="169" spans="1:18" hidden="1">
      <c r="H169" s="72">
        <v>2</v>
      </c>
      <c r="I169" s="8">
        <v>93</v>
      </c>
      <c r="J169" s="8" t="s">
        <v>120</v>
      </c>
      <c r="K169" s="72" t="s">
        <v>78</v>
      </c>
      <c r="L169" s="8" t="s">
        <v>71</v>
      </c>
      <c r="M169" s="72">
        <v>1</v>
      </c>
      <c r="N169" s="8" t="s">
        <v>509</v>
      </c>
      <c r="O169" s="72">
        <v>1</v>
      </c>
      <c r="P169" s="72">
        <v>60</v>
      </c>
      <c r="R169" s="98"/>
    </row>
    <row r="170" spans="1:18" hidden="1">
      <c r="E170" s="72"/>
      <c r="F170" s="72"/>
      <c r="G170" s="72"/>
      <c r="H170" s="72">
        <v>3</v>
      </c>
      <c r="I170" s="8">
        <v>66</v>
      </c>
      <c r="J170" s="8" t="s">
        <v>153</v>
      </c>
      <c r="K170" s="72" t="s">
        <v>78</v>
      </c>
      <c r="L170" s="8" t="s">
        <v>71</v>
      </c>
      <c r="M170" s="72">
        <v>1</v>
      </c>
      <c r="N170" s="8" t="s">
        <v>509</v>
      </c>
      <c r="O170" s="72">
        <v>1</v>
      </c>
      <c r="P170" s="72">
        <v>30</v>
      </c>
      <c r="Q170" s="70" t="s">
        <v>624</v>
      </c>
      <c r="R170" s="98"/>
    </row>
    <row r="171" spans="1:18" hidden="1">
      <c r="E171" s="72"/>
      <c r="F171" s="72"/>
      <c r="G171" s="72"/>
      <c r="H171" s="72">
        <v>4</v>
      </c>
      <c r="I171" s="8">
        <v>67</v>
      </c>
      <c r="J171" s="8" t="s">
        <v>151</v>
      </c>
      <c r="K171" s="72" t="s">
        <v>78</v>
      </c>
      <c r="L171" s="8" t="s">
        <v>71</v>
      </c>
      <c r="M171" s="72">
        <v>1</v>
      </c>
      <c r="N171" s="8" t="s">
        <v>509</v>
      </c>
      <c r="O171" s="72">
        <v>1</v>
      </c>
      <c r="P171" s="72">
        <v>30</v>
      </c>
      <c r="R171" s="98"/>
    </row>
    <row r="172" spans="1:18" hidden="1">
      <c r="A172" s="138"/>
      <c r="B172" s="138"/>
      <c r="C172" s="138"/>
      <c r="D172" s="138" t="s">
        <v>150</v>
      </c>
      <c r="E172" s="17" t="s">
        <v>473</v>
      </c>
      <c r="F172" s="17"/>
      <c r="G172" s="17"/>
      <c r="H172" s="138"/>
      <c r="I172" s="138"/>
      <c r="J172" s="138"/>
      <c r="K172" s="17" t="s">
        <v>17</v>
      </c>
      <c r="L172" s="17" t="s">
        <v>71</v>
      </c>
      <c r="M172" s="138">
        <v>2</v>
      </c>
      <c r="N172" s="17"/>
      <c r="O172" s="138"/>
      <c r="P172" s="138"/>
      <c r="Q172" s="138"/>
      <c r="R172" s="98"/>
    </row>
    <row r="173" spans="1:18" hidden="1">
      <c r="H173" s="72">
        <v>1</v>
      </c>
      <c r="I173" s="8">
        <v>93</v>
      </c>
      <c r="J173" s="72" t="s">
        <v>120</v>
      </c>
      <c r="K173" s="8" t="s">
        <v>66</v>
      </c>
      <c r="L173" s="8" t="s">
        <v>65</v>
      </c>
      <c r="M173" s="72">
        <v>1</v>
      </c>
      <c r="N173" s="8" t="s">
        <v>509</v>
      </c>
      <c r="O173" s="72">
        <v>1</v>
      </c>
      <c r="P173" s="72">
        <v>60</v>
      </c>
      <c r="R173" s="98"/>
    </row>
    <row r="174" spans="1:18" hidden="1">
      <c r="H174" s="72">
        <v>2</v>
      </c>
      <c r="I174" s="8">
        <v>93</v>
      </c>
      <c r="J174" s="72" t="s">
        <v>120</v>
      </c>
      <c r="K174" s="8" t="s">
        <v>17</v>
      </c>
      <c r="L174" s="8" t="s">
        <v>71</v>
      </c>
      <c r="M174" s="72">
        <v>1</v>
      </c>
      <c r="N174" s="8" t="s">
        <v>509</v>
      </c>
      <c r="O174" s="72">
        <v>1</v>
      </c>
      <c r="P174" s="72">
        <v>60</v>
      </c>
      <c r="R174" s="98"/>
    </row>
    <row r="175" spans="1:18" hidden="1">
      <c r="A175" s="138"/>
      <c r="B175" s="138"/>
      <c r="C175" s="138"/>
      <c r="D175" s="138" t="s">
        <v>147</v>
      </c>
      <c r="E175" s="17" t="s">
        <v>144</v>
      </c>
      <c r="F175" s="17"/>
      <c r="G175" s="17"/>
      <c r="H175" s="138"/>
      <c r="I175" s="138"/>
      <c r="J175" s="138"/>
      <c r="K175" s="17" t="s">
        <v>17</v>
      </c>
      <c r="L175" s="17" t="s">
        <v>71</v>
      </c>
      <c r="M175" s="138">
        <v>2</v>
      </c>
      <c r="N175" s="17"/>
      <c r="O175" s="138"/>
      <c r="P175" s="138"/>
      <c r="Q175" s="138"/>
      <c r="R175" s="98"/>
    </row>
    <row r="176" spans="1:18" hidden="1">
      <c r="H176" s="72">
        <v>1</v>
      </c>
      <c r="I176" s="72">
        <v>166</v>
      </c>
      <c r="J176" s="72" t="s">
        <v>144</v>
      </c>
      <c r="K176" s="8" t="s">
        <v>66</v>
      </c>
      <c r="L176" s="8" t="s">
        <v>65</v>
      </c>
      <c r="M176" s="72">
        <v>1</v>
      </c>
      <c r="N176" s="8" t="s">
        <v>509</v>
      </c>
      <c r="O176" s="72">
        <v>1</v>
      </c>
      <c r="P176" s="72">
        <v>55</v>
      </c>
      <c r="R176" s="98"/>
    </row>
    <row r="177" spans="1:18" hidden="1">
      <c r="H177" s="72">
        <v>2</v>
      </c>
      <c r="I177" s="72">
        <v>166</v>
      </c>
      <c r="J177" s="72" t="s">
        <v>144</v>
      </c>
      <c r="K177" s="8" t="s">
        <v>17</v>
      </c>
      <c r="L177" s="8" t="s">
        <v>71</v>
      </c>
      <c r="M177" s="72">
        <v>1</v>
      </c>
      <c r="N177" s="8" t="s">
        <v>509</v>
      </c>
      <c r="O177" s="72">
        <v>1</v>
      </c>
      <c r="P177" s="72">
        <v>55</v>
      </c>
      <c r="R177" s="98"/>
    </row>
    <row r="178" spans="1:18" hidden="1">
      <c r="A178" s="138"/>
      <c r="B178" s="138"/>
      <c r="C178" s="138"/>
      <c r="D178" s="138" t="s">
        <v>143</v>
      </c>
      <c r="E178" s="17" t="s">
        <v>474</v>
      </c>
      <c r="F178" s="17"/>
      <c r="G178" s="17"/>
      <c r="H178" s="138"/>
      <c r="I178" s="138"/>
      <c r="J178" s="138"/>
      <c r="K178" s="17" t="s">
        <v>17</v>
      </c>
      <c r="L178" s="17" t="s">
        <v>71</v>
      </c>
      <c r="M178" s="138">
        <v>1</v>
      </c>
      <c r="N178" s="17"/>
      <c r="O178" s="138"/>
      <c r="P178" s="138"/>
      <c r="Q178" s="138"/>
      <c r="R178" s="98"/>
    </row>
    <row r="179" spans="1:18" hidden="1">
      <c r="H179" s="72">
        <v>1</v>
      </c>
      <c r="I179" s="72">
        <v>19</v>
      </c>
      <c r="J179" s="72" t="s">
        <v>141</v>
      </c>
      <c r="K179" s="8" t="s">
        <v>17</v>
      </c>
      <c r="L179" s="8" t="s">
        <v>71</v>
      </c>
      <c r="M179" s="72">
        <v>1</v>
      </c>
      <c r="N179" s="8" t="s">
        <v>509</v>
      </c>
      <c r="O179" s="72">
        <v>2</v>
      </c>
      <c r="P179" s="72">
        <v>30</v>
      </c>
      <c r="R179" s="98"/>
    </row>
    <row r="180" spans="1:18" hidden="1">
      <c r="H180" s="72">
        <v>2</v>
      </c>
      <c r="I180" s="72">
        <v>156</v>
      </c>
      <c r="J180" s="72" t="s">
        <v>139</v>
      </c>
      <c r="K180" s="8" t="s">
        <v>17</v>
      </c>
      <c r="L180" s="8" t="s">
        <v>71</v>
      </c>
      <c r="M180" s="72">
        <v>1</v>
      </c>
      <c r="N180" s="8" t="s">
        <v>514</v>
      </c>
      <c r="O180" s="72">
        <v>2</v>
      </c>
      <c r="P180" s="72">
        <v>2</v>
      </c>
      <c r="Q180" s="70" t="s">
        <v>624</v>
      </c>
      <c r="R180" s="98"/>
    </row>
    <row r="181" spans="1:18" hidden="1">
      <c r="H181" s="72">
        <v>3</v>
      </c>
      <c r="I181" s="72">
        <v>116</v>
      </c>
      <c r="J181" s="72" t="s">
        <v>137</v>
      </c>
      <c r="K181" s="8" t="s">
        <v>17</v>
      </c>
      <c r="L181" s="8" t="s">
        <v>71</v>
      </c>
      <c r="M181" s="72">
        <v>1</v>
      </c>
      <c r="N181" s="8" t="s">
        <v>514</v>
      </c>
      <c r="O181" s="72">
        <v>3</v>
      </c>
      <c r="P181" s="72">
        <v>15</v>
      </c>
      <c r="R181" s="98"/>
    </row>
    <row r="182" spans="1:18" hidden="1">
      <c r="H182" s="72">
        <v>4</v>
      </c>
      <c r="I182" s="72">
        <v>26</v>
      </c>
      <c r="J182" s="72" t="s">
        <v>135</v>
      </c>
      <c r="K182" s="8" t="s">
        <v>17</v>
      </c>
      <c r="L182" s="8" t="s">
        <v>71</v>
      </c>
      <c r="M182" s="72">
        <v>1</v>
      </c>
      <c r="N182" s="8" t="s">
        <v>514</v>
      </c>
      <c r="O182" s="72">
        <v>2</v>
      </c>
      <c r="P182" s="72">
        <v>3</v>
      </c>
      <c r="Q182" s="70" t="s">
        <v>624</v>
      </c>
      <c r="R182" s="98"/>
    </row>
    <row r="183" spans="1:18" hidden="1">
      <c r="E183" s="72"/>
      <c r="F183" s="72"/>
      <c r="G183" s="72"/>
      <c r="H183" s="72">
        <v>5</v>
      </c>
      <c r="I183" s="72">
        <v>309</v>
      </c>
      <c r="J183" s="72" t="s">
        <v>133</v>
      </c>
      <c r="K183" s="8" t="s">
        <v>78</v>
      </c>
      <c r="L183" s="8" t="s">
        <v>71</v>
      </c>
      <c r="M183" s="72">
        <v>1</v>
      </c>
      <c r="N183" s="8" t="s">
        <v>509</v>
      </c>
      <c r="O183" s="72">
        <v>1</v>
      </c>
      <c r="P183" s="72">
        <v>30</v>
      </c>
      <c r="Q183" s="72" t="s">
        <v>690</v>
      </c>
      <c r="R183" s="98"/>
    </row>
    <row r="184" spans="1:18" hidden="1">
      <c r="E184" s="72"/>
      <c r="F184" s="72"/>
      <c r="G184" s="72"/>
      <c r="H184" s="72">
        <v>6</v>
      </c>
      <c r="I184" s="72">
        <v>310</v>
      </c>
      <c r="J184" s="72" t="s">
        <v>131</v>
      </c>
      <c r="K184" s="8" t="s">
        <v>17</v>
      </c>
      <c r="L184" s="8" t="s">
        <v>71</v>
      </c>
      <c r="M184" s="72">
        <v>1</v>
      </c>
      <c r="N184" s="8" t="s">
        <v>509</v>
      </c>
      <c r="O184" s="72">
        <v>1</v>
      </c>
      <c r="P184" s="72">
        <v>30</v>
      </c>
      <c r="Q184" s="18"/>
      <c r="R184" s="98"/>
    </row>
    <row r="185" spans="1:18" hidden="1">
      <c r="A185" s="138"/>
      <c r="B185" s="138"/>
      <c r="C185" s="138"/>
      <c r="D185" s="138" t="s">
        <v>130</v>
      </c>
      <c r="E185" s="17" t="s">
        <v>126</v>
      </c>
      <c r="F185" s="17"/>
      <c r="G185" s="17"/>
      <c r="H185" s="78"/>
      <c r="I185" s="78"/>
      <c r="J185" s="78"/>
      <c r="K185" s="75" t="s">
        <v>17</v>
      </c>
      <c r="L185" s="17" t="s">
        <v>71</v>
      </c>
      <c r="M185" s="78">
        <v>12</v>
      </c>
      <c r="N185" s="75"/>
      <c r="O185" s="78"/>
      <c r="P185" s="78"/>
      <c r="Q185" s="78"/>
      <c r="R185" s="98"/>
    </row>
    <row r="186" spans="1:18" hidden="1">
      <c r="A186" s="144"/>
      <c r="B186" s="144"/>
      <c r="C186" s="144"/>
      <c r="D186" s="144"/>
      <c r="E186" s="24"/>
      <c r="F186" s="24"/>
      <c r="G186" s="24"/>
      <c r="H186" s="18">
        <v>1</v>
      </c>
      <c r="I186" s="18">
        <v>128</v>
      </c>
      <c r="J186" s="18" t="s">
        <v>128</v>
      </c>
      <c r="K186" s="11" t="s">
        <v>66</v>
      </c>
      <c r="L186" s="8" t="s">
        <v>65</v>
      </c>
      <c r="M186" s="18">
        <v>1</v>
      </c>
      <c r="N186" s="11" t="s">
        <v>514</v>
      </c>
      <c r="O186" s="18">
        <v>2</v>
      </c>
      <c r="P186" s="18">
        <v>3</v>
      </c>
      <c r="Q186" s="70" t="s">
        <v>624</v>
      </c>
      <c r="R186" s="98"/>
    </row>
    <row r="187" spans="1:18" hidden="1">
      <c r="A187" s="144"/>
      <c r="B187" s="144"/>
      <c r="C187" s="144"/>
      <c r="D187" s="144"/>
      <c r="E187" s="144"/>
      <c r="F187" s="144"/>
      <c r="G187" s="25"/>
      <c r="H187" s="25">
        <v>2</v>
      </c>
      <c r="I187" s="25">
        <v>127</v>
      </c>
      <c r="J187" s="25" t="s">
        <v>126</v>
      </c>
      <c r="K187" s="25" t="s">
        <v>78</v>
      </c>
      <c r="L187" s="25" t="s">
        <v>174</v>
      </c>
      <c r="M187" s="25">
        <v>1</v>
      </c>
      <c r="N187" s="25" t="s">
        <v>509</v>
      </c>
      <c r="O187" s="25">
        <v>1</v>
      </c>
      <c r="P187" s="25">
        <v>30</v>
      </c>
      <c r="Q187" s="25"/>
      <c r="R187" s="98"/>
    </row>
    <row r="188" spans="1:18" hidden="1">
      <c r="A188" s="144"/>
      <c r="B188" s="144"/>
      <c r="C188" s="144"/>
      <c r="D188" s="144"/>
      <c r="E188" s="144"/>
      <c r="F188" s="144"/>
      <c r="G188" s="144"/>
      <c r="H188" s="18">
        <v>3</v>
      </c>
      <c r="I188" s="18">
        <v>352</v>
      </c>
      <c r="J188" s="18" t="s">
        <v>3</v>
      </c>
      <c r="K188" s="11" t="s">
        <v>78</v>
      </c>
      <c r="L188" s="8" t="s">
        <v>71</v>
      </c>
      <c r="M188" s="18">
        <v>1</v>
      </c>
      <c r="N188" s="11" t="s">
        <v>509</v>
      </c>
      <c r="O188" s="18">
        <v>1</v>
      </c>
      <c r="P188" s="18">
        <v>80</v>
      </c>
      <c r="Q188" s="18"/>
      <c r="R188" s="98"/>
    </row>
    <row r="189" spans="1:18" hidden="1">
      <c r="A189" s="138"/>
      <c r="B189" s="138"/>
      <c r="C189" s="138"/>
      <c r="D189" s="138" t="s">
        <v>124</v>
      </c>
      <c r="E189" s="17" t="s">
        <v>475</v>
      </c>
      <c r="F189" s="17"/>
      <c r="G189" s="17"/>
      <c r="H189" s="138"/>
      <c r="I189" s="138"/>
      <c r="J189" s="138"/>
      <c r="K189" s="17" t="s">
        <v>17</v>
      </c>
      <c r="L189" s="17" t="s">
        <v>71</v>
      </c>
      <c r="M189" s="138">
        <v>99</v>
      </c>
      <c r="N189" s="17"/>
      <c r="O189" s="138"/>
      <c r="P189" s="138"/>
      <c r="Q189" s="138" t="s">
        <v>804</v>
      </c>
      <c r="R189" s="98"/>
    </row>
    <row r="190" spans="1:18" hidden="1">
      <c r="H190" s="72">
        <v>1</v>
      </c>
      <c r="I190" s="72">
        <v>366</v>
      </c>
      <c r="J190" s="72" t="s">
        <v>122</v>
      </c>
      <c r="K190" s="8" t="s">
        <v>66</v>
      </c>
      <c r="L190" s="8" t="s">
        <v>65</v>
      </c>
      <c r="M190" s="72">
        <v>1</v>
      </c>
      <c r="N190" s="8" t="s">
        <v>514</v>
      </c>
      <c r="O190" s="72">
        <v>2</v>
      </c>
      <c r="P190" s="72">
        <v>2</v>
      </c>
      <c r="Q190" s="72" t="s">
        <v>704</v>
      </c>
      <c r="R190" s="98"/>
    </row>
    <row r="191" spans="1:18" hidden="1">
      <c r="H191" s="72">
        <v>2</v>
      </c>
      <c r="I191" s="72">
        <v>93</v>
      </c>
      <c r="J191" s="72" t="s">
        <v>120</v>
      </c>
      <c r="K191" s="8" t="s">
        <v>17</v>
      </c>
      <c r="L191" s="8" t="s">
        <v>71</v>
      </c>
      <c r="M191" s="72">
        <v>1</v>
      </c>
      <c r="N191" s="8" t="s">
        <v>509</v>
      </c>
      <c r="O191" s="72">
        <v>1</v>
      </c>
      <c r="P191" s="72">
        <v>60</v>
      </c>
      <c r="R191" s="98"/>
    </row>
    <row r="192" spans="1:18" hidden="1">
      <c r="H192" s="72">
        <v>3</v>
      </c>
      <c r="I192" s="72">
        <v>365</v>
      </c>
      <c r="J192" s="72" t="s">
        <v>114</v>
      </c>
      <c r="K192" s="8" t="s">
        <v>78</v>
      </c>
      <c r="L192" s="8" t="s">
        <v>71</v>
      </c>
      <c r="M192" s="72">
        <v>1</v>
      </c>
      <c r="N192" s="8" t="s">
        <v>514</v>
      </c>
      <c r="O192" s="72">
        <v>2</v>
      </c>
      <c r="P192" s="72">
        <v>2</v>
      </c>
      <c r="Q192" s="70" t="s">
        <v>624</v>
      </c>
      <c r="R192" s="98"/>
    </row>
    <row r="193" spans="1:20" hidden="1">
      <c r="H193" s="72">
        <v>4</v>
      </c>
      <c r="I193" s="72">
        <v>364</v>
      </c>
      <c r="J193" s="72" t="s">
        <v>112</v>
      </c>
      <c r="K193" s="8" t="s">
        <v>78</v>
      </c>
      <c r="L193" s="8" t="s">
        <v>71</v>
      </c>
      <c r="M193" s="72">
        <v>1</v>
      </c>
      <c r="N193" s="8" t="s">
        <v>509</v>
      </c>
      <c r="O193" s="72">
        <v>1</v>
      </c>
      <c r="P193" s="72">
        <v>80</v>
      </c>
      <c r="R193" s="98"/>
    </row>
    <row r="194" spans="1:20" hidden="1">
      <c r="H194" s="72">
        <v>5</v>
      </c>
      <c r="I194" s="72">
        <v>365</v>
      </c>
      <c r="J194" s="72" t="s">
        <v>114</v>
      </c>
      <c r="K194" s="8" t="s">
        <v>78</v>
      </c>
      <c r="L194" s="8" t="s">
        <v>71</v>
      </c>
      <c r="M194" s="72">
        <v>1</v>
      </c>
      <c r="N194" s="8" t="s">
        <v>514</v>
      </c>
      <c r="O194" s="72">
        <v>2</v>
      </c>
      <c r="P194" s="72">
        <v>2</v>
      </c>
      <c r="Q194" s="70" t="s">
        <v>624</v>
      </c>
      <c r="R194" s="98"/>
    </row>
    <row r="195" spans="1:20" hidden="1">
      <c r="H195" s="72">
        <v>6</v>
      </c>
      <c r="I195" s="72">
        <v>364</v>
      </c>
      <c r="J195" s="72" t="s">
        <v>112</v>
      </c>
      <c r="K195" s="8" t="s">
        <v>78</v>
      </c>
      <c r="L195" s="8" t="s">
        <v>71</v>
      </c>
      <c r="M195" s="72">
        <v>1</v>
      </c>
      <c r="N195" s="8" t="s">
        <v>509</v>
      </c>
      <c r="O195" s="72">
        <v>1</v>
      </c>
      <c r="P195" s="72">
        <v>80</v>
      </c>
      <c r="R195" s="98"/>
    </row>
    <row r="196" spans="1:20" hidden="1">
      <c r="H196" s="72">
        <v>7</v>
      </c>
      <c r="I196" s="72">
        <v>365</v>
      </c>
      <c r="J196" s="72" t="s">
        <v>114</v>
      </c>
      <c r="K196" s="8" t="s">
        <v>78</v>
      </c>
      <c r="L196" s="8" t="s">
        <v>71</v>
      </c>
      <c r="M196" s="72">
        <v>1</v>
      </c>
      <c r="N196" s="8" t="s">
        <v>514</v>
      </c>
      <c r="O196" s="72">
        <v>2</v>
      </c>
      <c r="P196" s="72">
        <v>2</v>
      </c>
      <c r="Q196" s="70" t="s">
        <v>624</v>
      </c>
      <c r="R196" s="98"/>
    </row>
    <row r="197" spans="1:20" hidden="1">
      <c r="H197" s="72">
        <v>8</v>
      </c>
      <c r="I197" s="72">
        <v>364</v>
      </c>
      <c r="J197" s="72" t="s">
        <v>112</v>
      </c>
      <c r="K197" s="8" t="s">
        <v>78</v>
      </c>
      <c r="L197" s="8" t="s">
        <v>71</v>
      </c>
      <c r="M197" s="72">
        <v>1</v>
      </c>
      <c r="N197" s="8" t="s">
        <v>509</v>
      </c>
      <c r="O197" s="72">
        <v>1</v>
      </c>
      <c r="P197" s="72">
        <v>80</v>
      </c>
      <c r="R197" s="98"/>
    </row>
    <row r="198" spans="1:20">
      <c r="A198" s="157" t="s">
        <v>423</v>
      </c>
      <c r="B198" s="157"/>
      <c r="C198" s="157"/>
      <c r="D198" s="157"/>
      <c r="E198" s="157"/>
      <c r="F198" s="157"/>
      <c r="G198" s="157"/>
      <c r="H198" s="157"/>
      <c r="I198" s="157"/>
      <c r="J198" s="157"/>
      <c r="K198" s="157"/>
      <c r="L198" s="157"/>
      <c r="M198" s="157"/>
      <c r="N198" s="157"/>
      <c r="O198" s="157"/>
      <c r="P198" s="157"/>
      <c r="Q198" s="157"/>
      <c r="R198" s="98"/>
    </row>
    <row r="199" spans="1:20">
      <c r="A199" s="138">
        <v>10</v>
      </c>
      <c r="B199" s="138" t="s">
        <v>354</v>
      </c>
      <c r="C199" s="17" t="s">
        <v>528</v>
      </c>
      <c r="D199" s="138"/>
      <c r="E199" s="17"/>
      <c r="F199" s="17"/>
      <c r="G199" s="17"/>
      <c r="H199" s="138"/>
      <c r="I199" s="138"/>
      <c r="J199" s="138"/>
      <c r="K199" s="17" t="s">
        <v>17</v>
      </c>
      <c r="L199" s="17" t="s">
        <v>71</v>
      </c>
      <c r="M199" s="138">
        <v>100000</v>
      </c>
      <c r="N199" s="17"/>
      <c r="O199" s="138"/>
      <c r="P199" s="138"/>
      <c r="Q199" s="138"/>
      <c r="R199" s="98" t="s">
        <v>1104</v>
      </c>
      <c r="S199" s="98" t="s">
        <v>1315</v>
      </c>
      <c r="T199" s="98" t="s">
        <v>2</v>
      </c>
    </row>
    <row r="200" spans="1:20">
      <c r="A200" s="138"/>
      <c r="B200" s="138"/>
      <c r="C200" s="138"/>
      <c r="D200" s="138" t="s">
        <v>354</v>
      </c>
      <c r="E200" s="17" t="s">
        <v>528</v>
      </c>
      <c r="F200" s="17"/>
      <c r="G200" s="17"/>
      <c r="H200" s="138"/>
      <c r="I200" s="138"/>
      <c r="J200" s="138"/>
      <c r="K200" s="17" t="s">
        <v>66</v>
      </c>
      <c r="L200" s="17" t="s">
        <v>65</v>
      </c>
      <c r="M200" s="138">
        <v>1</v>
      </c>
      <c r="N200" s="17"/>
      <c r="O200" s="138"/>
      <c r="P200" s="138"/>
      <c r="Q200" s="138"/>
      <c r="R200" s="98"/>
    </row>
    <row r="201" spans="1:20" hidden="1" outlineLevel="1">
      <c r="H201" s="72">
        <v>1</v>
      </c>
      <c r="I201" s="72">
        <v>350</v>
      </c>
      <c r="J201" s="72" t="s">
        <v>108</v>
      </c>
      <c r="K201" s="8" t="s">
        <v>17</v>
      </c>
      <c r="L201" s="8" t="s">
        <v>71</v>
      </c>
      <c r="M201" s="72">
        <v>1</v>
      </c>
      <c r="N201" s="8" t="s">
        <v>509</v>
      </c>
      <c r="O201" s="72">
        <v>1</v>
      </c>
      <c r="P201" s="72">
        <v>20</v>
      </c>
      <c r="Q201" s="18"/>
      <c r="R201" s="98"/>
    </row>
    <row r="202" spans="1:20" hidden="1" outlineLevel="1">
      <c r="H202" s="72">
        <v>2</v>
      </c>
      <c r="I202" s="72">
        <v>330</v>
      </c>
      <c r="J202" s="72" t="s">
        <v>351</v>
      </c>
      <c r="K202" s="8" t="s">
        <v>78</v>
      </c>
      <c r="L202" s="8" t="s">
        <v>71</v>
      </c>
      <c r="M202" s="72">
        <v>1</v>
      </c>
      <c r="N202" s="8" t="s">
        <v>438</v>
      </c>
      <c r="O202" s="72">
        <v>1</v>
      </c>
      <c r="P202" s="72">
        <v>15</v>
      </c>
      <c r="R202" s="98"/>
    </row>
    <row r="203" spans="1:20" hidden="1" outlineLevel="1">
      <c r="H203" s="72">
        <v>3</v>
      </c>
      <c r="I203" s="72">
        <v>355</v>
      </c>
      <c r="J203" s="72" t="s">
        <v>103</v>
      </c>
      <c r="K203" s="8" t="s">
        <v>17</v>
      </c>
      <c r="L203" s="8" t="s">
        <v>71</v>
      </c>
      <c r="M203" s="72">
        <v>1</v>
      </c>
      <c r="N203" s="8" t="s">
        <v>514</v>
      </c>
      <c r="O203" s="72">
        <v>2</v>
      </c>
      <c r="P203" s="72">
        <v>2</v>
      </c>
      <c r="Q203" s="70" t="s">
        <v>624</v>
      </c>
      <c r="R203" s="98"/>
    </row>
    <row r="204" spans="1:20" hidden="1" collapsed="1">
      <c r="A204" s="138"/>
      <c r="B204" s="138"/>
      <c r="C204" s="138"/>
      <c r="D204" s="138" t="s">
        <v>252</v>
      </c>
      <c r="E204" s="17" t="s">
        <v>476</v>
      </c>
      <c r="F204" s="17"/>
      <c r="G204" s="17"/>
      <c r="H204" s="138"/>
      <c r="I204" s="138"/>
      <c r="J204" s="138"/>
      <c r="K204" s="17" t="s">
        <v>17</v>
      </c>
      <c r="L204" s="17" t="s">
        <v>71</v>
      </c>
      <c r="M204" s="138">
        <v>1</v>
      </c>
      <c r="N204" s="17"/>
      <c r="O204" s="138"/>
      <c r="P204" s="138"/>
      <c r="Q204" s="138"/>
      <c r="R204" s="98"/>
    </row>
    <row r="205" spans="1:20" hidden="1">
      <c r="E205" s="72"/>
      <c r="F205" s="72"/>
      <c r="G205" s="72"/>
      <c r="H205" s="72">
        <v>1</v>
      </c>
      <c r="I205" s="72">
        <v>98</v>
      </c>
      <c r="J205" s="72" t="s">
        <v>156</v>
      </c>
      <c r="K205" s="8" t="s">
        <v>66</v>
      </c>
      <c r="L205" s="8" t="s">
        <v>65</v>
      </c>
      <c r="M205" s="72">
        <v>1</v>
      </c>
      <c r="N205" s="8" t="s">
        <v>514</v>
      </c>
      <c r="O205" s="72">
        <v>2</v>
      </c>
      <c r="P205" s="72">
        <v>3</v>
      </c>
      <c r="Q205" s="93" t="s">
        <v>623</v>
      </c>
      <c r="R205" s="98"/>
    </row>
    <row r="206" spans="1:20" hidden="1">
      <c r="E206" s="72"/>
      <c r="F206" s="72"/>
      <c r="G206" s="72"/>
      <c r="H206" s="72">
        <v>2</v>
      </c>
      <c r="I206" s="72">
        <v>100</v>
      </c>
      <c r="J206" s="72" t="s">
        <v>249</v>
      </c>
      <c r="K206" s="8" t="s">
        <v>66</v>
      </c>
      <c r="L206" s="8" t="s">
        <v>65</v>
      </c>
      <c r="M206" s="72">
        <v>1</v>
      </c>
      <c r="N206" s="8" t="s">
        <v>514</v>
      </c>
      <c r="O206" s="72">
        <v>3</v>
      </c>
      <c r="P206" s="72">
        <v>3</v>
      </c>
      <c r="R206" s="98"/>
    </row>
    <row r="207" spans="1:20" hidden="1">
      <c r="A207" s="138"/>
      <c r="B207" s="138"/>
      <c r="C207" s="138"/>
      <c r="D207" s="138" t="s">
        <v>311</v>
      </c>
      <c r="E207" s="17" t="s">
        <v>527</v>
      </c>
      <c r="F207" s="17"/>
      <c r="G207" s="17"/>
      <c r="H207" s="138"/>
      <c r="I207" s="138"/>
      <c r="J207" s="138"/>
      <c r="K207" s="17" t="s">
        <v>17</v>
      </c>
      <c r="L207" s="17" t="s">
        <v>71</v>
      </c>
      <c r="M207" s="138">
        <v>1</v>
      </c>
      <c r="N207" s="17"/>
      <c r="O207" s="138"/>
      <c r="P207" s="138"/>
      <c r="Q207" s="138"/>
      <c r="R207" s="98"/>
    </row>
    <row r="208" spans="1:20" hidden="1">
      <c r="H208" s="72">
        <v>1</v>
      </c>
      <c r="I208" s="72">
        <v>687</v>
      </c>
      <c r="J208" s="72" t="s">
        <v>309</v>
      </c>
      <c r="K208" s="8" t="s">
        <v>17</v>
      </c>
      <c r="L208" s="8" t="s">
        <v>71</v>
      </c>
      <c r="M208" s="72">
        <v>1</v>
      </c>
      <c r="N208" s="8" t="s">
        <v>514</v>
      </c>
      <c r="O208" s="72">
        <v>2</v>
      </c>
      <c r="P208" s="72">
        <v>2</v>
      </c>
      <c r="Q208" s="72" t="s">
        <v>818</v>
      </c>
      <c r="R208" s="98"/>
    </row>
    <row r="209" spans="1:18" hidden="1">
      <c r="H209" s="72">
        <v>2</v>
      </c>
      <c r="I209" s="72">
        <v>236</v>
      </c>
      <c r="J209" s="72" t="s">
        <v>307</v>
      </c>
      <c r="K209" s="8" t="s">
        <v>78</v>
      </c>
      <c r="L209" s="8" t="s">
        <v>71</v>
      </c>
      <c r="M209" s="72">
        <v>1</v>
      </c>
      <c r="N209" s="8" t="s">
        <v>514</v>
      </c>
      <c r="O209" s="72">
        <v>3</v>
      </c>
      <c r="P209" s="72">
        <v>3</v>
      </c>
      <c r="Q209" s="70" t="s">
        <v>624</v>
      </c>
      <c r="R209" s="98"/>
    </row>
    <row r="210" spans="1:18" hidden="1">
      <c r="H210" s="72">
        <v>3</v>
      </c>
      <c r="I210" s="72">
        <v>212</v>
      </c>
      <c r="J210" s="72" t="s">
        <v>101</v>
      </c>
      <c r="K210" s="8" t="s">
        <v>78</v>
      </c>
      <c r="L210" s="8" t="s">
        <v>71</v>
      </c>
      <c r="M210" s="72">
        <v>1</v>
      </c>
      <c r="N210" s="8" t="s">
        <v>438</v>
      </c>
      <c r="O210" s="72">
        <v>1</v>
      </c>
      <c r="P210" s="72">
        <v>17</v>
      </c>
      <c r="R210" s="98"/>
    </row>
    <row r="211" spans="1:18" hidden="1">
      <c r="A211" s="138"/>
      <c r="B211" s="138"/>
      <c r="C211" s="138"/>
      <c r="D211" s="78" t="s">
        <v>311</v>
      </c>
      <c r="E211" s="75" t="s">
        <v>527</v>
      </c>
      <c r="F211" s="75"/>
      <c r="G211" s="75"/>
      <c r="H211" s="78"/>
      <c r="I211" s="78"/>
      <c r="J211" s="78"/>
      <c r="K211" s="75" t="s">
        <v>17</v>
      </c>
      <c r="L211" s="17" t="s">
        <v>71</v>
      </c>
      <c r="M211" s="78">
        <v>1</v>
      </c>
      <c r="N211" s="75"/>
      <c r="O211" s="78"/>
      <c r="P211" s="78"/>
      <c r="Q211" s="78"/>
      <c r="R211" s="98"/>
    </row>
    <row r="212" spans="1:18" hidden="1">
      <c r="D212" s="18"/>
      <c r="E212" s="11"/>
      <c r="F212" s="11"/>
      <c r="G212" s="11"/>
      <c r="H212" s="18">
        <v>1</v>
      </c>
      <c r="I212" s="18">
        <v>687</v>
      </c>
      <c r="J212" s="18" t="s">
        <v>309</v>
      </c>
      <c r="K212" s="11" t="s">
        <v>17</v>
      </c>
      <c r="L212" s="8" t="s">
        <v>71</v>
      </c>
      <c r="M212" s="18">
        <v>1</v>
      </c>
      <c r="N212" s="11" t="s">
        <v>514</v>
      </c>
      <c r="O212" s="18">
        <v>2</v>
      </c>
      <c r="P212" s="18">
        <v>2</v>
      </c>
      <c r="Q212" s="18" t="s">
        <v>819</v>
      </c>
      <c r="R212" s="98"/>
    </row>
    <row r="213" spans="1:18" hidden="1">
      <c r="D213" s="12"/>
      <c r="E213" s="26"/>
      <c r="F213" s="26"/>
      <c r="G213" s="26"/>
      <c r="H213" s="25">
        <v>2</v>
      </c>
      <c r="I213" s="25">
        <v>236</v>
      </c>
      <c r="J213" s="25" t="s">
        <v>307</v>
      </c>
      <c r="K213" s="19" t="s">
        <v>78</v>
      </c>
      <c r="L213" s="25" t="s">
        <v>174</v>
      </c>
      <c r="M213" s="25">
        <v>1</v>
      </c>
      <c r="N213" s="19" t="s">
        <v>514</v>
      </c>
      <c r="O213" s="25">
        <v>3</v>
      </c>
      <c r="P213" s="25">
        <v>3</v>
      </c>
      <c r="Q213" s="25"/>
      <c r="R213" s="98"/>
    </row>
    <row r="214" spans="1:18" hidden="1">
      <c r="D214" s="12"/>
      <c r="E214" s="26"/>
      <c r="F214" s="26"/>
      <c r="G214" s="26"/>
      <c r="H214" s="25">
        <v>3</v>
      </c>
      <c r="I214" s="25">
        <v>212</v>
      </c>
      <c r="J214" s="25" t="s">
        <v>101</v>
      </c>
      <c r="K214" s="19" t="s">
        <v>78</v>
      </c>
      <c r="L214" s="25" t="s">
        <v>174</v>
      </c>
      <c r="M214" s="25">
        <v>1</v>
      </c>
      <c r="N214" s="19" t="s">
        <v>438</v>
      </c>
      <c r="O214" s="25">
        <v>1</v>
      </c>
      <c r="P214" s="25">
        <v>17</v>
      </c>
      <c r="Q214" s="25"/>
      <c r="R214" s="98"/>
    </row>
    <row r="215" spans="1:18" hidden="1">
      <c r="D215" s="12"/>
      <c r="E215" s="26"/>
      <c r="F215" s="26"/>
      <c r="G215" s="26"/>
      <c r="H215" s="18">
        <v>4</v>
      </c>
      <c r="I215" s="41">
        <v>380</v>
      </c>
      <c r="J215" s="41" t="s">
        <v>105</v>
      </c>
      <c r="K215" s="11" t="s">
        <v>78</v>
      </c>
      <c r="L215" s="8" t="s">
        <v>71</v>
      </c>
      <c r="M215" s="18">
        <v>1</v>
      </c>
      <c r="N215" s="11" t="s">
        <v>438</v>
      </c>
      <c r="O215" s="18">
        <v>1</v>
      </c>
      <c r="P215" s="18">
        <v>15</v>
      </c>
      <c r="Q215" s="18"/>
      <c r="R215" s="98"/>
    </row>
    <row r="216" spans="1:18" hidden="1">
      <c r="D216" s="12"/>
      <c r="E216" s="11">
        <v>5</v>
      </c>
      <c r="F216" s="41" t="s">
        <v>186</v>
      </c>
      <c r="G216" s="41" t="s">
        <v>427</v>
      </c>
      <c r="H216" s="18"/>
      <c r="I216" s="41"/>
      <c r="J216" s="41"/>
      <c r="K216" s="11" t="s">
        <v>78</v>
      </c>
      <c r="L216" s="8" t="s">
        <v>71</v>
      </c>
      <c r="M216" s="18">
        <v>1</v>
      </c>
      <c r="N216" s="11"/>
      <c r="O216" s="18"/>
      <c r="P216" s="18"/>
      <c r="Q216" s="18"/>
      <c r="R216" s="98"/>
    </row>
    <row r="217" spans="1:18" hidden="1">
      <c r="D217" s="12"/>
      <c r="E217" s="26"/>
      <c r="F217" s="26"/>
      <c r="G217" s="26"/>
      <c r="H217" s="18">
        <v>1</v>
      </c>
      <c r="I217" s="41">
        <v>355</v>
      </c>
      <c r="J217" s="41" t="s">
        <v>103</v>
      </c>
      <c r="K217" s="11" t="s">
        <v>66</v>
      </c>
      <c r="L217" s="8" t="s">
        <v>65</v>
      </c>
      <c r="M217" s="18">
        <v>1</v>
      </c>
      <c r="N217" s="11" t="s">
        <v>514</v>
      </c>
      <c r="O217" s="18">
        <v>2</v>
      </c>
      <c r="P217" s="18">
        <v>2</v>
      </c>
      <c r="Q217" s="70" t="s">
        <v>624</v>
      </c>
      <c r="R217" s="98"/>
    </row>
    <row r="218" spans="1:18" hidden="1">
      <c r="D218" s="12"/>
      <c r="E218" s="26"/>
      <c r="F218" s="26"/>
      <c r="G218" s="26"/>
      <c r="H218" s="18">
        <v>6</v>
      </c>
      <c r="I218" s="41">
        <v>648</v>
      </c>
      <c r="J218" s="41" t="s">
        <v>315</v>
      </c>
      <c r="K218" s="11" t="s">
        <v>17</v>
      </c>
      <c r="L218" s="8" t="s">
        <v>71</v>
      </c>
      <c r="M218" s="18">
        <v>1</v>
      </c>
      <c r="N218" s="11" t="s">
        <v>514</v>
      </c>
      <c r="O218" s="18">
        <v>3</v>
      </c>
      <c r="P218" s="18">
        <v>3</v>
      </c>
      <c r="Q218" s="44" t="s">
        <v>706</v>
      </c>
      <c r="R218" s="98"/>
    </row>
    <row r="219" spans="1:18" hidden="1">
      <c r="D219" s="12"/>
      <c r="E219" s="26"/>
      <c r="F219" s="26"/>
      <c r="G219" s="26"/>
      <c r="H219" s="18">
        <v>7</v>
      </c>
      <c r="I219" s="41">
        <v>649</v>
      </c>
      <c r="J219" s="41" t="s">
        <v>312</v>
      </c>
      <c r="K219" s="11" t="s">
        <v>78</v>
      </c>
      <c r="L219" s="8" t="s">
        <v>71</v>
      </c>
      <c r="M219" s="18">
        <v>1</v>
      </c>
      <c r="N219" s="11" t="s">
        <v>438</v>
      </c>
      <c r="O219" s="18">
        <v>1</v>
      </c>
      <c r="P219" s="18">
        <v>10</v>
      </c>
      <c r="Q219" s="18"/>
      <c r="R219" s="98"/>
    </row>
    <row r="220" spans="1:18" hidden="1">
      <c r="A220" s="138">
        <v>50</v>
      </c>
      <c r="B220" s="138" t="s">
        <v>298</v>
      </c>
      <c r="C220" s="17" t="s">
        <v>426</v>
      </c>
      <c r="D220" s="138"/>
      <c r="E220" s="17"/>
      <c r="F220" s="17"/>
      <c r="G220" s="17"/>
      <c r="H220" s="138"/>
      <c r="I220" s="138"/>
      <c r="J220" s="138"/>
      <c r="K220" s="17" t="s">
        <v>17</v>
      </c>
      <c r="L220" s="17" t="s">
        <v>71</v>
      </c>
      <c r="M220" s="138">
        <v>1000</v>
      </c>
      <c r="N220" s="17"/>
      <c r="O220" s="138"/>
      <c r="P220" s="138"/>
      <c r="Q220" s="138"/>
      <c r="R220" s="98"/>
    </row>
    <row r="221" spans="1:18" hidden="1">
      <c r="A221" s="138"/>
      <c r="B221" s="138"/>
      <c r="C221" s="138"/>
      <c r="D221" s="138" t="s">
        <v>298</v>
      </c>
      <c r="E221" s="17" t="s">
        <v>426</v>
      </c>
      <c r="F221" s="17"/>
      <c r="G221" s="17"/>
      <c r="H221" s="138"/>
      <c r="I221" s="138"/>
      <c r="J221" s="138"/>
      <c r="K221" s="17" t="s">
        <v>66</v>
      </c>
      <c r="L221" s="17" t="s">
        <v>65</v>
      </c>
      <c r="M221" s="138">
        <v>1</v>
      </c>
      <c r="N221" s="17"/>
      <c r="O221" s="138"/>
      <c r="P221" s="138"/>
      <c r="Q221" s="138"/>
      <c r="R221" s="98"/>
    </row>
    <row r="222" spans="1:18" hidden="1">
      <c r="H222" s="72">
        <v>1</v>
      </c>
      <c r="I222" s="72">
        <v>349</v>
      </c>
      <c r="J222" s="72" t="s">
        <v>201</v>
      </c>
      <c r="K222" s="8" t="s">
        <v>66</v>
      </c>
      <c r="L222" s="8" t="s">
        <v>65</v>
      </c>
      <c r="M222" s="72">
        <v>1</v>
      </c>
      <c r="N222" s="8" t="s">
        <v>514</v>
      </c>
      <c r="O222" s="72">
        <v>1</v>
      </c>
      <c r="P222" s="72">
        <v>1</v>
      </c>
      <c r="Q222" s="72" t="s">
        <v>666</v>
      </c>
      <c r="R222" s="98"/>
    </row>
    <row r="223" spans="1:18" hidden="1">
      <c r="H223" s="72">
        <v>2</v>
      </c>
      <c r="I223" s="72">
        <v>750</v>
      </c>
      <c r="J223" s="72" t="s">
        <v>295</v>
      </c>
      <c r="K223" s="8" t="s">
        <v>17</v>
      </c>
      <c r="L223" s="8" t="s">
        <v>71</v>
      </c>
      <c r="M223" s="72">
        <v>1</v>
      </c>
      <c r="N223" s="8" t="s">
        <v>514</v>
      </c>
      <c r="O223" s="72">
        <v>2</v>
      </c>
      <c r="P223" s="72">
        <v>3</v>
      </c>
      <c r="R223" s="98"/>
    </row>
    <row r="224" spans="1:18" hidden="1">
      <c r="E224" s="72"/>
      <c r="F224" s="72"/>
      <c r="G224" s="72"/>
      <c r="H224" s="25">
        <v>3</v>
      </c>
      <c r="I224" s="25">
        <v>559</v>
      </c>
      <c r="J224" s="25" t="s">
        <v>197</v>
      </c>
      <c r="K224" s="19" t="s">
        <v>78</v>
      </c>
      <c r="L224" s="25" t="s">
        <v>174</v>
      </c>
      <c r="M224" s="25">
        <v>1</v>
      </c>
      <c r="N224" s="19" t="s">
        <v>509</v>
      </c>
      <c r="O224" s="25">
        <v>1</v>
      </c>
      <c r="P224" s="25">
        <v>30</v>
      </c>
      <c r="Q224" s="25"/>
      <c r="R224" s="98"/>
    </row>
    <row r="225" spans="1:18" hidden="1">
      <c r="E225" s="72"/>
      <c r="F225" s="72"/>
      <c r="G225" s="72"/>
      <c r="H225" s="25">
        <v>4</v>
      </c>
      <c r="I225" s="25">
        <v>751</v>
      </c>
      <c r="J225" s="25" t="s">
        <v>292</v>
      </c>
      <c r="K225" s="19" t="s">
        <v>78</v>
      </c>
      <c r="L225" s="25" t="s">
        <v>174</v>
      </c>
      <c r="M225" s="25">
        <v>1</v>
      </c>
      <c r="N225" s="19" t="s">
        <v>509</v>
      </c>
      <c r="O225" s="25">
        <v>1</v>
      </c>
      <c r="P225" s="25">
        <v>30</v>
      </c>
      <c r="Q225" s="25"/>
      <c r="R225" s="98"/>
    </row>
    <row r="226" spans="1:18" hidden="1">
      <c r="H226" s="72">
        <v>5</v>
      </c>
      <c r="I226" s="72">
        <v>352</v>
      </c>
      <c r="J226" s="72" t="s">
        <v>3</v>
      </c>
      <c r="K226" s="8" t="s">
        <v>78</v>
      </c>
      <c r="L226" s="8" t="s">
        <v>71</v>
      </c>
      <c r="M226" s="72">
        <v>1</v>
      </c>
      <c r="N226" s="8" t="s">
        <v>509</v>
      </c>
      <c r="O226" s="72">
        <v>1</v>
      </c>
      <c r="P226" s="72">
        <v>80</v>
      </c>
      <c r="R226" s="98"/>
    </row>
    <row r="227" spans="1:18" hidden="1">
      <c r="E227" s="72"/>
      <c r="F227" s="72"/>
      <c r="G227" s="72"/>
      <c r="H227" s="25">
        <v>6</v>
      </c>
      <c r="I227" s="25">
        <v>752</v>
      </c>
      <c r="J227" s="25" t="s">
        <v>304</v>
      </c>
      <c r="K227" s="19" t="s">
        <v>17</v>
      </c>
      <c r="L227" s="25" t="s">
        <v>174</v>
      </c>
      <c r="M227" s="25">
        <v>1</v>
      </c>
      <c r="N227" s="19" t="s">
        <v>509</v>
      </c>
      <c r="O227" s="25">
        <v>1</v>
      </c>
      <c r="P227" s="25">
        <v>30</v>
      </c>
      <c r="Q227" s="25"/>
      <c r="R227" s="98"/>
    </row>
    <row r="228" spans="1:18" hidden="1">
      <c r="E228" s="72"/>
      <c r="F228" s="72"/>
      <c r="G228" s="72"/>
      <c r="H228" s="25">
        <v>7</v>
      </c>
      <c r="I228" s="25">
        <v>822</v>
      </c>
      <c r="J228" s="25" t="s">
        <v>526</v>
      </c>
      <c r="K228" s="19" t="s">
        <v>17</v>
      </c>
      <c r="L228" s="25" t="s">
        <v>174</v>
      </c>
      <c r="M228" s="25">
        <v>1</v>
      </c>
      <c r="N228" s="19" t="s">
        <v>509</v>
      </c>
      <c r="O228" s="25">
        <v>1</v>
      </c>
      <c r="P228" s="25">
        <v>30</v>
      </c>
      <c r="Q228" s="25"/>
      <c r="R228" s="98"/>
    </row>
    <row r="229" spans="1:18" hidden="1">
      <c r="E229" s="72"/>
      <c r="F229" s="72"/>
      <c r="G229" s="72"/>
      <c r="H229" s="25">
        <v>8</v>
      </c>
      <c r="I229" s="25">
        <v>1073</v>
      </c>
      <c r="J229" s="25" t="s">
        <v>300</v>
      </c>
      <c r="K229" s="19" t="s">
        <v>17</v>
      </c>
      <c r="L229" s="25" t="s">
        <v>174</v>
      </c>
      <c r="M229" s="25">
        <v>1</v>
      </c>
      <c r="N229" s="19" t="s">
        <v>509</v>
      </c>
      <c r="O229" s="25">
        <v>1</v>
      </c>
      <c r="P229" s="25">
        <v>30</v>
      </c>
      <c r="Q229" s="25"/>
      <c r="R229" s="98"/>
    </row>
    <row r="230" spans="1:18" hidden="1">
      <c r="H230" s="72">
        <v>9</v>
      </c>
      <c r="I230" s="72">
        <v>819</v>
      </c>
      <c r="J230" s="72" t="s">
        <v>253</v>
      </c>
      <c r="K230" s="8" t="s">
        <v>17</v>
      </c>
      <c r="L230" s="8" t="s">
        <v>71</v>
      </c>
      <c r="M230" s="72">
        <v>1</v>
      </c>
      <c r="N230" s="8" t="s">
        <v>514</v>
      </c>
      <c r="O230" s="72">
        <v>2</v>
      </c>
      <c r="P230" s="72">
        <v>3</v>
      </c>
      <c r="R230" s="98"/>
    </row>
    <row r="231" spans="1:18" hidden="1">
      <c r="A231" s="138">
        <v>50</v>
      </c>
      <c r="B231" s="138" t="s">
        <v>298</v>
      </c>
      <c r="C231" s="17" t="s">
        <v>426</v>
      </c>
      <c r="D231" s="138"/>
      <c r="E231" s="17"/>
      <c r="F231" s="17"/>
      <c r="G231" s="17"/>
      <c r="H231" s="138"/>
      <c r="I231" s="138"/>
      <c r="J231" s="138"/>
      <c r="K231" s="17" t="s">
        <v>17</v>
      </c>
      <c r="L231" s="17" t="s">
        <v>71</v>
      </c>
      <c r="M231" s="138">
        <v>1000</v>
      </c>
      <c r="N231" s="17"/>
      <c r="O231" s="138"/>
      <c r="P231" s="138"/>
      <c r="Q231" s="138"/>
      <c r="R231" s="98"/>
    </row>
    <row r="232" spans="1:18" hidden="1">
      <c r="A232" s="138"/>
      <c r="B232" s="138"/>
      <c r="C232" s="138"/>
      <c r="D232" s="138" t="s">
        <v>298</v>
      </c>
      <c r="E232" s="17" t="s">
        <v>426</v>
      </c>
      <c r="F232" s="17"/>
      <c r="G232" s="17"/>
      <c r="H232" s="138"/>
      <c r="I232" s="138"/>
      <c r="J232" s="138"/>
      <c r="K232" s="17" t="s">
        <v>66</v>
      </c>
      <c r="L232" s="17" t="s">
        <v>65</v>
      </c>
      <c r="M232" s="138">
        <v>1</v>
      </c>
      <c r="N232" s="17"/>
      <c r="O232" s="138"/>
      <c r="P232" s="138"/>
      <c r="Q232" s="138"/>
      <c r="R232" s="98"/>
    </row>
    <row r="233" spans="1:18" hidden="1">
      <c r="H233" s="72">
        <v>1</v>
      </c>
      <c r="I233" s="72">
        <v>349</v>
      </c>
      <c r="J233" s="72" t="s">
        <v>201</v>
      </c>
      <c r="K233" s="8" t="s">
        <v>66</v>
      </c>
      <c r="L233" s="8" t="s">
        <v>65</v>
      </c>
      <c r="M233" s="72">
        <v>1</v>
      </c>
      <c r="N233" s="8" t="s">
        <v>514</v>
      </c>
      <c r="O233" s="72">
        <v>1</v>
      </c>
      <c r="P233" s="72">
        <v>1</v>
      </c>
      <c r="Q233" s="72" t="s">
        <v>666</v>
      </c>
      <c r="R233" s="98"/>
    </row>
    <row r="234" spans="1:18" hidden="1">
      <c r="H234" s="72">
        <v>2</v>
      </c>
      <c r="I234" s="72">
        <v>750</v>
      </c>
      <c r="J234" s="72" t="s">
        <v>295</v>
      </c>
      <c r="K234" s="8" t="s">
        <v>17</v>
      </c>
      <c r="L234" s="8" t="s">
        <v>71</v>
      </c>
      <c r="M234" s="72">
        <v>1</v>
      </c>
      <c r="N234" s="8" t="s">
        <v>514</v>
      </c>
      <c r="O234" s="72">
        <v>2</v>
      </c>
      <c r="P234" s="72">
        <v>3</v>
      </c>
      <c r="Q234" s="72" t="s">
        <v>712</v>
      </c>
      <c r="R234" s="98"/>
    </row>
    <row r="235" spans="1:18" hidden="1">
      <c r="E235" s="72"/>
      <c r="F235" s="72"/>
      <c r="G235" s="72"/>
      <c r="H235" s="25">
        <v>3</v>
      </c>
      <c r="I235" s="25">
        <v>559</v>
      </c>
      <c r="J235" s="25" t="s">
        <v>197</v>
      </c>
      <c r="K235" s="19" t="s">
        <v>78</v>
      </c>
      <c r="L235" s="25" t="s">
        <v>174</v>
      </c>
      <c r="M235" s="25">
        <v>1</v>
      </c>
      <c r="N235" s="19" t="s">
        <v>509</v>
      </c>
      <c r="O235" s="25">
        <v>1</v>
      </c>
      <c r="P235" s="25">
        <v>30</v>
      </c>
      <c r="Q235" s="25"/>
      <c r="R235" s="98"/>
    </row>
    <row r="236" spans="1:18" hidden="1">
      <c r="E236" s="72"/>
      <c r="F236" s="72"/>
      <c r="G236" s="72"/>
      <c r="H236" s="25">
        <v>4</v>
      </c>
      <c r="I236" s="25">
        <v>751</v>
      </c>
      <c r="J236" s="25" t="s">
        <v>292</v>
      </c>
      <c r="K236" s="19" t="s">
        <v>78</v>
      </c>
      <c r="L236" s="25" t="s">
        <v>174</v>
      </c>
      <c r="M236" s="25">
        <v>1</v>
      </c>
      <c r="N236" s="19" t="s">
        <v>509</v>
      </c>
      <c r="O236" s="25">
        <v>1</v>
      </c>
      <c r="P236" s="25">
        <v>30</v>
      </c>
      <c r="Q236" s="25"/>
      <c r="R236" s="98"/>
    </row>
    <row r="237" spans="1:18" hidden="1">
      <c r="H237" s="72">
        <v>5</v>
      </c>
      <c r="I237" s="72">
        <v>352</v>
      </c>
      <c r="J237" s="72" t="s">
        <v>3</v>
      </c>
      <c r="K237" s="8" t="s">
        <v>78</v>
      </c>
      <c r="L237" s="8" t="s">
        <v>71</v>
      </c>
      <c r="M237" s="72">
        <v>1</v>
      </c>
      <c r="N237" s="8" t="s">
        <v>509</v>
      </c>
      <c r="O237" s="72">
        <v>1</v>
      </c>
      <c r="P237" s="72">
        <v>80</v>
      </c>
      <c r="R237" s="98"/>
    </row>
    <row r="238" spans="1:18" hidden="1">
      <c r="E238" s="72"/>
      <c r="F238" s="72"/>
      <c r="G238" s="72"/>
      <c r="H238" s="25">
        <v>6</v>
      </c>
      <c r="I238" s="25">
        <v>752</v>
      </c>
      <c r="J238" s="25" t="s">
        <v>304</v>
      </c>
      <c r="K238" s="19" t="s">
        <v>17</v>
      </c>
      <c r="L238" s="25" t="s">
        <v>174</v>
      </c>
      <c r="M238" s="25">
        <v>1</v>
      </c>
      <c r="N238" s="19" t="s">
        <v>509</v>
      </c>
      <c r="O238" s="25">
        <v>1</v>
      </c>
      <c r="P238" s="25">
        <v>30</v>
      </c>
      <c r="Q238" s="25"/>
      <c r="R238" s="98"/>
    </row>
    <row r="239" spans="1:18" hidden="1">
      <c r="E239" s="72"/>
      <c r="F239" s="72"/>
      <c r="G239" s="72"/>
      <c r="H239" s="25">
        <v>7</v>
      </c>
      <c r="I239" s="25">
        <v>822</v>
      </c>
      <c r="J239" s="25" t="s">
        <v>526</v>
      </c>
      <c r="K239" s="19" t="s">
        <v>17</v>
      </c>
      <c r="L239" s="25" t="s">
        <v>174</v>
      </c>
      <c r="M239" s="25">
        <v>1</v>
      </c>
      <c r="N239" s="19" t="s">
        <v>509</v>
      </c>
      <c r="O239" s="25">
        <v>1</v>
      </c>
      <c r="P239" s="25">
        <v>30</v>
      </c>
      <c r="Q239" s="25"/>
      <c r="R239" s="98"/>
    </row>
    <row r="240" spans="1:18" hidden="1">
      <c r="E240" s="72"/>
      <c r="F240" s="72"/>
      <c r="G240" s="72"/>
      <c r="H240" s="25">
        <v>8</v>
      </c>
      <c r="I240" s="25">
        <v>1073</v>
      </c>
      <c r="J240" s="25" t="s">
        <v>300</v>
      </c>
      <c r="K240" s="19" t="s">
        <v>17</v>
      </c>
      <c r="L240" s="25" t="s">
        <v>174</v>
      </c>
      <c r="M240" s="25">
        <v>1</v>
      </c>
      <c r="N240" s="19" t="s">
        <v>509</v>
      </c>
      <c r="O240" s="25">
        <v>1</v>
      </c>
      <c r="P240" s="25">
        <v>30</v>
      </c>
      <c r="Q240" s="25"/>
      <c r="R240" s="98"/>
    </row>
    <row r="241" spans="1:20" hidden="1">
      <c r="H241" s="72">
        <v>9</v>
      </c>
      <c r="I241" s="72">
        <v>819</v>
      </c>
      <c r="J241" s="72" t="s">
        <v>253</v>
      </c>
      <c r="K241" s="8" t="s">
        <v>17</v>
      </c>
      <c r="L241" s="8" t="s">
        <v>71</v>
      </c>
      <c r="M241" s="72">
        <v>1</v>
      </c>
      <c r="N241" s="8" t="s">
        <v>514</v>
      </c>
      <c r="O241" s="72">
        <v>2</v>
      </c>
      <c r="P241" s="72">
        <v>3</v>
      </c>
      <c r="R241" s="98"/>
    </row>
    <row r="242" spans="1:20" hidden="1">
      <c r="A242" s="138"/>
      <c r="B242" s="138"/>
      <c r="C242" s="138"/>
      <c r="D242" s="138" t="s">
        <v>130</v>
      </c>
      <c r="E242" s="17" t="s">
        <v>126</v>
      </c>
      <c r="F242" s="17"/>
      <c r="G242" s="17"/>
      <c r="H242" s="138"/>
      <c r="I242" s="138"/>
      <c r="J242" s="138"/>
      <c r="K242" s="17" t="s">
        <v>17</v>
      </c>
      <c r="L242" s="17" t="s">
        <v>71</v>
      </c>
      <c r="M242" s="138">
        <v>1</v>
      </c>
      <c r="N242" s="17"/>
      <c r="O242" s="138"/>
      <c r="P242" s="138"/>
      <c r="Q242" s="138"/>
      <c r="R242" s="98"/>
    </row>
    <row r="243" spans="1:20" hidden="1">
      <c r="H243" s="72">
        <v>1</v>
      </c>
      <c r="I243" s="72">
        <v>128</v>
      </c>
      <c r="J243" s="72" t="s">
        <v>128</v>
      </c>
      <c r="K243" s="8" t="s">
        <v>66</v>
      </c>
      <c r="L243" s="8" t="s">
        <v>65</v>
      </c>
      <c r="M243" s="72">
        <v>1</v>
      </c>
      <c r="N243" s="8" t="s">
        <v>514</v>
      </c>
      <c r="O243" s="72">
        <v>2</v>
      </c>
      <c r="P243" s="72">
        <v>3</v>
      </c>
      <c r="Q243" s="72" t="s">
        <v>718</v>
      </c>
      <c r="R243" s="98"/>
    </row>
    <row r="244" spans="1:20" hidden="1">
      <c r="H244" s="72">
        <v>2</v>
      </c>
      <c r="I244" s="72">
        <v>127</v>
      </c>
      <c r="J244" s="72" t="s">
        <v>126</v>
      </c>
      <c r="K244" s="8" t="s">
        <v>78</v>
      </c>
      <c r="L244" s="8" t="s">
        <v>71</v>
      </c>
      <c r="M244" s="72">
        <v>1</v>
      </c>
      <c r="N244" s="8" t="s">
        <v>509</v>
      </c>
      <c r="O244" s="72">
        <v>1</v>
      </c>
      <c r="P244" s="72">
        <v>30</v>
      </c>
      <c r="R244" s="98"/>
    </row>
    <row r="245" spans="1:20" hidden="1">
      <c r="H245" s="72">
        <v>3</v>
      </c>
      <c r="I245" s="72">
        <v>352</v>
      </c>
      <c r="J245" s="72" t="s">
        <v>3</v>
      </c>
      <c r="K245" s="8" t="s">
        <v>78</v>
      </c>
      <c r="L245" s="8" t="s">
        <v>71</v>
      </c>
      <c r="M245" s="72">
        <v>1</v>
      </c>
      <c r="N245" s="8" t="s">
        <v>509</v>
      </c>
      <c r="O245" s="72">
        <v>1</v>
      </c>
      <c r="P245" s="72">
        <v>80</v>
      </c>
      <c r="Q245" s="70" t="s">
        <v>624</v>
      </c>
      <c r="R245" s="98"/>
    </row>
    <row r="246" spans="1:20" ht="87.5">
      <c r="A246" s="138"/>
      <c r="B246" s="138"/>
      <c r="C246" s="138"/>
      <c r="D246" s="138" t="s">
        <v>130</v>
      </c>
      <c r="E246" s="17" t="s">
        <v>126</v>
      </c>
      <c r="F246" s="17"/>
      <c r="G246" s="17"/>
      <c r="H246" s="78"/>
      <c r="I246" s="78"/>
      <c r="J246" s="78"/>
      <c r="K246" s="75" t="s">
        <v>17</v>
      </c>
      <c r="L246" s="17" t="s">
        <v>71</v>
      </c>
      <c r="M246" s="78">
        <v>3</v>
      </c>
      <c r="N246" s="75"/>
      <c r="O246" s="78"/>
      <c r="P246" s="78"/>
      <c r="Q246" s="78"/>
      <c r="R246" s="98" t="s">
        <v>1609</v>
      </c>
      <c r="S246" s="209" t="s">
        <v>1316</v>
      </c>
      <c r="T246" s="210" t="s">
        <v>1608</v>
      </c>
    </row>
    <row r="247" spans="1:20" hidden="1">
      <c r="A247" s="144"/>
      <c r="B247" s="144"/>
      <c r="C247" s="144"/>
      <c r="D247" s="144"/>
      <c r="E247" s="24"/>
      <c r="F247" s="24"/>
      <c r="G247" s="24"/>
      <c r="H247" s="18">
        <v>1</v>
      </c>
      <c r="I247" s="18">
        <v>128</v>
      </c>
      <c r="J247" s="18" t="s">
        <v>128</v>
      </c>
      <c r="K247" s="11" t="s">
        <v>66</v>
      </c>
      <c r="L247" s="8" t="s">
        <v>65</v>
      </c>
      <c r="M247" s="18">
        <v>1</v>
      </c>
      <c r="N247" s="11" t="s">
        <v>514</v>
      </c>
      <c r="O247" s="18">
        <v>2</v>
      </c>
      <c r="P247" s="18">
        <v>3</v>
      </c>
      <c r="Q247" s="18" t="s">
        <v>643</v>
      </c>
      <c r="R247" s="98"/>
    </row>
    <row r="248" spans="1:20" hidden="1">
      <c r="A248" s="144"/>
      <c r="B248" s="144"/>
      <c r="C248" s="144"/>
      <c r="D248" s="144"/>
      <c r="E248" s="24"/>
      <c r="F248" s="24"/>
      <c r="G248" s="24"/>
      <c r="H248" s="18">
        <v>2</v>
      </c>
      <c r="I248" s="18">
        <v>127</v>
      </c>
      <c r="J248" s="18" t="s">
        <v>126</v>
      </c>
      <c r="K248" s="11" t="s">
        <v>78</v>
      </c>
      <c r="L248" s="8" t="s">
        <v>71</v>
      </c>
      <c r="M248" s="72">
        <v>1</v>
      </c>
      <c r="N248" s="8" t="s">
        <v>509</v>
      </c>
      <c r="O248" s="72">
        <v>1</v>
      </c>
      <c r="P248" s="72">
        <v>30</v>
      </c>
      <c r="Q248" s="18"/>
      <c r="R248" s="98"/>
    </row>
    <row r="249" spans="1:20" hidden="1">
      <c r="A249" s="144"/>
      <c r="B249" s="144"/>
      <c r="C249" s="144"/>
      <c r="D249" s="144"/>
      <c r="E249" s="24"/>
      <c r="F249" s="24"/>
      <c r="G249" s="24"/>
      <c r="H249" s="18">
        <v>3</v>
      </c>
      <c r="I249" s="18">
        <v>352</v>
      </c>
      <c r="J249" s="18" t="s">
        <v>3</v>
      </c>
      <c r="K249" s="11" t="s">
        <v>78</v>
      </c>
      <c r="L249" s="8" t="s">
        <v>71</v>
      </c>
      <c r="M249" s="72">
        <v>1</v>
      </c>
      <c r="N249" s="8" t="s">
        <v>509</v>
      </c>
      <c r="O249" s="72">
        <v>1</v>
      </c>
      <c r="P249" s="72">
        <v>80</v>
      </c>
      <c r="Q249" s="18"/>
      <c r="R249" s="98"/>
    </row>
    <row r="250" spans="1:20" hidden="1">
      <c r="A250" s="138">
        <v>130</v>
      </c>
      <c r="B250" s="138" t="s">
        <v>278</v>
      </c>
      <c r="C250" s="17" t="s">
        <v>524</v>
      </c>
      <c r="D250" s="17"/>
      <c r="E250" s="17"/>
      <c r="F250" s="17"/>
      <c r="G250" s="17"/>
      <c r="H250" s="138"/>
      <c r="I250" s="138"/>
      <c r="J250" s="138"/>
      <c r="K250" s="17" t="s">
        <v>17</v>
      </c>
      <c r="L250" s="17" t="s">
        <v>71</v>
      </c>
      <c r="M250" s="138">
        <v>25</v>
      </c>
      <c r="N250" s="17"/>
      <c r="O250" s="138"/>
      <c r="P250" s="138"/>
      <c r="Q250" s="138"/>
      <c r="R250" s="98"/>
    </row>
    <row r="251" spans="1:20" hidden="1">
      <c r="A251" s="138"/>
      <c r="B251" s="138"/>
      <c r="C251" s="138"/>
      <c r="D251" s="138" t="s">
        <v>278</v>
      </c>
      <c r="E251" s="17" t="s">
        <v>524</v>
      </c>
      <c r="F251" s="17"/>
      <c r="G251" s="17"/>
      <c r="H251" s="138"/>
      <c r="I251" s="138"/>
      <c r="J251" s="138"/>
      <c r="K251" s="17" t="s">
        <v>66</v>
      </c>
      <c r="L251" s="17" t="s">
        <v>65</v>
      </c>
      <c r="M251" s="138">
        <v>1</v>
      </c>
      <c r="N251" s="17"/>
      <c r="O251" s="138"/>
      <c r="P251" s="138"/>
      <c r="Q251" s="138"/>
      <c r="R251" s="98"/>
    </row>
    <row r="252" spans="1:20" hidden="1">
      <c r="H252" s="72">
        <v>1</v>
      </c>
      <c r="I252" s="72">
        <v>248</v>
      </c>
      <c r="J252" s="72" t="s">
        <v>276</v>
      </c>
      <c r="K252" s="8" t="s">
        <v>66</v>
      </c>
      <c r="L252" s="8" t="s">
        <v>65</v>
      </c>
      <c r="M252" s="72">
        <v>1</v>
      </c>
      <c r="N252" s="8" t="s">
        <v>514</v>
      </c>
      <c r="O252" s="72">
        <v>1</v>
      </c>
      <c r="P252" s="72">
        <v>1</v>
      </c>
      <c r="Q252" s="72" t="s">
        <v>649</v>
      </c>
      <c r="R252" s="98"/>
    </row>
    <row r="253" spans="1:20" ht="28" hidden="1">
      <c r="H253" s="72">
        <v>2</v>
      </c>
      <c r="I253" s="72">
        <v>1300</v>
      </c>
      <c r="J253" s="72" t="s">
        <v>274</v>
      </c>
      <c r="K253" s="8" t="s">
        <v>78</v>
      </c>
      <c r="L253" s="8" t="s">
        <v>71</v>
      </c>
      <c r="M253" s="72">
        <v>1</v>
      </c>
      <c r="N253" s="8" t="s">
        <v>514</v>
      </c>
      <c r="O253" s="72">
        <v>4</v>
      </c>
      <c r="P253" s="72">
        <v>4</v>
      </c>
      <c r="Q253" s="72" t="s">
        <v>650</v>
      </c>
      <c r="R253" s="98"/>
    </row>
    <row r="254" spans="1:20" hidden="1">
      <c r="E254" s="72"/>
      <c r="F254" s="72"/>
      <c r="G254" s="72"/>
      <c r="H254" s="25">
        <v>3</v>
      </c>
      <c r="I254" s="25">
        <v>559</v>
      </c>
      <c r="J254" s="25" t="s">
        <v>197</v>
      </c>
      <c r="K254" s="25" t="s">
        <v>78</v>
      </c>
      <c r="L254" s="25" t="s">
        <v>174</v>
      </c>
      <c r="M254" s="25">
        <v>1</v>
      </c>
      <c r="N254" s="25" t="s">
        <v>509</v>
      </c>
      <c r="O254" s="25">
        <v>1</v>
      </c>
      <c r="P254" s="25">
        <v>30</v>
      </c>
      <c r="Q254" s="25"/>
      <c r="R254" s="98"/>
    </row>
    <row r="255" spans="1:20" ht="28" hidden="1">
      <c r="E255" s="72"/>
      <c r="F255" s="72"/>
      <c r="G255" s="72"/>
      <c r="H255" s="25">
        <v>4</v>
      </c>
      <c r="I255" s="25">
        <v>1301</v>
      </c>
      <c r="J255" s="25" t="s">
        <v>271</v>
      </c>
      <c r="K255" s="25" t="s">
        <v>78</v>
      </c>
      <c r="L255" s="25" t="s">
        <v>174</v>
      </c>
      <c r="M255" s="25">
        <v>1</v>
      </c>
      <c r="N255" s="25" t="s">
        <v>509</v>
      </c>
      <c r="O255" s="25">
        <v>1</v>
      </c>
      <c r="P255" s="25">
        <v>30</v>
      </c>
      <c r="Q255" s="25"/>
      <c r="R255" s="98"/>
    </row>
    <row r="256" spans="1:20" hidden="1">
      <c r="H256" s="72">
        <v>5</v>
      </c>
      <c r="I256" s="72">
        <v>610</v>
      </c>
      <c r="J256" s="72" t="s">
        <v>269</v>
      </c>
      <c r="K256" s="8" t="s">
        <v>17</v>
      </c>
      <c r="L256" s="8" t="s">
        <v>71</v>
      </c>
      <c r="M256" s="72">
        <v>1</v>
      </c>
      <c r="N256" s="8" t="s">
        <v>150</v>
      </c>
      <c r="O256" s="72">
        <v>1</v>
      </c>
      <c r="P256" s="72">
        <v>15</v>
      </c>
      <c r="R256" s="98"/>
    </row>
    <row r="257" spans="1:18" hidden="1">
      <c r="E257" s="72"/>
      <c r="F257" s="72"/>
      <c r="G257" s="72"/>
      <c r="H257" s="25">
        <v>6</v>
      </c>
      <c r="I257" s="25">
        <v>378</v>
      </c>
      <c r="J257" s="25" t="s">
        <v>267</v>
      </c>
      <c r="K257" s="19" t="s">
        <v>78</v>
      </c>
      <c r="L257" s="25" t="s">
        <v>174</v>
      </c>
      <c r="M257" s="25">
        <v>1</v>
      </c>
      <c r="N257" s="19" t="s">
        <v>514</v>
      </c>
      <c r="O257" s="25">
        <v>1</v>
      </c>
      <c r="P257" s="25">
        <v>1</v>
      </c>
      <c r="Q257" s="25"/>
      <c r="R257" s="98"/>
    </row>
    <row r="258" spans="1:18" hidden="1">
      <c r="E258" s="72"/>
      <c r="F258" s="72"/>
      <c r="G258" s="72"/>
      <c r="H258" s="25">
        <v>7</v>
      </c>
      <c r="I258" s="25">
        <v>332</v>
      </c>
      <c r="J258" s="25" t="s">
        <v>232</v>
      </c>
      <c r="K258" s="19" t="s">
        <v>78</v>
      </c>
      <c r="L258" s="25" t="s">
        <v>174</v>
      </c>
      <c r="M258" s="25">
        <v>1</v>
      </c>
      <c r="N258" s="19" t="s">
        <v>438</v>
      </c>
      <c r="O258" s="25">
        <v>1</v>
      </c>
      <c r="P258" s="25">
        <v>6</v>
      </c>
      <c r="Q258" s="25"/>
      <c r="R258" s="98"/>
    </row>
    <row r="259" spans="1:18" hidden="1">
      <c r="E259" s="72"/>
      <c r="F259" s="72"/>
      <c r="G259" s="72"/>
      <c r="H259" s="25">
        <v>8</v>
      </c>
      <c r="I259" s="25">
        <v>118</v>
      </c>
      <c r="J259" s="25" t="s">
        <v>264</v>
      </c>
      <c r="K259" s="19" t="s">
        <v>17</v>
      </c>
      <c r="L259" s="25" t="s">
        <v>174</v>
      </c>
      <c r="M259" s="25">
        <v>1</v>
      </c>
      <c r="N259" s="19" t="s">
        <v>438</v>
      </c>
      <c r="O259" s="25">
        <v>1</v>
      </c>
      <c r="P259" s="25">
        <v>9</v>
      </c>
      <c r="Q259" s="25"/>
      <c r="R259" s="98"/>
    </row>
    <row r="260" spans="1:18" hidden="1">
      <c r="E260" s="72"/>
      <c r="F260" s="72"/>
      <c r="G260" s="72"/>
      <c r="H260" s="25">
        <v>9</v>
      </c>
      <c r="I260" s="25">
        <v>355</v>
      </c>
      <c r="J260" s="25" t="s">
        <v>103</v>
      </c>
      <c r="K260" s="19" t="s">
        <v>78</v>
      </c>
      <c r="L260" s="25" t="s">
        <v>174</v>
      </c>
      <c r="M260" s="25">
        <v>1</v>
      </c>
      <c r="N260" s="19" t="s">
        <v>514</v>
      </c>
      <c r="O260" s="25">
        <v>2</v>
      </c>
      <c r="P260" s="25">
        <v>2</v>
      </c>
      <c r="Q260" s="25"/>
      <c r="R260" s="98"/>
    </row>
    <row r="261" spans="1:18" hidden="1">
      <c r="E261" s="72"/>
      <c r="F261" s="72"/>
      <c r="G261" s="72"/>
      <c r="H261" s="25">
        <v>10</v>
      </c>
      <c r="I261" s="25">
        <v>380</v>
      </c>
      <c r="J261" s="25" t="s">
        <v>105</v>
      </c>
      <c r="K261" s="19" t="s">
        <v>78</v>
      </c>
      <c r="L261" s="25" t="s">
        <v>174</v>
      </c>
      <c r="M261" s="25">
        <v>1</v>
      </c>
      <c r="N261" s="19" t="s">
        <v>438</v>
      </c>
      <c r="O261" s="25">
        <v>1</v>
      </c>
      <c r="P261" s="25">
        <v>15</v>
      </c>
      <c r="Q261" s="25"/>
      <c r="R261" s="98"/>
    </row>
    <row r="262" spans="1:18" hidden="1">
      <c r="E262" s="72"/>
      <c r="F262" s="72"/>
      <c r="G262" s="72"/>
      <c r="H262" s="25">
        <v>11</v>
      </c>
      <c r="I262" s="25">
        <v>380</v>
      </c>
      <c r="J262" s="25" t="s">
        <v>105</v>
      </c>
      <c r="K262" s="19" t="s">
        <v>17</v>
      </c>
      <c r="L262" s="25" t="s">
        <v>174</v>
      </c>
      <c r="M262" s="25">
        <v>1</v>
      </c>
      <c r="N262" s="19" t="s">
        <v>438</v>
      </c>
      <c r="O262" s="25">
        <v>1</v>
      </c>
      <c r="P262" s="25">
        <v>15</v>
      </c>
      <c r="Q262" s="25"/>
      <c r="R262" s="98"/>
    </row>
    <row r="263" spans="1:18" ht="28" hidden="1">
      <c r="E263" s="72"/>
      <c r="F263" s="72"/>
      <c r="G263" s="72"/>
      <c r="H263" s="25">
        <v>12</v>
      </c>
      <c r="I263" s="25">
        <v>331</v>
      </c>
      <c r="J263" s="25" t="s">
        <v>259</v>
      </c>
      <c r="K263" s="19" t="s">
        <v>17</v>
      </c>
      <c r="L263" s="25" t="s">
        <v>174</v>
      </c>
      <c r="M263" s="25">
        <v>1</v>
      </c>
      <c r="N263" s="19" t="s">
        <v>514</v>
      </c>
      <c r="O263" s="25">
        <v>2</v>
      </c>
      <c r="P263" s="25">
        <v>2</v>
      </c>
      <c r="Q263" s="25"/>
      <c r="R263" s="98"/>
    </row>
    <row r="264" spans="1:18" hidden="1">
      <c r="H264" s="72">
        <v>13</v>
      </c>
      <c r="I264" s="72">
        <v>127</v>
      </c>
      <c r="J264" s="72" t="s">
        <v>126</v>
      </c>
      <c r="K264" s="8" t="s">
        <v>78</v>
      </c>
      <c r="L264" s="8" t="s">
        <v>71</v>
      </c>
      <c r="M264" s="72">
        <v>1</v>
      </c>
      <c r="N264" s="8" t="s">
        <v>509</v>
      </c>
      <c r="O264" s="72">
        <v>1</v>
      </c>
      <c r="P264" s="72">
        <v>30</v>
      </c>
      <c r="R264" s="98"/>
    </row>
    <row r="265" spans="1:18" hidden="1">
      <c r="H265" s="72">
        <v>14</v>
      </c>
      <c r="I265" s="72">
        <v>770</v>
      </c>
      <c r="J265" s="72" t="s">
        <v>256</v>
      </c>
      <c r="K265" s="8" t="s">
        <v>17</v>
      </c>
      <c r="L265" s="8" t="s">
        <v>71</v>
      </c>
      <c r="M265" s="72">
        <v>1</v>
      </c>
      <c r="N265" s="8" t="s">
        <v>509</v>
      </c>
      <c r="O265" s="72">
        <v>1</v>
      </c>
      <c r="P265" s="72">
        <v>20</v>
      </c>
      <c r="R265" s="98"/>
    </row>
    <row r="266" spans="1:18" hidden="1">
      <c r="H266" s="72">
        <v>15</v>
      </c>
      <c r="I266" s="72">
        <v>352</v>
      </c>
      <c r="J266" s="72" t="s">
        <v>3</v>
      </c>
      <c r="K266" s="8" t="s">
        <v>78</v>
      </c>
      <c r="L266" s="8" t="s">
        <v>71</v>
      </c>
      <c r="M266" s="72">
        <v>1</v>
      </c>
      <c r="N266" s="8" t="s">
        <v>509</v>
      </c>
      <c r="O266" s="72">
        <v>1</v>
      </c>
      <c r="P266" s="72">
        <v>80</v>
      </c>
      <c r="R266" s="98"/>
    </row>
    <row r="267" spans="1:18" hidden="1">
      <c r="H267" s="72">
        <v>16</v>
      </c>
      <c r="I267" s="72">
        <v>819</v>
      </c>
      <c r="J267" s="72" t="s">
        <v>253</v>
      </c>
      <c r="K267" s="8" t="s">
        <v>17</v>
      </c>
      <c r="L267" s="8" t="s">
        <v>71</v>
      </c>
      <c r="M267" s="72">
        <v>1</v>
      </c>
      <c r="N267" s="8" t="s">
        <v>514</v>
      </c>
      <c r="O267" s="72">
        <v>2</v>
      </c>
      <c r="P267" s="72">
        <v>3</v>
      </c>
      <c r="R267" s="98"/>
    </row>
    <row r="268" spans="1:18" hidden="1">
      <c r="A268" s="138"/>
      <c r="B268" s="138"/>
      <c r="C268" s="138"/>
      <c r="D268" s="138" t="s">
        <v>252</v>
      </c>
      <c r="E268" s="17" t="s">
        <v>476</v>
      </c>
      <c r="F268" s="17"/>
      <c r="G268" s="17"/>
      <c r="H268" s="138"/>
      <c r="I268" s="138"/>
      <c r="J268" s="138"/>
      <c r="K268" s="17" t="s">
        <v>17</v>
      </c>
      <c r="L268" s="17" t="s">
        <v>71</v>
      </c>
      <c r="M268" s="138">
        <v>1</v>
      </c>
      <c r="N268" s="17"/>
      <c r="O268" s="138"/>
      <c r="P268" s="138"/>
      <c r="Q268" s="138"/>
      <c r="R268" s="98"/>
    </row>
    <row r="269" spans="1:18" hidden="1">
      <c r="H269" s="72">
        <v>1</v>
      </c>
      <c r="I269" s="72">
        <v>98</v>
      </c>
      <c r="J269" s="72" t="s">
        <v>156</v>
      </c>
      <c r="K269" s="8" t="s">
        <v>66</v>
      </c>
      <c r="L269" s="8" t="s">
        <v>65</v>
      </c>
      <c r="M269" s="72">
        <v>1</v>
      </c>
      <c r="N269" s="8" t="s">
        <v>514</v>
      </c>
      <c r="O269" s="72">
        <v>2</v>
      </c>
      <c r="P269" s="72">
        <v>3</v>
      </c>
      <c r="Q269" s="72" t="s">
        <v>623</v>
      </c>
      <c r="R269" s="98"/>
    </row>
    <row r="270" spans="1:18" hidden="1">
      <c r="H270" s="72">
        <v>2</v>
      </c>
      <c r="I270" s="72">
        <v>100</v>
      </c>
      <c r="J270" s="72" t="s">
        <v>249</v>
      </c>
      <c r="K270" s="8" t="s">
        <v>66</v>
      </c>
      <c r="L270" s="8" t="s">
        <v>65</v>
      </c>
      <c r="M270" s="72">
        <v>1</v>
      </c>
      <c r="N270" s="8" t="s">
        <v>514</v>
      </c>
      <c r="O270" s="72">
        <v>3</v>
      </c>
      <c r="P270" s="72">
        <v>3</v>
      </c>
      <c r="R270" s="98"/>
    </row>
    <row r="271" spans="1:18" hidden="1">
      <c r="A271" s="138">
        <v>130</v>
      </c>
      <c r="B271" s="138" t="s">
        <v>278</v>
      </c>
      <c r="C271" s="17" t="s">
        <v>524</v>
      </c>
      <c r="D271" s="17"/>
      <c r="E271" s="17"/>
      <c r="F271" s="17"/>
      <c r="G271" s="17"/>
      <c r="H271" s="138"/>
      <c r="I271" s="138"/>
      <c r="J271" s="138"/>
      <c r="K271" s="17" t="s">
        <v>17</v>
      </c>
      <c r="L271" s="17" t="s">
        <v>71</v>
      </c>
      <c r="M271" s="138">
        <v>25</v>
      </c>
      <c r="N271" s="17"/>
      <c r="O271" s="138"/>
      <c r="P271" s="138"/>
      <c r="Q271" s="138"/>
      <c r="R271" s="98"/>
    </row>
    <row r="272" spans="1:18" hidden="1">
      <c r="A272" s="138"/>
      <c r="B272" s="138"/>
      <c r="C272" s="138"/>
      <c r="D272" s="138" t="s">
        <v>278</v>
      </c>
      <c r="E272" s="17" t="s">
        <v>524</v>
      </c>
      <c r="F272" s="17"/>
      <c r="G272" s="17"/>
      <c r="H272" s="138"/>
      <c r="I272" s="138"/>
      <c r="J272" s="138"/>
      <c r="K272" s="17" t="s">
        <v>66</v>
      </c>
      <c r="L272" s="17" t="s">
        <v>65</v>
      </c>
      <c r="M272" s="138">
        <v>1</v>
      </c>
      <c r="N272" s="17"/>
      <c r="O272" s="138"/>
      <c r="P272" s="138"/>
      <c r="Q272" s="138"/>
      <c r="R272" s="98"/>
    </row>
    <row r="273" spans="5:18" hidden="1">
      <c r="H273" s="72">
        <v>1</v>
      </c>
      <c r="I273" s="72">
        <v>248</v>
      </c>
      <c r="J273" s="72" t="s">
        <v>276</v>
      </c>
      <c r="K273" s="8" t="s">
        <v>66</v>
      </c>
      <c r="L273" s="8" t="s">
        <v>65</v>
      </c>
      <c r="M273" s="72">
        <v>1</v>
      </c>
      <c r="N273" s="8" t="s">
        <v>514</v>
      </c>
      <c r="O273" s="72">
        <v>1</v>
      </c>
      <c r="P273" s="72">
        <v>1</v>
      </c>
      <c r="Q273" s="72" t="s">
        <v>649</v>
      </c>
      <c r="R273" s="98"/>
    </row>
    <row r="274" spans="5:18" ht="28" hidden="1">
      <c r="H274" s="72">
        <v>2</v>
      </c>
      <c r="I274" s="72">
        <v>1300</v>
      </c>
      <c r="J274" s="72" t="s">
        <v>274</v>
      </c>
      <c r="K274" s="8" t="s">
        <v>78</v>
      </c>
      <c r="L274" s="8" t="s">
        <v>71</v>
      </c>
      <c r="M274" s="72">
        <v>1</v>
      </c>
      <c r="N274" s="8" t="s">
        <v>514</v>
      </c>
      <c r="O274" s="72">
        <v>4</v>
      </c>
      <c r="P274" s="72">
        <v>4</v>
      </c>
      <c r="Q274" s="72" t="s">
        <v>810</v>
      </c>
      <c r="R274" s="98"/>
    </row>
    <row r="275" spans="5:18" hidden="1">
      <c r="E275" s="72"/>
      <c r="F275" s="72"/>
      <c r="G275" s="72"/>
      <c r="H275" s="25">
        <v>3</v>
      </c>
      <c r="I275" s="25">
        <v>559</v>
      </c>
      <c r="J275" s="25" t="s">
        <v>197</v>
      </c>
      <c r="K275" s="19" t="s">
        <v>78</v>
      </c>
      <c r="L275" s="25" t="s">
        <v>174</v>
      </c>
      <c r="M275" s="25">
        <v>1</v>
      </c>
      <c r="N275" s="19" t="s">
        <v>509</v>
      </c>
      <c r="O275" s="25">
        <v>1</v>
      </c>
      <c r="P275" s="25">
        <v>30</v>
      </c>
      <c r="Q275" s="25"/>
      <c r="R275" s="98"/>
    </row>
    <row r="276" spans="5:18" ht="28" hidden="1">
      <c r="E276" s="72"/>
      <c r="F276" s="72"/>
      <c r="G276" s="72"/>
      <c r="H276" s="25">
        <v>4</v>
      </c>
      <c r="I276" s="25">
        <v>1301</v>
      </c>
      <c r="J276" s="25" t="s">
        <v>271</v>
      </c>
      <c r="K276" s="19" t="s">
        <v>78</v>
      </c>
      <c r="L276" s="25" t="s">
        <v>174</v>
      </c>
      <c r="M276" s="25">
        <v>1</v>
      </c>
      <c r="N276" s="19" t="s">
        <v>509</v>
      </c>
      <c r="O276" s="25">
        <v>1</v>
      </c>
      <c r="P276" s="25">
        <v>30</v>
      </c>
      <c r="Q276" s="25"/>
      <c r="R276" s="98"/>
    </row>
    <row r="277" spans="5:18" hidden="1">
      <c r="H277" s="72">
        <v>5</v>
      </c>
      <c r="I277" s="72">
        <v>610</v>
      </c>
      <c r="J277" s="72" t="s">
        <v>269</v>
      </c>
      <c r="K277" s="8" t="s">
        <v>17</v>
      </c>
      <c r="L277" s="8" t="s">
        <v>71</v>
      </c>
      <c r="M277" s="72">
        <v>1</v>
      </c>
      <c r="N277" s="8" t="s">
        <v>150</v>
      </c>
      <c r="O277" s="72">
        <v>1</v>
      </c>
      <c r="P277" s="72">
        <v>15</v>
      </c>
      <c r="R277" s="98"/>
    </row>
    <row r="278" spans="5:18" hidden="1">
      <c r="E278" s="72"/>
      <c r="F278" s="72"/>
      <c r="G278" s="72"/>
      <c r="H278" s="25">
        <v>6</v>
      </c>
      <c r="I278" s="25">
        <v>378</v>
      </c>
      <c r="J278" s="25" t="s">
        <v>267</v>
      </c>
      <c r="K278" s="19" t="s">
        <v>78</v>
      </c>
      <c r="L278" s="25" t="s">
        <v>174</v>
      </c>
      <c r="M278" s="25">
        <v>1</v>
      </c>
      <c r="N278" s="19" t="s">
        <v>509</v>
      </c>
      <c r="O278" s="25">
        <v>1</v>
      </c>
      <c r="P278" s="25">
        <v>30</v>
      </c>
      <c r="Q278" s="25"/>
      <c r="R278" s="98"/>
    </row>
    <row r="279" spans="5:18" hidden="1">
      <c r="E279" s="72"/>
      <c r="F279" s="72"/>
      <c r="G279" s="72"/>
      <c r="H279" s="25">
        <v>7</v>
      </c>
      <c r="I279" s="25">
        <v>332</v>
      </c>
      <c r="J279" s="25" t="s">
        <v>232</v>
      </c>
      <c r="K279" s="19" t="s">
        <v>78</v>
      </c>
      <c r="L279" s="25" t="s">
        <v>174</v>
      </c>
      <c r="M279" s="25">
        <v>1</v>
      </c>
      <c r="N279" s="19" t="s">
        <v>509</v>
      </c>
      <c r="O279" s="25">
        <v>1</v>
      </c>
      <c r="P279" s="25">
        <v>30</v>
      </c>
      <c r="Q279" s="25"/>
      <c r="R279" s="98"/>
    </row>
    <row r="280" spans="5:18" hidden="1">
      <c r="E280" s="72"/>
      <c r="F280" s="72"/>
      <c r="G280" s="72"/>
      <c r="H280" s="25">
        <v>8</v>
      </c>
      <c r="I280" s="25">
        <v>118</v>
      </c>
      <c r="J280" s="25" t="s">
        <v>264</v>
      </c>
      <c r="K280" s="19" t="s">
        <v>17</v>
      </c>
      <c r="L280" s="25" t="s">
        <v>174</v>
      </c>
      <c r="M280" s="25">
        <v>1</v>
      </c>
      <c r="N280" s="19" t="s">
        <v>509</v>
      </c>
      <c r="O280" s="25">
        <v>1</v>
      </c>
      <c r="P280" s="25">
        <v>30</v>
      </c>
      <c r="Q280" s="25"/>
      <c r="R280" s="98"/>
    </row>
    <row r="281" spans="5:18" hidden="1">
      <c r="E281" s="72"/>
      <c r="F281" s="72"/>
      <c r="G281" s="72"/>
      <c r="H281" s="25">
        <v>9</v>
      </c>
      <c r="I281" s="25">
        <v>355</v>
      </c>
      <c r="J281" s="25" t="s">
        <v>103</v>
      </c>
      <c r="K281" s="19" t="s">
        <v>78</v>
      </c>
      <c r="L281" s="25" t="s">
        <v>174</v>
      </c>
      <c r="M281" s="25">
        <v>1</v>
      </c>
      <c r="N281" s="19" t="s">
        <v>509</v>
      </c>
      <c r="O281" s="25">
        <v>1</v>
      </c>
      <c r="P281" s="25">
        <v>30</v>
      </c>
      <c r="Q281" s="25"/>
      <c r="R281" s="98"/>
    </row>
    <row r="282" spans="5:18" hidden="1">
      <c r="E282" s="72"/>
      <c r="F282" s="72"/>
      <c r="G282" s="72"/>
      <c r="H282" s="25">
        <v>10</v>
      </c>
      <c r="I282" s="25">
        <v>380</v>
      </c>
      <c r="J282" s="25" t="s">
        <v>105</v>
      </c>
      <c r="K282" s="19" t="s">
        <v>78</v>
      </c>
      <c r="L282" s="25" t="s">
        <v>174</v>
      </c>
      <c r="M282" s="25">
        <v>1</v>
      </c>
      <c r="N282" s="19" t="s">
        <v>509</v>
      </c>
      <c r="O282" s="25">
        <v>1</v>
      </c>
      <c r="P282" s="25">
        <v>30</v>
      </c>
      <c r="Q282" s="25"/>
      <c r="R282" s="98"/>
    </row>
    <row r="283" spans="5:18" hidden="1">
      <c r="E283" s="72"/>
      <c r="F283" s="72"/>
      <c r="G283" s="72"/>
      <c r="H283" s="25">
        <v>11</v>
      </c>
      <c r="I283" s="25">
        <v>380</v>
      </c>
      <c r="J283" s="25" t="s">
        <v>105</v>
      </c>
      <c r="K283" s="19" t="s">
        <v>17</v>
      </c>
      <c r="L283" s="25" t="s">
        <v>174</v>
      </c>
      <c r="M283" s="25">
        <v>1</v>
      </c>
      <c r="N283" s="19" t="s">
        <v>509</v>
      </c>
      <c r="O283" s="25">
        <v>1</v>
      </c>
      <c r="P283" s="25">
        <v>30</v>
      </c>
      <c r="Q283" s="25"/>
      <c r="R283" s="98"/>
    </row>
    <row r="284" spans="5:18" ht="28" hidden="1">
      <c r="E284" s="72"/>
      <c r="F284" s="72"/>
      <c r="G284" s="72"/>
      <c r="H284" s="25">
        <v>12</v>
      </c>
      <c r="I284" s="25">
        <v>331</v>
      </c>
      <c r="J284" s="25" t="s">
        <v>259</v>
      </c>
      <c r="K284" s="19" t="s">
        <v>17</v>
      </c>
      <c r="L284" s="25" t="s">
        <v>174</v>
      </c>
      <c r="M284" s="25">
        <v>1</v>
      </c>
      <c r="N284" s="19" t="s">
        <v>509</v>
      </c>
      <c r="O284" s="25">
        <v>1</v>
      </c>
      <c r="P284" s="25">
        <v>30</v>
      </c>
      <c r="Q284" s="25"/>
      <c r="R284" s="98"/>
    </row>
    <row r="285" spans="5:18" hidden="1">
      <c r="E285" s="72"/>
      <c r="F285" s="72"/>
      <c r="G285" s="72"/>
      <c r="H285" s="25">
        <v>13</v>
      </c>
      <c r="I285" s="25">
        <v>127</v>
      </c>
      <c r="J285" s="25" t="s">
        <v>126</v>
      </c>
      <c r="K285" s="19" t="s">
        <v>78</v>
      </c>
      <c r="L285" s="25" t="s">
        <v>174</v>
      </c>
      <c r="M285" s="25">
        <v>1</v>
      </c>
      <c r="N285" s="19" t="s">
        <v>509</v>
      </c>
      <c r="O285" s="25">
        <v>1</v>
      </c>
      <c r="P285" s="25">
        <v>30</v>
      </c>
      <c r="Q285" s="25"/>
      <c r="R285" s="98"/>
    </row>
    <row r="286" spans="5:18" hidden="1">
      <c r="E286" s="72"/>
      <c r="F286" s="72"/>
      <c r="G286" s="72"/>
      <c r="H286" s="25">
        <v>14</v>
      </c>
      <c r="I286" s="25">
        <v>770</v>
      </c>
      <c r="J286" s="25" t="s">
        <v>256</v>
      </c>
      <c r="K286" s="19" t="s">
        <v>17</v>
      </c>
      <c r="L286" s="25" t="s">
        <v>174</v>
      </c>
      <c r="M286" s="25">
        <v>1</v>
      </c>
      <c r="N286" s="19" t="s">
        <v>509</v>
      </c>
      <c r="O286" s="25">
        <v>1</v>
      </c>
      <c r="P286" s="25">
        <v>30</v>
      </c>
      <c r="Q286" s="25"/>
      <c r="R286" s="98"/>
    </row>
    <row r="287" spans="5:18" hidden="1">
      <c r="H287" s="72">
        <v>15</v>
      </c>
      <c r="I287" s="72">
        <v>352</v>
      </c>
      <c r="J287" s="72" t="s">
        <v>3</v>
      </c>
      <c r="K287" s="8" t="s">
        <v>78</v>
      </c>
      <c r="L287" s="8" t="s">
        <v>71</v>
      </c>
      <c r="M287" s="72">
        <v>1</v>
      </c>
      <c r="N287" s="8" t="s">
        <v>509</v>
      </c>
      <c r="O287" s="72">
        <v>1</v>
      </c>
      <c r="P287" s="72">
        <v>80</v>
      </c>
      <c r="R287" s="98"/>
    </row>
    <row r="288" spans="5:18" hidden="1">
      <c r="H288" s="72">
        <v>16</v>
      </c>
      <c r="I288" s="72">
        <v>819</v>
      </c>
      <c r="J288" s="72" t="s">
        <v>253</v>
      </c>
      <c r="K288" s="8" t="s">
        <v>17</v>
      </c>
      <c r="L288" s="8" t="s">
        <v>71</v>
      </c>
      <c r="M288" s="72">
        <v>1</v>
      </c>
      <c r="N288" s="8" t="s">
        <v>514</v>
      </c>
      <c r="O288" s="72">
        <v>2</v>
      </c>
      <c r="P288" s="72">
        <v>3</v>
      </c>
      <c r="R288" s="98"/>
    </row>
    <row r="289" spans="1:18" hidden="1">
      <c r="A289" s="138"/>
      <c r="B289" s="138"/>
      <c r="C289" s="138"/>
      <c r="D289" s="138" t="s">
        <v>252</v>
      </c>
      <c r="E289" s="17" t="s">
        <v>476</v>
      </c>
      <c r="F289" s="17"/>
      <c r="G289" s="17"/>
      <c r="H289" s="138"/>
      <c r="I289" s="138"/>
      <c r="J289" s="138"/>
      <c r="K289" s="17" t="s">
        <v>17</v>
      </c>
      <c r="L289" s="17" t="s">
        <v>71</v>
      </c>
      <c r="M289" s="138">
        <v>1</v>
      </c>
      <c r="N289" s="17"/>
      <c r="O289" s="138"/>
      <c r="P289" s="138"/>
      <c r="Q289" s="138"/>
      <c r="R289" s="98"/>
    </row>
    <row r="290" spans="1:18" hidden="1">
      <c r="H290" s="72">
        <v>1</v>
      </c>
      <c r="I290" s="72">
        <v>98</v>
      </c>
      <c r="J290" s="72" t="s">
        <v>156</v>
      </c>
      <c r="K290" s="8" t="s">
        <v>66</v>
      </c>
      <c r="L290" s="8" t="s">
        <v>65</v>
      </c>
      <c r="M290" s="72">
        <v>1</v>
      </c>
      <c r="N290" s="8" t="s">
        <v>514</v>
      </c>
      <c r="O290" s="72">
        <v>2</v>
      </c>
      <c r="P290" s="72">
        <v>3</v>
      </c>
      <c r="Q290" s="72" t="s">
        <v>623</v>
      </c>
      <c r="R290" s="98"/>
    </row>
    <row r="291" spans="1:18" hidden="1">
      <c r="H291" s="72">
        <v>2</v>
      </c>
      <c r="I291" s="72">
        <v>100</v>
      </c>
      <c r="J291" s="72" t="s">
        <v>249</v>
      </c>
      <c r="K291" s="8" t="s">
        <v>66</v>
      </c>
      <c r="L291" s="8" t="s">
        <v>65</v>
      </c>
      <c r="M291" s="72">
        <v>1</v>
      </c>
      <c r="N291" s="8" t="s">
        <v>514</v>
      </c>
      <c r="O291" s="72">
        <v>3</v>
      </c>
      <c r="P291" s="72">
        <v>3</v>
      </c>
      <c r="R291" s="98"/>
    </row>
    <row r="292" spans="1:18" hidden="1">
      <c r="A292" s="138">
        <v>130</v>
      </c>
      <c r="B292" s="138" t="s">
        <v>278</v>
      </c>
      <c r="C292" s="17" t="s">
        <v>524</v>
      </c>
      <c r="D292" s="17"/>
      <c r="E292" s="17"/>
      <c r="F292" s="17"/>
      <c r="G292" s="17"/>
      <c r="H292" s="138"/>
      <c r="I292" s="138"/>
      <c r="J292" s="138"/>
      <c r="K292" s="17" t="s">
        <v>17</v>
      </c>
      <c r="L292" s="17" t="s">
        <v>71</v>
      </c>
      <c r="M292" s="138">
        <v>25</v>
      </c>
      <c r="N292" s="17"/>
      <c r="O292" s="138"/>
      <c r="P292" s="138"/>
      <c r="Q292" s="138"/>
      <c r="R292" s="98"/>
    </row>
    <row r="293" spans="1:18" hidden="1">
      <c r="A293" s="138"/>
      <c r="B293" s="138"/>
      <c r="C293" s="138"/>
      <c r="D293" s="138" t="s">
        <v>278</v>
      </c>
      <c r="E293" s="17" t="s">
        <v>524</v>
      </c>
      <c r="F293" s="17"/>
      <c r="G293" s="17"/>
      <c r="H293" s="138"/>
      <c r="I293" s="138"/>
      <c r="J293" s="138"/>
      <c r="K293" s="17" t="s">
        <v>66</v>
      </c>
      <c r="L293" s="17" t="s">
        <v>65</v>
      </c>
      <c r="M293" s="138">
        <v>1</v>
      </c>
      <c r="N293" s="17"/>
      <c r="O293" s="138"/>
      <c r="P293" s="138"/>
      <c r="Q293" s="138"/>
      <c r="R293" s="98"/>
    </row>
    <row r="294" spans="1:18" hidden="1">
      <c r="H294" s="72">
        <v>1</v>
      </c>
      <c r="I294" s="72">
        <v>248</v>
      </c>
      <c r="J294" s="72" t="s">
        <v>276</v>
      </c>
      <c r="K294" s="8" t="s">
        <v>66</v>
      </c>
      <c r="L294" s="8" t="s">
        <v>65</v>
      </c>
      <c r="M294" s="72">
        <v>1</v>
      </c>
      <c r="N294" s="8" t="s">
        <v>514</v>
      </c>
      <c r="O294" s="72">
        <v>1</v>
      </c>
      <c r="P294" s="72">
        <v>1</v>
      </c>
      <c r="Q294" s="70" t="s">
        <v>624</v>
      </c>
      <c r="R294" s="98"/>
    </row>
    <row r="295" spans="1:18" ht="28" hidden="1">
      <c r="E295" s="72"/>
      <c r="F295" s="72"/>
      <c r="G295" s="72"/>
      <c r="H295" s="18">
        <v>2</v>
      </c>
      <c r="I295" s="18">
        <v>1300</v>
      </c>
      <c r="J295" s="18" t="s">
        <v>274</v>
      </c>
      <c r="K295" s="11" t="s">
        <v>78</v>
      </c>
      <c r="L295" s="8" t="s">
        <v>71</v>
      </c>
      <c r="M295" s="18">
        <v>1</v>
      </c>
      <c r="N295" s="11" t="s">
        <v>509</v>
      </c>
      <c r="O295" s="18">
        <v>1</v>
      </c>
      <c r="P295" s="18">
        <v>30</v>
      </c>
      <c r="Q295" s="70" t="s">
        <v>624</v>
      </c>
      <c r="R295" s="98"/>
    </row>
    <row r="296" spans="1:18" hidden="1">
      <c r="H296" s="25">
        <v>3</v>
      </c>
      <c r="I296" s="25">
        <v>559</v>
      </c>
      <c r="J296" s="25" t="s">
        <v>197</v>
      </c>
      <c r="K296" s="19" t="s">
        <v>78</v>
      </c>
      <c r="L296" s="25" t="s">
        <v>174</v>
      </c>
      <c r="M296" s="25">
        <v>1</v>
      </c>
      <c r="N296" s="19" t="s">
        <v>509</v>
      </c>
      <c r="O296" s="25">
        <v>1</v>
      </c>
      <c r="P296" s="25">
        <v>30</v>
      </c>
      <c r="Q296" s="70"/>
      <c r="R296" s="98"/>
    </row>
    <row r="297" spans="1:18" ht="28" hidden="1">
      <c r="H297" s="25">
        <v>4</v>
      </c>
      <c r="I297" s="25">
        <v>1301</v>
      </c>
      <c r="J297" s="25" t="s">
        <v>271</v>
      </c>
      <c r="K297" s="19" t="s">
        <v>78</v>
      </c>
      <c r="L297" s="25" t="s">
        <v>174</v>
      </c>
      <c r="M297" s="25">
        <v>1</v>
      </c>
      <c r="N297" s="19" t="s">
        <v>509</v>
      </c>
      <c r="O297" s="25">
        <v>1</v>
      </c>
      <c r="P297" s="25">
        <v>30</v>
      </c>
      <c r="Q297" s="25"/>
      <c r="R297" s="98"/>
    </row>
    <row r="298" spans="1:18" hidden="1">
      <c r="H298" s="72">
        <v>5</v>
      </c>
      <c r="I298" s="72">
        <v>610</v>
      </c>
      <c r="J298" s="72" t="s">
        <v>269</v>
      </c>
      <c r="K298" s="8" t="s">
        <v>17</v>
      </c>
      <c r="L298" s="8" t="s">
        <v>71</v>
      </c>
      <c r="M298" s="72">
        <v>1</v>
      </c>
      <c r="N298" s="8" t="s">
        <v>150</v>
      </c>
      <c r="O298" s="72">
        <v>1</v>
      </c>
      <c r="P298" s="72">
        <v>15</v>
      </c>
      <c r="R298" s="98"/>
    </row>
    <row r="299" spans="1:18" hidden="1">
      <c r="H299" s="72">
        <v>6</v>
      </c>
      <c r="I299" s="72">
        <v>378</v>
      </c>
      <c r="J299" s="72" t="s">
        <v>267</v>
      </c>
      <c r="K299" s="8" t="s">
        <v>78</v>
      </c>
      <c r="L299" s="8" t="s">
        <v>71</v>
      </c>
      <c r="M299" s="72">
        <v>1</v>
      </c>
      <c r="N299" s="8" t="s">
        <v>514</v>
      </c>
      <c r="O299" s="72">
        <v>1</v>
      </c>
      <c r="P299" s="72">
        <v>1</v>
      </c>
      <c r="Q299" s="72" t="s">
        <v>658</v>
      </c>
      <c r="R299" s="98"/>
    </row>
    <row r="300" spans="1:18" hidden="1">
      <c r="H300" s="72">
        <v>7</v>
      </c>
      <c r="I300" s="72">
        <v>332</v>
      </c>
      <c r="J300" s="72" t="s">
        <v>232</v>
      </c>
      <c r="K300" s="8" t="s">
        <v>78</v>
      </c>
      <c r="L300" s="8" t="s">
        <v>71</v>
      </c>
      <c r="M300" s="72">
        <v>1</v>
      </c>
      <c r="N300" s="8" t="s">
        <v>438</v>
      </c>
      <c r="O300" s="72">
        <v>1</v>
      </c>
      <c r="P300" s="72">
        <v>6</v>
      </c>
      <c r="R300" s="98"/>
    </row>
    <row r="301" spans="1:18" hidden="1">
      <c r="E301" s="72"/>
      <c r="F301" s="72"/>
      <c r="G301" s="72"/>
      <c r="H301" s="25">
        <v>8</v>
      </c>
      <c r="I301" s="25">
        <v>118</v>
      </c>
      <c r="J301" s="25" t="s">
        <v>264</v>
      </c>
      <c r="K301" s="19" t="s">
        <v>17</v>
      </c>
      <c r="L301" s="25" t="s">
        <v>174</v>
      </c>
      <c r="M301" s="25">
        <v>1</v>
      </c>
      <c r="N301" s="19" t="s">
        <v>509</v>
      </c>
      <c r="O301" s="25">
        <v>1</v>
      </c>
      <c r="P301" s="25">
        <v>30</v>
      </c>
      <c r="Q301" s="25"/>
      <c r="R301" s="98"/>
    </row>
    <row r="302" spans="1:18" hidden="1">
      <c r="E302" s="72"/>
      <c r="F302" s="72"/>
      <c r="G302" s="72"/>
      <c r="H302" s="25">
        <v>9</v>
      </c>
      <c r="I302" s="25">
        <v>355</v>
      </c>
      <c r="J302" s="25" t="s">
        <v>103</v>
      </c>
      <c r="K302" s="19" t="s">
        <v>78</v>
      </c>
      <c r="L302" s="25" t="s">
        <v>174</v>
      </c>
      <c r="M302" s="25">
        <v>1</v>
      </c>
      <c r="N302" s="19" t="s">
        <v>509</v>
      </c>
      <c r="O302" s="25">
        <v>1</v>
      </c>
      <c r="P302" s="25">
        <v>30</v>
      </c>
      <c r="Q302" s="25"/>
      <c r="R302" s="98"/>
    </row>
    <row r="303" spans="1:18" hidden="1">
      <c r="E303" s="72"/>
      <c r="F303" s="72"/>
      <c r="G303" s="72"/>
      <c r="H303" s="25">
        <v>10</v>
      </c>
      <c r="I303" s="25">
        <v>380</v>
      </c>
      <c r="J303" s="25" t="s">
        <v>105</v>
      </c>
      <c r="K303" s="19" t="s">
        <v>78</v>
      </c>
      <c r="L303" s="25" t="s">
        <v>174</v>
      </c>
      <c r="M303" s="25">
        <v>1</v>
      </c>
      <c r="N303" s="19" t="s">
        <v>509</v>
      </c>
      <c r="O303" s="25">
        <v>1</v>
      </c>
      <c r="P303" s="25">
        <v>30</v>
      </c>
      <c r="Q303" s="25"/>
      <c r="R303" s="98"/>
    </row>
    <row r="304" spans="1:18" hidden="1">
      <c r="E304" s="72"/>
      <c r="F304" s="72"/>
      <c r="G304" s="72"/>
      <c r="H304" s="25">
        <v>11</v>
      </c>
      <c r="I304" s="25">
        <v>380</v>
      </c>
      <c r="J304" s="25" t="s">
        <v>105</v>
      </c>
      <c r="K304" s="19" t="s">
        <v>17</v>
      </c>
      <c r="L304" s="25" t="s">
        <v>174</v>
      </c>
      <c r="M304" s="25">
        <v>1</v>
      </c>
      <c r="N304" s="19" t="s">
        <v>509</v>
      </c>
      <c r="O304" s="25">
        <v>1</v>
      </c>
      <c r="P304" s="25">
        <v>30</v>
      </c>
      <c r="Q304" s="25"/>
      <c r="R304" s="98"/>
    </row>
    <row r="305" spans="1:18" ht="28" hidden="1">
      <c r="E305" s="72"/>
      <c r="F305" s="72"/>
      <c r="G305" s="72"/>
      <c r="H305" s="72">
        <v>12</v>
      </c>
      <c r="I305" s="72">
        <v>331</v>
      </c>
      <c r="J305" s="72" t="s">
        <v>259</v>
      </c>
      <c r="K305" s="8" t="s">
        <v>17</v>
      </c>
      <c r="L305" s="8" t="s">
        <v>71</v>
      </c>
      <c r="M305" s="72">
        <v>1</v>
      </c>
      <c r="N305" s="8" t="s">
        <v>509</v>
      </c>
      <c r="O305" s="72">
        <v>1</v>
      </c>
      <c r="P305" s="72">
        <v>30</v>
      </c>
      <c r="Q305" s="72" t="s">
        <v>811</v>
      </c>
      <c r="R305" s="98"/>
    </row>
    <row r="306" spans="1:18" hidden="1">
      <c r="H306" s="72">
        <v>13</v>
      </c>
      <c r="I306" s="72">
        <v>127</v>
      </c>
      <c r="J306" s="72" t="s">
        <v>126</v>
      </c>
      <c r="K306" s="8" t="s">
        <v>78</v>
      </c>
      <c r="L306" s="8" t="s">
        <v>71</v>
      </c>
      <c r="M306" s="72">
        <v>1</v>
      </c>
      <c r="N306" s="8" t="s">
        <v>509</v>
      </c>
      <c r="O306" s="72">
        <v>1</v>
      </c>
      <c r="P306" s="72">
        <v>30</v>
      </c>
      <c r="R306" s="98"/>
    </row>
    <row r="307" spans="1:18" hidden="1">
      <c r="H307" s="72">
        <v>14</v>
      </c>
      <c r="I307" s="72">
        <v>770</v>
      </c>
      <c r="J307" s="72" t="s">
        <v>256</v>
      </c>
      <c r="K307" s="8" t="s">
        <v>17</v>
      </c>
      <c r="L307" s="8" t="s">
        <v>71</v>
      </c>
      <c r="M307" s="72">
        <v>1</v>
      </c>
      <c r="N307" s="8" t="s">
        <v>509</v>
      </c>
      <c r="O307" s="72">
        <v>1</v>
      </c>
      <c r="P307" s="72">
        <v>20</v>
      </c>
      <c r="R307" s="98"/>
    </row>
    <row r="308" spans="1:18" hidden="1">
      <c r="H308" s="72">
        <v>15</v>
      </c>
      <c r="I308" s="72">
        <v>352</v>
      </c>
      <c r="J308" s="72" t="s">
        <v>3</v>
      </c>
      <c r="K308" s="8" t="s">
        <v>78</v>
      </c>
      <c r="L308" s="8" t="s">
        <v>71</v>
      </c>
      <c r="M308" s="72">
        <v>1</v>
      </c>
      <c r="N308" s="8" t="s">
        <v>509</v>
      </c>
      <c r="O308" s="72">
        <v>1</v>
      </c>
      <c r="P308" s="72">
        <v>80</v>
      </c>
      <c r="R308" s="98"/>
    </row>
    <row r="309" spans="1:18" hidden="1">
      <c r="H309" s="72">
        <v>16</v>
      </c>
      <c r="I309" s="72">
        <v>819</v>
      </c>
      <c r="J309" s="72" t="s">
        <v>253</v>
      </c>
      <c r="K309" s="8" t="s">
        <v>17</v>
      </c>
      <c r="L309" s="8" t="s">
        <v>71</v>
      </c>
      <c r="M309" s="72">
        <v>1</v>
      </c>
      <c r="N309" s="8" t="s">
        <v>514</v>
      </c>
      <c r="O309" s="72">
        <v>2</v>
      </c>
      <c r="P309" s="72">
        <v>3</v>
      </c>
      <c r="R309" s="98"/>
    </row>
    <row r="310" spans="1:18" hidden="1">
      <c r="A310" s="138"/>
      <c r="B310" s="138"/>
      <c r="C310" s="138"/>
      <c r="D310" s="138" t="s">
        <v>252</v>
      </c>
      <c r="E310" s="17" t="s">
        <v>476</v>
      </c>
      <c r="F310" s="17"/>
      <c r="G310" s="17"/>
      <c r="H310" s="138"/>
      <c r="I310" s="138"/>
      <c r="J310" s="138"/>
      <c r="K310" s="17" t="s">
        <v>17</v>
      </c>
      <c r="L310" s="17" t="s">
        <v>71</v>
      </c>
      <c r="M310" s="138">
        <v>1</v>
      </c>
      <c r="N310" s="17"/>
      <c r="O310" s="138"/>
      <c r="P310" s="138"/>
      <c r="Q310" s="138"/>
      <c r="R310" s="98"/>
    </row>
    <row r="311" spans="1:18" hidden="1">
      <c r="H311" s="72">
        <v>1</v>
      </c>
      <c r="I311" s="72">
        <v>98</v>
      </c>
      <c r="J311" s="72" t="s">
        <v>156</v>
      </c>
      <c r="K311" s="8" t="s">
        <v>66</v>
      </c>
      <c r="L311" s="8" t="s">
        <v>65</v>
      </c>
      <c r="M311" s="72">
        <v>1</v>
      </c>
      <c r="N311" s="8" t="s">
        <v>514</v>
      </c>
      <c r="O311" s="72">
        <v>2</v>
      </c>
      <c r="P311" s="72">
        <v>3</v>
      </c>
      <c r="Q311" s="72" t="s">
        <v>623</v>
      </c>
      <c r="R311" s="98"/>
    </row>
    <row r="312" spans="1:18" hidden="1">
      <c r="H312" s="72">
        <v>2</v>
      </c>
      <c r="I312" s="72">
        <v>100</v>
      </c>
      <c r="J312" s="72" t="s">
        <v>249</v>
      </c>
      <c r="K312" s="8" t="s">
        <v>66</v>
      </c>
      <c r="L312" s="8" t="s">
        <v>65</v>
      </c>
      <c r="M312" s="72">
        <v>1</v>
      </c>
      <c r="N312" s="8" t="s">
        <v>514</v>
      </c>
      <c r="O312" s="72">
        <v>3</v>
      </c>
      <c r="P312" s="72">
        <v>3</v>
      </c>
      <c r="R312" s="98"/>
    </row>
    <row r="313" spans="1:18" hidden="1">
      <c r="E313" s="72"/>
      <c r="F313" s="72"/>
      <c r="G313" s="72"/>
      <c r="H313" s="25">
        <v>3</v>
      </c>
      <c r="I313" s="25">
        <v>280</v>
      </c>
      <c r="J313" s="25" t="s">
        <v>289</v>
      </c>
      <c r="K313" s="19" t="s">
        <v>17</v>
      </c>
      <c r="L313" s="25" t="s">
        <v>174</v>
      </c>
      <c r="M313" s="25">
        <v>1</v>
      </c>
      <c r="N313" s="19" t="s">
        <v>509</v>
      </c>
      <c r="O313" s="25">
        <v>1</v>
      </c>
      <c r="P313" s="25">
        <v>30</v>
      </c>
      <c r="Q313" s="25"/>
      <c r="R313" s="98"/>
    </row>
    <row r="314" spans="1:18" hidden="1">
      <c r="E314" s="72"/>
      <c r="F314" s="72"/>
      <c r="G314" s="72"/>
      <c r="H314" s="25">
        <v>4</v>
      </c>
      <c r="I314" s="25">
        <v>98</v>
      </c>
      <c r="J314" s="25" t="s">
        <v>156</v>
      </c>
      <c r="K314" s="19" t="s">
        <v>17</v>
      </c>
      <c r="L314" s="25" t="s">
        <v>174</v>
      </c>
      <c r="M314" s="25">
        <v>1</v>
      </c>
      <c r="N314" s="19" t="s">
        <v>509</v>
      </c>
      <c r="O314" s="25">
        <v>1</v>
      </c>
      <c r="P314" s="25">
        <v>30</v>
      </c>
      <c r="Q314" s="25"/>
      <c r="R314" s="98"/>
    </row>
    <row r="315" spans="1:18" hidden="1">
      <c r="E315" s="72"/>
      <c r="F315" s="72"/>
      <c r="G315" s="72"/>
      <c r="H315" s="25">
        <v>5</v>
      </c>
      <c r="I315" s="25">
        <v>100</v>
      </c>
      <c r="J315" s="25" t="s">
        <v>249</v>
      </c>
      <c r="K315" s="19" t="s">
        <v>17</v>
      </c>
      <c r="L315" s="25" t="s">
        <v>174</v>
      </c>
      <c r="M315" s="25">
        <v>1</v>
      </c>
      <c r="N315" s="19" t="s">
        <v>509</v>
      </c>
      <c r="O315" s="25">
        <v>1</v>
      </c>
      <c r="P315" s="25">
        <v>30</v>
      </c>
      <c r="Q315" s="25"/>
      <c r="R315" s="98"/>
    </row>
    <row r="316" spans="1:18" hidden="1">
      <c r="E316" s="72"/>
      <c r="F316" s="72"/>
      <c r="G316" s="72"/>
      <c r="H316" s="25">
        <v>6</v>
      </c>
      <c r="I316" s="25">
        <v>669</v>
      </c>
      <c r="J316" s="25" t="s">
        <v>285</v>
      </c>
      <c r="K316" s="19" t="s">
        <v>17</v>
      </c>
      <c r="L316" s="25" t="s">
        <v>174</v>
      </c>
      <c r="M316" s="25">
        <v>1</v>
      </c>
      <c r="N316" s="19" t="s">
        <v>509</v>
      </c>
      <c r="O316" s="25">
        <v>1</v>
      </c>
      <c r="P316" s="25">
        <v>30</v>
      </c>
      <c r="Q316" s="25"/>
      <c r="R316" s="98"/>
    </row>
    <row r="317" spans="1:18" hidden="1">
      <c r="H317" s="72">
        <v>7</v>
      </c>
      <c r="I317" s="72">
        <v>374</v>
      </c>
      <c r="J317" s="72" t="s">
        <v>82</v>
      </c>
      <c r="K317" s="8" t="s">
        <v>78</v>
      </c>
      <c r="L317" s="8" t="s">
        <v>71</v>
      </c>
      <c r="M317" s="72">
        <v>1</v>
      </c>
      <c r="N317" s="8" t="s">
        <v>514</v>
      </c>
      <c r="O317" s="72">
        <v>3</v>
      </c>
      <c r="P317" s="72">
        <v>3</v>
      </c>
      <c r="Q317" s="72" t="s">
        <v>656</v>
      </c>
      <c r="R317" s="98"/>
    </row>
    <row r="318" spans="1:18" hidden="1">
      <c r="H318" s="72">
        <v>8</v>
      </c>
      <c r="I318" s="72">
        <v>373</v>
      </c>
      <c r="J318" s="72" t="s">
        <v>1</v>
      </c>
      <c r="K318" s="8" t="s">
        <v>17</v>
      </c>
      <c r="L318" s="8" t="s">
        <v>71</v>
      </c>
      <c r="M318" s="72">
        <v>1</v>
      </c>
      <c r="N318" s="8" t="s">
        <v>519</v>
      </c>
      <c r="O318" s="72">
        <v>8</v>
      </c>
      <c r="P318" s="72">
        <v>8</v>
      </c>
      <c r="R318" s="98"/>
    </row>
    <row r="319" spans="1:18" hidden="1">
      <c r="H319" s="72">
        <v>9</v>
      </c>
      <c r="I319" s="72">
        <v>337</v>
      </c>
      <c r="J319" s="72" t="s">
        <v>79</v>
      </c>
      <c r="K319" s="8" t="s">
        <v>17</v>
      </c>
      <c r="L319" s="8" t="s">
        <v>71</v>
      </c>
      <c r="M319" s="72">
        <v>1</v>
      </c>
      <c r="N319" s="8" t="s">
        <v>518</v>
      </c>
      <c r="O319" s="72">
        <v>4</v>
      </c>
      <c r="P319" s="72">
        <v>8</v>
      </c>
      <c r="R319" s="98"/>
    </row>
    <row r="320" spans="1:18" hidden="1">
      <c r="H320" s="72">
        <v>10</v>
      </c>
      <c r="I320" s="72">
        <v>374</v>
      </c>
      <c r="J320" s="72" t="s">
        <v>82</v>
      </c>
      <c r="K320" s="8" t="s">
        <v>78</v>
      </c>
      <c r="L320" s="8" t="s">
        <v>71</v>
      </c>
      <c r="M320" s="72">
        <v>1</v>
      </c>
      <c r="N320" s="8" t="s">
        <v>514</v>
      </c>
      <c r="O320" s="72">
        <v>3</v>
      </c>
      <c r="P320" s="72">
        <v>3</v>
      </c>
      <c r="Q320" s="72" t="s">
        <v>657</v>
      </c>
      <c r="R320" s="98"/>
    </row>
    <row r="321" spans="1:20" hidden="1">
      <c r="H321" s="72">
        <v>11</v>
      </c>
      <c r="I321" s="72">
        <v>373</v>
      </c>
      <c r="J321" s="72" t="s">
        <v>1</v>
      </c>
      <c r="K321" s="8" t="s">
        <v>78</v>
      </c>
      <c r="L321" s="8" t="s">
        <v>71</v>
      </c>
      <c r="M321" s="72">
        <v>1</v>
      </c>
      <c r="N321" s="8" t="s">
        <v>519</v>
      </c>
      <c r="O321" s="72">
        <v>8</v>
      </c>
      <c r="P321" s="72">
        <v>8</v>
      </c>
      <c r="R321" s="98"/>
    </row>
    <row r="322" spans="1:20" hidden="1">
      <c r="H322" s="72">
        <v>12</v>
      </c>
      <c r="I322" s="72">
        <v>337</v>
      </c>
      <c r="J322" s="72" t="s">
        <v>79</v>
      </c>
      <c r="K322" s="8" t="s">
        <v>78</v>
      </c>
      <c r="L322" s="8" t="s">
        <v>71</v>
      </c>
      <c r="M322" s="72">
        <v>1</v>
      </c>
      <c r="N322" s="8" t="s">
        <v>518</v>
      </c>
      <c r="O322" s="72">
        <v>4</v>
      </c>
      <c r="P322" s="72">
        <v>8</v>
      </c>
      <c r="R322" s="98"/>
    </row>
    <row r="323" spans="1:20">
      <c r="A323" s="35" t="s">
        <v>523</v>
      </c>
      <c r="B323" s="158"/>
      <c r="C323" s="158"/>
      <c r="D323" s="159"/>
      <c r="E323" s="158"/>
      <c r="F323" s="158"/>
      <c r="G323" s="158"/>
      <c r="H323" s="159"/>
      <c r="I323" s="159"/>
      <c r="J323" s="159"/>
      <c r="K323" s="158"/>
      <c r="L323" s="158"/>
      <c r="M323" s="159"/>
      <c r="N323" s="158"/>
      <c r="O323" s="159"/>
      <c r="P323" s="159"/>
      <c r="Q323" s="159"/>
      <c r="R323" s="98"/>
    </row>
    <row r="324" spans="1:20" ht="110.25" customHeight="1">
      <c r="A324" s="138">
        <v>270</v>
      </c>
      <c r="B324" s="138" t="s">
        <v>522</v>
      </c>
      <c r="C324" s="17" t="s">
        <v>521</v>
      </c>
      <c r="D324" s="138"/>
      <c r="E324" s="17"/>
      <c r="F324" s="17"/>
      <c r="G324" s="17"/>
      <c r="H324" s="138"/>
      <c r="I324" s="138"/>
      <c r="J324" s="138"/>
      <c r="K324" s="17" t="s">
        <v>17</v>
      </c>
      <c r="L324" s="17" t="s">
        <v>71</v>
      </c>
      <c r="M324" s="138">
        <v>104</v>
      </c>
      <c r="N324" s="17"/>
      <c r="O324" s="138"/>
      <c r="P324" s="138"/>
      <c r="Q324" s="138"/>
      <c r="R324" s="98" t="s">
        <v>1610</v>
      </c>
      <c r="S324" s="203" t="s">
        <v>1364</v>
      </c>
      <c r="T324" s="99" t="s">
        <v>1611</v>
      </c>
    </row>
    <row r="325" spans="1:20" hidden="1">
      <c r="A325" s="138"/>
      <c r="B325" s="138"/>
      <c r="C325" s="138"/>
      <c r="D325" s="138" t="s">
        <v>522</v>
      </c>
      <c r="E325" s="17" t="s">
        <v>521</v>
      </c>
      <c r="F325" s="17"/>
      <c r="G325" s="17"/>
      <c r="H325" s="138"/>
      <c r="I325" s="138"/>
      <c r="J325" s="138"/>
      <c r="K325" s="17" t="s">
        <v>66</v>
      </c>
      <c r="L325" s="17" t="s">
        <v>65</v>
      </c>
      <c r="M325" s="138">
        <v>1</v>
      </c>
      <c r="N325" s="17"/>
      <c r="O325" s="138"/>
      <c r="P325" s="138"/>
      <c r="Q325" s="138"/>
      <c r="R325" s="98"/>
    </row>
    <row r="326" spans="1:20" hidden="1" outlineLevel="1">
      <c r="H326" s="72">
        <v>1</v>
      </c>
      <c r="I326" s="72">
        <v>668</v>
      </c>
      <c r="J326" s="72" t="s">
        <v>520</v>
      </c>
      <c r="K326" s="11" t="s">
        <v>66</v>
      </c>
      <c r="L326" s="11" t="s">
        <v>65</v>
      </c>
      <c r="M326" s="72">
        <v>1</v>
      </c>
      <c r="N326" s="8" t="s">
        <v>514</v>
      </c>
      <c r="O326" s="72">
        <v>2</v>
      </c>
      <c r="P326" s="72">
        <v>2</v>
      </c>
      <c r="Q326" s="70" t="s">
        <v>624</v>
      </c>
      <c r="R326" s="98"/>
    </row>
    <row r="327" spans="1:20" hidden="1" outlineLevel="1">
      <c r="H327" s="72">
        <v>2</v>
      </c>
      <c r="I327" s="72">
        <v>380</v>
      </c>
      <c r="J327" s="72" t="s">
        <v>105</v>
      </c>
      <c r="K327" s="8" t="s">
        <v>78</v>
      </c>
      <c r="L327" s="8" t="s">
        <v>71</v>
      </c>
      <c r="M327" s="72">
        <v>1</v>
      </c>
      <c r="N327" s="8" t="s">
        <v>438</v>
      </c>
      <c r="O327" s="72">
        <v>1</v>
      </c>
      <c r="P327" s="72">
        <v>15</v>
      </c>
      <c r="R327" s="98"/>
    </row>
    <row r="328" spans="1:20" hidden="1" outlineLevel="1">
      <c r="H328" s="72">
        <v>3</v>
      </c>
      <c r="I328" s="72">
        <v>355</v>
      </c>
      <c r="J328" s="72" t="s">
        <v>103</v>
      </c>
      <c r="K328" s="8" t="s">
        <v>78</v>
      </c>
      <c r="L328" s="8" t="s">
        <v>71</v>
      </c>
      <c r="M328" s="72">
        <v>1</v>
      </c>
      <c r="N328" s="8" t="s">
        <v>514</v>
      </c>
      <c r="O328" s="72">
        <v>2</v>
      </c>
      <c r="P328" s="72">
        <v>2</v>
      </c>
      <c r="Q328" s="70" t="s">
        <v>624</v>
      </c>
      <c r="R328" s="98"/>
    </row>
    <row r="329" spans="1:20" hidden="1" outlineLevel="1">
      <c r="H329" s="72">
        <v>4</v>
      </c>
      <c r="I329" s="72">
        <v>374</v>
      </c>
      <c r="J329" s="72" t="s">
        <v>82</v>
      </c>
      <c r="K329" s="8" t="s">
        <v>17</v>
      </c>
      <c r="L329" s="8" t="s">
        <v>71</v>
      </c>
      <c r="M329" s="72">
        <v>1</v>
      </c>
      <c r="N329" s="8" t="s">
        <v>514</v>
      </c>
      <c r="O329" s="72">
        <v>3</v>
      </c>
      <c r="P329" s="72">
        <v>3</v>
      </c>
      <c r="Q329" s="18" t="s">
        <v>820</v>
      </c>
      <c r="R329" s="98"/>
    </row>
    <row r="330" spans="1:20" hidden="1" outlineLevel="1">
      <c r="H330" s="72">
        <v>5</v>
      </c>
      <c r="I330" s="72">
        <v>373</v>
      </c>
      <c r="J330" s="72" t="s">
        <v>1</v>
      </c>
      <c r="K330" s="8" t="s">
        <v>78</v>
      </c>
      <c r="L330" s="8" t="s">
        <v>71</v>
      </c>
      <c r="M330" s="72">
        <v>1</v>
      </c>
      <c r="N330" s="8" t="s">
        <v>519</v>
      </c>
      <c r="O330" s="72">
        <v>8</v>
      </c>
      <c r="P330" s="72">
        <v>8</v>
      </c>
      <c r="R330" s="98"/>
    </row>
    <row r="331" spans="1:20" hidden="1" outlineLevel="1">
      <c r="E331" s="72"/>
      <c r="F331" s="72"/>
      <c r="G331" s="72"/>
      <c r="H331" s="25">
        <v>6</v>
      </c>
      <c r="I331" s="25">
        <v>326</v>
      </c>
      <c r="J331" s="25" t="s">
        <v>214</v>
      </c>
      <c r="K331" s="19" t="s">
        <v>17</v>
      </c>
      <c r="L331" s="25" t="s">
        <v>174</v>
      </c>
      <c r="M331" s="25">
        <v>1</v>
      </c>
      <c r="N331" s="19" t="s">
        <v>509</v>
      </c>
      <c r="O331" s="25">
        <v>1</v>
      </c>
      <c r="P331" s="25">
        <v>30</v>
      </c>
      <c r="Q331" s="25"/>
      <c r="R331" s="98"/>
    </row>
    <row r="332" spans="1:20" hidden="1" outlineLevel="1">
      <c r="H332" s="72">
        <v>7</v>
      </c>
      <c r="I332" s="72">
        <v>235</v>
      </c>
      <c r="J332" s="72" t="s">
        <v>90</v>
      </c>
      <c r="K332" s="8" t="s">
        <v>78</v>
      </c>
      <c r="L332" s="8" t="s">
        <v>71</v>
      </c>
      <c r="M332" s="72">
        <v>1</v>
      </c>
      <c r="N332" s="8" t="s">
        <v>514</v>
      </c>
      <c r="O332" s="72">
        <v>2</v>
      </c>
      <c r="P332" s="72">
        <v>2</v>
      </c>
      <c r="Q332" s="70" t="s">
        <v>624</v>
      </c>
      <c r="R332" s="98"/>
    </row>
    <row r="333" spans="1:20" hidden="1" outlineLevel="1">
      <c r="H333" s="72">
        <v>8</v>
      </c>
      <c r="I333" s="72">
        <v>234</v>
      </c>
      <c r="J333" s="72" t="s">
        <v>88</v>
      </c>
      <c r="K333" s="8" t="s">
        <v>78</v>
      </c>
      <c r="L333" s="8" t="s">
        <v>71</v>
      </c>
      <c r="M333" s="72">
        <v>1</v>
      </c>
      <c r="N333" s="8" t="s">
        <v>509</v>
      </c>
      <c r="O333" s="72">
        <v>1</v>
      </c>
      <c r="P333" s="72">
        <v>48</v>
      </c>
      <c r="Q333" s="10" t="s">
        <v>804</v>
      </c>
      <c r="R333" s="98"/>
    </row>
    <row r="334" spans="1:20" hidden="1" outlineLevel="1">
      <c r="H334" s="72">
        <v>9</v>
      </c>
      <c r="I334" s="72">
        <v>235</v>
      </c>
      <c r="J334" s="72" t="s">
        <v>90</v>
      </c>
      <c r="K334" s="8" t="s">
        <v>78</v>
      </c>
      <c r="L334" s="8" t="s">
        <v>71</v>
      </c>
      <c r="M334" s="72">
        <v>1</v>
      </c>
      <c r="N334" s="8" t="s">
        <v>514</v>
      </c>
      <c r="O334" s="72">
        <v>2</v>
      </c>
      <c r="P334" s="72">
        <v>2</v>
      </c>
      <c r="Q334" s="70" t="s">
        <v>624</v>
      </c>
      <c r="R334" s="98"/>
    </row>
    <row r="335" spans="1:20" hidden="1" outlineLevel="1">
      <c r="H335" s="72">
        <v>10</v>
      </c>
      <c r="I335" s="72">
        <v>234</v>
      </c>
      <c r="J335" s="72" t="s">
        <v>88</v>
      </c>
      <c r="K335" s="8" t="s">
        <v>78</v>
      </c>
      <c r="L335" s="8" t="s">
        <v>71</v>
      </c>
      <c r="M335" s="72">
        <v>1</v>
      </c>
      <c r="N335" s="8" t="s">
        <v>509</v>
      </c>
      <c r="O335" s="72">
        <v>1</v>
      </c>
      <c r="P335" s="72">
        <v>48</v>
      </c>
      <c r="Q335" s="10" t="s">
        <v>804</v>
      </c>
      <c r="R335" s="98"/>
    </row>
    <row r="336" spans="1:20" hidden="1" outlineLevel="1">
      <c r="H336" s="72">
        <v>11</v>
      </c>
      <c r="I336" s="72">
        <v>235</v>
      </c>
      <c r="J336" s="72" t="s">
        <v>90</v>
      </c>
      <c r="K336" s="8" t="s">
        <v>78</v>
      </c>
      <c r="L336" s="8" t="s">
        <v>71</v>
      </c>
      <c r="M336" s="72">
        <v>1</v>
      </c>
      <c r="N336" s="8" t="s">
        <v>514</v>
      </c>
      <c r="O336" s="72">
        <v>2</v>
      </c>
      <c r="P336" s="72">
        <v>2</v>
      </c>
      <c r="Q336" s="70" t="s">
        <v>624</v>
      </c>
      <c r="R336" s="98"/>
    </row>
    <row r="337" spans="1:20" hidden="1" outlineLevel="1">
      <c r="H337" s="72">
        <v>12</v>
      </c>
      <c r="I337" s="72">
        <v>234</v>
      </c>
      <c r="J337" s="72" t="s">
        <v>88</v>
      </c>
      <c r="K337" s="8" t="s">
        <v>78</v>
      </c>
      <c r="L337" s="8" t="s">
        <v>71</v>
      </c>
      <c r="M337" s="72">
        <v>1</v>
      </c>
      <c r="N337" s="8" t="s">
        <v>509</v>
      </c>
      <c r="O337" s="72">
        <v>1</v>
      </c>
      <c r="P337" s="72">
        <v>48</v>
      </c>
      <c r="Q337" s="10" t="s">
        <v>804</v>
      </c>
      <c r="R337" s="98"/>
    </row>
    <row r="338" spans="1:20" hidden="1" outlineLevel="1">
      <c r="H338" s="72">
        <v>13</v>
      </c>
      <c r="I338" s="72">
        <v>235</v>
      </c>
      <c r="J338" s="72" t="s">
        <v>90</v>
      </c>
      <c r="K338" s="8" t="s">
        <v>78</v>
      </c>
      <c r="L338" s="8" t="s">
        <v>71</v>
      </c>
      <c r="M338" s="72">
        <v>1</v>
      </c>
      <c r="N338" s="8" t="s">
        <v>514</v>
      </c>
      <c r="O338" s="72">
        <v>2</v>
      </c>
      <c r="P338" s="72">
        <v>2</v>
      </c>
      <c r="Q338" s="70" t="s">
        <v>624</v>
      </c>
      <c r="R338" s="98"/>
    </row>
    <row r="339" spans="1:20" hidden="1" outlineLevel="1">
      <c r="H339" s="72">
        <v>14</v>
      </c>
      <c r="I339" s="72">
        <v>234</v>
      </c>
      <c r="J339" s="72" t="s">
        <v>88</v>
      </c>
      <c r="K339" s="8" t="s">
        <v>78</v>
      </c>
      <c r="L339" s="8" t="s">
        <v>71</v>
      </c>
      <c r="M339" s="72">
        <v>1</v>
      </c>
      <c r="N339" s="8" t="s">
        <v>509</v>
      </c>
      <c r="O339" s="72">
        <v>1</v>
      </c>
      <c r="P339" s="72">
        <v>48</v>
      </c>
      <c r="Q339" s="10" t="s">
        <v>804</v>
      </c>
      <c r="R339" s="98"/>
    </row>
    <row r="340" spans="1:20" hidden="1" outlineLevel="1">
      <c r="H340" s="72">
        <v>15</v>
      </c>
      <c r="I340" s="72">
        <v>235</v>
      </c>
      <c r="J340" s="72" t="s">
        <v>90</v>
      </c>
      <c r="K340" s="8" t="s">
        <v>78</v>
      </c>
      <c r="L340" s="8" t="s">
        <v>71</v>
      </c>
      <c r="M340" s="72">
        <v>1</v>
      </c>
      <c r="N340" s="8" t="s">
        <v>514</v>
      </c>
      <c r="O340" s="72">
        <v>2</v>
      </c>
      <c r="P340" s="72">
        <v>2</v>
      </c>
      <c r="Q340" s="70" t="s">
        <v>624</v>
      </c>
      <c r="R340" s="98"/>
    </row>
    <row r="341" spans="1:20" hidden="1" outlineLevel="1">
      <c r="H341" s="72">
        <v>16</v>
      </c>
      <c r="I341" s="72">
        <v>234</v>
      </c>
      <c r="J341" s="72" t="s">
        <v>88</v>
      </c>
      <c r="K341" s="8" t="s">
        <v>78</v>
      </c>
      <c r="L341" s="8" t="s">
        <v>71</v>
      </c>
      <c r="M341" s="72">
        <v>1</v>
      </c>
      <c r="N341" s="8" t="s">
        <v>509</v>
      </c>
      <c r="O341" s="72">
        <v>1</v>
      </c>
      <c r="P341" s="72">
        <v>48</v>
      </c>
      <c r="Q341" s="10" t="s">
        <v>804</v>
      </c>
      <c r="R341" s="98"/>
    </row>
    <row r="342" spans="1:20" hidden="1" outlineLevel="1">
      <c r="H342" s="72">
        <v>17</v>
      </c>
      <c r="I342" s="72">
        <v>235</v>
      </c>
      <c r="J342" s="72" t="s">
        <v>90</v>
      </c>
      <c r="K342" s="8" t="s">
        <v>78</v>
      </c>
      <c r="L342" s="8" t="s">
        <v>71</v>
      </c>
      <c r="M342" s="72">
        <v>1</v>
      </c>
      <c r="N342" s="8" t="s">
        <v>514</v>
      </c>
      <c r="O342" s="72">
        <v>2</v>
      </c>
      <c r="P342" s="72">
        <v>2</v>
      </c>
      <c r="Q342" s="70" t="s">
        <v>624</v>
      </c>
      <c r="R342" s="98"/>
    </row>
    <row r="343" spans="1:20" hidden="1" outlineLevel="1">
      <c r="H343" s="72">
        <v>18</v>
      </c>
      <c r="I343" s="72">
        <v>234</v>
      </c>
      <c r="J343" s="72" t="s">
        <v>88</v>
      </c>
      <c r="K343" s="8" t="s">
        <v>78</v>
      </c>
      <c r="L343" s="8" t="s">
        <v>71</v>
      </c>
      <c r="M343" s="72">
        <v>1</v>
      </c>
      <c r="N343" s="8" t="s">
        <v>509</v>
      </c>
      <c r="O343" s="72">
        <v>1</v>
      </c>
      <c r="P343" s="72">
        <v>48</v>
      </c>
      <c r="Q343" s="10" t="s">
        <v>804</v>
      </c>
      <c r="R343" s="98"/>
    </row>
    <row r="344" spans="1:20" hidden="1" outlineLevel="1">
      <c r="H344" s="72">
        <v>19</v>
      </c>
      <c r="I344" s="72">
        <v>235</v>
      </c>
      <c r="J344" s="72" t="s">
        <v>90</v>
      </c>
      <c r="K344" s="8" t="s">
        <v>78</v>
      </c>
      <c r="L344" s="8" t="s">
        <v>71</v>
      </c>
      <c r="M344" s="72">
        <v>1</v>
      </c>
      <c r="N344" s="8" t="s">
        <v>514</v>
      </c>
      <c r="O344" s="72">
        <v>2</v>
      </c>
      <c r="P344" s="72">
        <v>2</v>
      </c>
      <c r="Q344" s="70" t="s">
        <v>624</v>
      </c>
      <c r="R344" s="98"/>
    </row>
    <row r="345" spans="1:20" hidden="1" outlineLevel="1">
      <c r="H345" s="72">
        <v>20</v>
      </c>
      <c r="I345" s="72">
        <v>234</v>
      </c>
      <c r="J345" s="72" t="s">
        <v>88</v>
      </c>
      <c r="K345" s="8" t="s">
        <v>78</v>
      </c>
      <c r="L345" s="8" t="s">
        <v>71</v>
      </c>
      <c r="M345" s="72">
        <v>1</v>
      </c>
      <c r="N345" s="8" t="s">
        <v>509</v>
      </c>
      <c r="O345" s="72">
        <v>1</v>
      </c>
      <c r="P345" s="72">
        <v>48</v>
      </c>
      <c r="Q345" s="10" t="s">
        <v>804</v>
      </c>
      <c r="R345" s="98"/>
    </row>
    <row r="346" spans="1:20" hidden="1" outlineLevel="1">
      <c r="H346" s="72">
        <v>21</v>
      </c>
      <c r="I346" s="72">
        <v>235</v>
      </c>
      <c r="J346" s="72" t="s">
        <v>90</v>
      </c>
      <c r="K346" s="8" t="s">
        <v>78</v>
      </c>
      <c r="L346" s="8" t="s">
        <v>71</v>
      </c>
      <c r="M346" s="72">
        <v>1</v>
      </c>
      <c r="N346" s="8" t="s">
        <v>514</v>
      </c>
      <c r="O346" s="72">
        <v>2</v>
      </c>
      <c r="P346" s="72">
        <v>2</v>
      </c>
      <c r="Q346" s="70" t="s">
        <v>624</v>
      </c>
      <c r="R346" s="98"/>
    </row>
    <row r="347" spans="1:20" hidden="1" outlineLevel="1">
      <c r="H347" s="72">
        <v>22</v>
      </c>
      <c r="I347" s="72">
        <v>234</v>
      </c>
      <c r="J347" s="72" t="s">
        <v>88</v>
      </c>
      <c r="K347" s="8" t="s">
        <v>78</v>
      </c>
      <c r="L347" s="8" t="s">
        <v>71</v>
      </c>
      <c r="M347" s="72">
        <v>1</v>
      </c>
      <c r="N347" s="8" t="s">
        <v>509</v>
      </c>
      <c r="O347" s="72">
        <v>1</v>
      </c>
      <c r="P347" s="72">
        <v>48</v>
      </c>
      <c r="Q347" s="10" t="s">
        <v>804</v>
      </c>
      <c r="R347" s="98"/>
    </row>
    <row r="348" spans="1:20" hidden="1" outlineLevel="1">
      <c r="H348" s="72">
        <v>23</v>
      </c>
      <c r="I348" s="72">
        <v>235</v>
      </c>
      <c r="J348" s="72" t="s">
        <v>90</v>
      </c>
      <c r="K348" s="8" t="s">
        <v>78</v>
      </c>
      <c r="L348" s="8" t="s">
        <v>71</v>
      </c>
      <c r="M348" s="72">
        <v>1</v>
      </c>
      <c r="N348" s="8" t="s">
        <v>514</v>
      </c>
      <c r="O348" s="72">
        <v>2</v>
      </c>
      <c r="P348" s="72">
        <v>2</v>
      </c>
      <c r="Q348" s="70" t="s">
        <v>624</v>
      </c>
      <c r="R348" s="98"/>
    </row>
    <row r="349" spans="1:20" hidden="1" outlineLevel="1">
      <c r="H349" s="72">
        <v>24</v>
      </c>
      <c r="I349" s="72">
        <v>234</v>
      </c>
      <c r="J349" s="72" t="s">
        <v>88</v>
      </c>
      <c r="K349" s="8" t="s">
        <v>78</v>
      </c>
      <c r="L349" s="8" t="s">
        <v>71</v>
      </c>
      <c r="M349" s="72">
        <v>1</v>
      </c>
      <c r="N349" s="8" t="s">
        <v>509</v>
      </c>
      <c r="O349" s="72">
        <v>1</v>
      </c>
      <c r="P349" s="72">
        <v>48</v>
      </c>
      <c r="Q349" s="10" t="s">
        <v>804</v>
      </c>
      <c r="R349" s="98"/>
    </row>
    <row r="350" spans="1:20" collapsed="1">
      <c r="A350" s="138"/>
      <c r="B350" s="138"/>
      <c r="C350" s="138"/>
      <c r="D350" s="138" t="s">
        <v>84</v>
      </c>
      <c r="E350" s="17" t="s">
        <v>428</v>
      </c>
      <c r="F350" s="17"/>
      <c r="G350" s="17"/>
      <c r="H350" s="138"/>
      <c r="I350" s="138"/>
      <c r="J350" s="138"/>
      <c r="K350" s="17" t="s">
        <v>17</v>
      </c>
      <c r="L350" s="17" t="s">
        <v>71</v>
      </c>
      <c r="M350" s="138">
        <v>1</v>
      </c>
      <c r="N350" s="17"/>
      <c r="O350" s="138"/>
      <c r="P350" s="138"/>
      <c r="Q350" s="138"/>
      <c r="R350" s="98" t="s">
        <v>1612</v>
      </c>
      <c r="S350" s="98" t="s">
        <v>1365</v>
      </c>
      <c r="T350" s="98" t="s">
        <v>2</v>
      </c>
    </row>
    <row r="351" spans="1:20" hidden="1" outlineLevel="1">
      <c r="H351" s="72">
        <v>1</v>
      </c>
      <c r="I351" s="72">
        <v>374</v>
      </c>
      <c r="J351" s="72" t="s">
        <v>82</v>
      </c>
      <c r="K351" s="8" t="s">
        <v>66</v>
      </c>
      <c r="L351" s="8" t="s">
        <v>65</v>
      </c>
      <c r="M351" s="72">
        <v>1</v>
      </c>
      <c r="N351" s="8" t="s">
        <v>514</v>
      </c>
      <c r="O351" s="72">
        <v>3</v>
      </c>
      <c r="P351" s="72">
        <v>3</v>
      </c>
      <c r="Q351" s="18" t="s">
        <v>761</v>
      </c>
      <c r="R351" s="98"/>
    </row>
    <row r="352" spans="1:20" hidden="1" outlineLevel="1">
      <c r="H352" s="72">
        <v>2</v>
      </c>
      <c r="I352" s="72">
        <v>373</v>
      </c>
      <c r="J352" s="72" t="s">
        <v>1</v>
      </c>
      <c r="K352" s="8" t="s">
        <v>78</v>
      </c>
      <c r="L352" s="8" t="s">
        <v>71</v>
      </c>
      <c r="M352" s="72">
        <v>1</v>
      </c>
      <c r="N352" s="8" t="s">
        <v>519</v>
      </c>
      <c r="O352" s="72">
        <v>8</v>
      </c>
      <c r="P352" s="72">
        <v>8</v>
      </c>
      <c r="R352" s="98"/>
    </row>
    <row r="353" spans="1:18" hidden="1" outlineLevel="1">
      <c r="H353" s="72">
        <v>3</v>
      </c>
      <c r="I353" s="72">
        <v>337</v>
      </c>
      <c r="J353" s="72" t="s">
        <v>79</v>
      </c>
      <c r="K353" s="8" t="s">
        <v>78</v>
      </c>
      <c r="L353" s="8" t="s">
        <v>71</v>
      </c>
      <c r="M353" s="72">
        <v>1</v>
      </c>
      <c r="N353" s="8" t="s">
        <v>518</v>
      </c>
      <c r="O353" s="72">
        <v>4</v>
      </c>
      <c r="P353" s="72">
        <v>8</v>
      </c>
      <c r="R353" s="98"/>
    </row>
    <row r="354" spans="1:18" hidden="1" outlineLevel="1">
      <c r="H354" s="72">
        <v>4</v>
      </c>
      <c r="I354" s="72">
        <v>623</v>
      </c>
      <c r="J354" s="72" t="s">
        <v>76</v>
      </c>
      <c r="K354" s="8" t="s">
        <v>17</v>
      </c>
      <c r="L354" s="8" t="s">
        <v>71</v>
      </c>
      <c r="M354" s="72">
        <v>1</v>
      </c>
      <c r="N354" s="8" t="s">
        <v>514</v>
      </c>
      <c r="O354" s="72">
        <v>2</v>
      </c>
      <c r="P354" s="72">
        <v>2</v>
      </c>
      <c r="Q354" s="70" t="s">
        <v>624</v>
      </c>
      <c r="R354" s="98"/>
    </row>
    <row r="355" spans="1:18" hidden="1" collapsed="1">
      <c r="A355" s="138"/>
      <c r="B355" s="138"/>
      <c r="C355" s="138"/>
      <c r="D355" s="138" t="s">
        <v>237</v>
      </c>
      <c r="E355" s="17" t="s">
        <v>517</v>
      </c>
      <c r="F355" s="17"/>
      <c r="G355" s="17"/>
      <c r="H355" s="138"/>
      <c r="I355" s="138"/>
      <c r="J355" s="138"/>
      <c r="K355" s="17" t="s">
        <v>17</v>
      </c>
      <c r="L355" s="17" t="s">
        <v>71</v>
      </c>
      <c r="M355" s="138" t="s">
        <v>516</v>
      </c>
      <c r="N355" s="17"/>
      <c r="O355" s="138"/>
      <c r="P355" s="138"/>
      <c r="Q355" s="138"/>
      <c r="R355" s="98"/>
    </row>
    <row r="356" spans="1:18" hidden="1">
      <c r="E356" s="72"/>
      <c r="F356" s="72"/>
      <c r="G356" s="72"/>
      <c r="H356" s="72">
        <v>1</v>
      </c>
      <c r="I356" s="72">
        <v>963</v>
      </c>
      <c r="J356" s="72" t="s">
        <v>235</v>
      </c>
      <c r="K356" s="8" t="s">
        <v>66</v>
      </c>
      <c r="L356" s="8" t="s">
        <v>65</v>
      </c>
      <c r="M356" s="72">
        <v>1</v>
      </c>
      <c r="N356" s="8" t="s">
        <v>514</v>
      </c>
      <c r="O356" s="72">
        <v>2</v>
      </c>
      <c r="P356" s="72">
        <v>2</v>
      </c>
      <c r="Q356" s="70" t="s">
        <v>624</v>
      </c>
      <c r="R356" s="98"/>
    </row>
    <row r="357" spans="1:18" hidden="1">
      <c r="E357" s="72"/>
      <c r="F357" s="72"/>
      <c r="G357" s="72"/>
      <c r="H357" s="72">
        <v>2</v>
      </c>
      <c r="I357" s="72">
        <v>782</v>
      </c>
      <c r="J357" s="72" t="s">
        <v>67</v>
      </c>
      <c r="K357" s="8" t="s">
        <v>78</v>
      </c>
      <c r="L357" s="8" t="s">
        <v>71</v>
      </c>
      <c r="M357" s="72">
        <v>1</v>
      </c>
      <c r="N357" s="8" t="s">
        <v>438</v>
      </c>
      <c r="O357" s="72">
        <v>1</v>
      </c>
      <c r="P357" s="72">
        <v>18</v>
      </c>
      <c r="R357" s="98"/>
    </row>
    <row r="358" spans="1:18" hidden="1">
      <c r="E358" s="72"/>
      <c r="F358" s="72"/>
      <c r="G358" s="72"/>
      <c r="H358" s="72">
        <v>3</v>
      </c>
      <c r="I358" s="72">
        <v>954</v>
      </c>
      <c r="J358" s="72" t="s">
        <v>232</v>
      </c>
      <c r="K358" s="8" t="s">
        <v>78</v>
      </c>
      <c r="L358" s="8" t="s">
        <v>71</v>
      </c>
      <c r="M358" s="72">
        <v>1</v>
      </c>
      <c r="N358" s="8" t="s">
        <v>438</v>
      </c>
      <c r="O358" s="72">
        <v>1</v>
      </c>
      <c r="P358" s="72">
        <v>10</v>
      </c>
      <c r="R358" s="98"/>
    </row>
    <row r="359" spans="1:18" hidden="1">
      <c r="E359" s="72"/>
      <c r="F359" s="72"/>
      <c r="G359" s="72"/>
      <c r="H359" s="72">
        <v>4</v>
      </c>
      <c r="I359" s="72">
        <v>955</v>
      </c>
      <c r="J359" s="72" t="s">
        <v>230</v>
      </c>
      <c r="K359" s="8" t="s">
        <v>78</v>
      </c>
      <c r="L359" s="8" t="s">
        <v>71</v>
      </c>
      <c r="M359" s="72">
        <v>1</v>
      </c>
      <c r="N359" s="8" t="s">
        <v>514</v>
      </c>
      <c r="O359" s="72">
        <v>2</v>
      </c>
      <c r="P359" s="72">
        <v>2</v>
      </c>
      <c r="Q359" s="72" t="s">
        <v>813</v>
      </c>
      <c r="R359" s="98"/>
    </row>
    <row r="360" spans="1:18" hidden="1">
      <c r="E360" s="72"/>
      <c r="F360" s="72"/>
      <c r="G360" s="72"/>
      <c r="H360" s="72">
        <v>5</v>
      </c>
      <c r="I360" s="72">
        <v>956</v>
      </c>
      <c r="J360" s="72" t="s">
        <v>228</v>
      </c>
      <c r="K360" s="8" t="s">
        <v>78</v>
      </c>
      <c r="L360" s="8" t="s">
        <v>71</v>
      </c>
      <c r="M360" s="72">
        <v>1</v>
      </c>
      <c r="N360" s="8" t="s">
        <v>509</v>
      </c>
      <c r="O360" s="72">
        <v>1</v>
      </c>
      <c r="P360" s="72">
        <v>10</v>
      </c>
      <c r="R360" s="98"/>
    </row>
    <row r="361" spans="1:18" hidden="1">
      <c r="E361" s="72"/>
      <c r="F361" s="72"/>
      <c r="G361" s="72"/>
      <c r="H361" s="72">
        <v>6</v>
      </c>
      <c r="I361" s="72">
        <v>441</v>
      </c>
      <c r="J361" s="72" t="s">
        <v>226</v>
      </c>
      <c r="K361" s="8" t="s">
        <v>78</v>
      </c>
      <c r="L361" s="8" t="s">
        <v>71</v>
      </c>
      <c r="M361" s="72">
        <v>1</v>
      </c>
      <c r="N361" s="8" t="s">
        <v>514</v>
      </c>
      <c r="O361" s="72">
        <v>1</v>
      </c>
      <c r="P361" s="72">
        <v>1</v>
      </c>
      <c r="Q361" s="70" t="s">
        <v>624</v>
      </c>
      <c r="R361" s="98"/>
    </row>
    <row r="362" spans="1:18" hidden="1">
      <c r="E362" s="72"/>
      <c r="F362" s="72"/>
      <c r="G362" s="72"/>
      <c r="H362" s="25">
        <v>7</v>
      </c>
      <c r="I362" s="25">
        <v>662</v>
      </c>
      <c r="J362" s="25" t="s">
        <v>97</v>
      </c>
      <c r="K362" s="19" t="s">
        <v>17</v>
      </c>
      <c r="L362" s="25" t="s">
        <v>174</v>
      </c>
      <c r="M362" s="25">
        <v>1</v>
      </c>
      <c r="N362" s="19" t="s">
        <v>514</v>
      </c>
      <c r="O362" s="25">
        <v>1</v>
      </c>
      <c r="P362" s="25">
        <v>1</v>
      </c>
      <c r="Q362" s="25"/>
      <c r="R362" s="98"/>
    </row>
    <row r="363" spans="1:18" hidden="1">
      <c r="E363" s="72"/>
      <c r="F363" s="72"/>
      <c r="G363" s="72"/>
      <c r="H363" s="72">
        <v>8</v>
      </c>
      <c r="I363" s="72">
        <v>828</v>
      </c>
      <c r="J363" s="72" t="s">
        <v>223</v>
      </c>
      <c r="K363" s="8" t="s">
        <v>17</v>
      </c>
      <c r="L363" s="8" t="s">
        <v>71</v>
      </c>
      <c r="M363" s="72">
        <v>1</v>
      </c>
      <c r="N363" s="8" t="s">
        <v>438</v>
      </c>
      <c r="O363" s="72">
        <v>1</v>
      </c>
      <c r="P363" s="72">
        <v>9</v>
      </c>
      <c r="R363" s="98"/>
    </row>
    <row r="364" spans="1:18" hidden="1">
      <c r="A364" s="138">
        <v>350</v>
      </c>
      <c r="B364" s="138" t="s">
        <v>177</v>
      </c>
      <c r="C364" s="17" t="s">
        <v>126</v>
      </c>
      <c r="D364" s="138"/>
      <c r="E364" s="17"/>
      <c r="F364" s="17"/>
      <c r="G364" s="17"/>
      <c r="H364" s="138"/>
      <c r="I364" s="138"/>
      <c r="J364" s="138"/>
      <c r="K364" s="17" t="s">
        <v>17</v>
      </c>
      <c r="L364" s="17" t="s">
        <v>71</v>
      </c>
      <c r="M364" s="138">
        <v>1000</v>
      </c>
      <c r="N364" s="17"/>
      <c r="O364" s="138"/>
      <c r="P364" s="138"/>
      <c r="Q364" s="138"/>
      <c r="R364" s="98"/>
    </row>
    <row r="365" spans="1:18" hidden="1">
      <c r="A365" s="138"/>
      <c r="B365" s="138"/>
      <c r="C365" s="138"/>
      <c r="D365" s="138" t="s">
        <v>177</v>
      </c>
      <c r="E365" s="17" t="s">
        <v>126</v>
      </c>
      <c r="F365" s="17"/>
      <c r="G365" s="17"/>
      <c r="H365" s="138"/>
      <c r="I365" s="138"/>
      <c r="J365" s="138"/>
      <c r="K365" s="17" t="s">
        <v>66</v>
      </c>
      <c r="L365" s="17" t="s">
        <v>65</v>
      </c>
      <c r="M365" s="138">
        <v>1</v>
      </c>
      <c r="N365" s="17"/>
      <c r="O365" s="138"/>
      <c r="P365" s="138"/>
      <c r="Q365" s="138"/>
      <c r="R365" s="98"/>
    </row>
    <row r="366" spans="1:18" ht="28" hidden="1">
      <c r="H366" s="72">
        <v>1</v>
      </c>
      <c r="I366" s="72">
        <v>128</v>
      </c>
      <c r="J366" s="72" t="s">
        <v>128</v>
      </c>
      <c r="K366" s="8" t="s">
        <v>66</v>
      </c>
      <c r="L366" s="8" t="s">
        <v>65</v>
      </c>
      <c r="M366" s="72">
        <v>1</v>
      </c>
      <c r="N366" s="8" t="s">
        <v>514</v>
      </c>
      <c r="O366" s="72">
        <v>2</v>
      </c>
      <c r="P366" s="72">
        <v>3</v>
      </c>
      <c r="Q366" s="72" t="s">
        <v>814</v>
      </c>
      <c r="R366" s="98"/>
    </row>
    <row r="367" spans="1:18" hidden="1">
      <c r="H367" s="72">
        <v>2</v>
      </c>
      <c r="I367" s="72">
        <v>127</v>
      </c>
      <c r="J367" s="72" t="s">
        <v>126</v>
      </c>
      <c r="K367" s="8" t="s">
        <v>78</v>
      </c>
      <c r="L367" s="8" t="s">
        <v>71</v>
      </c>
      <c r="M367" s="72">
        <v>1</v>
      </c>
      <c r="N367" s="8" t="s">
        <v>509</v>
      </c>
      <c r="O367" s="72">
        <v>1</v>
      </c>
      <c r="P367" s="72">
        <v>30</v>
      </c>
      <c r="R367" s="98"/>
    </row>
    <row r="368" spans="1:18" hidden="1">
      <c r="H368" s="72">
        <v>3</v>
      </c>
      <c r="I368" s="72">
        <v>369</v>
      </c>
      <c r="J368" s="72" t="s">
        <v>172</v>
      </c>
      <c r="K368" s="8" t="s">
        <v>78</v>
      </c>
      <c r="L368" s="8" t="s">
        <v>71</v>
      </c>
      <c r="M368" s="72">
        <v>1</v>
      </c>
      <c r="N368" s="8" t="s">
        <v>509</v>
      </c>
      <c r="O368" s="72">
        <v>1</v>
      </c>
      <c r="P368" s="72">
        <v>45</v>
      </c>
      <c r="Q368" s="72" t="s">
        <v>816</v>
      </c>
      <c r="R368" s="98"/>
    </row>
    <row r="369" spans="1:18" hidden="1">
      <c r="A369" s="138"/>
      <c r="B369" s="138"/>
      <c r="C369" s="138"/>
      <c r="D369" s="138" t="s">
        <v>87</v>
      </c>
      <c r="E369" s="17" t="s">
        <v>515</v>
      </c>
      <c r="F369" s="17"/>
      <c r="G369" s="17"/>
      <c r="H369" s="138"/>
      <c r="I369" s="138"/>
      <c r="J369" s="138"/>
      <c r="K369" s="17" t="s">
        <v>17</v>
      </c>
      <c r="L369" s="17" t="s">
        <v>71</v>
      </c>
      <c r="M369" s="138">
        <v>999</v>
      </c>
      <c r="N369" s="17"/>
      <c r="O369" s="138"/>
      <c r="P369" s="138"/>
      <c r="Q369" s="138"/>
      <c r="R369" s="98"/>
    </row>
    <row r="370" spans="1:18" hidden="1">
      <c r="H370" s="72">
        <v>1</v>
      </c>
      <c r="I370" s="72">
        <v>933</v>
      </c>
      <c r="J370" s="72" t="s">
        <v>85</v>
      </c>
      <c r="K370" s="8" t="s">
        <v>66</v>
      </c>
      <c r="L370" s="8" t="s">
        <v>65</v>
      </c>
      <c r="M370" s="72">
        <v>1</v>
      </c>
      <c r="N370" s="8" t="s">
        <v>509</v>
      </c>
      <c r="O370" s="72">
        <v>1</v>
      </c>
      <c r="P370" s="72">
        <v>264</v>
      </c>
      <c r="R370" s="98"/>
    </row>
    <row r="371" spans="1:18" hidden="1">
      <c r="H371" s="72">
        <v>2</v>
      </c>
      <c r="I371" s="72">
        <v>934</v>
      </c>
      <c r="J371" s="72" t="s">
        <v>178</v>
      </c>
      <c r="K371" s="8" t="s">
        <v>78</v>
      </c>
      <c r="L371" s="8" t="s">
        <v>71</v>
      </c>
      <c r="M371" s="72">
        <v>1</v>
      </c>
      <c r="N371" s="8" t="s">
        <v>514</v>
      </c>
      <c r="O371" s="72">
        <v>2</v>
      </c>
      <c r="P371" s="72">
        <v>2</v>
      </c>
      <c r="Q371" s="72" t="s">
        <v>674</v>
      </c>
      <c r="R371" s="98"/>
    </row>
    <row r="372" spans="1:18" hidden="1">
      <c r="A372" s="138">
        <v>350</v>
      </c>
      <c r="B372" s="138" t="s">
        <v>177</v>
      </c>
      <c r="C372" s="17" t="s">
        <v>126</v>
      </c>
      <c r="D372" s="138"/>
      <c r="E372" s="17"/>
      <c r="F372" s="17"/>
      <c r="G372" s="17"/>
      <c r="H372" s="138"/>
      <c r="I372" s="138"/>
      <c r="J372" s="138"/>
      <c r="K372" s="17" t="s">
        <v>17</v>
      </c>
      <c r="L372" s="17" t="s">
        <v>71</v>
      </c>
      <c r="M372" s="138">
        <v>1000</v>
      </c>
      <c r="N372" s="17"/>
      <c r="O372" s="138"/>
      <c r="P372" s="138"/>
      <c r="Q372" s="138"/>
      <c r="R372" s="98"/>
    </row>
    <row r="373" spans="1:18" hidden="1">
      <c r="A373" s="138"/>
      <c r="B373" s="138"/>
      <c r="C373" s="138"/>
      <c r="D373" s="138" t="s">
        <v>177</v>
      </c>
      <c r="E373" s="17" t="s">
        <v>126</v>
      </c>
      <c r="F373" s="17"/>
      <c r="G373" s="17"/>
      <c r="H373" s="138"/>
      <c r="I373" s="138"/>
      <c r="J373" s="138"/>
      <c r="K373" s="17" t="s">
        <v>66</v>
      </c>
      <c r="L373" s="17" t="s">
        <v>65</v>
      </c>
      <c r="M373" s="138">
        <v>1</v>
      </c>
      <c r="N373" s="17"/>
      <c r="O373" s="138"/>
      <c r="P373" s="138"/>
      <c r="Q373" s="138"/>
      <c r="R373" s="98"/>
    </row>
    <row r="374" spans="1:18" ht="28" hidden="1">
      <c r="H374" s="72">
        <v>1</v>
      </c>
      <c r="I374" s="72">
        <v>128</v>
      </c>
      <c r="J374" s="72" t="s">
        <v>128</v>
      </c>
      <c r="K374" s="8" t="s">
        <v>66</v>
      </c>
      <c r="L374" s="8" t="s">
        <v>65</v>
      </c>
      <c r="M374" s="72">
        <v>1</v>
      </c>
      <c r="N374" s="8" t="s">
        <v>514</v>
      </c>
      <c r="O374" s="72">
        <v>2</v>
      </c>
      <c r="P374" s="72">
        <v>3</v>
      </c>
      <c r="Q374" s="72" t="s">
        <v>814</v>
      </c>
      <c r="R374" s="98"/>
    </row>
    <row r="375" spans="1:18" hidden="1">
      <c r="H375" s="72">
        <v>2</v>
      </c>
      <c r="I375" s="72">
        <v>127</v>
      </c>
      <c r="J375" s="72" t="s">
        <v>126</v>
      </c>
      <c r="K375" s="8" t="s">
        <v>78</v>
      </c>
      <c r="L375" s="8" t="s">
        <v>71</v>
      </c>
      <c r="M375" s="72">
        <v>1</v>
      </c>
      <c r="N375" s="8" t="s">
        <v>509</v>
      </c>
      <c r="O375" s="72">
        <v>1</v>
      </c>
      <c r="P375" s="72">
        <v>30</v>
      </c>
      <c r="R375" s="98"/>
    </row>
    <row r="376" spans="1:18" hidden="1">
      <c r="H376" s="72">
        <v>3</v>
      </c>
      <c r="I376" s="72">
        <v>369</v>
      </c>
      <c r="J376" s="72" t="s">
        <v>172</v>
      </c>
      <c r="K376" s="8" t="s">
        <v>78</v>
      </c>
      <c r="L376" s="8" t="s">
        <v>71</v>
      </c>
      <c r="M376" s="72">
        <v>1</v>
      </c>
      <c r="N376" s="8" t="s">
        <v>509</v>
      </c>
      <c r="O376" s="72">
        <v>1</v>
      </c>
      <c r="P376" s="72">
        <v>45</v>
      </c>
      <c r="Q376" s="72" t="s">
        <v>817</v>
      </c>
      <c r="R376" s="98"/>
    </row>
    <row r="377" spans="1:18" hidden="1">
      <c r="A377" s="138"/>
      <c r="B377" s="138"/>
      <c r="C377" s="138"/>
      <c r="D377" s="138" t="s">
        <v>87</v>
      </c>
      <c r="E377" s="17" t="s">
        <v>515</v>
      </c>
      <c r="F377" s="17"/>
      <c r="G377" s="17"/>
      <c r="H377" s="138"/>
      <c r="I377" s="138"/>
      <c r="J377" s="138"/>
      <c r="K377" s="17" t="s">
        <v>17</v>
      </c>
      <c r="L377" s="17" t="s">
        <v>71</v>
      </c>
      <c r="M377" s="138">
        <v>999</v>
      </c>
      <c r="N377" s="17"/>
      <c r="O377" s="138"/>
      <c r="P377" s="138"/>
      <c r="Q377" s="138"/>
      <c r="R377" s="98"/>
    </row>
    <row r="378" spans="1:18" hidden="1">
      <c r="H378" s="72">
        <v>1</v>
      </c>
      <c r="I378" s="72">
        <v>933</v>
      </c>
      <c r="J378" s="72" t="s">
        <v>85</v>
      </c>
      <c r="K378" s="8" t="s">
        <v>66</v>
      </c>
      <c r="L378" s="8" t="s">
        <v>65</v>
      </c>
      <c r="M378" s="72">
        <v>1</v>
      </c>
      <c r="N378" s="8" t="s">
        <v>509</v>
      </c>
      <c r="O378" s="72">
        <v>1</v>
      </c>
      <c r="P378" s="72">
        <v>264</v>
      </c>
      <c r="R378" s="98"/>
    </row>
    <row r="379" spans="1:18" hidden="1">
      <c r="H379" s="72">
        <v>2</v>
      </c>
      <c r="I379" s="72">
        <v>934</v>
      </c>
      <c r="J379" s="72" t="s">
        <v>178</v>
      </c>
      <c r="K379" s="8" t="s">
        <v>78</v>
      </c>
      <c r="L379" s="8" t="s">
        <v>71</v>
      </c>
      <c r="M379" s="72">
        <v>1</v>
      </c>
      <c r="N379" s="8" t="s">
        <v>514</v>
      </c>
      <c r="O379" s="72">
        <v>2</v>
      </c>
      <c r="P379" s="72">
        <v>2</v>
      </c>
      <c r="Q379" s="72" t="s">
        <v>674</v>
      </c>
      <c r="R379" s="98"/>
    </row>
    <row r="380" spans="1:18" hidden="1">
      <c r="A380" s="138">
        <v>350</v>
      </c>
      <c r="B380" s="138" t="s">
        <v>177</v>
      </c>
      <c r="C380" s="17" t="s">
        <v>126</v>
      </c>
      <c r="D380" s="138"/>
      <c r="E380" s="17"/>
      <c r="F380" s="17"/>
      <c r="G380" s="17"/>
      <c r="H380" s="138"/>
      <c r="I380" s="138"/>
      <c r="J380" s="138"/>
      <c r="K380" s="17" t="s">
        <v>17</v>
      </c>
      <c r="L380" s="17" t="s">
        <v>71</v>
      </c>
      <c r="M380" s="138">
        <v>1000</v>
      </c>
      <c r="N380" s="17"/>
      <c r="O380" s="138"/>
      <c r="P380" s="138"/>
      <c r="Q380" s="138"/>
      <c r="R380" s="98"/>
    </row>
    <row r="381" spans="1:18" hidden="1">
      <c r="A381" s="138"/>
      <c r="B381" s="138"/>
      <c r="C381" s="138"/>
      <c r="D381" s="138" t="s">
        <v>177</v>
      </c>
      <c r="E381" s="17" t="s">
        <v>126</v>
      </c>
      <c r="F381" s="17"/>
      <c r="G381" s="17"/>
      <c r="H381" s="138"/>
      <c r="I381" s="138"/>
      <c r="J381" s="138"/>
      <c r="K381" s="17" t="s">
        <v>66</v>
      </c>
      <c r="L381" s="17" t="s">
        <v>65</v>
      </c>
      <c r="M381" s="138">
        <v>1</v>
      </c>
      <c r="N381" s="17"/>
      <c r="O381" s="138"/>
      <c r="P381" s="138"/>
      <c r="Q381" s="138"/>
      <c r="R381" s="98"/>
    </row>
    <row r="382" spans="1:18" ht="28" hidden="1">
      <c r="H382" s="72">
        <v>1</v>
      </c>
      <c r="I382" s="72">
        <v>128</v>
      </c>
      <c r="J382" s="72" t="s">
        <v>128</v>
      </c>
      <c r="K382" s="8" t="s">
        <v>66</v>
      </c>
      <c r="L382" s="8" t="s">
        <v>65</v>
      </c>
      <c r="M382" s="72">
        <v>1</v>
      </c>
      <c r="N382" s="8" t="s">
        <v>514</v>
      </c>
      <c r="O382" s="72">
        <v>2</v>
      </c>
      <c r="P382" s="72">
        <v>3</v>
      </c>
      <c r="Q382" s="72" t="s">
        <v>814</v>
      </c>
      <c r="R382" s="98"/>
    </row>
    <row r="383" spans="1:18" hidden="1">
      <c r="H383" s="72">
        <v>2</v>
      </c>
      <c r="I383" s="72">
        <v>127</v>
      </c>
      <c r="J383" s="72" t="s">
        <v>126</v>
      </c>
      <c r="K383" s="8" t="s">
        <v>78</v>
      </c>
      <c r="L383" s="8" t="s">
        <v>71</v>
      </c>
      <c r="M383" s="72">
        <v>1</v>
      </c>
      <c r="N383" s="8" t="s">
        <v>509</v>
      </c>
      <c r="O383" s="72">
        <v>1</v>
      </c>
      <c r="P383" s="72">
        <v>30</v>
      </c>
      <c r="R383" s="98"/>
    </row>
    <row r="384" spans="1:18" hidden="1">
      <c r="H384" s="72">
        <v>3</v>
      </c>
      <c r="I384" s="72">
        <v>369</v>
      </c>
      <c r="J384" s="72" t="s">
        <v>172</v>
      </c>
      <c r="K384" s="8" t="s">
        <v>78</v>
      </c>
      <c r="L384" s="8" t="s">
        <v>71</v>
      </c>
      <c r="M384" s="72">
        <v>1</v>
      </c>
      <c r="N384" s="8" t="s">
        <v>509</v>
      </c>
      <c r="O384" s="72">
        <v>1</v>
      </c>
      <c r="P384" s="72">
        <v>45</v>
      </c>
      <c r="Q384" s="72" t="s">
        <v>673</v>
      </c>
      <c r="R384" s="98"/>
    </row>
    <row r="385" spans="1:19" hidden="1">
      <c r="A385" s="138"/>
      <c r="B385" s="138"/>
      <c r="C385" s="138"/>
      <c r="D385" s="138" t="s">
        <v>87</v>
      </c>
      <c r="E385" s="17" t="s">
        <v>515</v>
      </c>
      <c r="F385" s="17"/>
      <c r="G385" s="17"/>
      <c r="H385" s="138"/>
      <c r="I385" s="138"/>
      <c r="J385" s="138"/>
      <c r="K385" s="17" t="s">
        <v>17</v>
      </c>
      <c r="L385" s="17" t="s">
        <v>71</v>
      </c>
      <c r="M385" s="138">
        <v>1000</v>
      </c>
      <c r="N385" s="17"/>
      <c r="O385" s="138"/>
      <c r="P385" s="138"/>
      <c r="Q385" s="138"/>
      <c r="R385" s="98"/>
    </row>
    <row r="386" spans="1:19" hidden="1">
      <c r="H386" s="72">
        <v>1</v>
      </c>
      <c r="I386" s="72">
        <v>933</v>
      </c>
      <c r="J386" s="72" t="s">
        <v>85</v>
      </c>
      <c r="K386" s="8" t="s">
        <v>66</v>
      </c>
      <c r="L386" s="8" t="s">
        <v>65</v>
      </c>
      <c r="M386" s="72">
        <v>1</v>
      </c>
      <c r="N386" s="8" t="s">
        <v>509</v>
      </c>
      <c r="O386" s="72">
        <v>1</v>
      </c>
      <c r="P386" s="72">
        <v>264</v>
      </c>
      <c r="R386" s="98"/>
    </row>
    <row r="387" spans="1:19" hidden="1">
      <c r="H387" s="72">
        <v>2</v>
      </c>
      <c r="I387" s="72">
        <v>934</v>
      </c>
      <c r="J387" s="72" t="s">
        <v>178</v>
      </c>
      <c r="K387" s="8" t="s">
        <v>78</v>
      </c>
      <c r="L387" s="8" t="s">
        <v>71</v>
      </c>
      <c r="M387" s="72">
        <v>1</v>
      </c>
      <c r="N387" s="8" t="s">
        <v>514</v>
      </c>
      <c r="O387" s="72">
        <v>2</v>
      </c>
      <c r="P387" s="72">
        <v>2</v>
      </c>
      <c r="Q387" s="72" t="s">
        <v>674</v>
      </c>
      <c r="R387" s="98"/>
    </row>
    <row r="388" spans="1:19" hidden="1">
      <c r="A388" s="138">
        <v>350</v>
      </c>
      <c r="B388" s="138" t="s">
        <v>177</v>
      </c>
      <c r="C388" s="17" t="s">
        <v>126</v>
      </c>
      <c r="D388" s="138"/>
      <c r="E388" s="17"/>
      <c r="F388" s="17"/>
      <c r="G388" s="17"/>
      <c r="H388" s="138"/>
      <c r="I388" s="138"/>
      <c r="J388" s="138"/>
      <c r="K388" s="17" t="s">
        <v>17</v>
      </c>
      <c r="L388" s="17" t="s">
        <v>71</v>
      </c>
      <c r="M388" s="138">
        <v>1000</v>
      </c>
      <c r="N388" s="17"/>
      <c r="O388" s="138"/>
      <c r="P388" s="138"/>
      <c r="Q388" s="138"/>
      <c r="R388" s="98"/>
    </row>
    <row r="389" spans="1:19" s="12" customFormat="1" hidden="1">
      <c r="A389" s="83"/>
      <c r="B389" s="83"/>
      <c r="C389" s="83"/>
      <c r="D389" s="138" t="s">
        <v>177</v>
      </c>
      <c r="E389" s="17" t="s">
        <v>126</v>
      </c>
      <c r="F389" s="17"/>
      <c r="G389" s="17"/>
      <c r="H389" s="138"/>
      <c r="I389" s="138"/>
      <c r="J389" s="138"/>
      <c r="K389" s="17" t="s">
        <v>66</v>
      </c>
      <c r="L389" s="17" t="s">
        <v>65</v>
      </c>
      <c r="M389" s="138">
        <v>1</v>
      </c>
      <c r="N389" s="17"/>
      <c r="O389" s="138"/>
      <c r="P389" s="138"/>
      <c r="Q389" s="138"/>
      <c r="R389" s="98"/>
      <c r="S389" s="98"/>
    </row>
    <row r="390" spans="1:19" s="12" customFormat="1" ht="28" hidden="1">
      <c r="D390" s="18"/>
      <c r="E390" s="11"/>
      <c r="F390" s="11"/>
      <c r="G390" s="11"/>
      <c r="H390" s="18">
        <v>1</v>
      </c>
      <c r="I390" s="18">
        <v>128</v>
      </c>
      <c r="J390" s="18" t="s">
        <v>128</v>
      </c>
      <c r="K390" s="11" t="s">
        <v>66</v>
      </c>
      <c r="L390" s="8" t="s">
        <v>65</v>
      </c>
      <c r="M390" s="18">
        <v>1</v>
      </c>
      <c r="N390" s="11" t="s">
        <v>514</v>
      </c>
      <c r="O390" s="18">
        <v>2</v>
      </c>
      <c r="P390" s="18">
        <v>3</v>
      </c>
      <c r="Q390" s="18" t="s">
        <v>814</v>
      </c>
      <c r="R390" s="98"/>
      <c r="S390" s="98"/>
    </row>
    <row r="391" spans="1:19" s="12" customFormat="1" hidden="1">
      <c r="D391" s="18"/>
      <c r="E391" s="11"/>
      <c r="F391" s="11"/>
      <c r="G391" s="11"/>
      <c r="H391" s="25">
        <v>2</v>
      </c>
      <c r="I391" s="25">
        <v>127</v>
      </c>
      <c r="J391" s="25" t="s">
        <v>126</v>
      </c>
      <c r="K391" s="19" t="s">
        <v>78</v>
      </c>
      <c r="L391" s="25" t="s">
        <v>174</v>
      </c>
      <c r="M391" s="25">
        <v>1</v>
      </c>
      <c r="N391" s="19" t="s">
        <v>509</v>
      </c>
      <c r="O391" s="25">
        <v>1</v>
      </c>
      <c r="P391" s="25">
        <v>30</v>
      </c>
      <c r="Q391" s="25"/>
      <c r="R391" s="98"/>
      <c r="S391" s="98"/>
    </row>
    <row r="392" spans="1:19" s="12" customFormat="1" hidden="1">
      <c r="D392" s="18"/>
      <c r="E392" s="11"/>
      <c r="F392" s="11"/>
      <c r="G392" s="11"/>
      <c r="H392" s="18">
        <v>3</v>
      </c>
      <c r="I392" s="18">
        <v>369</v>
      </c>
      <c r="J392" s="18" t="s">
        <v>172</v>
      </c>
      <c r="K392" s="11" t="s">
        <v>78</v>
      </c>
      <c r="L392" s="8" t="s">
        <v>71</v>
      </c>
      <c r="M392" s="18">
        <v>1</v>
      </c>
      <c r="N392" s="11" t="s">
        <v>509</v>
      </c>
      <c r="O392" s="18">
        <v>1</v>
      </c>
      <c r="P392" s="18">
        <v>45</v>
      </c>
      <c r="Q392" s="18" t="s">
        <v>815</v>
      </c>
      <c r="R392" s="98"/>
      <c r="S392" s="98"/>
    </row>
    <row r="393" spans="1:19" s="12" customFormat="1" hidden="1">
      <c r="A393" s="83"/>
      <c r="B393" s="83"/>
      <c r="C393" s="83"/>
      <c r="D393" s="138" t="s">
        <v>87</v>
      </c>
      <c r="E393" s="17" t="s">
        <v>515</v>
      </c>
      <c r="F393" s="17"/>
      <c r="G393" s="17"/>
      <c r="H393" s="138"/>
      <c r="I393" s="138"/>
      <c r="J393" s="138"/>
      <c r="K393" s="17" t="s">
        <v>17</v>
      </c>
      <c r="L393" s="17" t="s">
        <v>71</v>
      </c>
      <c r="M393" s="138">
        <v>1000</v>
      </c>
      <c r="N393" s="17"/>
      <c r="O393" s="138"/>
      <c r="P393" s="138"/>
      <c r="Q393" s="138"/>
      <c r="R393" s="98"/>
      <c r="S393" s="98"/>
    </row>
    <row r="394" spans="1:19" s="12" customFormat="1" hidden="1">
      <c r="D394" s="18"/>
      <c r="E394" s="11"/>
      <c r="F394" s="11"/>
      <c r="G394" s="11"/>
      <c r="H394" s="18">
        <v>1</v>
      </c>
      <c r="I394" s="18">
        <v>933</v>
      </c>
      <c r="J394" s="18" t="s">
        <v>85</v>
      </c>
      <c r="K394" s="11" t="s">
        <v>66</v>
      </c>
      <c r="L394" s="8" t="s">
        <v>65</v>
      </c>
      <c r="M394" s="18">
        <v>1</v>
      </c>
      <c r="N394" s="11" t="s">
        <v>509</v>
      </c>
      <c r="O394" s="18">
        <v>1</v>
      </c>
      <c r="P394" s="18">
        <v>264</v>
      </c>
      <c r="Q394" s="70" t="s">
        <v>624</v>
      </c>
      <c r="R394" s="98"/>
      <c r="S394" s="98"/>
    </row>
    <row r="395" spans="1:19" hidden="1">
      <c r="A395" s="138">
        <v>350</v>
      </c>
      <c r="B395" s="138" t="s">
        <v>177</v>
      </c>
      <c r="C395" s="17" t="s">
        <v>126</v>
      </c>
      <c r="D395" s="138"/>
      <c r="E395" s="17"/>
      <c r="F395" s="17"/>
      <c r="G395" s="17"/>
      <c r="H395" s="138"/>
      <c r="I395" s="138"/>
      <c r="J395" s="138"/>
      <c r="K395" s="17" t="s">
        <v>17</v>
      </c>
      <c r="L395" s="17" t="s">
        <v>71</v>
      </c>
      <c r="M395" s="138">
        <v>1000</v>
      </c>
      <c r="N395" s="17"/>
      <c r="O395" s="138"/>
      <c r="P395" s="138"/>
      <c r="Q395" s="138"/>
      <c r="R395" s="98"/>
    </row>
    <row r="396" spans="1:19" hidden="1">
      <c r="A396" s="138"/>
      <c r="B396" s="138"/>
      <c r="C396" s="138"/>
      <c r="D396" s="138" t="s">
        <v>177</v>
      </c>
      <c r="E396" s="17" t="s">
        <v>126</v>
      </c>
      <c r="F396" s="17"/>
      <c r="G396" s="17"/>
      <c r="H396" s="138"/>
      <c r="I396" s="138"/>
      <c r="J396" s="138"/>
      <c r="K396" s="17" t="s">
        <v>66</v>
      </c>
      <c r="L396" s="17" t="s">
        <v>65</v>
      </c>
      <c r="M396" s="138">
        <v>1</v>
      </c>
      <c r="N396" s="17"/>
      <c r="O396" s="138"/>
      <c r="P396" s="138"/>
      <c r="Q396" s="138"/>
      <c r="R396" s="98"/>
    </row>
    <row r="397" spans="1:19" hidden="1">
      <c r="H397" s="72">
        <v>1</v>
      </c>
      <c r="I397" s="72">
        <v>128</v>
      </c>
      <c r="J397" s="72" t="s">
        <v>128</v>
      </c>
      <c r="K397" s="8" t="s">
        <v>66</v>
      </c>
      <c r="L397" s="8" t="s">
        <v>65</v>
      </c>
      <c r="M397" s="72">
        <v>1</v>
      </c>
      <c r="N397" s="8" t="s">
        <v>514</v>
      </c>
      <c r="O397" s="72">
        <v>2</v>
      </c>
      <c r="P397" s="72">
        <v>3</v>
      </c>
      <c r="Q397" s="72" t="s">
        <v>643</v>
      </c>
      <c r="R397" s="98"/>
    </row>
    <row r="398" spans="1:19" hidden="1">
      <c r="H398" s="72">
        <v>2</v>
      </c>
      <c r="I398" s="72">
        <v>127</v>
      </c>
      <c r="J398" s="72" t="s">
        <v>126</v>
      </c>
      <c r="K398" s="8" t="s">
        <v>78</v>
      </c>
      <c r="L398" s="8" t="s">
        <v>71</v>
      </c>
      <c r="M398" s="72">
        <v>1</v>
      </c>
      <c r="N398" s="8" t="s">
        <v>509</v>
      </c>
      <c r="O398" s="72">
        <v>1</v>
      </c>
      <c r="P398" s="72">
        <v>30</v>
      </c>
      <c r="R398" s="98"/>
    </row>
    <row r="399" spans="1:19" hidden="1">
      <c r="H399" s="72">
        <v>3</v>
      </c>
      <c r="I399" s="72">
        <v>369</v>
      </c>
      <c r="J399" s="72" t="s">
        <v>172</v>
      </c>
      <c r="K399" s="8" t="s">
        <v>78</v>
      </c>
      <c r="L399" s="8" t="s">
        <v>71</v>
      </c>
      <c r="M399" s="72">
        <v>1</v>
      </c>
      <c r="N399" s="8" t="s">
        <v>509</v>
      </c>
      <c r="O399" s="72">
        <v>1</v>
      </c>
      <c r="P399" s="72">
        <v>45</v>
      </c>
      <c r="R399" s="98"/>
    </row>
    <row r="400" spans="1:19" hidden="1">
      <c r="A400" s="138"/>
      <c r="B400" s="138"/>
      <c r="C400" s="138"/>
      <c r="D400" s="138" t="s">
        <v>87</v>
      </c>
      <c r="E400" s="17" t="s">
        <v>515</v>
      </c>
      <c r="F400" s="17"/>
      <c r="G400" s="17"/>
      <c r="H400" s="138"/>
      <c r="I400" s="138"/>
      <c r="J400" s="138"/>
      <c r="K400" s="17" t="s">
        <v>17</v>
      </c>
      <c r="L400" s="17" t="s">
        <v>71</v>
      </c>
      <c r="M400" s="138">
        <v>999</v>
      </c>
      <c r="N400" s="17"/>
      <c r="O400" s="138"/>
      <c r="P400" s="138"/>
      <c r="Q400" s="138"/>
      <c r="R400" s="98"/>
    </row>
    <row r="401" spans="1:18" hidden="1">
      <c r="H401" s="72">
        <v>1</v>
      </c>
      <c r="I401" s="72">
        <v>933</v>
      </c>
      <c r="J401" s="72" t="s">
        <v>85</v>
      </c>
      <c r="K401" s="8" t="s">
        <v>66</v>
      </c>
      <c r="L401" s="8" t="s">
        <v>65</v>
      </c>
      <c r="M401" s="72">
        <v>1</v>
      </c>
      <c r="N401" s="8" t="s">
        <v>509</v>
      </c>
      <c r="O401" s="72">
        <v>1</v>
      </c>
      <c r="P401" s="72">
        <v>264</v>
      </c>
      <c r="R401" s="98"/>
    </row>
    <row r="402" spans="1:18" hidden="1">
      <c r="H402" s="72">
        <v>2</v>
      </c>
      <c r="I402" s="72">
        <v>934</v>
      </c>
      <c r="J402" s="72" t="s">
        <v>178</v>
      </c>
      <c r="K402" s="8" t="s">
        <v>78</v>
      </c>
      <c r="L402" s="8" t="s">
        <v>71</v>
      </c>
      <c r="M402" s="72">
        <v>1</v>
      </c>
      <c r="N402" s="8" t="s">
        <v>514</v>
      </c>
      <c r="O402" s="72">
        <v>2</v>
      </c>
      <c r="P402" s="72">
        <v>2</v>
      </c>
      <c r="Q402" s="72" t="s">
        <v>674</v>
      </c>
      <c r="R402" s="98"/>
    </row>
    <row r="403" spans="1:18" hidden="1">
      <c r="A403" s="138">
        <v>370</v>
      </c>
      <c r="B403" s="138" t="s">
        <v>158</v>
      </c>
      <c r="C403" s="17" t="s">
        <v>120</v>
      </c>
      <c r="D403" s="138"/>
      <c r="E403" s="17"/>
      <c r="F403" s="17"/>
      <c r="G403" s="17"/>
      <c r="H403" s="138"/>
      <c r="I403" s="138"/>
      <c r="J403" s="138"/>
      <c r="K403" s="17" t="s">
        <v>17</v>
      </c>
      <c r="L403" s="17" t="s">
        <v>71</v>
      </c>
      <c r="M403" s="138">
        <v>200</v>
      </c>
      <c r="N403" s="17"/>
      <c r="O403" s="138"/>
      <c r="P403" s="138"/>
      <c r="Q403" s="138"/>
      <c r="R403" s="98"/>
    </row>
    <row r="404" spans="1:18" hidden="1">
      <c r="A404" s="138"/>
      <c r="B404" s="138"/>
      <c r="C404" s="138"/>
      <c r="D404" s="138" t="s">
        <v>158</v>
      </c>
      <c r="E404" s="17" t="s">
        <v>120</v>
      </c>
      <c r="F404" s="17"/>
      <c r="G404" s="17"/>
      <c r="H404" s="138"/>
      <c r="I404" s="138"/>
      <c r="J404" s="138"/>
      <c r="K404" s="17" t="s">
        <v>66</v>
      </c>
      <c r="L404" s="17" t="s">
        <v>65</v>
      </c>
      <c r="M404" s="138">
        <v>1</v>
      </c>
      <c r="N404" s="17"/>
      <c r="O404" s="138"/>
      <c r="P404" s="138"/>
      <c r="Q404" s="138"/>
      <c r="R404" s="98"/>
    </row>
    <row r="405" spans="1:18" hidden="1">
      <c r="H405" s="72">
        <v>1</v>
      </c>
      <c r="I405" s="72">
        <v>98</v>
      </c>
      <c r="J405" s="72" t="s">
        <v>156</v>
      </c>
      <c r="K405" s="8" t="s">
        <v>66</v>
      </c>
      <c r="L405" s="8" t="s">
        <v>65</v>
      </c>
      <c r="M405" s="72">
        <v>1</v>
      </c>
      <c r="N405" s="8" t="s">
        <v>514</v>
      </c>
      <c r="O405" s="72">
        <v>2</v>
      </c>
      <c r="P405" s="72">
        <v>3</v>
      </c>
      <c r="Q405" s="70" t="s">
        <v>624</v>
      </c>
      <c r="R405" s="98"/>
    </row>
    <row r="406" spans="1:18" hidden="1">
      <c r="H406" s="72">
        <v>2</v>
      </c>
      <c r="I406" s="72">
        <v>93</v>
      </c>
      <c r="J406" s="72" t="s">
        <v>120</v>
      </c>
      <c r="K406" s="8" t="s">
        <v>78</v>
      </c>
      <c r="L406" s="8" t="s">
        <v>71</v>
      </c>
      <c r="M406" s="72">
        <v>1</v>
      </c>
      <c r="N406" s="8" t="s">
        <v>509</v>
      </c>
      <c r="O406" s="72">
        <v>1</v>
      </c>
      <c r="P406" s="72">
        <v>60</v>
      </c>
      <c r="R406" s="98"/>
    </row>
    <row r="407" spans="1:18" hidden="1">
      <c r="E407" s="72"/>
      <c r="F407" s="72"/>
      <c r="G407" s="72"/>
      <c r="H407" s="72">
        <v>3</v>
      </c>
      <c r="I407" s="72">
        <v>66</v>
      </c>
      <c r="J407" s="72" t="s">
        <v>153</v>
      </c>
      <c r="K407" s="8" t="s">
        <v>78</v>
      </c>
      <c r="L407" s="8" t="s">
        <v>71</v>
      </c>
      <c r="M407" s="72">
        <v>1</v>
      </c>
      <c r="N407" s="8" t="s">
        <v>509</v>
      </c>
      <c r="O407" s="72">
        <v>1</v>
      </c>
      <c r="P407" s="72">
        <v>30</v>
      </c>
      <c r="Q407" s="70" t="s">
        <v>624</v>
      </c>
      <c r="R407" s="98"/>
    </row>
    <row r="408" spans="1:18" hidden="1">
      <c r="E408" s="72"/>
      <c r="F408" s="72"/>
      <c r="G408" s="72"/>
      <c r="H408" s="72">
        <v>4</v>
      </c>
      <c r="I408" s="72">
        <v>67</v>
      </c>
      <c r="J408" s="72" t="s">
        <v>151</v>
      </c>
      <c r="K408" s="8" t="s">
        <v>78</v>
      </c>
      <c r="L408" s="8" t="s">
        <v>71</v>
      </c>
      <c r="M408" s="72">
        <v>1</v>
      </c>
      <c r="N408" s="8" t="s">
        <v>509</v>
      </c>
      <c r="O408" s="72">
        <v>1</v>
      </c>
      <c r="P408" s="72">
        <v>30</v>
      </c>
      <c r="R408" s="98"/>
    </row>
    <row r="409" spans="1:18" hidden="1">
      <c r="A409" s="138"/>
      <c r="B409" s="138"/>
      <c r="C409" s="138"/>
      <c r="D409" s="138" t="s">
        <v>150</v>
      </c>
      <c r="E409" s="17" t="s">
        <v>473</v>
      </c>
      <c r="F409" s="17"/>
      <c r="G409" s="17"/>
      <c r="H409" s="138"/>
      <c r="I409" s="138"/>
      <c r="J409" s="138"/>
      <c r="K409" s="17" t="s">
        <v>17</v>
      </c>
      <c r="L409" s="17" t="s">
        <v>71</v>
      </c>
      <c r="M409" s="138">
        <v>2</v>
      </c>
      <c r="N409" s="17"/>
      <c r="O409" s="138"/>
      <c r="P409" s="138"/>
      <c r="Q409" s="138"/>
      <c r="R409" s="98"/>
    </row>
    <row r="410" spans="1:18" hidden="1">
      <c r="H410" s="72">
        <v>1</v>
      </c>
      <c r="I410" s="72">
        <v>93</v>
      </c>
      <c r="J410" s="72" t="s">
        <v>120</v>
      </c>
      <c r="K410" s="8" t="s">
        <v>66</v>
      </c>
      <c r="L410" s="8" t="s">
        <v>65</v>
      </c>
      <c r="M410" s="72">
        <v>1</v>
      </c>
      <c r="N410" s="8" t="s">
        <v>509</v>
      </c>
      <c r="O410" s="72">
        <v>1</v>
      </c>
      <c r="P410" s="72">
        <v>60</v>
      </c>
      <c r="R410" s="98"/>
    </row>
    <row r="411" spans="1:18" hidden="1">
      <c r="H411" s="72">
        <v>2</v>
      </c>
      <c r="I411" s="72">
        <v>93</v>
      </c>
      <c r="J411" s="72" t="s">
        <v>120</v>
      </c>
      <c r="K411" s="8" t="s">
        <v>17</v>
      </c>
      <c r="L411" s="8" t="s">
        <v>71</v>
      </c>
      <c r="M411" s="72">
        <v>1</v>
      </c>
      <c r="N411" s="8" t="s">
        <v>509</v>
      </c>
      <c r="O411" s="72">
        <v>1</v>
      </c>
      <c r="P411" s="72">
        <v>60</v>
      </c>
      <c r="R411" s="98"/>
    </row>
    <row r="412" spans="1:18" hidden="1">
      <c r="A412" s="138"/>
      <c r="B412" s="138"/>
      <c r="C412" s="138"/>
      <c r="D412" s="138" t="s">
        <v>147</v>
      </c>
      <c r="E412" s="17" t="s">
        <v>144</v>
      </c>
      <c r="F412" s="17"/>
      <c r="G412" s="17"/>
      <c r="H412" s="138"/>
      <c r="I412" s="138"/>
      <c r="J412" s="138"/>
      <c r="K412" s="17" t="s">
        <v>17</v>
      </c>
      <c r="L412" s="17" t="s">
        <v>71</v>
      </c>
      <c r="M412" s="138">
        <v>2</v>
      </c>
      <c r="N412" s="17"/>
      <c r="O412" s="138"/>
      <c r="P412" s="138"/>
      <c r="Q412" s="138"/>
      <c r="R412" s="98"/>
    </row>
    <row r="413" spans="1:18" hidden="1">
      <c r="H413" s="72">
        <v>1</v>
      </c>
      <c r="I413" s="72">
        <v>166</v>
      </c>
      <c r="J413" s="72" t="s">
        <v>144</v>
      </c>
      <c r="K413" s="8" t="s">
        <v>66</v>
      </c>
      <c r="L413" s="8" t="s">
        <v>65</v>
      </c>
      <c r="M413" s="72">
        <v>1</v>
      </c>
      <c r="N413" s="8" t="s">
        <v>509</v>
      </c>
      <c r="O413" s="72">
        <v>1</v>
      </c>
      <c r="P413" s="72">
        <v>55</v>
      </c>
      <c r="R413" s="98"/>
    </row>
    <row r="414" spans="1:18" hidden="1">
      <c r="H414" s="72">
        <v>2</v>
      </c>
      <c r="I414" s="72">
        <v>166</v>
      </c>
      <c r="J414" s="72" t="s">
        <v>144</v>
      </c>
      <c r="K414" s="8" t="s">
        <v>17</v>
      </c>
      <c r="L414" s="8" t="s">
        <v>71</v>
      </c>
      <c r="M414" s="72">
        <v>1</v>
      </c>
      <c r="N414" s="8" t="s">
        <v>509</v>
      </c>
      <c r="O414" s="72">
        <v>1</v>
      </c>
      <c r="P414" s="72">
        <v>55</v>
      </c>
      <c r="R414" s="98"/>
    </row>
    <row r="415" spans="1:18" hidden="1">
      <c r="A415" s="138"/>
      <c r="B415" s="138"/>
      <c r="C415" s="138"/>
      <c r="D415" s="138" t="s">
        <v>143</v>
      </c>
      <c r="E415" s="17" t="s">
        <v>474</v>
      </c>
      <c r="F415" s="17"/>
      <c r="G415" s="17"/>
      <c r="H415" s="138"/>
      <c r="I415" s="138"/>
      <c r="J415" s="138"/>
      <c r="K415" s="17" t="s">
        <v>17</v>
      </c>
      <c r="L415" s="17" t="s">
        <v>71</v>
      </c>
      <c r="M415" s="138">
        <v>1</v>
      </c>
      <c r="N415" s="17"/>
      <c r="O415" s="138"/>
      <c r="P415" s="138"/>
      <c r="Q415" s="138"/>
      <c r="R415" s="98"/>
    </row>
    <row r="416" spans="1:18" hidden="1">
      <c r="H416" s="72">
        <v>1</v>
      </c>
      <c r="I416" s="72">
        <v>19</v>
      </c>
      <c r="J416" s="72" t="s">
        <v>141</v>
      </c>
      <c r="K416" s="8" t="s">
        <v>17</v>
      </c>
      <c r="L416" s="8" t="s">
        <v>71</v>
      </c>
      <c r="M416" s="72">
        <v>1</v>
      </c>
      <c r="N416" s="8" t="s">
        <v>509</v>
      </c>
      <c r="O416" s="72">
        <v>2</v>
      </c>
      <c r="P416" s="72">
        <v>30</v>
      </c>
      <c r="R416" s="98"/>
    </row>
    <row r="417" spans="1:18" hidden="1">
      <c r="H417" s="72">
        <v>2</v>
      </c>
      <c r="I417" s="72">
        <v>156</v>
      </c>
      <c r="J417" s="72" t="s">
        <v>139</v>
      </c>
      <c r="K417" s="8" t="s">
        <v>17</v>
      </c>
      <c r="L417" s="8" t="s">
        <v>71</v>
      </c>
      <c r="M417" s="72">
        <v>1</v>
      </c>
      <c r="N417" s="8" t="s">
        <v>514</v>
      </c>
      <c r="O417" s="72">
        <v>2</v>
      </c>
      <c r="P417" s="72">
        <v>2</v>
      </c>
      <c r="Q417" s="70" t="s">
        <v>624</v>
      </c>
      <c r="R417" s="98"/>
    </row>
    <row r="418" spans="1:18" hidden="1">
      <c r="H418" s="72">
        <v>3</v>
      </c>
      <c r="I418" s="72">
        <v>116</v>
      </c>
      <c r="J418" s="72" t="s">
        <v>137</v>
      </c>
      <c r="K418" s="8" t="s">
        <v>17</v>
      </c>
      <c r="L418" s="8" t="s">
        <v>71</v>
      </c>
      <c r="M418" s="72">
        <v>1</v>
      </c>
      <c r="N418" s="8" t="s">
        <v>514</v>
      </c>
      <c r="O418" s="72">
        <v>3</v>
      </c>
      <c r="P418" s="72">
        <v>15</v>
      </c>
      <c r="R418" s="98"/>
    </row>
    <row r="419" spans="1:18" hidden="1">
      <c r="H419" s="72">
        <v>4</v>
      </c>
      <c r="I419" s="72">
        <v>26</v>
      </c>
      <c r="J419" s="72" t="s">
        <v>135</v>
      </c>
      <c r="K419" s="8" t="s">
        <v>17</v>
      </c>
      <c r="L419" s="8" t="s">
        <v>71</v>
      </c>
      <c r="M419" s="72">
        <v>1</v>
      </c>
      <c r="N419" s="8" t="s">
        <v>514</v>
      </c>
      <c r="O419" s="72">
        <v>2</v>
      </c>
      <c r="P419" s="72">
        <v>3</v>
      </c>
      <c r="Q419" s="70" t="s">
        <v>624</v>
      </c>
      <c r="R419" s="98"/>
    </row>
    <row r="420" spans="1:18" hidden="1">
      <c r="E420" s="72"/>
      <c r="F420" s="72"/>
      <c r="G420" s="72"/>
      <c r="H420" s="72">
        <v>5</v>
      </c>
      <c r="I420" s="72">
        <v>309</v>
      </c>
      <c r="J420" s="72" t="s">
        <v>133</v>
      </c>
      <c r="K420" s="8" t="s">
        <v>78</v>
      </c>
      <c r="L420" s="8" t="s">
        <v>71</v>
      </c>
      <c r="M420" s="72">
        <v>1</v>
      </c>
      <c r="N420" s="8" t="s">
        <v>509</v>
      </c>
      <c r="O420" s="72">
        <v>1</v>
      </c>
      <c r="P420" s="72">
        <v>30</v>
      </c>
      <c r="Q420" s="72" t="s">
        <v>690</v>
      </c>
      <c r="R420" s="98"/>
    </row>
    <row r="421" spans="1:18" hidden="1">
      <c r="E421" s="72"/>
      <c r="F421" s="72"/>
      <c r="G421" s="72"/>
      <c r="H421" s="72">
        <v>6</v>
      </c>
      <c r="I421" s="72">
        <v>310</v>
      </c>
      <c r="J421" s="72" t="s">
        <v>131</v>
      </c>
      <c r="K421" s="8" t="s">
        <v>17</v>
      </c>
      <c r="L421" s="8" t="s">
        <v>71</v>
      </c>
      <c r="M421" s="72">
        <v>1</v>
      </c>
      <c r="N421" s="8" t="s">
        <v>509</v>
      </c>
      <c r="O421" s="72">
        <v>1</v>
      </c>
      <c r="P421" s="72">
        <v>30</v>
      </c>
      <c r="R421" s="98"/>
    </row>
    <row r="422" spans="1:18" hidden="1">
      <c r="A422" s="138"/>
      <c r="B422" s="138"/>
      <c r="C422" s="138"/>
      <c r="D422" s="78" t="s">
        <v>130</v>
      </c>
      <c r="E422" s="75" t="s">
        <v>126</v>
      </c>
      <c r="F422" s="75"/>
      <c r="G422" s="75"/>
      <c r="H422" s="78"/>
      <c r="I422" s="78"/>
      <c r="J422" s="78"/>
      <c r="K422" s="75" t="s">
        <v>17</v>
      </c>
      <c r="L422" s="17" t="s">
        <v>71</v>
      </c>
      <c r="M422" s="78">
        <v>12</v>
      </c>
      <c r="N422" s="75"/>
      <c r="O422" s="78"/>
      <c r="P422" s="78"/>
      <c r="Q422" s="78"/>
      <c r="R422" s="98"/>
    </row>
    <row r="423" spans="1:18" hidden="1">
      <c r="D423" s="144"/>
      <c r="E423" s="24"/>
      <c r="F423" s="24"/>
      <c r="G423" s="24"/>
      <c r="H423" s="18">
        <v>1</v>
      </c>
      <c r="I423" s="18">
        <v>128</v>
      </c>
      <c r="J423" s="18" t="s">
        <v>128</v>
      </c>
      <c r="K423" s="11" t="s">
        <v>66</v>
      </c>
      <c r="L423" s="8" t="s">
        <v>65</v>
      </c>
      <c r="M423" s="18">
        <v>1</v>
      </c>
      <c r="N423" s="11" t="s">
        <v>514</v>
      </c>
      <c r="O423" s="18">
        <v>2</v>
      </c>
      <c r="P423" s="18">
        <v>3</v>
      </c>
      <c r="Q423" s="70" t="s">
        <v>624</v>
      </c>
      <c r="R423" s="98"/>
    </row>
    <row r="424" spans="1:18" hidden="1">
      <c r="D424" s="144"/>
      <c r="E424" s="144"/>
      <c r="F424" s="144"/>
      <c r="G424" s="144"/>
      <c r="H424" s="25">
        <v>2</v>
      </c>
      <c r="I424" s="25">
        <v>127</v>
      </c>
      <c r="J424" s="25" t="s">
        <v>126</v>
      </c>
      <c r="K424" s="25" t="s">
        <v>78</v>
      </c>
      <c r="L424" s="25" t="s">
        <v>174</v>
      </c>
      <c r="M424" s="25">
        <v>1</v>
      </c>
      <c r="N424" s="25" t="s">
        <v>509</v>
      </c>
      <c r="O424" s="25">
        <v>1</v>
      </c>
      <c r="P424" s="25">
        <v>30</v>
      </c>
      <c r="Q424" s="25"/>
      <c r="R424" s="98"/>
    </row>
    <row r="425" spans="1:18" hidden="1">
      <c r="D425" s="144"/>
      <c r="E425" s="144"/>
      <c r="F425" s="144"/>
      <c r="G425" s="144"/>
      <c r="H425" s="18">
        <v>3</v>
      </c>
      <c r="I425" s="18">
        <v>352</v>
      </c>
      <c r="J425" s="18" t="s">
        <v>3</v>
      </c>
      <c r="K425" s="11" t="s">
        <v>78</v>
      </c>
      <c r="L425" s="8" t="s">
        <v>71</v>
      </c>
      <c r="M425" s="18">
        <v>1</v>
      </c>
      <c r="N425" s="11" t="s">
        <v>509</v>
      </c>
      <c r="O425" s="18">
        <v>1</v>
      </c>
      <c r="P425" s="18">
        <v>80</v>
      </c>
      <c r="Q425" s="18"/>
      <c r="R425" s="98"/>
    </row>
    <row r="426" spans="1:18" hidden="1">
      <c r="A426" s="138"/>
      <c r="B426" s="138"/>
      <c r="C426" s="138"/>
      <c r="D426" s="138" t="s">
        <v>124</v>
      </c>
      <c r="E426" s="17" t="s">
        <v>475</v>
      </c>
      <c r="F426" s="17"/>
      <c r="G426" s="17"/>
      <c r="H426" s="138"/>
      <c r="I426" s="138"/>
      <c r="J426" s="138"/>
      <c r="K426" s="17" t="s">
        <v>17</v>
      </c>
      <c r="L426" s="17" t="s">
        <v>71</v>
      </c>
      <c r="M426" s="138">
        <v>3</v>
      </c>
      <c r="N426" s="17"/>
      <c r="O426" s="138"/>
      <c r="P426" s="138"/>
      <c r="Q426" s="138"/>
      <c r="R426" s="98"/>
    </row>
    <row r="427" spans="1:18" hidden="1">
      <c r="H427" s="72">
        <v>1</v>
      </c>
      <c r="I427" s="72">
        <v>366</v>
      </c>
      <c r="J427" s="72" t="s">
        <v>122</v>
      </c>
      <c r="K427" s="8" t="s">
        <v>66</v>
      </c>
      <c r="L427" s="8" t="s">
        <v>65</v>
      </c>
      <c r="M427" s="72">
        <v>1</v>
      </c>
      <c r="N427" s="8" t="s">
        <v>514</v>
      </c>
      <c r="O427" s="72">
        <v>2</v>
      </c>
      <c r="P427" s="72">
        <v>2</v>
      </c>
      <c r="Q427" s="72" t="s">
        <v>704</v>
      </c>
      <c r="R427" s="98"/>
    </row>
    <row r="428" spans="1:18" hidden="1">
      <c r="H428" s="72">
        <v>2</v>
      </c>
      <c r="I428" s="72">
        <v>93</v>
      </c>
      <c r="J428" s="72" t="s">
        <v>120</v>
      </c>
      <c r="K428" s="8" t="s">
        <v>17</v>
      </c>
      <c r="L428" s="8" t="s">
        <v>71</v>
      </c>
      <c r="M428" s="72">
        <v>1</v>
      </c>
      <c r="N428" s="8" t="s">
        <v>509</v>
      </c>
      <c r="O428" s="72">
        <v>1</v>
      </c>
      <c r="P428" s="72">
        <v>60</v>
      </c>
      <c r="R428" s="98"/>
    </row>
    <row r="429" spans="1:18" hidden="1">
      <c r="H429" s="72">
        <v>3</v>
      </c>
      <c r="I429" s="72">
        <v>365</v>
      </c>
      <c r="J429" s="72" t="s">
        <v>114</v>
      </c>
      <c r="K429" s="8" t="s">
        <v>78</v>
      </c>
      <c r="L429" s="8" t="s">
        <v>71</v>
      </c>
      <c r="M429" s="72">
        <v>1</v>
      </c>
      <c r="N429" s="8" t="s">
        <v>514</v>
      </c>
      <c r="O429" s="72">
        <v>2</v>
      </c>
      <c r="P429" s="72">
        <v>2</v>
      </c>
      <c r="Q429" s="70" t="s">
        <v>624</v>
      </c>
      <c r="R429" s="98"/>
    </row>
    <row r="430" spans="1:18" hidden="1">
      <c r="H430" s="72">
        <v>4</v>
      </c>
      <c r="I430" s="72">
        <v>364</v>
      </c>
      <c r="J430" s="72" t="s">
        <v>112</v>
      </c>
      <c r="K430" s="8" t="s">
        <v>78</v>
      </c>
      <c r="L430" s="8" t="s">
        <v>71</v>
      </c>
      <c r="M430" s="72">
        <v>1</v>
      </c>
      <c r="N430" s="8" t="s">
        <v>509</v>
      </c>
      <c r="O430" s="72">
        <v>1</v>
      </c>
      <c r="P430" s="72">
        <v>80</v>
      </c>
      <c r="R430" s="98"/>
    </row>
    <row r="431" spans="1:18" hidden="1">
      <c r="H431" s="72">
        <v>5</v>
      </c>
      <c r="I431" s="72">
        <v>365</v>
      </c>
      <c r="J431" s="72" t="s">
        <v>114</v>
      </c>
      <c r="K431" s="8" t="s">
        <v>78</v>
      </c>
      <c r="L431" s="8" t="s">
        <v>71</v>
      </c>
      <c r="M431" s="72">
        <v>1</v>
      </c>
      <c r="N431" s="8" t="s">
        <v>514</v>
      </c>
      <c r="O431" s="72">
        <v>2</v>
      </c>
      <c r="P431" s="72">
        <v>2</v>
      </c>
      <c r="Q431" s="70" t="s">
        <v>624</v>
      </c>
      <c r="R431" s="98"/>
    </row>
    <row r="432" spans="1:18" hidden="1">
      <c r="H432" s="72">
        <v>6</v>
      </c>
      <c r="I432" s="72">
        <v>364</v>
      </c>
      <c r="J432" s="72" t="s">
        <v>112</v>
      </c>
      <c r="K432" s="8" t="s">
        <v>78</v>
      </c>
      <c r="L432" s="8" t="s">
        <v>71</v>
      </c>
      <c r="M432" s="72">
        <v>1</v>
      </c>
      <c r="N432" s="8" t="s">
        <v>509</v>
      </c>
      <c r="O432" s="72">
        <v>1</v>
      </c>
      <c r="P432" s="72">
        <v>80</v>
      </c>
      <c r="R432" s="98"/>
    </row>
    <row r="433" spans="1:20" hidden="1">
      <c r="H433" s="72">
        <v>7</v>
      </c>
      <c r="I433" s="72">
        <v>365</v>
      </c>
      <c r="J433" s="72" t="s">
        <v>114</v>
      </c>
      <c r="K433" s="8" t="s">
        <v>78</v>
      </c>
      <c r="L433" s="8" t="s">
        <v>71</v>
      </c>
      <c r="M433" s="72">
        <v>1</v>
      </c>
      <c r="N433" s="8" t="s">
        <v>514</v>
      </c>
      <c r="O433" s="72">
        <v>2</v>
      </c>
      <c r="P433" s="72">
        <v>2</v>
      </c>
      <c r="Q433" s="70" t="s">
        <v>624</v>
      </c>
      <c r="R433" s="98"/>
    </row>
    <row r="434" spans="1:20" hidden="1">
      <c r="H434" s="72">
        <v>8</v>
      </c>
      <c r="I434" s="72">
        <v>364</v>
      </c>
      <c r="J434" s="72" t="s">
        <v>112</v>
      </c>
      <c r="K434" s="8" t="s">
        <v>78</v>
      </c>
      <c r="L434" s="8" t="s">
        <v>71</v>
      </c>
      <c r="M434" s="72">
        <v>1</v>
      </c>
      <c r="N434" s="8" t="s">
        <v>509</v>
      </c>
      <c r="O434" s="72">
        <v>1</v>
      </c>
      <c r="P434" s="72">
        <v>80</v>
      </c>
      <c r="R434" s="98"/>
    </row>
    <row r="435" spans="1:20">
      <c r="A435" s="157" t="s">
        <v>508</v>
      </c>
      <c r="B435" s="149"/>
      <c r="C435" s="149"/>
      <c r="D435" s="157"/>
      <c r="E435" s="157"/>
      <c r="F435" s="157"/>
      <c r="G435" s="157"/>
      <c r="H435" s="157"/>
      <c r="I435" s="157"/>
      <c r="J435" s="157"/>
      <c r="K435" s="157"/>
      <c r="L435" s="157"/>
      <c r="M435" s="157"/>
      <c r="N435" s="157"/>
      <c r="O435" s="157"/>
      <c r="P435" s="157"/>
      <c r="Q435" s="157"/>
      <c r="R435" s="98"/>
    </row>
    <row r="436" spans="1:20">
      <c r="A436" s="138">
        <v>10</v>
      </c>
      <c r="B436" s="138" t="s">
        <v>75</v>
      </c>
      <c r="C436" s="17" t="s">
        <v>429</v>
      </c>
      <c r="D436" s="138"/>
      <c r="E436" s="17"/>
      <c r="F436" s="17"/>
      <c r="G436" s="17"/>
      <c r="H436" s="138"/>
      <c r="I436" s="138"/>
      <c r="J436" s="138"/>
      <c r="K436" s="17" t="s">
        <v>17</v>
      </c>
      <c r="L436" s="17" t="s">
        <v>71</v>
      </c>
      <c r="M436" s="138">
        <v>1</v>
      </c>
      <c r="N436" s="17"/>
      <c r="O436" s="138"/>
      <c r="P436" s="138"/>
      <c r="Q436" s="138"/>
      <c r="R436" s="98" t="s">
        <v>1050</v>
      </c>
      <c r="S436" s="98" t="s">
        <v>1366</v>
      </c>
      <c r="T436" s="98" t="s">
        <v>2</v>
      </c>
    </row>
    <row r="437" spans="1:20">
      <c r="A437" s="138"/>
      <c r="B437" s="138"/>
      <c r="C437" s="138"/>
      <c r="D437" s="138" t="s">
        <v>75</v>
      </c>
      <c r="E437" s="17" t="s">
        <v>429</v>
      </c>
      <c r="F437" s="17"/>
      <c r="G437" s="17"/>
      <c r="H437" s="138"/>
      <c r="I437" s="138"/>
      <c r="J437" s="138"/>
      <c r="K437" s="17" t="s">
        <v>66</v>
      </c>
      <c r="L437" s="17" t="s">
        <v>65</v>
      </c>
      <c r="M437" s="138">
        <v>1</v>
      </c>
      <c r="N437" s="17"/>
      <c r="O437" s="138"/>
      <c r="P437" s="138"/>
      <c r="Q437" s="138"/>
      <c r="R437" s="98"/>
    </row>
    <row r="438" spans="1:20" hidden="1" outlineLevel="1">
      <c r="H438" s="72">
        <v>1</v>
      </c>
      <c r="I438" s="72">
        <v>354</v>
      </c>
      <c r="J438" s="72" t="s">
        <v>74</v>
      </c>
      <c r="K438" s="8" t="s">
        <v>66</v>
      </c>
      <c r="L438" s="8" t="s">
        <v>65</v>
      </c>
      <c r="M438" s="72">
        <v>1</v>
      </c>
      <c r="N438" s="8" t="s">
        <v>510</v>
      </c>
      <c r="O438" s="72">
        <v>1</v>
      </c>
      <c r="P438" s="72">
        <v>6</v>
      </c>
      <c r="Q438" s="93"/>
      <c r="R438" s="98"/>
    </row>
    <row r="439" spans="1:20" hidden="1" outlineLevel="1">
      <c r="H439" s="72">
        <v>2</v>
      </c>
      <c r="I439" s="72">
        <v>347</v>
      </c>
      <c r="J439" s="72" t="s">
        <v>73</v>
      </c>
      <c r="K439" s="8" t="s">
        <v>17</v>
      </c>
      <c r="L439" s="8" t="s">
        <v>71</v>
      </c>
      <c r="M439" s="72">
        <v>1</v>
      </c>
      <c r="N439" s="8" t="s">
        <v>438</v>
      </c>
      <c r="O439" s="72">
        <v>1</v>
      </c>
      <c r="P439" s="72">
        <v>10</v>
      </c>
      <c r="Q439" s="93"/>
      <c r="R439" s="98"/>
    </row>
    <row r="440" spans="1:20" hidden="1" collapsed="1">
      <c r="A440" s="138"/>
      <c r="B440" s="138"/>
      <c r="C440" s="138"/>
      <c r="D440" s="138" t="s">
        <v>72</v>
      </c>
      <c r="E440" s="17" t="s">
        <v>67</v>
      </c>
      <c r="F440" s="17"/>
      <c r="G440" s="17"/>
      <c r="H440" s="138"/>
      <c r="I440" s="138"/>
      <c r="J440" s="138"/>
      <c r="K440" s="17" t="s">
        <v>17</v>
      </c>
      <c r="L440" s="17" t="s">
        <v>71</v>
      </c>
      <c r="M440" s="138">
        <v>1</v>
      </c>
      <c r="N440" s="17"/>
      <c r="O440" s="138"/>
      <c r="P440" s="138"/>
      <c r="Q440" s="138"/>
      <c r="R440" s="98"/>
    </row>
    <row r="441" spans="1:20" hidden="1">
      <c r="H441" s="72">
        <v>1</v>
      </c>
      <c r="I441" s="72">
        <v>522</v>
      </c>
      <c r="J441" s="72" t="s">
        <v>69</v>
      </c>
      <c r="K441" s="8" t="s">
        <v>66</v>
      </c>
      <c r="L441" s="8" t="s">
        <v>65</v>
      </c>
      <c r="M441" s="72">
        <v>1</v>
      </c>
      <c r="N441" s="8" t="s">
        <v>514</v>
      </c>
      <c r="O441" s="72">
        <v>1</v>
      </c>
      <c r="P441" s="72">
        <v>3</v>
      </c>
      <c r="Q441" s="72" t="s">
        <v>748</v>
      </c>
      <c r="R441" s="98"/>
    </row>
    <row r="442" spans="1:20" hidden="1">
      <c r="H442" s="72">
        <v>2</v>
      </c>
      <c r="I442" s="72">
        <v>782</v>
      </c>
      <c r="J442" s="72" t="s">
        <v>67</v>
      </c>
      <c r="K442" s="8" t="s">
        <v>66</v>
      </c>
      <c r="L442" s="8" t="s">
        <v>65</v>
      </c>
      <c r="M442" s="72">
        <v>1</v>
      </c>
      <c r="N442" s="8" t="s">
        <v>438</v>
      </c>
      <c r="O442" s="72">
        <v>1</v>
      </c>
      <c r="P442" s="72">
        <v>18</v>
      </c>
      <c r="R442" s="98"/>
    </row>
    <row r="443" spans="1:20">
      <c r="A443" s="138"/>
      <c r="B443" s="138"/>
      <c r="C443" s="138"/>
      <c r="D443" s="138" t="s">
        <v>513</v>
      </c>
      <c r="E443" s="17" t="s">
        <v>512</v>
      </c>
      <c r="F443" s="17"/>
      <c r="G443" s="17"/>
      <c r="H443" s="138"/>
      <c r="I443" s="138"/>
      <c r="J443" s="138"/>
      <c r="K443" s="17" t="s">
        <v>66</v>
      </c>
      <c r="L443" s="17" t="s">
        <v>65</v>
      </c>
      <c r="M443" s="138">
        <v>1</v>
      </c>
      <c r="N443" s="17"/>
      <c r="O443" s="138"/>
      <c r="P443" s="138"/>
      <c r="Q443" s="138"/>
      <c r="R443" s="98" t="s">
        <v>1109</v>
      </c>
    </row>
    <row r="444" spans="1:20" hidden="1" outlineLevel="1">
      <c r="H444" s="72">
        <v>1</v>
      </c>
      <c r="I444" s="72">
        <v>96</v>
      </c>
      <c r="J444" s="72" t="s">
        <v>511</v>
      </c>
      <c r="K444" s="8" t="s">
        <v>66</v>
      </c>
      <c r="L444" s="8" t="s">
        <v>65</v>
      </c>
      <c r="M444" s="72">
        <v>1</v>
      </c>
      <c r="N444" s="8" t="s">
        <v>510</v>
      </c>
      <c r="O444" s="72">
        <v>1</v>
      </c>
      <c r="P444" s="72">
        <v>10</v>
      </c>
      <c r="Q444" s="93"/>
    </row>
    <row r="445" spans="1:20" hidden="1" outlineLevel="1">
      <c r="H445" s="72">
        <v>2</v>
      </c>
      <c r="I445" s="72">
        <v>329</v>
      </c>
      <c r="J445" s="72" t="s">
        <v>401</v>
      </c>
      <c r="K445" s="8" t="s">
        <v>66</v>
      </c>
      <c r="L445" s="8" t="s">
        <v>65</v>
      </c>
      <c r="M445" s="72">
        <v>1</v>
      </c>
      <c r="N445" s="8" t="s">
        <v>509</v>
      </c>
      <c r="O445" s="72">
        <v>4</v>
      </c>
      <c r="P445" s="72">
        <v>9</v>
      </c>
      <c r="Q445" s="93"/>
    </row>
    <row r="446" spans="1:20" collapsed="1">
      <c r="L446" s="24"/>
      <c r="R446" s="131"/>
    </row>
    <row r="447" spans="1:20">
      <c r="R447" s="131"/>
    </row>
    <row r="448" spans="1:20">
      <c r="R448" s="131"/>
    </row>
    <row r="449" spans="18:18">
      <c r="R449" s="131"/>
    </row>
  </sheetData>
  <pageMargins left="0.25" right="0.25" top="0.75" bottom="0.75" header="0.3" footer="0.3"/>
  <pageSetup scale="41" orientation="landscape" horizontalDpi="1200" verticalDpi="1200" r:id="rId1"/>
  <customProperties>
    <customPr name="IbpWorksheetKeyString_GUID" r:id="rId2"/>
  </customPropertie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tabColor theme="4" tint="0.59999389629810485"/>
  </sheetPr>
  <dimension ref="A1:U779"/>
  <sheetViews>
    <sheetView topLeftCell="P1" zoomScale="70" zoomScaleNormal="70" workbookViewId="0">
      <pane ySplit="1" topLeftCell="A2" activePane="bottomLeft" state="frozen"/>
      <selection activeCell="O1" sqref="O1"/>
      <selection pane="bottomLeft" activeCell="R19" sqref="R19:U24"/>
    </sheetView>
  </sheetViews>
  <sheetFormatPr defaultColWidth="8.33203125" defaultRowHeight="14" outlineLevelRow="2"/>
  <cols>
    <col min="1" max="2" width="3" style="8" customWidth="1"/>
    <col min="3" max="3" width="5.5" style="8" customWidth="1"/>
    <col min="4" max="7" width="3" style="8" customWidth="1"/>
    <col min="8" max="8" width="3.83203125" style="8" customWidth="1"/>
    <col min="9" max="9" width="5" style="8" customWidth="1"/>
    <col min="10" max="10" width="48.6640625" style="8" customWidth="1"/>
    <col min="11" max="11" width="19" style="8" customWidth="1"/>
    <col min="12" max="12" width="11.5" style="8" customWidth="1"/>
    <col min="13" max="13" width="10.5" style="8" bestFit="1" customWidth="1"/>
    <col min="14" max="14" width="4" style="8" customWidth="1"/>
    <col min="15" max="16" width="6.5" style="8" customWidth="1"/>
    <col min="17" max="17" width="37.83203125" style="8" customWidth="1"/>
    <col min="18" max="18" width="45.5" style="10" customWidth="1"/>
    <col min="19" max="19" width="44.1640625" style="10" customWidth="1"/>
    <col min="20" max="20" width="40.5" style="93" customWidth="1"/>
    <col min="21" max="21" width="41.1640625" style="93" customWidth="1"/>
    <col min="22" max="16384" width="8.33203125" style="10"/>
  </cols>
  <sheetData>
    <row r="1" spans="1:21" s="20" customFormat="1" ht="42">
      <c r="A1" s="42" t="s">
        <v>415</v>
      </c>
      <c r="B1" s="42" t="s">
        <v>416</v>
      </c>
      <c r="C1" s="42" t="s">
        <v>412</v>
      </c>
      <c r="D1" s="42" t="s">
        <v>418</v>
      </c>
      <c r="E1" s="42" t="s">
        <v>431</v>
      </c>
      <c r="F1" s="42" t="s">
        <v>411</v>
      </c>
      <c r="G1" s="42" t="s">
        <v>419</v>
      </c>
      <c r="H1" s="42" t="s">
        <v>420</v>
      </c>
      <c r="I1" s="42" t="s">
        <v>410</v>
      </c>
      <c r="J1" s="42" t="s">
        <v>408</v>
      </c>
      <c r="K1" s="42" t="s">
        <v>407</v>
      </c>
      <c r="L1" s="42" t="s">
        <v>406</v>
      </c>
      <c r="M1" s="42" t="s">
        <v>535</v>
      </c>
      <c r="N1" s="42" t="s">
        <v>534</v>
      </c>
      <c r="O1" s="42" t="s">
        <v>533</v>
      </c>
      <c r="P1" s="42" t="s">
        <v>532</v>
      </c>
      <c r="Q1" s="69" t="s">
        <v>752</v>
      </c>
      <c r="R1" s="69" t="s">
        <v>753</v>
      </c>
      <c r="S1" s="69" t="s">
        <v>0</v>
      </c>
      <c r="T1" s="204" t="s">
        <v>1466</v>
      </c>
      <c r="U1" s="204" t="s">
        <v>1467</v>
      </c>
    </row>
    <row r="2" spans="1:21">
      <c r="A2" s="21"/>
      <c r="B2" s="21"/>
      <c r="C2" s="21"/>
      <c r="D2" s="21"/>
      <c r="E2" s="21"/>
      <c r="F2" s="21"/>
      <c r="G2" s="21"/>
      <c r="H2" s="21"/>
      <c r="I2" s="21"/>
      <c r="J2" s="21"/>
      <c r="K2" s="21"/>
      <c r="L2" s="21"/>
      <c r="M2" s="21"/>
      <c r="N2" s="21"/>
      <c r="O2" s="21"/>
      <c r="P2" s="21"/>
      <c r="Q2" s="21"/>
      <c r="R2" s="238"/>
      <c r="S2" s="238"/>
      <c r="T2" s="238"/>
      <c r="U2" s="238"/>
    </row>
    <row r="3" spans="1:21">
      <c r="A3" s="17"/>
      <c r="B3" s="17"/>
      <c r="C3" s="17" t="s">
        <v>405</v>
      </c>
      <c r="D3" s="17" t="s">
        <v>422</v>
      </c>
      <c r="E3" s="17"/>
      <c r="F3" s="17"/>
      <c r="G3" s="17"/>
      <c r="H3" s="17"/>
      <c r="I3" s="17"/>
      <c r="J3" s="17"/>
      <c r="K3" s="17" t="s">
        <v>66</v>
      </c>
      <c r="L3" s="17" t="s">
        <v>65</v>
      </c>
      <c r="M3" s="17">
        <v>1</v>
      </c>
      <c r="N3" s="17"/>
      <c r="O3" s="17"/>
      <c r="P3" s="17"/>
      <c r="Q3" s="17"/>
      <c r="R3" s="238" t="s">
        <v>1128</v>
      </c>
      <c r="S3" s="238"/>
      <c r="T3" s="238"/>
      <c r="U3" s="238"/>
    </row>
    <row r="4" spans="1:21">
      <c r="H4" s="8">
        <v>1</v>
      </c>
      <c r="I4" s="8">
        <v>143</v>
      </c>
      <c r="J4" s="8" t="s">
        <v>403</v>
      </c>
      <c r="K4" s="8" t="s">
        <v>66</v>
      </c>
      <c r="L4" s="8" t="s">
        <v>65</v>
      </c>
      <c r="M4" s="8">
        <v>1</v>
      </c>
      <c r="N4" s="8" t="s">
        <v>514</v>
      </c>
      <c r="O4" s="8">
        <v>3</v>
      </c>
      <c r="P4" s="8">
        <v>3</v>
      </c>
      <c r="Q4" s="8" t="s">
        <v>756</v>
      </c>
      <c r="R4" s="238"/>
      <c r="S4" s="238"/>
      <c r="T4" s="238"/>
      <c r="U4" s="238"/>
    </row>
    <row r="5" spans="1:21">
      <c r="H5" s="8">
        <v>2</v>
      </c>
      <c r="I5" s="8">
        <v>329</v>
      </c>
      <c r="J5" s="8" t="s">
        <v>401</v>
      </c>
      <c r="K5" s="8" t="s">
        <v>66</v>
      </c>
      <c r="L5" s="8" t="s">
        <v>65</v>
      </c>
      <c r="M5" s="8">
        <v>1</v>
      </c>
      <c r="N5" s="8" t="s">
        <v>509</v>
      </c>
      <c r="O5" s="8">
        <v>4</v>
      </c>
      <c r="P5" s="8">
        <v>9</v>
      </c>
      <c r="R5" s="238"/>
      <c r="S5" s="238"/>
      <c r="T5" s="238"/>
      <c r="U5" s="238"/>
    </row>
    <row r="6" spans="1:21">
      <c r="A6" s="17"/>
      <c r="B6" s="17"/>
      <c r="C6" s="17" t="s">
        <v>432</v>
      </c>
      <c r="D6" s="17" t="s">
        <v>433</v>
      </c>
      <c r="E6" s="17"/>
      <c r="F6" s="17"/>
      <c r="G6" s="17"/>
      <c r="H6" s="17"/>
      <c r="I6" s="17"/>
      <c r="J6" s="17"/>
      <c r="K6" s="17" t="s">
        <v>66</v>
      </c>
      <c r="L6" s="17" t="s">
        <v>65</v>
      </c>
      <c r="M6" s="17">
        <v>1</v>
      </c>
      <c r="N6" s="17"/>
      <c r="O6" s="17"/>
      <c r="P6" s="17"/>
      <c r="Q6" s="17"/>
      <c r="R6" s="238" t="s">
        <v>1129</v>
      </c>
      <c r="S6" s="238" t="s">
        <v>1470</v>
      </c>
      <c r="T6" s="238" t="s">
        <v>1790</v>
      </c>
      <c r="U6" s="238" t="s">
        <v>1791</v>
      </c>
    </row>
    <row r="7" spans="1:21" ht="42" hidden="1" outlineLevel="1">
      <c r="H7" s="8">
        <v>1</v>
      </c>
      <c r="I7" s="8">
        <v>353</v>
      </c>
      <c r="J7" s="8" t="s">
        <v>398</v>
      </c>
      <c r="K7" s="8" t="s">
        <v>66</v>
      </c>
      <c r="L7" s="8" t="s">
        <v>65</v>
      </c>
      <c r="M7" s="8">
        <v>1</v>
      </c>
      <c r="N7" s="8" t="s">
        <v>514</v>
      </c>
      <c r="O7" s="8">
        <v>2</v>
      </c>
      <c r="P7" s="8">
        <v>2</v>
      </c>
      <c r="Q7" s="18" t="s">
        <v>757</v>
      </c>
      <c r="R7" s="238"/>
      <c r="S7" s="238"/>
      <c r="T7" s="238"/>
      <c r="U7" s="238"/>
    </row>
    <row r="8" spans="1:21" hidden="1" outlineLevel="1">
      <c r="H8" s="8">
        <v>2</v>
      </c>
      <c r="I8" s="8">
        <v>396</v>
      </c>
      <c r="J8" s="8" t="s">
        <v>434</v>
      </c>
      <c r="K8" s="8" t="s">
        <v>66</v>
      </c>
      <c r="L8" s="8" t="s">
        <v>65</v>
      </c>
      <c r="M8" s="8">
        <v>1</v>
      </c>
      <c r="N8" s="8" t="s">
        <v>509</v>
      </c>
      <c r="O8" s="8">
        <v>2</v>
      </c>
      <c r="P8" s="8">
        <v>30</v>
      </c>
      <c r="Q8" s="18"/>
      <c r="R8" s="238"/>
      <c r="S8" s="238"/>
      <c r="T8" s="238"/>
      <c r="U8" s="238"/>
    </row>
    <row r="9" spans="1:21" hidden="1" outlineLevel="1">
      <c r="H9" s="8">
        <v>3</v>
      </c>
      <c r="I9" s="8">
        <v>373</v>
      </c>
      <c r="J9" s="8" t="s">
        <v>1</v>
      </c>
      <c r="K9" s="8" t="s">
        <v>66</v>
      </c>
      <c r="L9" s="8" t="s">
        <v>65</v>
      </c>
      <c r="M9" s="8">
        <v>1</v>
      </c>
      <c r="N9" s="8" t="s">
        <v>519</v>
      </c>
      <c r="O9" s="8">
        <v>8</v>
      </c>
      <c r="P9" s="8">
        <v>8</v>
      </c>
      <c r="Q9" s="72"/>
      <c r="R9" s="238"/>
      <c r="S9" s="238"/>
      <c r="T9" s="238"/>
      <c r="U9" s="238"/>
    </row>
    <row r="10" spans="1:21" hidden="1" outlineLevel="1">
      <c r="H10" s="8">
        <v>4</v>
      </c>
      <c r="I10" s="8">
        <v>337</v>
      </c>
      <c r="J10" s="8" t="s">
        <v>79</v>
      </c>
      <c r="K10" s="8" t="s">
        <v>66</v>
      </c>
      <c r="L10" s="8" t="s">
        <v>65</v>
      </c>
      <c r="M10" s="8">
        <v>1</v>
      </c>
      <c r="N10" s="8" t="s">
        <v>518</v>
      </c>
      <c r="O10" s="8">
        <v>4</v>
      </c>
      <c r="P10" s="8">
        <v>8</v>
      </c>
      <c r="Q10" s="72"/>
      <c r="R10" s="238"/>
      <c r="S10" s="238"/>
      <c r="T10" s="238"/>
      <c r="U10" s="238"/>
    </row>
    <row r="11" spans="1:21" ht="70" hidden="1" outlineLevel="1">
      <c r="H11" s="8">
        <v>5</v>
      </c>
      <c r="I11" s="8">
        <v>1005</v>
      </c>
      <c r="J11" s="8" t="s">
        <v>435</v>
      </c>
      <c r="K11" s="8" t="s">
        <v>17</v>
      </c>
      <c r="L11" s="8" t="s">
        <v>71</v>
      </c>
      <c r="M11" s="8">
        <v>1</v>
      </c>
      <c r="N11" s="8" t="s">
        <v>514</v>
      </c>
      <c r="O11" s="8">
        <v>4</v>
      </c>
      <c r="P11" s="8">
        <v>4</v>
      </c>
      <c r="Q11" s="160" t="s">
        <v>758</v>
      </c>
      <c r="R11" s="238"/>
      <c r="S11" s="238"/>
      <c r="T11" s="238"/>
      <c r="U11" s="238"/>
    </row>
    <row r="12" spans="1:21" hidden="1" outlineLevel="1">
      <c r="H12" s="8">
        <v>6</v>
      </c>
      <c r="I12" s="8">
        <v>640</v>
      </c>
      <c r="J12" s="8" t="s">
        <v>436</v>
      </c>
      <c r="K12" s="8" t="s">
        <v>78</v>
      </c>
      <c r="L12" s="8" t="s">
        <v>71</v>
      </c>
      <c r="M12" s="8">
        <v>1</v>
      </c>
      <c r="N12" s="8" t="s">
        <v>514</v>
      </c>
      <c r="O12" s="8">
        <v>2</v>
      </c>
      <c r="P12" s="8">
        <v>2</v>
      </c>
      <c r="R12" s="238"/>
      <c r="S12" s="238"/>
      <c r="T12" s="238"/>
      <c r="U12" s="238"/>
    </row>
    <row r="13" spans="1:21" hidden="1" outlineLevel="1">
      <c r="H13" s="8">
        <v>7</v>
      </c>
      <c r="I13" s="8">
        <v>641</v>
      </c>
      <c r="J13" s="8" t="s">
        <v>437</v>
      </c>
      <c r="K13" s="8" t="s">
        <v>17</v>
      </c>
      <c r="L13" s="8" t="s">
        <v>71</v>
      </c>
      <c r="M13" s="8">
        <v>1</v>
      </c>
      <c r="N13" s="8" t="s">
        <v>514</v>
      </c>
      <c r="O13" s="8">
        <v>3</v>
      </c>
      <c r="P13" s="8">
        <v>3</v>
      </c>
      <c r="R13" s="238"/>
      <c r="S13" s="238"/>
      <c r="T13" s="238"/>
      <c r="U13" s="238"/>
    </row>
    <row r="14" spans="1:21" hidden="1" collapsed="1">
      <c r="A14" s="17"/>
      <c r="B14" s="17"/>
      <c r="C14" s="17" t="s">
        <v>84</v>
      </c>
      <c r="D14" s="17" t="s">
        <v>428</v>
      </c>
      <c r="E14" s="17"/>
      <c r="F14" s="17"/>
      <c r="G14" s="17"/>
      <c r="H14" s="17"/>
      <c r="I14" s="17"/>
      <c r="J14" s="17"/>
      <c r="K14" s="17" t="s">
        <v>17</v>
      </c>
      <c r="L14" s="17" t="s">
        <v>71</v>
      </c>
      <c r="M14" s="17">
        <v>10</v>
      </c>
      <c r="N14" s="17"/>
      <c r="O14" s="17"/>
      <c r="P14" s="17"/>
      <c r="Q14" s="17"/>
      <c r="R14" s="238"/>
      <c r="S14" s="238"/>
      <c r="T14" s="238"/>
      <c r="U14" s="238"/>
    </row>
    <row r="15" spans="1:21" hidden="1">
      <c r="H15" s="8">
        <v>1</v>
      </c>
      <c r="I15" s="8">
        <v>374</v>
      </c>
      <c r="J15" s="8" t="s">
        <v>82</v>
      </c>
      <c r="K15" s="8" t="s">
        <v>66</v>
      </c>
      <c r="L15" s="8" t="s">
        <v>65</v>
      </c>
      <c r="M15" s="8">
        <v>1</v>
      </c>
      <c r="N15" s="8" t="s">
        <v>514</v>
      </c>
      <c r="O15" s="8">
        <v>3</v>
      </c>
      <c r="P15" s="8">
        <v>3</v>
      </c>
      <c r="Q15" s="8" t="s">
        <v>759</v>
      </c>
      <c r="R15" s="238"/>
      <c r="S15" s="238"/>
      <c r="T15" s="238"/>
      <c r="U15" s="238"/>
    </row>
    <row r="16" spans="1:21" hidden="1">
      <c r="H16" s="8">
        <v>2</v>
      </c>
      <c r="I16" s="8">
        <v>373</v>
      </c>
      <c r="J16" s="8" t="s">
        <v>1</v>
      </c>
      <c r="K16" s="8" t="s">
        <v>78</v>
      </c>
      <c r="L16" s="8" t="s">
        <v>71</v>
      </c>
      <c r="M16" s="8">
        <v>1</v>
      </c>
      <c r="N16" s="8" t="s">
        <v>519</v>
      </c>
      <c r="O16" s="8">
        <v>8</v>
      </c>
      <c r="P16" s="8">
        <v>8</v>
      </c>
      <c r="Q16" s="72"/>
      <c r="R16" s="238"/>
      <c r="S16" s="238"/>
      <c r="T16" s="238"/>
      <c r="U16" s="238"/>
    </row>
    <row r="17" spans="1:21" hidden="1">
      <c r="H17" s="8">
        <v>3</v>
      </c>
      <c r="I17" s="8">
        <v>337</v>
      </c>
      <c r="J17" s="8" t="s">
        <v>79</v>
      </c>
      <c r="K17" s="8" t="s">
        <v>78</v>
      </c>
      <c r="L17" s="8" t="s">
        <v>71</v>
      </c>
      <c r="M17" s="8">
        <v>1</v>
      </c>
      <c r="N17" s="8" t="s">
        <v>518</v>
      </c>
      <c r="O17" s="8">
        <v>4</v>
      </c>
      <c r="P17" s="8">
        <v>8</v>
      </c>
      <c r="Q17" s="72"/>
      <c r="R17" s="238"/>
      <c r="S17" s="238"/>
      <c r="T17" s="238"/>
      <c r="U17" s="238"/>
    </row>
    <row r="18" spans="1:21" ht="28" hidden="1">
      <c r="H18" s="8">
        <v>4</v>
      </c>
      <c r="I18" s="8">
        <v>623</v>
      </c>
      <c r="J18" s="8" t="s">
        <v>76</v>
      </c>
      <c r="K18" s="8" t="s">
        <v>17</v>
      </c>
      <c r="L18" s="8" t="s">
        <v>71</v>
      </c>
      <c r="M18" s="8">
        <v>1</v>
      </c>
      <c r="N18" s="8" t="s">
        <v>514</v>
      </c>
      <c r="O18" s="8">
        <v>2</v>
      </c>
      <c r="P18" s="8">
        <v>2</v>
      </c>
      <c r="Q18" s="70" t="s">
        <v>624</v>
      </c>
      <c r="R18" s="238"/>
      <c r="S18" s="238"/>
      <c r="T18" s="238"/>
      <c r="U18" s="238"/>
    </row>
    <row r="19" spans="1:21">
      <c r="A19" s="17"/>
      <c r="B19" s="17"/>
      <c r="C19" s="17" t="s">
        <v>84</v>
      </c>
      <c r="D19" s="17" t="s">
        <v>428</v>
      </c>
      <c r="E19" s="17"/>
      <c r="F19" s="17"/>
      <c r="G19" s="17"/>
      <c r="H19" s="17"/>
      <c r="I19" s="17"/>
      <c r="J19" s="17"/>
      <c r="K19" s="17" t="s">
        <v>17</v>
      </c>
      <c r="L19" s="17" t="s">
        <v>71</v>
      </c>
      <c r="M19" s="17">
        <v>10</v>
      </c>
      <c r="N19" s="17"/>
      <c r="O19" s="17"/>
      <c r="P19" s="17"/>
      <c r="Q19" s="17"/>
      <c r="R19" s="238" t="s">
        <v>1130</v>
      </c>
      <c r="S19" s="238" t="s">
        <v>1792</v>
      </c>
      <c r="T19" s="238" t="s">
        <v>1468</v>
      </c>
      <c r="U19" s="238" t="s">
        <v>1469</v>
      </c>
    </row>
    <row r="20" spans="1:21" hidden="1" outlineLevel="1">
      <c r="H20" s="8">
        <v>1</v>
      </c>
      <c r="I20" s="8">
        <v>374</v>
      </c>
      <c r="J20" s="8" t="s">
        <v>82</v>
      </c>
      <c r="K20" s="8" t="s">
        <v>66</v>
      </c>
      <c r="L20" s="8" t="s">
        <v>65</v>
      </c>
      <c r="M20" s="8">
        <v>1</v>
      </c>
      <c r="N20" s="8" t="s">
        <v>514</v>
      </c>
      <c r="O20" s="8">
        <v>3</v>
      </c>
      <c r="P20" s="8">
        <v>3</v>
      </c>
      <c r="Q20" s="8" t="s">
        <v>760</v>
      </c>
      <c r="R20" s="238"/>
      <c r="S20" s="238"/>
      <c r="T20" s="238"/>
      <c r="U20" s="238"/>
    </row>
    <row r="21" spans="1:21" hidden="1" outlineLevel="1">
      <c r="H21" s="8">
        <v>2</v>
      </c>
      <c r="I21" s="8">
        <v>373</v>
      </c>
      <c r="J21" s="8" t="s">
        <v>1</v>
      </c>
      <c r="K21" s="8" t="s">
        <v>78</v>
      </c>
      <c r="L21" s="8" t="s">
        <v>71</v>
      </c>
      <c r="M21" s="8">
        <v>1</v>
      </c>
      <c r="N21" s="8" t="s">
        <v>519</v>
      </c>
      <c r="O21" s="8">
        <v>8</v>
      </c>
      <c r="P21" s="8">
        <v>8</v>
      </c>
      <c r="Q21" s="72"/>
      <c r="R21" s="238"/>
      <c r="S21" s="238"/>
      <c r="T21" s="238"/>
      <c r="U21" s="238"/>
    </row>
    <row r="22" spans="1:21" hidden="1" outlineLevel="1">
      <c r="H22" s="8">
        <v>3</v>
      </c>
      <c r="I22" s="8">
        <v>337</v>
      </c>
      <c r="J22" s="8" t="s">
        <v>79</v>
      </c>
      <c r="K22" s="8" t="s">
        <v>78</v>
      </c>
      <c r="L22" s="8" t="s">
        <v>71</v>
      </c>
      <c r="M22" s="8">
        <v>1</v>
      </c>
      <c r="N22" s="8" t="s">
        <v>518</v>
      </c>
      <c r="O22" s="8">
        <v>4</v>
      </c>
      <c r="P22" s="8">
        <v>8</v>
      </c>
      <c r="Q22" s="72"/>
      <c r="R22" s="238"/>
      <c r="S22" s="238"/>
      <c r="T22" s="238"/>
      <c r="U22" s="238"/>
    </row>
    <row r="23" spans="1:21" ht="28" hidden="1" outlineLevel="1">
      <c r="H23" s="8">
        <v>4</v>
      </c>
      <c r="I23" s="8">
        <v>623</v>
      </c>
      <c r="J23" s="8" t="s">
        <v>76</v>
      </c>
      <c r="K23" s="8" t="s">
        <v>17</v>
      </c>
      <c r="L23" s="8" t="s">
        <v>71</v>
      </c>
      <c r="M23" s="8">
        <v>1</v>
      </c>
      <c r="N23" s="8" t="s">
        <v>514</v>
      </c>
      <c r="O23" s="8">
        <v>2</v>
      </c>
      <c r="P23" s="8">
        <v>2</v>
      </c>
      <c r="Q23" s="70" t="s">
        <v>624</v>
      </c>
      <c r="R23" s="238"/>
      <c r="S23" s="238"/>
      <c r="T23" s="238"/>
      <c r="U23" s="238"/>
    </row>
    <row r="24" spans="1:21" collapsed="1">
      <c r="A24" s="17"/>
      <c r="B24" s="17"/>
      <c r="C24" s="17" t="s">
        <v>84</v>
      </c>
      <c r="D24" s="17" t="s">
        <v>428</v>
      </c>
      <c r="E24" s="17"/>
      <c r="F24" s="17"/>
      <c r="G24" s="17"/>
      <c r="H24" s="17"/>
      <c r="I24" s="17"/>
      <c r="J24" s="17"/>
      <c r="K24" s="17" t="s">
        <v>17</v>
      </c>
      <c r="L24" s="17" t="s">
        <v>71</v>
      </c>
      <c r="M24" s="17">
        <v>10</v>
      </c>
      <c r="N24" s="17"/>
      <c r="O24" s="17"/>
      <c r="P24" s="17"/>
      <c r="Q24" s="17"/>
      <c r="R24" s="238" t="s">
        <v>1131</v>
      </c>
      <c r="S24" s="238" t="s">
        <v>1482</v>
      </c>
      <c r="T24" s="238" t="s">
        <v>1476</v>
      </c>
      <c r="U24" s="238" t="s">
        <v>17</v>
      </c>
    </row>
    <row r="25" spans="1:21" hidden="1" outlineLevel="1">
      <c r="H25" s="8">
        <v>1</v>
      </c>
      <c r="I25" s="8">
        <v>374</v>
      </c>
      <c r="J25" s="8" t="s">
        <v>82</v>
      </c>
      <c r="K25" s="8" t="s">
        <v>66</v>
      </c>
      <c r="L25" s="8" t="s">
        <v>65</v>
      </c>
      <c r="M25" s="8">
        <v>1</v>
      </c>
      <c r="N25" s="8" t="s">
        <v>514</v>
      </c>
      <c r="O25" s="8">
        <v>3</v>
      </c>
      <c r="P25" s="8">
        <v>3</v>
      </c>
      <c r="Q25" s="8" t="s">
        <v>761</v>
      </c>
      <c r="R25" s="238"/>
      <c r="S25" s="238"/>
      <c r="T25" s="238"/>
      <c r="U25" s="238"/>
    </row>
    <row r="26" spans="1:21" hidden="1" outlineLevel="1">
      <c r="H26" s="8">
        <v>2</v>
      </c>
      <c r="I26" s="8">
        <v>373</v>
      </c>
      <c r="J26" s="8" t="s">
        <v>1</v>
      </c>
      <c r="K26" s="8" t="s">
        <v>78</v>
      </c>
      <c r="L26" s="8" t="s">
        <v>71</v>
      </c>
      <c r="M26" s="8">
        <v>1</v>
      </c>
      <c r="N26" s="8" t="s">
        <v>519</v>
      </c>
      <c r="O26" s="8">
        <v>8</v>
      </c>
      <c r="P26" s="8">
        <v>8</v>
      </c>
      <c r="Q26" s="72"/>
      <c r="R26" s="238"/>
      <c r="S26" s="238"/>
      <c r="T26" s="238"/>
      <c r="U26" s="238"/>
    </row>
    <row r="27" spans="1:21" hidden="1" outlineLevel="1">
      <c r="H27" s="8">
        <v>3</v>
      </c>
      <c r="I27" s="8">
        <v>337</v>
      </c>
      <c r="J27" s="8" t="s">
        <v>79</v>
      </c>
      <c r="K27" s="8" t="s">
        <v>78</v>
      </c>
      <c r="L27" s="8" t="s">
        <v>71</v>
      </c>
      <c r="M27" s="8">
        <v>1</v>
      </c>
      <c r="N27" s="8" t="s">
        <v>518</v>
      </c>
      <c r="O27" s="8">
        <v>4</v>
      </c>
      <c r="P27" s="8">
        <v>8</v>
      </c>
      <c r="Q27" s="72"/>
      <c r="R27" s="238"/>
      <c r="S27" s="238"/>
      <c r="T27" s="238"/>
      <c r="U27" s="238"/>
    </row>
    <row r="28" spans="1:21" ht="28" hidden="1" outlineLevel="1">
      <c r="H28" s="8">
        <v>4</v>
      </c>
      <c r="I28" s="8">
        <v>623</v>
      </c>
      <c r="J28" s="8" t="s">
        <v>76</v>
      </c>
      <c r="K28" s="8" t="s">
        <v>17</v>
      </c>
      <c r="L28" s="8" t="s">
        <v>71</v>
      </c>
      <c r="M28" s="8">
        <v>1</v>
      </c>
      <c r="N28" s="8" t="s">
        <v>514</v>
      </c>
      <c r="O28" s="8">
        <v>2</v>
      </c>
      <c r="P28" s="8">
        <v>2</v>
      </c>
      <c r="Q28" s="70" t="s">
        <v>624</v>
      </c>
      <c r="R28" s="238"/>
      <c r="S28" s="238"/>
      <c r="T28" s="238"/>
      <c r="U28" s="238"/>
    </row>
    <row r="29" spans="1:21" hidden="1" collapsed="1">
      <c r="A29" s="17"/>
      <c r="B29" s="17"/>
      <c r="C29" s="17" t="s">
        <v>84</v>
      </c>
      <c r="D29" s="17" t="s">
        <v>428</v>
      </c>
      <c r="E29" s="17"/>
      <c r="F29" s="17"/>
      <c r="G29" s="17"/>
      <c r="H29" s="17"/>
      <c r="I29" s="17"/>
      <c r="J29" s="17"/>
      <c r="K29" s="17" t="s">
        <v>17</v>
      </c>
      <c r="L29" s="17" t="s">
        <v>71</v>
      </c>
      <c r="M29" s="17">
        <v>10</v>
      </c>
      <c r="N29" s="17"/>
      <c r="O29" s="17"/>
      <c r="P29" s="17"/>
      <c r="Q29" s="17"/>
      <c r="R29" s="238"/>
      <c r="S29" s="238"/>
      <c r="T29" s="238"/>
      <c r="U29" s="238"/>
    </row>
    <row r="30" spans="1:21" hidden="1">
      <c r="H30" s="8">
        <v>1</v>
      </c>
      <c r="I30" s="8">
        <v>374</v>
      </c>
      <c r="J30" s="8" t="s">
        <v>82</v>
      </c>
      <c r="K30" s="8" t="s">
        <v>66</v>
      </c>
      <c r="L30" s="8" t="s">
        <v>65</v>
      </c>
      <c r="M30" s="8">
        <v>1</v>
      </c>
      <c r="N30" s="8" t="s">
        <v>514</v>
      </c>
      <c r="O30" s="8">
        <v>3</v>
      </c>
      <c r="P30" s="8">
        <v>3</v>
      </c>
      <c r="Q30" s="8" t="s">
        <v>663</v>
      </c>
      <c r="R30" s="238"/>
      <c r="S30" s="238"/>
      <c r="T30" s="238"/>
      <c r="U30" s="238"/>
    </row>
    <row r="31" spans="1:21" hidden="1">
      <c r="H31" s="8">
        <v>2</v>
      </c>
      <c r="I31" s="8">
        <v>373</v>
      </c>
      <c r="J31" s="8" t="s">
        <v>1</v>
      </c>
      <c r="K31" s="8" t="s">
        <v>78</v>
      </c>
      <c r="L31" s="8" t="s">
        <v>71</v>
      </c>
      <c r="M31" s="8">
        <v>1</v>
      </c>
      <c r="N31" s="8" t="s">
        <v>519</v>
      </c>
      <c r="O31" s="8">
        <v>8</v>
      </c>
      <c r="P31" s="8">
        <v>8</v>
      </c>
      <c r="Q31" s="72"/>
      <c r="R31" s="238"/>
      <c r="S31" s="238"/>
      <c r="T31" s="238"/>
      <c r="U31" s="238"/>
    </row>
    <row r="32" spans="1:21" hidden="1">
      <c r="H32" s="8">
        <v>3</v>
      </c>
      <c r="I32" s="8">
        <v>337</v>
      </c>
      <c r="J32" s="8" t="s">
        <v>79</v>
      </c>
      <c r="K32" s="8" t="s">
        <v>78</v>
      </c>
      <c r="L32" s="8" t="s">
        <v>71</v>
      </c>
      <c r="M32" s="8">
        <v>1</v>
      </c>
      <c r="N32" s="8" t="s">
        <v>518</v>
      </c>
      <c r="O32" s="8">
        <v>4</v>
      </c>
      <c r="P32" s="8">
        <v>8</v>
      </c>
      <c r="Q32" s="72"/>
      <c r="R32" s="238"/>
      <c r="S32" s="238"/>
      <c r="T32" s="238"/>
      <c r="U32" s="238"/>
    </row>
    <row r="33" spans="1:21" ht="28" hidden="1">
      <c r="H33" s="8">
        <v>4</v>
      </c>
      <c r="I33" s="8">
        <v>623</v>
      </c>
      <c r="J33" s="8" t="s">
        <v>76</v>
      </c>
      <c r="K33" s="8" t="s">
        <v>17</v>
      </c>
      <c r="L33" s="8" t="s">
        <v>71</v>
      </c>
      <c r="M33" s="8">
        <v>1</v>
      </c>
      <c r="N33" s="8" t="s">
        <v>514</v>
      </c>
      <c r="O33" s="8">
        <v>2</v>
      </c>
      <c r="P33" s="8">
        <v>2</v>
      </c>
      <c r="Q33" s="70" t="s">
        <v>624</v>
      </c>
      <c r="R33" s="238"/>
      <c r="S33" s="238"/>
      <c r="T33" s="238"/>
      <c r="U33" s="238"/>
    </row>
    <row r="34" spans="1:21" hidden="1">
      <c r="A34" s="17"/>
      <c r="B34" s="17"/>
      <c r="C34" s="17" t="s">
        <v>84</v>
      </c>
      <c r="D34" s="17" t="s">
        <v>428</v>
      </c>
      <c r="E34" s="17"/>
      <c r="F34" s="17"/>
      <c r="G34" s="17"/>
      <c r="H34" s="17"/>
      <c r="I34" s="17"/>
      <c r="J34" s="17"/>
      <c r="K34" s="17" t="s">
        <v>17</v>
      </c>
      <c r="L34" s="17" t="s">
        <v>71</v>
      </c>
      <c r="M34" s="17">
        <v>10</v>
      </c>
      <c r="N34" s="17"/>
      <c r="O34" s="17"/>
      <c r="P34" s="17"/>
      <c r="Q34" s="17"/>
      <c r="R34" s="238"/>
      <c r="S34" s="238"/>
      <c r="T34" s="238"/>
      <c r="U34" s="238"/>
    </row>
    <row r="35" spans="1:21" hidden="1">
      <c r="H35" s="8">
        <v>1</v>
      </c>
      <c r="I35" s="8">
        <v>374</v>
      </c>
      <c r="J35" s="8" t="s">
        <v>82</v>
      </c>
      <c r="K35" s="8" t="s">
        <v>66</v>
      </c>
      <c r="L35" s="8" t="s">
        <v>65</v>
      </c>
      <c r="M35" s="8">
        <v>1</v>
      </c>
      <c r="N35" s="8" t="s">
        <v>514</v>
      </c>
      <c r="O35" s="8">
        <v>3</v>
      </c>
      <c r="P35" s="8">
        <v>3</v>
      </c>
      <c r="Q35" s="8" t="s">
        <v>662</v>
      </c>
      <c r="R35" s="238"/>
      <c r="S35" s="238"/>
      <c r="T35" s="238"/>
      <c r="U35" s="238"/>
    </row>
    <row r="36" spans="1:21" hidden="1">
      <c r="H36" s="8">
        <v>2</v>
      </c>
      <c r="I36" s="8">
        <v>373</v>
      </c>
      <c r="J36" s="8" t="s">
        <v>1</v>
      </c>
      <c r="K36" s="8" t="s">
        <v>78</v>
      </c>
      <c r="L36" s="8" t="s">
        <v>71</v>
      </c>
      <c r="M36" s="8">
        <v>1</v>
      </c>
      <c r="N36" s="8" t="s">
        <v>519</v>
      </c>
      <c r="O36" s="8">
        <v>8</v>
      </c>
      <c r="P36" s="8">
        <v>8</v>
      </c>
      <c r="Q36" s="72"/>
      <c r="R36" s="238"/>
      <c r="S36" s="238"/>
      <c r="T36" s="238"/>
      <c r="U36" s="238"/>
    </row>
    <row r="37" spans="1:21" hidden="1">
      <c r="H37" s="8">
        <v>3</v>
      </c>
      <c r="I37" s="8">
        <v>337</v>
      </c>
      <c r="J37" s="8" t="s">
        <v>79</v>
      </c>
      <c r="K37" s="8" t="s">
        <v>78</v>
      </c>
      <c r="L37" s="8" t="s">
        <v>71</v>
      </c>
      <c r="M37" s="8">
        <v>1</v>
      </c>
      <c r="N37" s="8" t="s">
        <v>518</v>
      </c>
      <c r="O37" s="8">
        <v>4</v>
      </c>
      <c r="P37" s="8">
        <v>8</v>
      </c>
      <c r="Q37" s="72"/>
      <c r="R37" s="238"/>
      <c r="S37" s="238"/>
      <c r="T37" s="238"/>
      <c r="U37" s="238"/>
    </row>
    <row r="38" spans="1:21" ht="28" hidden="1">
      <c r="H38" s="8">
        <v>4</v>
      </c>
      <c r="I38" s="8">
        <v>623</v>
      </c>
      <c r="J38" s="8" t="s">
        <v>76</v>
      </c>
      <c r="K38" s="8" t="s">
        <v>17</v>
      </c>
      <c r="L38" s="8" t="s">
        <v>71</v>
      </c>
      <c r="M38" s="8">
        <v>1</v>
      </c>
      <c r="N38" s="8" t="s">
        <v>514</v>
      </c>
      <c r="O38" s="8">
        <v>2</v>
      </c>
      <c r="P38" s="8">
        <v>2</v>
      </c>
      <c r="Q38" s="70" t="s">
        <v>624</v>
      </c>
      <c r="R38" s="238"/>
      <c r="S38" s="238"/>
      <c r="T38" s="238"/>
      <c r="U38" s="238"/>
    </row>
    <row r="39" spans="1:21">
      <c r="A39" s="22" t="s">
        <v>439</v>
      </c>
      <c r="B39" s="23"/>
      <c r="C39" s="23"/>
      <c r="D39" s="23"/>
      <c r="E39" s="23"/>
      <c r="F39" s="23"/>
      <c r="G39" s="23"/>
      <c r="H39" s="23"/>
      <c r="I39" s="23"/>
      <c r="J39" s="23"/>
      <c r="K39" s="23"/>
      <c r="L39" s="23"/>
      <c r="M39" s="23"/>
      <c r="N39" s="23"/>
      <c r="O39" s="23"/>
      <c r="P39" s="23"/>
      <c r="Q39" s="23"/>
      <c r="R39" s="238"/>
      <c r="S39" s="238"/>
      <c r="T39" s="238"/>
      <c r="U39" s="238"/>
    </row>
    <row r="40" spans="1:21" s="8" customFormat="1" ht="84" customHeight="1">
      <c r="A40" s="404" t="s">
        <v>762</v>
      </c>
      <c r="B40" s="404"/>
      <c r="C40" s="404"/>
      <c r="D40" s="404"/>
      <c r="E40" s="404"/>
      <c r="F40" s="404"/>
      <c r="G40" s="404"/>
      <c r="H40" s="404"/>
      <c r="I40" s="404"/>
      <c r="J40" s="404"/>
      <c r="K40" s="404"/>
      <c r="L40" s="404"/>
      <c r="M40" s="293"/>
      <c r="N40" s="293"/>
      <c r="O40" s="293"/>
      <c r="P40" s="293"/>
      <c r="Q40" s="293" t="s">
        <v>763</v>
      </c>
      <c r="R40" s="238"/>
      <c r="S40" s="238"/>
      <c r="T40" s="238"/>
      <c r="U40" s="238"/>
    </row>
    <row r="41" spans="1:21" s="8" customFormat="1">
      <c r="A41" s="17" t="s">
        <v>440</v>
      </c>
      <c r="B41" s="17" t="s">
        <v>441</v>
      </c>
      <c r="C41" s="17"/>
      <c r="D41" s="17"/>
      <c r="E41" s="17"/>
      <c r="F41" s="17"/>
      <c r="G41" s="17"/>
      <c r="H41" s="17"/>
      <c r="I41" s="17"/>
      <c r="J41" s="17"/>
      <c r="K41" s="17" t="s">
        <v>66</v>
      </c>
      <c r="L41" s="17" t="s">
        <v>65</v>
      </c>
      <c r="M41" s="17">
        <v>200000</v>
      </c>
      <c r="N41" s="17"/>
      <c r="O41" s="17"/>
      <c r="P41" s="17"/>
      <c r="Q41" s="17"/>
      <c r="R41" s="238" t="s">
        <v>1030</v>
      </c>
      <c r="S41" s="238" t="s">
        <v>1471</v>
      </c>
      <c r="T41" s="238" t="s">
        <v>2</v>
      </c>
      <c r="U41" s="238" t="s">
        <v>2</v>
      </c>
    </row>
    <row r="42" spans="1:21" s="8" customFormat="1" hidden="1">
      <c r="A42" s="17"/>
      <c r="B42" s="17"/>
      <c r="C42" s="17" t="s">
        <v>440</v>
      </c>
      <c r="D42" s="17" t="s">
        <v>441</v>
      </c>
      <c r="E42" s="17"/>
      <c r="F42" s="17"/>
      <c r="G42" s="17"/>
      <c r="H42" s="17"/>
      <c r="I42" s="17"/>
      <c r="J42" s="17"/>
      <c r="K42" s="17" t="s">
        <v>66</v>
      </c>
      <c r="L42" s="17" t="s">
        <v>65</v>
      </c>
      <c r="M42" s="17">
        <v>1</v>
      </c>
      <c r="N42" s="17"/>
      <c r="O42" s="17"/>
      <c r="P42" s="17"/>
      <c r="Q42" s="17"/>
      <c r="R42" s="238"/>
      <c r="S42" s="238"/>
      <c r="T42" s="238"/>
      <c r="U42" s="238"/>
    </row>
    <row r="43" spans="1:21" s="8" customFormat="1" ht="42" hidden="1" outlineLevel="1">
      <c r="H43" s="8">
        <v>1</v>
      </c>
      <c r="I43" s="8">
        <v>628</v>
      </c>
      <c r="J43" s="8" t="s">
        <v>442</v>
      </c>
      <c r="K43" s="8" t="s">
        <v>66</v>
      </c>
      <c r="L43" s="8" t="s">
        <v>65</v>
      </c>
      <c r="M43" s="8">
        <v>1</v>
      </c>
      <c r="N43" s="8" t="s">
        <v>509</v>
      </c>
      <c r="O43" s="8">
        <v>1</v>
      </c>
      <c r="P43" s="8">
        <v>12</v>
      </c>
      <c r="Q43" s="72" t="s">
        <v>764</v>
      </c>
      <c r="R43" s="238"/>
      <c r="S43" s="238"/>
      <c r="T43" s="238"/>
      <c r="U43" s="238"/>
    </row>
    <row r="44" spans="1:21" s="8" customFormat="1" hidden="1" outlineLevel="1">
      <c r="H44" s="19">
        <v>2</v>
      </c>
      <c r="I44" s="19">
        <v>734</v>
      </c>
      <c r="J44" s="19" t="s">
        <v>443</v>
      </c>
      <c r="K44" s="19" t="s">
        <v>17</v>
      </c>
      <c r="L44" s="19" t="s">
        <v>174</v>
      </c>
      <c r="M44" s="19">
        <v>1</v>
      </c>
      <c r="N44" s="19" t="s">
        <v>509</v>
      </c>
      <c r="O44" s="19">
        <v>1</v>
      </c>
      <c r="P44" s="19">
        <v>12</v>
      </c>
      <c r="Q44" s="19"/>
      <c r="R44" s="238"/>
      <c r="S44" s="238"/>
      <c r="T44" s="238"/>
      <c r="U44" s="238"/>
    </row>
    <row r="45" spans="1:21" s="8" customFormat="1" hidden="1" outlineLevel="1">
      <c r="H45" s="8">
        <v>3</v>
      </c>
      <c r="I45" s="8">
        <v>735</v>
      </c>
      <c r="J45" s="8" t="s">
        <v>444</v>
      </c>
      <c r="K45" s="8" t="s">
        <v>66</v>
      </c>
      <c r="L45" s="8" t="s">
        <v>65</v>
      </c>
      <c r="M45" s="8">
        <v>1</v>
      </c>
      <c r="N45" s="8" t="s">
        <v>514</v>
      </c>
      <c r="O45" s="8">
        <v>1</v>
      </c>
      <c r="P45" s="8">
        <v>2</v>
      </c>
      <c r="Q45" s="8" t="s">
        <v>713</v>
      </c>
      <c r="R45" s="238"/>
      <c r="S45" s="238"/>
      <c r="T45" s="238"/>
      <c r="U45" s="238"/>
    </row>
    <row r="46" spans="1:21" s="8" customFormat="1" hidden="1" outlineLevel="1">
      <c r="H46" s="8">
        <v>4</v>
      </c>
      <c r="I46" s="8">
        <v>736</v>
      </c>
      <c r="J46" s="8" t="s">
        <v>445</v>
      </c>
      <c r="K46" s="8" t="s">
        <v>17</v>
      </c>
      <c r="L46" s="8" t="s">
        <v>71</v>
      </c>
      <c r="M46" s="11">
        <v>1</v>
      </c>
      <c r="N46" s="11" t="s">
        <v>514</v>
      </c>
      <c r="O46" s="11">
        <v>1</v>
      </c>
      <c r="P46" s="11">
        <v>1</v>
      </c>
      <c r="Q46" s="11" t="s">
        <v>765</v>
      </c>
      <c r="R46" s="238"/>
      <c r="S46" s="238"/>
      <c r="T46" s="238"/>
      <c r="U46" s="238"/>
    </row>
    <row r="47" spans="1:21" collapsed="1">
      <c r="A47" s="17"/>
      <c r="B47" s="17"/>
      <c r="C47" s="17" t="s">
        <v>298</v>
      </c>
      <c r="D47" s="17"/>
      <c r="E47" s="17"/>
      <c r="F47" s="17"/>
      <c r="G47" s="17"/>
      <c r="H47" s="17"/>
      <c r="I47" s="17"/>
      <c r="J47" s="17"/>
      <c r="K47" s="17" t="s">
        <v>17</v>
      </c>
      <c r="L47" s="17" t="s">
        <v>71</v>
      </c>
      <c r="M47" s="17">
        <v>200</v>
      </c>
      <c r="N47" s="17"/>
      <c r="O47" s="17"/>
      <c r="P47" s="17"/>
      <c r="Q47" s="17"/>
      <c r="R47" s="238" t="s">
        <v>1685</v>
      </c>
      <c r="S47" s="238" t="s">
        <v>1686</v>
      </c>
      <c r="T47" s="238" t="s">
        <v>17</v>
      </c>
      <c r="U47" s="238" t="s">
        <v>17</v>
      </c>
    </row>
    <row r="48" spans="1:21" hidden="1" outlineLevel="1">
      <c r="H48" s="8">
        <v>1</v>
      </c>
      <c r="I48" s="8">
        <v>349</v>
      </c>
      <c r="J48" s="8" t="s">
        <v>201</v>
      </c>
      <c r="K48" s="8" t="s">
        <v>66</v>
      </c>
      <c r="L48" s="8" t="s">
        <v>65</v>
      </c>
      <c r="M48" s="8">
        <v>1</v>
      </c>
      <c r="N48" s="8" t="s">
        <v>514</v>
      </c>
      <c r="O48" s="8">
        <v>1</v>
      </c>
      <c r="P48" s="8">
        <v>1</v>
      </c>
      <c r="Q48" s="8" t="s">
        <v>666</v>
      </c>
      <c r="R48" s="238"/>
      <c r="S48" s="238"/>
      <c r="T48" s="238"/>
      <c r="U48" s="238"/>
    </row>
    <row r="49" spans="1:21" hidden="1" outlineLevel="1">
      <c r="H49" s="8">
        <v>2</v>
      </c>
      <c r="I49" s="8">
        <v>750</v>
      </c>
      <c r="J49" s="8" t="s">
        <v>295</v>
      </c>
      <c r="K49" s="8" t="s">
        <v>17</v>
      </c>
      <c r="L49" s="8" t="s">
        <v>71</v>
      </c>
      <c r="M49" s="8">
        <v>1</v>
      </c>
      <c r="N49" s="8" t="s">
        <v>514</v>
      </c>
      <c r="O49" s="8">
        <v>2</v>
      </c>
      <c r="P49" s="8">
        <v>3</v>
      </c>
      <c r="Q49" s="8" t="s">
        <v>712</v>
      </c>
      <c r="R49" s="238"/>
      <c r="S49" s="238"/>
      <c r="T49" s="238"/>
      <c r="U49" s="238"/>
    </row>
    <row r="50" spans="1:21" hidden="1" outlineLevel="1">
      <c r="H50" s="19">
        <v>3</v>
      </c>
      <c r="I50" s="19">
        <v>559</v>
      </c>
      <c r="J50" s="19" t="s">
        <v>197</v>
      </c>
      <c r="K50" s="19" t="s">
        <v>78</v>
      </c>
      <c r="L50" s="19" t="s">
        <v>174</v>
      </c>
      <c r="M50" s="19">
        <v>1</v>
      </c>
      <c r="N50" s="19" t="s">
        <v>514</v>
      </c>
      <c r="O50" s="19">
        <v>2</v>
      </c>
      <c r="P50" s="19">
        <v>2</v>
      </c>
      <c r="Q50" s="19"/>
      <c r="R50" s="238"/>
      <c r="S50" s="238"/>
      <c r="T50" s="238"/>
      <c r="U50" s="238"/>
    </row>
    <row r="51" spans="1:21" hidden="1" outlineLevel="1">
      <c r="H51" s="19">
        <v>4</v>
      </c>
      <c r="I51" s="19">
        <v>751</v>
      </c>
      <c r="J51" s="19" t="s">
        <v>292</v>
      </c>
      <c r="K51" s="19" t="s">
        <v>78</v>
      </c>
      <c r="L51" s="19" t="s">
        <v>174</v>
      </c>
      <c r="M51" s="19">
        <v>1</v>
      </c>
      <c r="N51" s="19" t="s">
        <v>509</v>
      </c>
      <c r="O51" s="19">
        <v>1</v>
      </c>
      <c r="P51" s="19">
        <v>12</v>
      </c>
      <c r="Q51" s="19"/>
      <c r="R51" s="238"/>
      <c r="S51" s="238"/>
      <c r="T51" s="238"/>
      <c r="U51" s="238"/>
    </row>
    <row r="52" spans="1:21" hidden="1" outlineLevel="1">
      <c r="H52" s="8">
        <v>5</v>
      </c>
      <c r="I52" s="8">
        <v>352</v>
      </c>
      <c r="J52" s="8" t="s">
        <v>3</v>
      </c>
      <c r="K52" s="8" t="s">
        <v>78</v>
      </c>
      <c r="L52" s="8" t="s">
        <v>71</v>
      </c>
      <c r="M52" s="8">
        <v>1</v>
      </c>
      <c r="N52" s="8" t="s">
        <v>509</v>
      </c>
      <c r="O52" s="8">
        <v>1</v>
      </c>
      <c r="P52" s="8">
        <v>80</v>
      </c>
      <c r="R52" s="238"/>
      <c r="S52" s="238"/>
      <c r="T52" s="238"/>
      <c r="U52" s="238"/>
    </row>
    <row r="53" spans="1:21" hidden="1" outlineLevel="1">
      <c r="H53" s="19">
        <v>6</v>
      </c>
      <c r="I53" s="19">
        <v>752</v>
      </c>
      <c r="J53" s="19" t="s">
        <v>304</v>
      </c>
      <c r="K53" s="19" t="s">
        <v>17</v>
      </c>
      <c r="L53" s="19" t="s">
        <v>174</v>
      </c>
      <c r="M53" s="19">
        <v>1</v>
      </c>
      <c r="N53" s="19" t="s">
        <v>514</v>
      </c>
      <c r="O53" s="19">
        <v>2</v>
      </c>
      <c r="P53" s="19">
        <v>2</v>
      </c>
      <c r="Q53" s="19"/>
      <c r="R53" s="238"/>
      <c r="S53" s="238"/>
      <c r="T53" s="238"/>
      <c r="U53" s="238"/>
    </row>
    <row r="54" spans="1:21" hidden="1" outlineLevel="1">
      <c r="H54" s="19">
        <v>7</v>
      </c>
      <c r="I54" s="19">
        <v>822</v>
      </c>
      <c r="J54" s="19" t="s">
        <v>302</v>
      </c>
      <c r="K54" s="19" t="s">
        <v>17</v>
      </c>
      <c r="L54" s="19" t="s">
        <v>174</v>
      </c>
      <c r="M54" s="19">
        <v>1</v>
      </c>
      <c r="N54" s="19" t="s">
        <v>509</v>
      </c>
      <c r="O54" s="19">
        <v>1</v>
      </c>
      <c r="P54" s="19">
        <v>15</v>
      </c>
      <c r="Q54" s="19"/>
      <c r="R54" s="238"/>
      <c r="S54" s="238"/>
      <c r="T54" s="238"/>
      <c r="U54" s="238"/>
    </row>
    <row r="55" spans="1:21" hidden="1" outlineLevel="1">
      <c r="H55" s="19">
        <v>8</v>
      </c>
      <c r="I55" s="19">
        <v>1073</v>
      </c>
      <c r="J55" s="19" t="s">
        <v>300</v>
      </c>
      <c r="K55" s="19" t="s">
        <v>17</v>
      </c>
      <c r="L55" s="19" t="s">
        <v>174</v>
      </c>
      <c r="M55" s="19">
        <v>1</v>
      </c>
      <c r="N55" s="19" t="s">
        <v>514</v>
      </c>
      <c r="O55" s="19">
        <v>1</v>
      </c>
      <c r="P55" s="19">
        <v>1</v>
      </c>
      <c r="Q55" s="19"/>
      <c r="R55" s="238"/>
      <c r="S55" s="238"/>
      <c r="T55" s="238"/>
      <c r="U55" s="238"/>
    </row>
    <row r="56" spans="1:21" hidden="1" outlineLevel="1">
      <c r="H56" s="8">
        <v>9</v>
      </c>
      <c r="I56" s="8">
        <v>819</v>
      </c>
      <c r="J56" s="8" t="s">
        <v>253</v>
      </c>
      <c r="K56" s="8" t="s">
        <v>17</v>
      </c>
      <c r="L56" s="8" t="s">
        <v>71</v>
      </c>
      <c r="M56" s="8">
        <v>1</v>
      </c>
      <c r="N56" s="8" t="s">
        <v>514</v>
      </c>
      <c r="O56" s="8">
        <v>2</v>
      </c>
      <c r="P56" s="8">
        <v>3</v>
      </c>
      <c r="R56" s="238"/>
      <c r="S56" s="238"/>
      <c r="T56" s="238"/>
      <c r="U56" s="238"/>
    </row>
    <row r="57" spans="1:21" collapsed="1">
      <c r="A57" s="17"/>
      <c r="B57" s="17"/>
      <c r="C57" s="17" t="s">
        <v>446</v>
      </c>
      <c r="D57" s="17" t="s">
        <v>447</v>
      </c>
      <c r="E57" s="17"/>
      <c r="F57" s="17"/>
      <c r="G57" s="17"/>
      <c r="H57" s="17"/>
      <c r="I57" s="17"/>
      <c r="J57" s="17"/>
      <c r="K57" s="17" t="s">
        <v>17</v>
      </c>
      <c r="L57" s="17" t="s">
        <v>71</v>
      </c>
      <c r="M57" s="17">
        <v>20</v>
      </c>
      <c r="N57" s="17"/>
      <c r="O57" s="17"/>
      <c r="P57" s="17"/>
      <c r="Q57" s="74"/>
      <c r="R57" s="238" t="s">
        <v>1132</v>
      </c>
      <c r="S57" s="238" t="s">
        <v>1472</v>
      </c>
      <c r="T57" s="238" t="s">
        <v>2</v>
      </c>
      <c r="U57" s="238" t="s">
        <v>2</v>
      </c>
    </row>
    <row r="58" spans="1:21" ht="28" hidden="1" outlineLevel="1">
      <c r="H58" s="11">
        <v>1</v>
      </c>
      <c r="I58" s="11">
        <v>103</v>
      </c>
      <c r="J58" s="11" t="s">
        <v>448</v>
      </c>
      <c r="K58" s="11" t="s">
        <v>17</v>
      </c>
      <c r="L58" s="8" t="s">
        <v>71</v>
      </c>
      <c r="M58" s="11">
        <v>1</v>
      </c>
      <c r="N58" s="11" t="s">
        <v>509</v>
      </c>
      <c r="O58" s="11">
        <v>3</v>
      </c>
      <c r="P58" s="11">
        <v>5</v>
      </c>
      <c r="Q58" s="70" t="s">
        <v>624</v>
      </c>
      <c r="R58" s="238"/>
      <c r="S58" s="238"/>
      <c r="T58" s="238"/>
      <c r="U58" s="238"/>
    </row>
    <row r="59" spans="1:21" hidden="1" outlineLevel="1">
      <c r="H59" s="11">
        <v>2</v>
      </c>
      <c r="I59" s="11">
        <v>80</v>
      </c>
      <c r="J59" s="11" t="s">
        <v>449</v>
      </c>
      <c r="K59" s="11" t="s">
        <v>78</v>
      </c>
      <c r="L59" s="8" t="s">
        <v>71</v>
      </c>
      <c r="M59" s="11">
        <v>1</v>
      </c>
      <c r="N59" s="11" t="s">
        <v>510</v>
      </c>
      <c r="O59" s="11">
        <v>1</v>
      </c>
      <c r="P59" s="11">
        <v>7</v>
      </c>
      <c r="Q59" s="18"/>
      <c r="R59" s="238"/>
      <c r="S59" s="238"/>
      <c r="T59" s="238"/>
      <c r="U59" s="238"/>
    </row>
    <row r="60" spans="1:21" collapsed="1">
      <c r="A60" s="17"/>
      <c r="B60" s="17"/>
      <c r="C60" s="17" t="s">
        <v>446</v>
      </c>
      <c r="D60" s="17" t="s">
        <v>447</v>
      </c>
      <c r="E60" s="17"/>
      <c r="F60" s="17"/>
      <c r="G60" s="17"/>
      <c r="H60" s="17"/>
      <c r="I60" s="17"/>
      <c r="J60" s="17"/>
      <c r="K60" s="17" t="s">
        <v>17</v>
      </c>
      <c r="L60" s="17" t="s">
        <v>71</v>
      </c>
      <c r="M60" s="75">
        <v>20</v>
      </c>
      <c r="N60" s="75"/>
      <c r="O60" s="75"/>
      <c r="P60" s="75"/>
      <c r="Q60" s="74"/>
      <c r="R60" s="238" t="s">
        <v>1133</v>
      </c>
      <c r="S60" s="238" t="s">
        <v>1687</v>
      </c>
      <c r="T60" s="238" t="s">
        <v>1476</v>
      </c>
      <c r="U60" s="238" t="s">
        <v>17</v>
      </c>
    </row>
    <row r="61" spans="1:21" hidden="1" outlineLevel="1">
      <c r="H61" s="19">
        <v>1</v>
      </c>
      <c r="I61" s="19">
        <v>103</v>
      </c>
      <c r="J61" s="19" t="s">
        <v>448</v>
      </c>
      <c r="K61" s="19" t="s">
        <v>17</v>
      </c>
      <c r="L61" s="19" t="s">
        <v>174</v>
      </c>
      <c r="M61" s="19">
        <v>1</v>
      </c>
      <c r="N61" s="19" t="s">
        <v>509</v>
      </c>
      <c r="O61" s="19">
        <v>3</v>
      </c>
      <c r="P61" s="19">
        <v>5</v>
      </c>
      <c r="Q61" s="19"/>
      <c r="R61" s="238"/>
      <c r="S61" s="238"/>
      <c r="T61" s="238"/>
      <c r="U61" s="238"/>
    </row>
    <row r="62" spans="1:21" hidden="1" outlineLevel="1">
      <c r="H62" s="19">
        <v>2</v>
      </c>
      <c r="I62" s="19">
        <v>80</v>
      </c>
      <c r="J62" s="19" t="s">
        <v>449</v>
      </c>
      <c r="K62" s="19" t="s">
        <v>78</v>
      </c>
      <c r="L62" s="19" t="s">
        <v>174</v>
      </c>
      <c r="M62" s="19">
        <v>1</v>
      </c>
      <c r="N62" s="19" t="s">
        <v>510</v>
      </c>
      <c r="O62" s="19">
        <v>1</v>
      </c>
      <c r="P62" s="19">
        <v>7</v>
      </c>
      <c r="Q62" s="19"/>
      <c r="R62" s="238"/>
      <c r="S62" s="238"/>
      <c r="T62" s="238"/>
      <c r="U62" s="238"/>
    </row>
    <row r="63" spans="1:21" hidden="1" outlineLevel="1">
      <c r="H63" s="19">
        <v>3</v>
      </c>
      <c r="I63" s="19">
        <v>23</v>
      </c>
      <c r="J63" s="19" t="s">
        <v>450</v>
      </c>
      <c r="K63" s="19" t="s">
        <v>17</v>
      </c>
      <c r="L63" s="19" t="s">
        <v>174</v>
      </c>
      <c r="M63" s="19">
        <v>1</v>
      </c>
      <c r="N63" s="19" t="s">
        <v>514</v>
      </c>
      <c r="O63" s="19">
        <v>1</v>
      </c>
      <c r="P63" s="19">
        <v>1</v>
      </c>
      <c r="Q63" s="19"/>
      <c r="R63" s="238"/>
      <c r="S63" s="238"/>
      <c r="T63" s="238"/>
      <c r="U63" s="238"/>
    </row>
    <row r="64" spans="1:21" hidden="1" outlineLevel="1">
      <c r="H64" s="19">
        <v>4</v>
      </c>
      <c r="I64" s="19">
        <v>22</v>
      </c>
      <c r="J64" s="19" t="s">
        <v>451</v>
      </c>
      <c r="K64" s="19" t="s">
        <v>78</v>
      </c>
      <c r="L64" s="19" t="s">
        <v>174</v>
      </c>
      <c r="M64" s="19">
        <v>1</v>
      </c>
      <c r="N64" s="19" t="s">
        <v>509</v>
      </c>
      <c r="O64" s="19">
        <v>1</v>
      </c>
      <c r="P64" s="19">
        <v>30</v>
      </c>
      <c r="Q64" s="19"/>
      <c r="R64" s="238"/>
      <c r="S64" s="238"/>
      <c r="T64" s="238"/>
      <c r="U64" s="238"/>
    </row>
    <row r="65" spans="1:21" hidden="1" outlineLevel="1">
      <c r="H65" s="19">
        <v>5</v>
      </c>
      <c r="I65" s="19">
        <v>79</v>
      </c>
      <c r="J65" s="19" t="s">
        <v>452</v>
      </c>
      <c r="K65" s="19" t="s">
        <v>17</v>
      </c>
      <c r="L65" s="19" t="s">
        <v>174</v>
      </c>
      <c r="M65" s="19">
        <v>1</v>
      </c>
      <c r="N65" s="19" t="s">
        <v>509</v>
      </c>
      <c r="O65" s="19">
        <v>1</v>
      </c>
      <c r="P65" s="19">
        <v>50</v>
      </c>
      <c r="Q65" s="19"/>
      <c r="R65" s="238"/>
      <c r="S65" s="238"/>
      <c r="T65" s="238"/>
      <c r="U65" s="238"/>
    </row>
    <row r="66" spans="1:21" hidden="1" outlineLevel="1">
      <c r="H66" s="8">
        <v>6</v>
      </c>
      <c r="I66" s="8">
        <v>187</v>
      </c>
      <c r="J66" s="8" t="s">
        <v>453</v>
      </c>
      <c r="K66" s="8" t="s">
        <v>17</v>
      </c>
      <c r="L66" s="8" t="s">
        <v>71</v>
      </c>
      <c r="M66" s="11">
        <v>1</v>
      </c>
      <c r="N66" s="11" t="s">
        <v>514</v>
      </c>
      <c r="O66" s="11">
        <v>1</v>
      </c>
      <c r="P66" s="11">
        <v>2</v>
      </c>
      <c r="Q66" s="8" t="s">
        <v>766</v>
      </c>
      <c r="R66" s="238"/>
      <c r="S66" s="238"/>
      <c r="T66" s="238"/>
      <c r="U66" s="238"/>
    </row>
    <row r="67" spans="1:21" hidden="1" outlineLevel="1">
      <c r="H67" s="8">
        <v>7</v>
      </c>
      <c r="I67" s="8">
        <v>81</v>
      </c>
      <c r="J67" s="8" t="s">
        <v>454</v>
      </c>
      <c r="K67" s="8" t="s">
        <v>78</v>
      </c>
      <c r="L67" s="8" t="s">
        <v>71</v>
      </c>
      <c r="M67" s="11">
        <v>1</v>
      </c>
      <c r="N67" s="11" t="s">
        <v>438</v>
      </c>
      <c r="O67" s="11">
        <v>1</v>
      </c>
      <c r="P67" s="11">
        <v>10</v>
      </c>
      <c r="R67" s="238"/>
      <c r="S67" s="238"/>
      <c r="T67" s="238"/>
      <c r="U67" s="238"/>
    </row>
    <row r="68" spans="1:21" hidden="1" outlineLevel="1">
      <c r="H68" s="8">
        <v>8</v>
      </c>
      <c r="I68" s="8">
        <v>355</v>
      </c>
      <c r="J68" s="8" t="s">
        <v>103</v>
      </c>
      <c r="K68" s="8" t="s">
        <v>78</v>
      </c>
      <c r="L68" s="8" t="s">
        <v>71</v>
      </c>
      <c r="M68" s="11">
        <v>1</v>
      </c>
      <c r="N68" s="11" t="s">
        <v>514</v>
      </c>
      <c r="O68" s="11">
        <v>2</v>
      </c>
      <c r="P68" s="11">
        <v>2</v>
      </c>
      <c r="R68" s="238"/>
      <c r="S68" s="238"/>
      <c r="T68" s="238"/>
      <c r="U68" s="238"/>
    </row>
    <row r="69" spans="1:21" collapsed="1">
      <c r="A69" s="17"/>
      <c r="B69" s="17"/>
      <c r="C69" s="17" t="s">
        <v>446</v>
      </c>
      <c r="D69" s="17" t="s">
        <v>447</v>
      </c>
      <c r="E69" s="17"/>
      <c r="F69" s="17"/>
      <c r="G69" s="17"/>
      <c r="H69" s="17"/>
      <c r="I69" s="17"/>
      <c r="J69" s="17"/>
      <c r="K69" s="17" t="s">
        <v>17</v>
      </c>
      <c r="L69" s="17" t="s">
        <v>71</v>
      </c>
      <c r="M69" s="17">
        <v>20</v>
      </c>
      <c r="N69" s="17"/>
      <c r="O69" s="17"/>
      <c r="P69" s="17"/>
      <c r="Q69" s="74"/>
      <c r="R69" s="238" t="s">
        <v>1688</v>
      </c>
      <c r="S69" s="238" t="s">
        <v>1473</v>
      </c>
      <c r="T69" s="238" t="s">
        <v>1474</v>
      </c>
      <c r="U69" s="238" t="s">
        <v>1475</v>
      </c>
    </row>
    <row r="70" spans="1:21" hidden="1" outlineLevel="1">
      <c r="H70" s="19">
        <v>1</v>
      </c>
      <c r="I70" s="19">
        <v>103</v>
      </c>
      <c r="J70" s="19" t="s">
        <v>448</v>
      </c>
      <c r="K70" s="19" t="s">
        <v>17</v>
      </c>
      <c r="L70" s="19" t="s">
        <v>174</v>
      </c>
      <c r="M70" s="19">
        <v>1</v>
      </c>
      <c r="N70" s="19" t="s">
        <v>509</v>
      </c>
      <c r="O70" s="19">
        <v>3</v>
      </c>
      <c r="P70" s="19">
        <v>5</v>
      </c>
      <c r="Q70" s="19"/>
      <c r="R70" s="238"/>
      <c r="S70" s="238"/>
      <c r="T70" s="238"/>
      <c r="U70" s="238"/>
    </row>
    <row r="71" spans="1:21" hidden="1" outlineLevel="1">
      <c r="H71" s="19">
        <v>2</v>
      </c>
      <c r="I71" s="19">
        <v>80</v>
      </c>
      <c r="J71" s="19" t="s">
        <v>449</v>
      </c>
      <c r="K71" s="19" t="s">
        <v>78</v>
      </c>
      <c r="L71" s="19" t="s">
        <v>174</v>
      </c>
      <c r="M71" s="19">
        <v>1</v>
      </c>
      <c r="N71" s="19" t="s">
        <v>510</v>
      </c>
      <c r="O71" s="19">
        <v>1</v>
      </c>
      <c r="P71" s="19">
        <v>7</v>
      </c>
      <c r="Q71" s="19"/>
      <c r="R71" s="238"/>
      <c r="S71" s="238"/>
      <c r="T71" s="238"/>
      <c r="U71" s="238"/>
    </row>
    <row r="72" spans="1:21" hidden="1" outlineLevel="1">
      <c r="H72" s="19">
        <v>3</v>
      </c>
      <c r="I72" s="19">
        <v>23</v>
      </c>
      <c r="J72" s="19" t="s">
        <v>450</v>
      </c>
      <c r="K72" s="19" t="s">
        <v>17</v>
      </c>
      <c r="L72" s="19" t="s">
        <v>174</v>
      </c>
      <c r="M72" s="19">
        <v>1</v>
      </c>
      <c r="N72" s="19" t="s">
        <v>514</v>
      </c>
      <c r="O72" s="19">
        <v>1</v>
      </c>
      <c r="P72" s="19">
        <v>1</v>
      </c>
      <c r="Q72" s="19"/>
      <c r="R72" s="238"/>
      <c r="S72" s="238"/>
      <c r="T72" s="238"/>
      <c r="U72" s="238"/>
    </row>
    <row r="73" spans="1:21" hidden="1" outlineLevel="1">
      <c r="H73" s="19">
        <v>4</v>
      </c>
      <c r="I73" s="19">
        <v>22</v>
      </c>
      <c r="J73" s="19" t="s">
        <v>451</v>
      </c>
      <c r="K73" s="19" t="s">
        <v>78</v>
      </c>
      <c r="L73" s="19" t="s">
        <v>174</v>
      </c>
      <c r="M73" s="19">
        <v>1</v>
      </c>
      <c r="N73" s="19" t="s">
        <v>509</v>
      </c>
      <c r="O73" s="19">
        <v>1</v>
      </c>
      <c r="P73" s="19">
        <v>30</v>
      </c>
      <c r="Q73" s="19"/>
      <c r="R73" s="238"/>
      <c r="S73" s="238"/>
      <c r="T73" s="238"/>
      <c r="U73" s="238"/>
    </row>
    <row r="74" spans="1:21" hidden="1" outlineLevel="1">
      <c r="H74" s="19">
        <v>5</v>
      </c>
      <c r="I74" s="19">
        <v>79</v>
      </c>
      <c r="J74" s="19" t="s">
        <v>452</v>
      </c>
      <c r="K74" s="19" t="s">
        <v>17</v>
      </c>
      <c r="L74" s="19" t="s">
        <v>174</v>
      </c>
      <c r="M74" s="19">
        <v>1</v>
      </c>
      <c r="N74" s="19" t="s">
        <v>509</v>
      </c>
      <c r="O74" s="19">
        <v>1</v>
      </c>
      <c r="P74" s="19">
        <v>50</v>
      </c>
      <c r="Q74" s="19"/>
      <c r="R74" s="238"/>
      <c r="S74" s="238"/>
      <c r="T74" s="238"/>
      <c r="U74" s="238"/>
    </row>
    <row r="75" spans="1:21" hidden="1" outlineLevel="1">
      <c r="H75" s="8">
        <v>6</v>
      </c>
      <c r="I75" s="8">
        <v>187</v>
      </c>
      <c r="J75" s="8" t="s">
        <v>453</v>
      </c>
      <c r="K75" s="8" t="s">
        <v>17</v>
      </c>
      <c r="L75" s="8" t="s">
        <v>71</v>
      </c>
      <c r="M75" s="11">
        <v>1</v>
      </c>
      <c r="N75" s="11" t="s">
        <v>514</v>
      </c>
      <c r="O75" s="11">
        <v>1</v>
      </c>
      <c r="P75" s="11">
        <v>2</v>
      </c>
      <c r="Q75" s="8" t="s">
        <v>651</v>
      </c>
      <c r="R75" s="238"/>
      <c r="S75" s="238"/>
      <c r="T75" s="238"/>
      <c r="U75" s="238"/>
    </row>
    <row r="76" spans="1:21" hidden="1" outlineLevel="1">
      <c r="H76" s="8">
        <v>7</v>
      </c>
      <c r="I76" s="8">
        <v>81</v>
      </c>
      <c r="J76" s="8" t="s">
        <v>454</v>
      </c>
      <c r="K76" s="8" t="s">
        <v>78</v>
      </c>
      <c r="L76" s="8" t="s">
        <v>71</v>
      </c>
      <c r="M76" s="11">
        <v>1</v>
      </c>
      <c r="N76" s="11" t="s">
        <v>438</v>
      </c>
      <c r="O76" s="11">
        <v>1</v>
      </c>
      <c r="P76" s="11">
        <v>10</v>
      </c>
      <c r="R76" s="238"/>
      <c r="S76" s="238"/>
      <c r="T76" s="238"/>
      <c r="U76" s="238"/>
    </row>
    <row r="77" spans="1:21" hidden="1" outlineLevel="1">
      <c r="H77" s="8">
        <v>8</v>
      </c>
      <c r="I77" s="8">
        <v>355</v>
      </c>
      <c r="J77" s="8" t="s">
        <v>103</v>
      </c>
      <c r="K77" s="8" t="s">
        <v>78</v>
      </c>
      <c r="L77" s="8" t="s">
        <v>71</v>
      </c>
      <c r="M77" s="11">
        <v>1</v>
      </c>
      <c r="N77" s="11" t="s">
        <v>514</v>
      </c>
      <c r="O77" s="11">
        <v>2</v>
      </c>
      <c r="P77" s="11">
        <v>2</v>
      </c>
      <c r="R77" s="238"/>
      <c r="S77" s="238"/>
      <c r="T77" s="238"/>
      <c r="U77" s="238"/>
    </row>
    <row r="78" spans="1:21" collapsed="1">
      <c r="A78" s="17"/>
      <c r="B78" s="17"/>
      <c r="C78" s="17" t="s">
        <v>446</v>
      </c>
      <c r="D78" s="17" t="s">
        <v>447</v>
      </c>
      <c r="E78" s="17"/>
      <c r="F78" s="17"/>
      <c r="G78" s="17"/>
      <c r="H78" s="17"/>
      <c r="I78" s="17"/>
      <c r="J78" s="17"/>
      <c r="K78" s="17" t="s">
        <v>17</v>
      </c>
      <c r="L78" s="17" t="s">
        <v>71</v>
      </c>
      <c r="M78" s="75">
        <v>20</v>
      </c>
      <c r="N78" s="75"/>
      <c r="O78" s="75"/>
      <c r="P78" s="75"/>
      <c r="Q78" s="74"/>
      <c r="R78" s="238" t="s">
        <v>1135</v>
      </c>
      <c r="S78" s="238"/>
      <c r="T78" s="238"/>
      <c r="U78" s="238"/>
    </row>
    <row r="79" spans="1:21" hidden="1" outlineLevel="1">
      <c r="H79" s="19">
        <v>1</v>
      </c>
      <c r="I79" s="19">
        <v>103</v>
      </c>
      <c r="J79" s="19" t="s">
        <v>448</v>
      </c>
      <c r="K79" s="19" t="s">
        <v>17</v>
      </c>
      <c r="L79" s="19" t="s">
        <v>174</v>
      </c>
      <c r="M79" s="19">
        <v>1</v>
      </c>
      <c r="N79" s="19" t="s">
        <v>509</v>
      </c>
      <c r="O79" s="19">
        <v>3</v>
      </c>
      <c r="P79" s="19">
        <v>5</v>
      </c>
      <c r="Q79" s="19"/>
      <c r="R79" s="238"/>
      <c r="S79" s="238"/>
      <c r="T79" s="238"/>
      <c r="U79" s="238"/>
    </row>
    <row r="80" spans="1:21" hidden="1" outlineLevel="1">
      <c r="H80" s="19">
        <v>2</v>
      </c>
      <c r="I80" s="19">
        <v>80</v>
      </c>
      <c r="J80" s="19" t="s">
        <v>449</v>
      </c>
      <c r="K80" s="19" t="s">
        <v>78</v>
      </c>
      <c r="L80" s="19" t="s">
        <v>174</v>
      </c>
      <c r="M80" s="19">
        <v>1</v>
      </c>
      <c r="N80" s="19" t="s">
        <v>510</v>
      </c>
      <c r="O80" s="19">
        <v>1</v>
      </c>
      <c r="P80" s="19">
        <v>7</v>
      </c>
      <c r="Q80" s="19"/>
      <c r="R80" s="238"/>
      <c r="S80" s="238"/>
      <c r="T80" s="238"/>
      <c r="U80" s="238"/>
    </row>
    <row r="81" spans="1:21" hidden="1" outlineLevel="1">
      <c r="H81" s="19">
        <v>3</v>
      </c>
      <c r="I81" s="19">
        <v>23</v>
      </c>
      <c r="J81" s="19" t="s">
        <v>450</v>
      </c>
      <c r="K81" s="19" t="s">
        <v>17</v>
      </c>
      <c r="L81" s="19" t="s">
        <v>174</v>
      </c>
      <c r="M81" s="19">
        <v>1</v>
      </c>
      <c r="N81" s="19" t="s">
        <v>514</v>
      </c>
      <c r="O81" s="19">
        <v>1</v>
      </c>
      <c r="P81" s="19">
        <v>1</v>
      </c>
      <c r="Q81" s="19"/>
      <c r="R81" s="238"/>
      <c r="S81" s="238"/>
      <c r="T81" s="238"/>
      <c r="U81" s="238"/>
    </row>
    <row r="82" spans="1:21" hidden="1" outlineLevel="1">
      <c r="H82" s="19">
        <v>4</v>
      </c>
      <c r="I82" s="19">
        <v>22</v>
      </c>
      <c r="J82" s="19" t="s">
        <v>451</v>
      </c>
      <c r="K82" s="19" t="s">
        <v>78</v>
      </c>
      <c r="L82" s="19" t="s">
        <v>174</v>
      </c>
      <c r="M82" s="19">
        <v>1</v>
      </c>
      <c r="N82" s="19" t="s">
        <v>509</v>
      </c>
      <c r="O82" s="19">
        <v>1</v>
      </c>
      <c r="P82" s="19">
        <v>30</v>
      </c>
      <c r="Q82" s="19"/>
      <c r="R82" s="238"/>
      <c r="S82" s="238"/>
      <c r="T82" s="238"/>
      <c r="U82" s="238"/>
    </row>
    <row r="83" spans="1:21" hidden="1" outlineLevel="1">
      <c r="H83" s="19">
        <v>5</v>
      </c>
      <c r="I83" s="19">
        <v>79</v>
      </c>
      <c r="J83" s="19" t="s">
        <v>452</v>
      </c>
      <c r="K83" s="19" t="s">
        <v>17</v>
      </c>
      <c r="L83" s="19" t="s">
        <v>174</v>
      </c>
      <c r="M83" s="19">
        <v>1</v>
      </c>
      <c r="N83" s="19" t="s">
        <v>509</v>
      </c>
      <c r="O83" s="19">
        <v>1</v>
      </c>
      <c r="P83" s="19">
        <v>50</v>
      </c>
      <c r="Q83" s="19"/>
      <c r="R83" s="238"/>
      <c r="S83" s="238"/>
      <c r="T83" s="238"/>
      <c r="U83" s="238"/>
    </row>
    <row r="84" spans="1:21" hidden="1" outlineLevel="1">
      <c r="H84" s="19">
        <v>6</v>
      </c>
      <c r="I84" s="19">
        <v>187</v>
      </c>
      <c r="J84" s="19" t="s">
        <v>453</v>
      </c>
      <c r="K84" s="19" t="s">
        <v>17</v>
      </c>
      <c r="L84" s="19" t="s">
        <v>174</v>
      </c>
      <c r="M84" s="19">
        <v>1</v>
      </c>
      <c r="N84" s="19" t="s">
        <v>514</v>
      </c>
      <c r="O84" s="19">
        <v>1</v>
      </c>
      <c r="P84" s="19">
        <v>2</v>
      </c>
      <c r="Q84" s="19"/>
      <c r="R84" s="238"/>
      <c r="S84" s="238"/>
      <c r="T84" s="238"/>
      <c r="U84" s="238"/>
    </row>
    <row r="85" spans="1:21" hidden="1" outlineLevel="1">
      <c r="H85" s="19">
        <v>7</v>
      </c>
      <c r="I85" s="19">
        <v>81</v>
      </c>
      <c r="J85" s="19" t="s">
        <v>454</v>
      </c>
      <c r="K85" s="19" t="s">
        <v>78</v>
      </c>
      <c r="L85" s="19" t="s">
        <v>174</v>
      </c>
      <c r="M85" s="19">
        <v>1</v>
      </c>
      <c r="N85" s="19" t="s">
        <v>438</v>
      </c>
      <c r="O85" s="19">
        <v>1</v>
      </c>
      <c r="P85" s="19">
        <v>10</v>
      </c>
      <c r="Q85" s="19"/>
      <c r="R85" s="238"/>
      <c r="S85" s="238"/>
      <c r="T85" s="238"/>
      <c r="U85" s="238"/>
    </row>
    <row r="86" spans="1:21" hidden="1" outlineLevel="1">
      <c r="H86" s="19">
        <v>8</v>
      </c>
      <c r="I86" s="19">
        <v>355</v>
      </c>
      <c r="J86" s="19" t="s">
        <v>103</v>
      </c>
      <c r="K86" s="19" t="s">
        <v>78</v>
      </c>
      <c r="L86" s="19" t="s">
        <v>174</v>
      </c>
      <c r="M86" s="19">
        <v>1</v>
      </c>
      <c r="N86" s="19" t="s">
        <v>514</v>
      </c>
      <c r="O86" s="19">
        <v>2</v>
      </c>
      <c r="P86" s="19">
        <v>2</v>
      </c>
      <c r="Q86" s="19"/>
      <c r="R86" s="238"/>
      <c r="S86" s="238"/>
      <c r="T86" s="238"/>
      <c r="U86" s="238"/>
    </row>
    <row r="87" spans="1:21" hidden="1" outlineLevel="1">
      <c r="H87" s="11">
        <v>9</v>
      </c>
      <c r="I87" s="11">
        <v>183</v>
      </c>
      <c r="J87" s="11" t="s">
        <v>455</v>
      </c>
      <c r="K87" s="11" t="s">
        <v>78</v>
      </c>
      <c r="L87" s="8" t="s">
        <v>71</v>
      </c>
      <c r="M87" s="11">
        <v>1</v>
      </c>
      <c r="N87" s="11" t="s">
        <v>438</v>
      </c>
      <c r="O87" s="11">
        <v>1</v>
      </c>
      <c r="P87" s="11">
        <v>8</v>
      </c>
      <c r="Q87" s="11"/>
      <c r="R87" s="238"/>
      <c r="S87" s="238"/>
      <c r="T87" s="238"/>
      <c r="U87" s="238"/>
    </row>
    <row r="88" spans="1:21" hidden="1" outlineLevel="1">
      <c r="H88" s="11">
        <v>10</v>
      </c>
      <c r="I88" s="11">
        <v>355</v>
      </c>
      <c r="J88" s="11" t="s">
        <v>103</v>
      </c>
      <c r="K88" s="11" t="s">
        <v>78</v>
      </c>
      <c r="L88" s="8" t="s">
        <v>71</v>
      </c>
      <c r="M88" s="11">
        <v>1</v>
      </c>
      <c r="N88" s="11" t="s">
        <v>514</v>
      </c>
      <c r="O88" s="11">
        <v>2</v>
      </c>
      <c r="P88" s="11">
        <v>2</v>
      </c>
      <c r="Q88" s="11"/>
      <c r="R88" s="238"/>
      <c r="S88" s="238"/>
      <c r="T88" s="238"/>
      <c r="U88" s="238"/>
    </row>
    <row r="89" spans="1:21" collapsed="1">
      <c r="A89" s="17"/>
      <c r="B89" s="17"/>
      <c r="C89" s="17" t="s">
        <v>163</v>
      </c>
      <c r="D89" s="17" t="s">
        <v>456</v>
      </c>
      <c r="E89" s="17"/>
      <c r="F89" s="17"/>
      <c r="G89" s="17"/>
      <c r="H89" s="17"/>
      <c r="I89" s="17"/>
      <c r="J89" s="17"/>
      <c r="K89" s="17" t="s">
        <v>17</v>
      </c>
      <c r="L89" s="17" t="s">
        <v>71</v>
      </c>
      <c r="M89" s="75">
        <v>12</v>
      </c>
      <c r="N89" s="75"/>
      <c r="O89" s="75"/>
      <c r="P89" s="75"/>
      <c r="Q89" s="17"/>
      <c r="R89" s="238" t="s">
        <v>1136</v>
      </c>
      <c r="S89" s="238" t="s">
        <v>1689</v>
      </c>
      <c r="T89" s="238" t="s">
        <v>2</v>
      </c>
      <c r="U89" s="238" t="s">
        <v>1477</v>
      </c>
    </row>
    <row r="90" spans="1:21" hidden="1" outlineLevel="1">
      <c r="H90" s="19">
        <v>1</v>
      </c>
      <c r="I90" s="19">
        <v>133</v>
      </c>
      <c r="J90" s="19" t="s">
        <v>161</v>
      </c>
      <c r="K90" s="19" t="s">
        <v>17</v>
      </c>
      <c r="L90" s="19" t="s">
        <v>174</v>
      </c>
      <c r="M90" s="19">
        <v>1</v>
      </c>
      <c r="N90" s="19" t="s">
        <v>514</v>
      </c>
      <c r="O90" s="19">
        <v>1</v>
      </c>
      <c r="P90" s="19">
        <v>2</v>
      </c>
      <c r="Q90" s="19"/>
      <c r="R90" s="238"/>
      <c r="S90" s="238"/>
      <c r="T90" s="238"/>
      <c r="U90" s="238"/>
    </row>
    <row r="91" spans="1:21" ht="28" hidden="1" outlineLevel="1">
      <c r="H91" s="8">
        <v>2</v>
      </c>
      <c r="I91" s="8">
        <v>66</v>
      </c>
      <c r="J91" s="8" t="s">
        <v>153</v>
      </c>
      <c r="K91" s="8" t="s">
        <v>78</v>
      </c>
      <c r="L91" s="8" t="s">
        <v>71</v>
      </c>
      <c r="M91" s="11">
        <v>1</v>
      </c>
      <c r="N91" s="11" t="s">
        <v>514</v>
      </c>
      <c r="O91" s="11">
        <v>1</v>
      </c>
      <c r="P91" s="11">
        <v>2</v>
      </c>
      <c r="Q91" s="70" t="s">
        <v>624</v>
      </c>
      <c r="R91" s="238"/>
      <c r="S91" s="238"/>
      <c r="T91" s="238"/>
      <c r="U91" s="238"/>
    </row>
    <row r="92" spans="1:21" hidden="1" outlineLevel="1">
      <c r="H92" s="8">
        <v>3</v>
      </c>
      <c r="I92" s="8">
        <v>67</v>
      </c>
      <c r="J92" s="8" t="s">
        <v>151</v>
      </c>
      <c r="K92" s="8" t="s">
        <v>78</v>
      </c>
      <c r="L92" s="8" t="s">
        <v>71</v>
      </c>
      <c r="M92" s="11">
        <v>1</v>
      </c>
      <c r="N92" s="11" t="s">
        <v>509</v>
      </c>
      <c r="O92" s="11">
        <v>2</v>
      </c>
      <c r="P92" s="11">
        <v>80</v>
      </c>
      <c r="R92" s="238"/>
      <c r="S92" s="238"/>
      <c r="T92" s="238"/>
      <c r="U92" s="238"/>
    </row>
    <row r="93" spans="1:21" hidden="1" outlineLevel="1">
      <c r="H93" s="8">
        <v>4</v>
      </c>
      <c r="I93" s="8">
        <v>91</v>
      </c>
      <c r="J93" s="8" t="s">
        <v>170</v>
      </c>
      <c r="K93" s="8" t="s">
        <v>78</v>
      </c>
      <c r="L93" s="8" t="s">
        <v>71</v>
      </c>
      <c r="M93" s="11">
        <v>1</v>
      </c>
      <c r="N93" s="11" t="s">
        <v>514</v>
      </c>
      <c r="O93" s="11">
        <v>1</v>
      </c>
      <c r="P93" s="11">
        <v>2</v>
      </c>
      <c r="Q93" s="18"/>
      <c r="R93" s="238"/>
      <c r="S93" s="238"/>
      <c r="T93" s="238"/>
      <c r="U93" s="238"/>
    </row>
    <row r="94" spans="1:21" hidden="1" outlineLevel="1">
      <c r="H94" s="8">
        <v>5</v>
      </c>
      <c r="I94" s="8">
        <v>387</v>
      </c>
      <c r="J94" s="8" t="s">
        <v>168</v>
      </c>
      <c r="K94" s="8" t="s">
        <v>78</v>
      </c>
      <c r="L94" s="8" t="s">
        <v>71</v>
      </c>
      <c r="M94" s="11">
        <v>1</v>
      </c>
      <c r="N94" s="11" t="s">
        <v>509</v>
      </c>
      <c r="O94" s="11">
        <v>1</v>
      </c>
      <c r="P94" s="11">
        <v>35</v>
      </c>
      <c r="R94" s="238"/>
      <c r="S94" s="238"/>
      <c r="T94" s="238"/>
      <c r="U94" s="238"/>
    </row>
    <row r="95" spans="1:21" hidden="1" outlineLevel="1">
      <c r="H95" s="19">
        <v>6</v>
      </c>
      <c r="I95" s="19">
        <v>368</v>
      </c>
      <c r="J95" s="19" t="s">
        <v>166</v>
      </c>
      <c r="K95" s="19" t="s">
        <v>78</v>
      </c>
      <c r="L95" s="19" t="s">
        <v>174</v>
      </c>
      <c r="M95" s="19">
        <v>1</v>
      </c>
      <c r="N95" s="19" t="s">
        <v>514</v>
      </c>
      <c r="O95" s="19">
        <v>2</v>
      </c>
      <c r="P95" s="19">
        <v>2</v>
      </c>
      <c r="Q95" s="19"/>
      <c r="R95" s="238"/>
      <c r="S95" s="238"/>
      <c r="T95" s="238"/>
      <c r="U95" s="238"/>
    </row>
    <row r="96" spans="1:21" hidden="1" outlineLevel="1">
      <c r="H96" s="8">
        <v>7</v>
      </c>
      <c r="I96" s="8">
        <v>309</v>
      </c>
      <c r="J96" s="8" t="s">
        <v>133</v>
      </c>
      <c r="K96" s="8" t="s">
        <v>17</v>
      </c>
      <c r="L96" s="8" t="s">
        <v>71</v>
      </c>
      <c r="M96" s="11">
        <v>1</v>
      </c>
      <c r="N96" s="11" t="s">
        <v>514</v>
      </c>
      <c r="O96" s="11">
        <v>1</v>
      </c>
      <c r="P96" s="11">
        <v>2</v>
      </c>
      <c r="Q96" s="72" t="s">
        <v>643</v>
      </c>
      <c r="R96" s="238"/>
      <c r="S96" s="238"/>
      <c r="T96" s="238"/>
      <c r="U96" s="238"/>
    </row>
    <row r="97" spans="1:21" hidden="1" outlineLevel="1">
      <c r="H97" s="8">
        <v>8</v>
      </c>
      <c r="I97" s="8">
        <v>310</v>
      </c>
      <c r="J97" s="8" t="s">
        <v>131</v>
      </c>
      <c r="K97" s="8" t="s">
        <v>78</v>
      </c>
      <c r="L97" s="8" t="s">
        <v>71</v>
      </c>
      <c r="M97" s="11">
        <v>1</v>
      </c>
      <c r="N97" s="11" t="s">
        <v>509</v>
      </c>
      <c r="O97" s="11">
        <v>1</v>
      </c>
      <c r="P97" s="11">
        <v>30</v>
      </c>
      <c r="Q97" s="18"/>
      <c r="R97" s="238"/>
      <c r="S97" s="238"/>
      <c r="T97" s="238"/>
      <c r="U97" s="238"/>
    </row>
    <row r="98" spans="1:21" hidden="1" outlineLevel="1">
      <c r="H98" s="19">
        <v>9</v>
      </c>
      <c r="I98" s="19">
        <v>731</v>
      </c>
      <c r="J98" s="19" t="s">
        <v>457</v>
      </c>
      <c r="K98" s="19" t="s">
        <v>17</v>
      </c>
      <c r="L98" s="19" t="s">
        <v>174</v>
      </c>
      <c r="M98" s="19">
        <v>1</v>
      </c>
      <c r="N98" s="19" t="s">
        <v>514</v>
      </c>
      <c r="O98" s="19">
        <v>2</v>
      </c>
      <c r="P98" s="19">
        <v>2</v>
      </c>
      <c r="Q98" s="19"/>
      <c r="R98" s="238"/>
      <c r="S98" s="238"/>
      <c r="T98" s="238"/>
      <c r="U98" s="238"/>
    </row>
    <row r="99" spans="1:21" hidden="1" outlineLevel="1">
      <c r="H99" s="19">
        <v>10</v>
      </c>
      <c r="I99" s="19">
        <v>732</v>
      </c>
      <c r="J99" s="19" t="s">
        <v>458</v>
      </c>
      <c r="K99" s="19" t="s">
        <v>17</v>
      </c>
      <c r="L99" s="19" t="s">
        <v>174</v>
      </c>
      <c r="M99" s="19">
        <v>1</v>
      </c>
      <c r="N99" s="19" t="s">
        <v>514</v>
      </c>
      <c r="O99" s="19">
        <v>2</v>
      </c>
      <c r="P99" s="19">
        <v>2</v>
      </c>
      <c r="Q99" s="19"/>
      <c r="R99" s="238"/>
      <c r="S99" s="238"/>
      <c r="T99" s="238"/>
      <c r="U99" s="238"/>
    </row>
    <row r="100" spans="1:21" hidden="1" outlineLevel="1">
      <c r="H100" s="19">
        <v>11</v>
      </c>
      <c r="I100" s="19">
        <v>733</v>
      </c>
      <c r="J100" s="19" t="s">
        <v>459</v>
      </c>
      <c r="K100" s="19" t="s">
        <v>78</v>
      </c>
      <c r="L100" s="19" t="s">
        <v>174</v>
      </c>
      <c r="M100" s="19">
        <v>1</v>
      </c>
      <c r="N100" s="19" t="s">
        <v>438</v>
      </c>
      <c r="O100" s="19">
        <v>1</v>
      </c>
      <c r="P100" s="19">
        <v>4</v>
      </c>
      <c r="Q100" s="19"/>
      <c r="R100" s="238"/>
      <c r="S100" s="238"/>
      <c r="T100" s="238"/>
      <c r="U100" s="238"/>
    </row>
    <row r="101" spans="1:21" hidden="1" outlineLevel="1">
      <c r="H101" s="8">
        <v>12</v>
      </c>
      <c r="I101" s="8">
        <v>284</v>
      </c>
      <c r="J101" s="8" t="s">
        <v>460</v>
      </c>
      <c r="K101" s="8" t="s">
        <v>78</v>
      </c>
      <c r="L101" s="8" t="s">
        <v>71</v>
      </c>
      <c r="M101" s="11">
        <v>1</v>
      </c>
      <c r="N101" s="11" t="s">
        <v>514</v>
      </c>
      <c r="O101" s="11">
        <v>2</v>
      </c>
      <c r="P101" s="11">
        <v>2</v>
      </c>
      <c r="R101" s="238"/>
      <c r="S101" s="238"/>
      <c r="T101" s="238"/>
      <c r="U101" s="238"/>
    </row>
    <row r="102" spans="1:21" hidden="1" outlineLevel="1">
      <c r="H102" s="8">
        <v>13</v>
      </c>
      <c r="I102" s="8">
        <v>284</v>
      </c>
      <c r="J102" s="8" t="s">
        <v>460</v>
      </c>
      <c r="K102" s="8" t="s">
        <v>78</v>
      </c>
      <c r="L102" s="8" t="s">
        <v>71</v>
      </c>
      <c r="M102" s="11">
        <v>1</v>
      </c>
      <c r="N102" s="11" t="s">
        <v>514</v>
      </c>
      <c r="O102" s="11">
        <v>2</v>
      </c>
      <c r="P102" s="11">
        <v>2</v>
      </c>
      <c r="R102" s="238"/>
      <c r="S102" s="238"/>
      <c r="T102" s="238"/>
      <c r="U102" s="238"/>
    </row>
    <row r="103" spans="1:21" hidden="1" outlineLevel="1">
      <c r="H103" s="8">
        <v>14</v>
      </c>
      <c r="I103" s="8">
        <v>284</v>
      </c>
      <c r="J103" s="8" t="s">
        <v>460</v>
      </c>
      <c r="K103" s="8" t="s">
        <v>17</v>
      </c>
      <c r="L103" s="8" t="s">
        <v>71</v>
      </c>
      <c r="M103" s="11">
        <v>1</v>
      </c>
      <c r="N103" s="11" t="s">
        <v>514</v>
      </c>
      <c r="O103" s="11">
        <v>2</v>
      </c>
      <c r="P103" s="11">
        <v>2</v>
      </c>
      <c r="R103" s="238"/>
      <c r="S103" s="238"/>
      <c r="T103" s="238"/>
      <c r="U103" s="238"/>
    </row>
    <row r="104" spans="1:21" hidden="1" collapsed="1">
      <c r="A104" s="17"/>
      <c r="B104" s="17"/>
      <c r="C104" s="17" t="s">
        <v>163</v>
      </c>
      <c r="D104" s="17" t="s">
        <v>456</v>
      </c>
      <c r="E104" s="17"/>
      <c r="F104" s="17"/>
      <c r="G104" s="17"/>
      <c r="H104" s="17"/>
      <c r="I104" s="17"/>
      <c r="J104" s="17"/>
      <c r="K104" s="17" t="s">
        <v>17</v>
      </c>
      <c r="L104" s="17" t="s">
        <v>71</v>
      </c>
      <c r="M104" s="75">
        <v>12</v>
      </c>
      <c r="N104" s="75"/>
      <c r="O104" s="75"/>
      <c r="P104" s="75"/>
      <c r="Q104" s="17"/>
      <c r="R104" s="238"/>
      <c r="S104" s="238"/>
      <c r="T104" s="238"/>
      <c r="U104" s="238"/>
    </row>
    <row r="105" spans="1:21" hidden="1">
      <c r="H105" s="19">
        <v>1</v>
      </c>
      <c r="I105" s="19">
        <v>133</v>
      </c>
      <c r="J105" s="19" t="s">
        <v>161</v>
      </c>
      <c r="K105" s="19" t="s">
        <v>17</v>
      </c>
      <c r="L105" s="19" t="s">
        <v>174</v>
      </c>
      <c r="M105" s="19">
        <v>1</v>
      </c>
      <c r="N105" s="19" t="s">
        <v>514</v>
      </c>
      <c r="O105" s="19">
        <v>1</v>
      </c>
      <c r="P105" s="19">
        <v>2</v>
      </c>
      <c r="Q105" s="19"/>
      <c r="R105" s="238"/>
      <c r="S105" s="238"/>
      <c r="T105" s="238"/>
      <c r="U105" s="238"/>
    </row>
    <row r="106" spans="1:21" hidden="1">
      <c r="H106" s="8">
        <v>2</v>
      </c>
      <c r="I106" s="8">
        <v>66</v>
      </c>
      <c r="J106" s="8" t="s">
        <v>153</v>
      </c>
      <c r="K106" s="8" t="s">
        <v>78</v>
      </c>
      <c r="L106" s="8" t="s">
        <v>71</v>
      </c>
      <c r="M106" s="11">
        <v>1</v>
      </c>
      <c r="N106" s="11" t="s">
        <v>514</v>
      </c>
      <c r="O106" s="11">
        <v>1</v>
      </c>
      <c r="P106" s="11">
        <v>2</v>
      </c>
      <c r="Q106" s="72" t="s">
        <v>643</v>
      </c>
      <c r="R106" s="238"/>
      <c r="S106" s="238"/>
      <c r="T106" s="238"/>
      <c r="U106" s="238"/>
    </row>
    <row r="107" spans="1:21" hidden="1">
      <c r="H107" s="8">
        <v>3</v>
      </c>
      <c r="I107" s="8">
        <v>67</v>
      </c>
      <c r="J107" s="8" t="s">
        <v>151</v>
      </c>
      <c r="K107" s="8" t="s">
        <v>78</v>
      </c>
      <c r="L107" s="8" t="s">
        <v>71</v>
      </c>
      <c r="M107" s="11">
        <v>1</v>
      </c>
      <c r="N107" s="11" t="s">
        <v>509</v>
      </c>
      <c r="O107" s="11">
        <v>2</v>
      </c>
      <c r="P107" s="11">
        <v>80</v>
      </c>
      <c r="R107" s="238"/>
      <c r="S107" s="238"/>
      <c r="T107" s="238"/>
      <c r="U107" s="238"/>
    </row>
    <row r="108" spans="1:21" ht="28" hidden="1">
      <c r="H108" s="8">
        <v>4</v>
      </c>
      <c r="I108" s="8">
        <v>91</v>
      </c>
      <c r="J108" s="8" t="s">
        <v>170</v>
      </c>
      <c r="K108" s="8" t="s">
        <v>78</v>
      </c>
      <c r="L108" s="8" t="s">
        <v>71</v>
      </c>
      <c r="M108" s="11">
        <v>1</v>
      </c>
      <c r="N108" s="11" t="s">
        <v>514</v>
      </c>
      <c r="O108" s="11">
        <v>1</v>
      </c>
      <c r="P108" s="11">
        <v>2</v>
      </c>
      <c r="Q108" s="70" t="s">
        <v>624</v>
      </c>
      <c r="R108" s="238"/>
      <c r="S108" s="238"/>
      <c r="T108" s="238"/>
      <c r="U108" s="238"/>
    </row>
    <row r="109" spans="1:21" hidden="1">
      <c r="H109" s="19">
        <v>5</v>
      </c>
      <c r="I109" s="19">
        <v>387</v>
      </c>
      <c r="J109" s="19" t="s">
        <v>168</v>
      </c>
      <c r="K109" s="19" t="s">
        <v>78</v>
      </c>
      <c r="L109" s="19" t="s">
        <v>174</v>
      </c>
      <c r="M109" s="19">
        <v>1</v>
      </c>
      <c r="N109" s="19" t="s">
        <v>509</v>
      </c>
      <c r="O109" s="19">
        <v>1</v>
      </c>
      <c r="P109" s="19">
        <v>35</v>
      </c>
      <c r="Q109" s="19"/>
      <c r="R109" s="238"/>
      <c r="S109" s="238"/>
      <c r="T109" s="238"/>
      <c r="U109" s="238"/>
    </row>
    <row r="110" spans="1:21" hidden="1">
      <c r="H110" s="19">
        <v>6</v>
      </c>
      <c r="I110" s="19">
        <v>368</v>
      </c>
      <c r="J110" s="19" t="s">
        <v>166</v>
      </c>
      <c r="K110" s="19" t="s">
        <v>78</v>
      </c>
      <c r="L110" s="19" t="s">
        <v>174</v>
      </c>
      <c r="M110" s="19">
        <v>1</v>
      </c>
      <c r="N110" s="19" t="s">
        <v>514</v>
      </c>
      <c r="O110" s="19">
        <v>2</v>
      </c>
      <c r="P110" s="19">
        <v>2</v>
      </c>
      <c r="Q110" s="19"/>
      <c r="R110" s="238"/>
      <c r="S110" s="238"/>
      <c r="T110" s="238"/>
      <c r="U110" s="238"/>
    </row>
    <row r="111" spans="1:21" hidden="1">
      <c r="H111" s="8">
        <v>7</v>
      </c>
      <c r="I111" s="8">
        <v>309</v>
      </c>
      <c r="J111" s="8" t="s">
        <v>133</v>
      </c>
      <c r="K111" s="8" t="s">
        <v>17</v>
      </c>
      <c r="L111" s="8" t="s">
        <v>71</v>
      </c>
      <c r="M111" s="11">
        <v>1</v>
      </c>
      <c r="N111" s="11" t="s">
        <v>514</v>
      </c>
      <c r="O111" s="11">
        <v>1</v>
      </c>
      <c r="P111" s="11">
        <v>2</v>
      </c>
      <c r="Q111" s="72" t="s">
        <v>643</v>
      </c>
      <c r="R111" s="238"/>
      <c r="S111" s="238"/>
      <c r="T111" s="238"/>
      <c r="U111" s="238"/>
    </row>
    <row r="112" spans="1:21" hidden="1">
      <c r="H112" s="8">
        <v>8</v>
      </c>
      <c r="I112" s="8">
        <v>310</v>
      </c>
      <c r="J112" s="8" t="s">
        <v>131</v>
      </c>
      <c r="K112" s="8" t="s">
        <v>78</v>
      </c>
      <c r="L112" s="8" t="s">
        <v>71</v>
      </c>
      <c r="M112" s="11">
        <v>1</v>
      </c>
      <c r="N112" s="11" t="s">
        <v>509</v>
      </c>
      <c r="O112" s="11">
        <v>1</v>
      </c>
      <c r="P112" s="11">
        <v>30</v>
      </c>
      <c r="Q112" s="72"/>
      <c r="R112" s="238"/>
      <c r="S112" s="238"/>
      <c r="T112" s="238"/>
      <c r="U112" s="238"/>
    </row>
    <row r="113" spans="1:21" hidden="1">
      <c r="H113" s="19">
        <v>9</v>
      </c>
      <c r="I113" s="19">
        <v>731</v>
      </c>
      <c r="J113" s="19" t="s">
        <v>457</v>
      </c>
      <c r="K113" s="19" t="s">
        <v>17</v>
      </c>
      <c r="L113" s="19" t="s">
        <v>174</v>
      </c>
      <c r="M113" s="19">
        <v>1</v>
      </c>
      <c r="N113" s="19" t="s">
        <v>514</v>
      </c>
      <c r="O113" s="19">
        <v>2</v>
      </c>
      <c r="P113" s="19">
        <v>2</v>
      </c>
      <c r="Q113" s="19"/>
      <c r="R113" s="238"/>
      <c r="S113" s="238"/>
      <c r="T113" s="238"/>
      <c r="U113" s="238"/>
    </row>
    <row r="114" spans="1:21" hidden="1">
      <c r="H114" s="19">
        <v>10</v>
      </c>
      <c r="I114" s="19">
        <v>732</v>
      </c>
      <c r="J114" s="19" t="s">
        <v>458</v>
      </c>
      <c r="K114" s="19" t="s">
        <v>17</v>
      </c>
      <c r="L114" s="19" t="s">
        <v>174</v>
      </c>
      <c r="M114" s="19">
        <v>1</v>
      </c>
      <c r="N114" s="19" t="s">
        <v>514</v>
      </c>
      <c r="O114" s="19">
        <v>2</v>
      </c>
      <c r="P114" s="19">
        <v>2</v>
      </c>
      <c r="Q114" s="19"/>
      <c r="R114" s="238"/>
      <c r="S114" s="238"/>
      <c r="T114" s="238"/>
      <c r="U114" s="238"/>
    </row>
    <row r="115" spans="1:21" hidden="1">
      <c r="H115" s="19">
        <v>11</v>
      </c>
      <c r="I115" s="19">
        <v>733</v>
      </c>
      <c r="J115" s="19" t="s">
        <v>459</v>
      </c>
      <c r="K115" s="19" t="s">
        <v>78</v>
      </c>
      <c r="L115" s="19" t="s">
        <v>174</v>
      </c>
      <c r="M115" s="19">
        <v>1</v>
      </c>
      <c r="N115" s="19" t="s">
        <v>438</v>
      </c>
      <c r="O115" s="19">
        <v>1</v>
      </c>
      <c r="P115" s="19">
        <v>4</v>
      </c>
      <c r="Q115" s="19"/>
      <c r="R115" s="238"/>
      <c r="S115" s="238"/>
      <c r="T115" s="238"/>
      <c r="U115" s="238"/>
    </row>
    <row r="116" spans="1:21" ht="28" hidden="1">
      <c r="H116" s="8">
        <v>12</v>
      </c>
      <c r="I116" s="8">
        <v>284</v>
      </c>
      <c r="J116" s="8" t="s">
        <v>460</v>
      </c>
      <c r="K116" s="8" t="s">
        <v>78</v>
      </c>
      <c r="L116" s="8" t="s">
        <v>71</v>
      </c>
      <c r="M116" s="11">
        <v>1</v>
      </c>
      <c r="N116" s="11" t="s">
        <v>514</v>
      </c>
      <c r="O116" s="11">
        <v>2</v>
      </c>
      <c r="P116" s="11">
        <v>2</v>
      </c>
      <c r="Q116" s="70" t="s">
        <v>624</v>
      </c>
      <c r="R116" s="238"/>
      <c r="S116" s="238"/>
      <c r="T116" s="238"/>
      <c r="U116" s="238"/>
    </row>
    <row r="117" spans="1:21" ht="28" hidden="1">
      <c r="H117" s="8">
        <v>13</v>
      </c>
      <c r="I117" s="8">
        <v>284</v>
      </c>
      <c r="J117" s="8" t="s">
        <v>460</v>
      </c>
      <c r="K117" s="8" t="s">
        <v>78</v>
      </c>
      <c r="L117" s="8" t="s">
        <v>71</v>
      </c>
      <c r="M117" s="11">
        <v>1</v>
      </c>
      <c r="N117" s="11" t="s">
        <v>514</v>
      </c>
      <c r="O117" s="11">
        <v>2</v>
      </c>
      <c r="P117" s="11">
        <v>2</v>
      </c>
      <c r="Q117" s="70" t="s">
        <v>624</v>
      </c>
      <c r="R117" s="238"/>
      <c r="S117" s="238"/>
      <c r="T117" s="238"/>
      <c r="U117" s="238"/>
    </row>
    <row r="118" spans="1:21" ht="28" hidden="1">
      <c r="H118" s="8">
        <v>14</v>
      </c>
      <c r="I118" s="8">
        <v>284</v>
      </c>
      <c r="J118" s="8" t="s">
        <v>460</v>
      </c>
      <c r="K118" s="8" t="s">
        <v>17</v>
      </c>
      <c r="L118" s="8" t="s">
        <v>71</v>
      </c>
      <c r="M118" s="11">
        <v>1</v>
      </c>
      <c r="N118" s="11" t="s">
        <v>514</v>
      </c>
      <c r="O118" s="11">
        <v>2</v>
      </c>
      <c r="P118" s="11">
        <v>2</v>
      </c>
      <c r="Q118" s="70" t="s">
        <v>624</v>
      </c>
      <c r="R118" s="238"/>
      <c r="S118" s="238"/>
      <c r="T118" s="238"/>
      <c r="U118" s="238"/>
    </row>
    <row r="119" spans="1:21">
      <c r="A119" s="17"/>
      <c r="B119" s="17"/>
      <c r="C119" s="17" t="s">
        <v>461</v>
      </c>
      <c r="D119" s="17" t="s">
        <v>462</v>
      </c>
      <c r="E119" s="17"/>
      <c r="F119" s="17"/>
      <c r="G119" s="17"/>
      <c r="H119" s="17"/>
      <c r="I119" s="17"/>
      <c r="J119" s="17"/>
      <c r="K119" s="17" t="s">
        <v>17</v>
      </c>
      <c r="L119" s="17" t="s">
        <v>71</v>
      </c>
      <c r="M119" s="75">
        <v>12</v>
      </c>
      <c r="N119" s="75"/>
      <c r="O119" s="75"/>
      <c r="P119" s="75"/>
      <c r="Q119" s="17"/>
      <c r="R119" s="238" t="s">
        <v>1137</v>
      </c>
      <c r="S119" s="238" t="s">
        <v>1478</v>
      </c>
      <c r="T119" s="238" t="s">
        <v>17</v>
      </c>
      <c r="U119" s="238" t="s">
        <v>17</v>
      </c>
    </row>
    <row r="120" spans="1:21" ht="28" hidden="1" outlineLevel="1">
      <c r="H120" s="8">
        <v>1</v>
      </c>
      <c r="I120" s="8">
        <v>40</v>
      </c>
      <c r="J120" s="8" t="s">
        <v>463</v>
      </c>
      <c r="K120" s="8" t="s">
        <v>78</v>
      </c>
      <c r="L120" s="8" t="s">
        <v>71</v>
      </c>
      <c r="M120" s="11">
        <v>1</v>
      </c>
      <c r="N120" s="11" t="s">
        <v>514</v>
      </c>
      <c r="O120" s="11">
        <v>2</v>
      </c>
      <c r="P120" s="11">
        <v>2</v>
      </c>
      <c r="Q120" s="70" t="s">
        <v>624</v>
      </c>
      <c r="R120" s="238"/>
      <c r="S120" s="238"/>
      <c r="T120" s="238"/>
      <c r="U120" s="238"/>
    </row>
    <row r="121" spans="1:21" hidden="1" outlineLevel="1">
      <c r="H121" s="19">
        <v>2</v>
      </c>
      <c r="I121" s="19">
        <v>206</v>
      </c>
      <c r="J121" s="19" t="s">
        <v>464</v>
      </c>
      <c r="K121" s="19" t="s">
        <v>17</v>
      </c>
      <c r="L121" s="19" t="s">
        <v>174</v>
      </c>
      <c r="M121" s="19">
        <v>1</v>
      </c>
      <c r="N121" s="19" t="s">
        <v>509</v>
      </c>
      <c r="O121" s="19">
        <v>1</v>
      </c>
      <c r="P121" s="19">
        <v>4</v>
      </c>
      <c r="Q121" s="19"/>
      <c r="R121" s="238"/>
      <c r="S121" s="238"/>
      <c r="T121" s="238"/>
      <c r="U121" s="238"/>
    </row>
    <row r="122" spans="1:21" hidden="1" outlineLevel="1">
      <c r="H122" s="8">
        <v>3</v>
      </c>
      <c r="I122" s="8">
        <v>207</v>
      </c>
      <c r="J122" s="8" t="s">
        <v>465</v>
      </c>
      <c r="K122" s="8" t="s">
        <v>78</v>
      </c>
      <c r="L122" s="8" t="s">
        <v>71</v>
      </c>
      <c r="M122" s="11">
        <v>1</v>
      </c>
      <c r="N122" s="11" t="s">
        <v>509</v>
      </c>
      <c r="O122" s="11">
        <v>1</v>
      </c>
      <c r="P122" s="11">
        <v>10</v>
      </c>
      <c r="Q122" s="72"/>
      <c r="R122" s="238"/>
      <c r="S122" s="238"/>
      <c r="T122" s="238"/>
      <c r="U122" s="238"/>
    </row>
    <row r="123" spans="1:21" hidden="1" outlineLevel="1">
      <c r="H123" s="19">
        <v>4</v>
      </c>
      <c r="I123" s="19">
        <v>187</v>
      </c>
      <c r="J123" s="19" t="s">
        <v>453</v>
      </c>
      <c r="K123" s="19" t="s">
        <v>17</v>
      </c>
      <c r="L123" s="19" t="s">
        <v>174</v>
      </c>
      <c r="M123" s="19">
        <v>1</v>
      </c>
      <c r="N123" s="19" t="s">
        <v>514</v>
      </c>
      <c r="O123" s="19">
        <v>1</v>
      </c>
      <c r="P123" s="19">
        <v>2</v>
      </c>
      <c r="Q123" s="19"/>
      <c r="R123" s="238"/>
      <c r="S123" s="238"/>
      <c r="T123" s="238"/>
      <c r="U123" s="238"/>
    </row>
    <row r="124" spans="1:21" hidden="1" outlineLevel="1">
      <c r="H124" s="19">
        <v>5</v>
      </c>
      <c r="I124" s="19">
        <v>81</v>
      </c>
      <c r="J124" s="19" t="s">
        <v>454</v>
      </c>
      <c r="K124" s="19" t="s">
        <v>78</v>
      </c>
      <c r="L124" s="19" t="s">
        <v>174</v>
      </c>
      <c r="M124" s="19">
        <v>1</v>
      </c>
      <c r="N124" s="19" t="s">
        <v>438</v>
      </c>
      <c r="O124" s="19">
        <v>1</v>
      </c>
      <c r="P124" s="19">
        <v>10</v>
      </c>
      <c r="Q124" s="19"/>
      <c r="R124" s="238"/>
      <c r="S124" s="238"/>
      <c r="T124" s="238"/>
      <c r="U124" s="238"/>
    </row>
    <row r="125" spans="1:21" hidden="1" outlineLevel="1">
      <c r="H125" s="19">
        <v>6</v>
      </c>
      <c r="I125" s="19">
        <v>355</v>
      </c>
      <c r="J125" s="19" t="s">
        <v>103</v>
      </c>
      <c r="K125" s="19" t="s">
        <v>78</v>
      </c>
      <c r="L125" s="19" t="s">
        <v>174</v>
      </c>
      <c r="M125" s="19">
        <v>1</v>
      </c>
      <c r="N125" s="19" t="s">
        <v>514</v>
      </c>
      <c r="O125" s="19">
        <v>2</v>
      </c>
      <c r="P125" s="19">
        <v>2</v>
      </c>
      <c r="Q125" s="19"/>
      <c r="R125" s="238"/>
      <c r="S125" s="238"/>
      <c r="T125" s="238"/>
      <c r="U125" s="238"/>
    </row>
    <row r="126" spans="1:21" hidden="1" outlineLevel="1">
      <c r="H126" s="19">
        <v>7</v>
      </c>
      <c r="I126" s="19">
        <v>102</v>
      </c>
      <c r="J126" s="19" t="s">
        <v>466</v>
      </c>
      <c r="K126" s="19" t="s">
        <v>17</v>
      </c>
      <c r="L126" s="19" t="s">
        <v>174</v>
      </c>
      <c r="M126" s="19">
        <v>1</v>
      </c>
      <c r="N126" s="19" t="s">
        <v>514</v>
      </c>
      <c r="O126" s="19">
        <v>1</v>
      </c>
      <c r="P126" s="19">
        <v>1</v>
      </c>
      <c r="Q126" s="19"/>
      <c r="R126" s="238"/>
      <c r="S126" s="238"/>
      <c r="T126" s="238"/>
      <c r="U126" s="238"/>
    </row>
    <row r="127" spans="1:21" hidden="1" outlineLevel="1">
      <c r="H127" s="19">
        <v>8</v>
      </c>
      <c r="I127" s="19">
        <v>407</v>
      </c>
      <c r="J127" s="19" t="s">
        <v>467</v>
      </c>
      <c r="K127" s="19" t="s">
        <v>17</v>
      </c>
      <c r="L127" s="19" t="s">
        <v>174</v>
      </c>
      <c r="M127" s="19">
        <v>1</v>
      </c>
      <c r="N127" s="19" t="s">
        <v>514</v>
      </c>
      <c r="O127" s="19">
        <v>2</v>
      </c>
      <c r="P127" s="19">
        <v>2</v>
      </c>
      <c r="Q127" s="19"/>
      <c r="R127" s="238"/>
      <c r="S127" s="238"/>
      <c r="T127" s="238"/>
      <c r="U127" s="238"/>
    </row>
    <row r="128" spans="1:21" hidden="1" outlineLevel="1">
      <c r="H128" s="8">
        <v>9</v>
      </c>
      <c r="I128" s="8">
        <v>225</v>
      </c>
      <c r="J128" s="8" t="s">
        <v>468</v>
      </c>
      <c r="K128" s="8" t="s">
        <v>17</v>
      </c>
      <c r="L128" s="8" t="s">
        <v>71</v>
      </c>
      <c r="M128" s="11">
        <v>1</v>
      </c>
      <c r="N128" s="11" t="s">
        <v>509</v>
      </c>
      <c r="O128" s="11">
        <v>2</v>
      </c>
      <c r="P128" s="11">
        <v>15</v>
      </c>
      <c r="Q128" s="72"/>
      <c r="R128" s="238"/>
      <c r="S128" s="238"/>
      <c r="T128" s="238"/>
      <c r="U128" s="238"/>
    </row>
    <row r="129" spans="1:21" ht="12.75" customHeight="1" collapsed="1">
      <c r="A129" s="17"/>
      <c r="B129" s="17"/>
      <c r="C129" s="17" t="s">
        <v>165</v>
      </c>
      <c r="D129" s="17" t="s">
        <v>469</v>
      </c>
      <c r="E129" s="17"/>
      <c r="F129" s="17"/>
      <c r="G129" s="17"/>
      <c r="H129" s="17"/>
      <c r="I129" s="17"/>
      <c r="J129" s="17"/>
      <c r="K129" s="17" t="s">
        <v>17</v>
      </c>
      <c r="L129" s="17" t="s">
        <v>71</v>
      </c>
      <c r="M129" s="75">
        <v>5</v>
      </c>
      <c r="N129" s="75"/>
      <c r="O129" s="75"/>
      <c r="P129" s="75"/>
      <c r="Q129" s="76"/>
      <c r="R129" s="238" t="s">
        <v>1031</v>
      </c>
      <c r="S129" s="238"/>
      <c r="T129" s="238" t="s">
        <v>17</v>
      </c>
      <c r="U129" s="238" t="s">
        <v>17</v>
      </c>
    </row>
    <row r="130" spans="1:21" hidden="1" outlineLevel="2">
      <c r="H130" s="8">
        <v>1</v>
      </c>
      <c r="I130" s="8">
        <v>152</v>
      </c>
      <c r="J130" s="8" t="s">
        <v>164</v>
      </c>
      <c r="K130" s="8" t="s">
        <v>78</v>
      </c>
      <c r="L130" s="8" t="s">
        <v>71</v>
      </c>
      <c r="M130" s="11">
        <v>1</v>
      </c>
      <c r="N130" s="11" t="s">
        <v>514</v>
      </c>
      <c r="O130" s="11">
        <v>2</v>
      </c>
      <c r="P130" s="11">
        <v>3</v>
      </c>
      <c r="Q130" s="72" t="s">
        <v>698</v>
      </c>
      <c r="R130" s="238"/>
      <c r="S130" s="238"/>
      <c r="T130" s="238"/>
      <c r="U130" s="238"/>
    </row>
    <row r="131" spans="1:21" hidden="1" outlineLevel="2">
      <c r="H131" s="19">
        <v>2</v>
      </c>
      <c r="I131" s="19">
        <v>208</v>
      </c>
      <c r="J131" s="19" t="s">
        <v>470</v>
      </c>
      <c r="K131" s="19" t="s">
        <v>78</v>
      </c>
      <c r="L131" s="19" t="s">
        <v>174</v>
      </c>
      <c r="M131" s="25">
        <v>1</v>
      </c>
      <c r="N131" s="25" t="s">
        <v>514</v>
      </c>
      <c r="O131" s="25">
        <v>1</v>
      </c>
      <c r="P131" s="25">
        <v>1</v>
      </c>
      <c r="Q131" s="19"/>
      <c r="R131" s="238"/>
      <c r="S131" s="238"/>
      <c r="T131" s="238"/>
      <c r="U131" s="238"/>
    </row>
    <row r="132" spans="1:21" hidden="1" outlineLevel="2">
      <c r="H132" s="19">
        <v>3</v>
      </c>
      <c r="I132" s="19">
        <v>209</v>
      </c>
      <c r="J132" s="19" t="s">
        <v>471</v>
      </c>
      <c r="K132" s="19" t="s">
        <v>78</v>
      </c>
      <c r="L132" s="19" t="s">
        <v>174</v>
      </c>
      <c r="M132" s="25">
        <v>1</v>
      </c>
      <c r="N132" s="25" t="s">
        <v>509</v>
      </c>
      <c r="O132" s="25">
        <v>1</v>
      </c>
      <c r="P132" s="25">
        <v>4</v>
      </c>
      <c r="Q132" s="19"/>
      <c r="R132" s="238"/>
      <c r="S132" s="238"/>
      <c r="T132" s="238"/>
      <c r="U132" s="238"/>
    </row>
    <row r="133" spans="1:21" hidden="1" outlineLevel="2">
      <c r="H133" s="8">
        <v>4</v>
      </c>
      <c r="I133" s="8">
        <v>352</v>
      </c>
      <c r="J133" s="8" t="s">
        <v>3</v>
      </c>
      <c r="K133" s="8" t="s">
        <v>78</v>
      </c>
      <c r="L133" s="8" t="s">
        <v>71</v>
      </c>
      <c r="M133" s="11">
        <v>1</v>
      </c>
      <c r="N133" s="11" t="s">
        <v>509</v>
      </c>
      <c r="O133" s="11">
        <v>1</v>
      </c>
      <c r="P133" s="11">
        <v>80</v>
      </c>
      <c r="Q133" s="72"/>
      <c r="R133" s="238"/>
      <c r="S133" s="238"/>
      <c r="T133" s="238"/>
      <c r="U133" s="238"/>
    </row>
    <row r="134" spans="1:21" collapsed="1">
      <c r="A134" s="17"/>
      <c r="B134" s="17"/>
      <c r="C134" s="17" t="s">
        <v>165</v>
      </c>
      <c r="D134" s="17" t="s">
        <v>469</v>
      </c>
      <c r="E134" s="17"/>
      <c r="F134" s="17"/>
      <c r="G134" s="17"/>
      <c r="H134" s="17"/>
      <c r="I134" s="17"/>
      <c r="J134" s="17"/>
      <c r="K134" s="17" t="s">
        <v>17</v>
      </c>
      <c r="L134" s="17" t="s">
        <v>71</v>
      </c>
      <c r="M134" s="75">
        <v>5</v>
      </c>
      <c r="N134" s="75"/>
      <c r="O134" s="75"/>
      <c r="P134" s="75"/>
      <c r="Q134" s="74"/>
      <c r="R134" s="238" t="s">
        <v>1690</v>
      </c>
      <c r="S134" s="238" t="s">
        <v>1479</v>
      </c>
      <c r="T134" s="238" t="s">
        <v>1480</v>
      </c>
      <c r="U134" s="238" t="s">
        <v>1480</v>
      </c>
    </row>
    <row r="135" spans="1:21" hidden="1" outlineLevel="1">
      <c r="G135" s="19"/>
      <c r="H135" s="19">
        <v>1</v>
      </c>
      <c r="I135" s="19">
        <v>152</v>
      </c>
      <c r="J135" s="19" t="s">
        <v>164</v>
      </c>
      <c r="K135" s="19" t="s">
        <v>78</v>
      </c>
      <c r="L135" s="19" t="s">
        <v>174</v>
      </c>
      <c r="M135" s="19">
        <v>1</v>
      </c>
      <c r="N135" s="19" t="s">
        <v>514</v>
      </c>
      <c r="O135" s="19">
        <v>2</v>
      </c>
      <c r="P135" s="19">
        <v>3</v>
      </c>
      <c r="Q135" s="19"/>
      <c r="R135" s="238"/>
      <c r="S135" s="238"/>
      <c r="T135" s="238"/>
      <c r="U135" s="238"/>
    </row>
    <row r="136" spans="1:21" ht="28" hidden="1" outlineLevel="1">
      <c r="H136" s="11">
        <v>2</v>
      </c>
      <c r="I136" s="11">
        <v>208</v>
      </c>
      <c r="J136" s="11" t="s">
        <v>470</v>
      </c>
      <c r="K136" s="11" t="s">
        <v>78</v>
      </c>
      <c r="L136" s="8" t="s">
        <v>71</v>
      </c>
      <c r="M136" s="18">
        <v>1</v>
      </c>
      <c r="N136" s="18" t="s">
        <v>514</v>
      </c>
      <c r="O136" s="18">
        <v>1</v>
      </c>
      <c r="P136" s="18">
        <v>1</v>
      </c>
      <c r="Q136" s="70" t="s">
        <v>624</v>
      </c>
      <c r="R136" s="238"/>
      <c r="S136" s="238"/>
      <c r="T136" s="238"/>
      <c r="U136" s="238"/>
    </row>
    <row r="137" spans="1:21" hidden="1" outlineLevel="1">
      <c r="H137" s="11">
        <v>3</v>
      </c>
      <c r="I137" s="11">
        <v>209</v>
      </c>
      <c r="J137" s="11" t="s">
        <v>471</v>
      </c>
      <c r="K137" s="11" t="s">
        <v>78</v>
      </c>
      <c r="L137" s="8" t="s">
        <v>71</v>
      </c>
      <c r="M137" s="18">
        <v>1</v>
      </c>
      <c r="N137" s="18" t="s">
        <v>509</v>
      </c>
      <c r="O137" s="18">
        <v>1</v>
      </c>
      <c r="P137" s="18">
        <v>4</v>
      </c>
      <c r="Q137" s="18"/>
      <c r="R137" s="238"/>
      <c r="S137" s="238"/>
      <c r="T137" s="238"/>
      <c r="U137" s="238"/>
    </row>
    <row r="138" spans="1:21" hidden="1" outlineLevel="1">
      <c r="H138" s="8">
        <v>4</v>
      </c>
      <c r="I138" s="8">
        <v>352</v>
      </c>
      <c r="J138" s="8" t="s">
        <v>3</v>
      </c>
      <c r="K138" s="8" t="s">
        <v>78</v>
      </c>
      <c r="L138" s="8" t="s">
        <v>71</v>
      </c>
      <c r="M138" s="11">
        <v>1</v>
      </c>
      <c r="N138" s="11" t="s">
        <v>509</v>
      </c>
      <c r="O138" s="11">
        <v>1</v>
      </c>
      <c r="P138" s="11">
        <v>80</v>
      </c>
      <c r="Q138" s="72"/>
      <c r="R138" s="238"/>
      <c r="S138" s="238"/>
      <c r="T138" s="238"/>
      <c r="U138" s="238"/>
    </row>
    <row r="139" spans="1:21" hidden="1" collapsed="1">
      <c r="A139" s="17"/>
      <c r="B139" s="17"/>
      <c r="C139" s="17" t="s">
        <v>130</v>
      </c>
      <c r="D139" s="17" t="s">
        <v>126</v>
      </c>
      <c r="E139" s="17"/>
      <c r="F139" s="17"/>
      <c r="G139" s="17"/>
      <c r="H139" s="17"/>
      <c r="I139" s="17"/>
      <c r="J139" s="17"/>
      <c r="K139" s="17" t="s">
        <v>17</v>
      </c>
      <c r="L139" s="17" t="s">
        <v>71</v>
      </c>
      <c r="M139" s="17" t="s">
        <v>525</v>
      </c>
      <c r="N139" s="75"/>
      <c r="O139" s="75"/>
      <c r="P139" s="75"/>
      <c r="Q139" s="17"/>
      <c r="R139" s="238"/>
      <c r="S139" s="238"/>
      <c r="T139" s="238"/>
      <c r="U139" s="238"/>
    </row>
    <row r="140" spans="1:21" ht="28" hidden="1">
      <c r="H140" s="8">
        <v>1</v>
      </c>
      <c r="I140" s="8">
        <v>128</v>
      </c>
      <c r="J140" s="8" t="s">
        <v>128</v>
      </c>
      <c r="K140" s="8" t="s">
        <v>66</v>
      </c>
      <c r="L140" s="8" t="s">
        <v>65</v>
      </c>
      <c r="M140" s="11">
        <v>1</v>
      </c>
      <c r="N140" s="11" t="s">
        <v>514</v>
      </c>
      <c r="O140" s="11">
        <v>2</v>
      </c>
      <c r="P140" s="11">
        <v>3</v>
      </c>
      <c r="Q140" s="70" t="s">
        <v>624</v>
      </c>
      <c r="R140" s="238"/>
      <c r="S140" s="238"/>
      <c r="T140" s="238"/>
      <c r="U140" s="238"/>
    </row>
    <row r="141" spans="1:21" hidden="1">
      <c r="H141" s="19">
        <v>2</v>
      </c>
      <c r="I141" s="19">
        <v>127</v>
      </c>
      <c r="J141" s="19" t="s">
        <v>126</v>
      </c>
      <c r="K141" s="19" t="s">
        <v>78</v>
      </c>
      <c r="L141" s="19" t="s">
        <v>174</v>
      </c>
      <c r="M141" s="19">
        <v>1</v>
      </c>
      <c r="N141" s="19" t="s">
        <v>509</v>
      </c>
      <c r="O141" s="19">
        <v>1</v>
      </c>
      <c r="P141" s="19">
        <v>30</v>
      </c>
      <c r="Q141" s="19"/>
      <c r="R141" s="238"/>
      <c r="S141" s="238"/>
      <c r="T141" s="238"/>
      <c r="U141" s="238"/>
    </row>
    <row r="142" spans="1:21" hidden="1">
      <c r="H142" s="8">
        <v>3</v>
      </c>
      <c r="I142" s="8">
        <v>352</v>
      </c>
      <c r="J142" s="8" t="s">
        <v>3</v>
      </c>
      <c r="K142" s="8" t="s">
        <v>78</v>
      </c>
      <c r="L142" s="8" t="s">
        <v>71</v>
      </c>
      <c r="M142" s="11">
        <v>1</v>
      </c>
      <c r="N142" s="11" t="s">
        <v>509</v>
      </c>
      <c r="O142" s="11">
        <v>1</v>
      </c>
      <c r="P142" s="11">
        <v>80</v>
      </c>
      <c r="Q142" s="72"/>
      <c r="R142" s="238"/>
      <c r="S142" s="238"/>
      <c r="T142" s="238"/>
      <c r="U142" s="238"/>
    </row>
    <row r="143" spans="1:21" hidden="1">
      <c r="A143" s="17"/>
      <c r="B143" s="17"/>
      <c r="C143" s="17" t="s">
        <v>130</v>
      </c>
      <c r="D143" s="17" t="s">
        <v>126</v>
      </c>
      <c r="E143" s="17"/>
      <c r="F143" s="17"/>
      <c r="G143" s="17"/>
      <c r="H143" s="17"/>
      <c r="I143" s="17"/>
      <c r="J143" s="17"/>
      <c r="K143" s="17" t="s">
        <v>17</v>
      </c>
      <c r="L143" s="17" t="s">
        <v>71</v>
      </c>
      <c r="M143" s="17" t="s">
        <v>525</v>
      </c>
      <c r="N143" s="75"/>
      <c r="O143" s="75"/>
      <c r="P143" s="75"/>
      <c r="Q143" s="17"/>
      <c r="R143" s="238"/>
      <c r="S143" s="238"/>
      <c r="T143" s="238"/>
      <c r="U143" s="238"/>
    </row>
    <row r="144" spans="1:21" hidden="1">
      <c r="H144" s="8">
        <v>1</v>
      </c>
      <c r="I144" s="8">
        <v>128</v>
      </c>
      <c r="J144" s="8" t="s">
        <v>128</v>
      </c>
      <c r="K144" s="8" t="s">
        <v>66</v>
      </c>
      <c r="L144" s="8" t="s">
        <v>65</v>
      </c>
      <c r="M144" s="11">
        <v>1</v>
      </c>
      <c r="N144" s="11" t="s">
        <v>514</v>
      </c>
      <c r="O144" s="11">
        <v>2</v>
      </c>
      <c r="P144" s="11">
        <v>3</v>
      </c>
      <c r="Q144" s="8" t="s">
        <v>627</v>
      </c>
      <c r="R144" s="238"/>
      <c r="S144" s="238"/>
      <c r="T144" s="238"/>
      <c r="U144" s="238"/>
    </row>
    <row r="145" spans="1:21" hidden="1">
      <c r="H145" s="8">
        <v>2</v>
      </c>
      <c r="I145" s="8">
        <v>127</v>
      </c>
      <c r="J145" s="8" t="s">
        <v>126</v>
      </c>
      <c r="K145" s="8" t="s">
        <v>78</v>
      </c>
      <c r="L145" s="8" t="s">
        <v>71</v>
      </c>
      <c r="M145" s="11">
        <v>1</v>
      </c>
      <c r="N145" s="11" t="s">
        <v>509</v>
      </c>
      <c r="O145" s="11">
        <v>1</v>
      </c>
      <c r="P145" s="11">
        <v>30</v>
      </c>
      <c r="Q145" s="8" t="s">
        <v>628</v>
      </c>
      <c r="R145" s="238"/>
      <c r="S145" s="238"/>
      <c r="T145" s="238"/>
      <c r="U145" s="238"/>
    </row>
    <row r="146" spans="1:21" hidden="1">
      <c r="H146" s="8">
        <v>3</v>
      </c>
      <c r="I146" s="8">
        <v>352</v>
      </c>
      <c r="J146" s="8" t="s">
        <v>3</v>
      </c>
      <c r="K146" s="8" t="s">
        <v>78</v>
      </c>
      <c r="L146" s="8" t="s">
        <v>71</v>
      </c>
      <c r="M146" s="11">
        <v>1</v>
      </c>
      <c r="N146" s="11" t="s">
        <v>509</v>
      </c>
      <c r="O146" s="11">
        <v>1</v>
      </c>
      <c r="P146" s="11">
        <v>80</v>
      </c>
      <c r="R146" s="238"/>
      <c r="S146" s="238"/>
      <c r="T146" s="238"/>
      <c r="U146" s="238"/>
    </row>
    <row r="147" spans="1:21" hidden="1">
      <c r="A147" s="17"/>
      <c r="B147" s="17"/>
      <c r="C147" s="17" t="s">
        <v>130</v>
      </c>
      <c r="D147" s="17" t="s">
        <v>126</v>
      </c>
      <c r="E147" s="17"/>
      <c r="F147" s="17"/>
      <c r="G147" s="17"/>
      <c r="H147" s="17"/>
      <c r="I147" s="17"/>
      <c r="J147" s="17"/>
      <c r="K147" s="17" t="s">
        <v>17</v>
      </c>
      <c r="L147" s="17" t="s">
        <v>71</v>
      </c>
      <c r="M147" s="17" t="s">
        <v>525</v>
      </c>
      <c r="N147" s="75"/>
      <c r="O147" s="75"/>
      <c r="P147" s="75"/>
      <c r="Q147" s="17"/>
      <c r="R147" s="238"/>
      <c r="S147" s="238"/>
      <c r="T147" s="238"/>
      <c r="U147" s="238"/>
    </row>
    <row r="148" spans="1:21" hidden="1">
      <c r="H148" s="8">
        <v>1</v>
      </c>
      <c r="I148" s="8">
        <v>128</v>
      </c>
      <c r="J148" s="8" t="s">
        <v>128</v>
      </c>
      <c r="K148" s="8" t="s">
        <v>66</v>
      </c>
      <c r="L148" s="8" t="s">
        <v>65</v>
      </c>
      <c r="M148" s="11">
        <v>1</v>
      </c>
      <c r="N148" s="11" t="s">
        <v>514</v>
      </c>
      <c r="O148" s="11">
        <v>2</v>
      </c>
      <c r="P148" s="11">
        <v>3</v>
      </c>
      <c r="Q148" s="8" t="s">
        <v>627</v>
      </c>
      <c r="R148" s="238"/>
      <c r="S148" s="238"/>
      <c r="T148" s="238"/>
      <c r="U148" s="238"/>
    </row>
    <row r="149" spans="1:21" hidden="1">
      <c r="H149" s="8">
        <v>2</v>
      </c>
      <c r="I149" s="8">
        <v>127</v>
      </c>
      <c r="J149" s="8" t="s">
        <v>126</v>
      </c>
      <c r="K149" s="8" t="s">
        <v>78</v>
      </c>
      <c r="L149" s="8" t="s">
        <v>71</v>
      </c>
      <c r="M149" s="11">
        <v>1</v>
      </c>
      <c r="N149" s="11" t="s">
        <v>509</v>
      </c>
      <c r="O149" s="11">
        <v>1</v>
      </c>
      <c r="P149" s="11">
        <v>30</v>
      </c>
      <c r="Q149" s="8" t="s">
        <v>677</v>
      </c>
      <c r="R149" s="238"/>
      <c r="S149" s="238"/>
      <c r="T149" s="238"/>
      <c r="U149" s="238"/>
    </row>
    <row r="150" spans="1:21" hidden="1">
      <c r="H150" s="8">
        <v>3</v>
      </c>
      <c r="I150" s="8">
        <v>352</v>
      </c>
      <c r="J150" s="8" t="s">
        <v>3</v>
      </c>
      <c r="K150" s="8" t="s">
        <v>78</v>
      </c>
      <c r="L150" s="8" t="s">
        <v>71</v>
      </c>
      <c r="M150" s="11">
        <v>1</v>
      </c>
      <c r="N150" s="11" t="s">
        <v>509</v>
      </c>
      <c r="O150" s="11">
        <v>1</v>
      </c>
      <c r="P150" s="11">
        <v>80</v>
      </c>
      <c r="R150" s="238"/>
      <c r="S150" s="238"/>
      <c r="T150" s="238"/>
      <c r="U150" s="238"/>
    </row>
    <row r="151" spans="1:21" hidden="1">
      <c r="A151" s="17"/>
      <c r="B151" s="17"/>
      <c r="C151" s="17" t="s">
        <v>130</v>
      </c>
      <c r="D151" s="17" t="s">
        <v>126</v>
      </c>
      <c r="E151" s="17"/>
      <c r="F151" s="17"/>
      <c r="G151" s="17"/>
      <c r="H151" s="17"/>
      <c r="I151" s="17"/>
      <c r="J151" s="17"/>
      <c r="K151" s="17" t="s">
        <v>17</v>
      </c>
      <c r="L151" s="17" t="s">
        <v>71</v>
      </c>
      <c r="M151" s="17" t="s">
        <v>525</v>
      </c>
      <c r="N151" s="75"/>
      <c r="O151" s="75"/>
      <c r="P151" s="75"/>
      <c r="Q151" s="17"/>
      <c r="R151" s="238"/>
      <c r="S151" s="238"/>
      <c r="T151" s="238"/>
      <c r="U151" s="238"/>
    </row>
    <row r="152" spans="1:21" hidden="1">
      <c r="H152" s="8">
        <v>1</v>
      </c>
      <c r="I152" s="8">
        <v>128</v>
      </c>
      <c r="J152" s="8" t="s">
        <v>128</v>
      </c>
      <c r="K152" s="8" t="s">
        <v>66</v>
      </c>
      <c r="L152" s="8" t="s">
        <v>65</v>
      </c>
      <c r="M152" s="11">
        <v>1</v>
      </c>
      <c r="N152" s="11" t="s">
        <v>514</v>
      </c>
      <c r="O152" s="11">
        <v>2</v>
      </c>
      <c r="P152" s="11">
        <v>3</v>
      </c>
      <c r="Q152" s="8" t="s">
        <v>627</v>
      </c>
      <c r="R152" s="238"/>
      <c r="S152" s="238"/>
      <c r="T152" s="238"/>
      <c r="U152" s="238"/>
    </row>
    <row r="153" spans="1:21" hidden="1">
      <c r="H153" s="8">
        <v>2</v>
      </c>
      <c r="I153" s="8">
        <v>127</v>
      </c>
      <c r="J153" s="8" t="s">
        <v>126</v>
      </c>
      <c r="K153" s="8" t="s">
        <v>78</v>
      </c>
      <c r="L153" s="8" t="s">
        <v>71</v>
      </c>
      <c r="M153" s="11">
        <v>1</v>
      </c>
      <c r="N153" s="11" t="s">
        <v>509</v>
      </c>
      <c r="O153" s="11">
        <v>1</v>
      </c>
      <c r="P153" s="11">
        <v>30</v>
      </c>
      <c r="Q153" s="8" t="s">
        <v>678</v>
      </c>
      <c r="R153" s="238"/>
      <c r="S153" s="238"/>
      <c r="T153" s="238"/>
      <c r="U153" s="238"/>
    </row>
    <row r="154" spans="1:21" hidden="1">
      <c r="H154" s="8">
        <v>3</v>
      </c>
      <c r="I154" s="8">
        <v>352</v>
      </c>
      <c r="J154" s="8" t="s">
        <v>3</v>
      </c>
      <c r="K154" s="8" t="s">
        <v>78</v>
      </c>
      <c r="L154" s="8" t="s">
        <v>71</v>
      </c>
      <c r="M154" s="11">
        <v>1</v>
      </c>
      <c r="N154" s="11" t="s">
        <v>509</v>
      </c>
      <c r="O154" s="11">
        <v>1</v>
      </c>
      <c r="P154" s="11">
        <v>80</v>
      </c>
      <c r="R154" s="238"/>
      <c r="S154" s="238"/>
      <c r="T154" s="238"/>
      <c r="U154" s="238"/>
    </row>
    <row r="155" spans="1:21">
      <c r="A155" s="17"/>
      <c r="B155" s="17"/>
      <c r="C155" s="17" t="s">
        <v>130</v>
      </c>
      <c r="D155" s="17" t="s">
        <v>126</v>
      </c>
      <c r="E155" s="17"/>
      <c r="F155" s="17"/>
      <c r="G155" s="17"/>
      <c r="H155" s="17"/>
      <c r="I155" s="17"/>
      <c r="J155" s="17"/>
      <c r="K155" s="17" t="s">
        <v>17</v>
      </c>
      <c r="L155" s="17" t="s">
        <v>71</v>
      </c>
      <c r="M155" s="17" t="s">
        <v>525</v>
      </c>
      <c r="N155" s="75"/>
      <c r="O155" s="75"/>
      <c r="P155" s="75"/>
      <c r="Q155" s="17"/>
      <c r="R155" s="238" t="s">
        <v>1138</v>
      </c>
      <c r="S155" s="238" t="s">
        <v>1698</v>
      </c>
      <c r="T155" s="238" t="s">
        <v>17</v>
      </c>
      <c r="U155" s="238" t="s">
        <v>17</v>
      </c>
    </row>
    <row r="156" spans="1:21" hidden="1" outlineLevel="1">
      <c r="H156" s="8">
        <v>1</v>
      </c>
      <c r="I156" s="8">
        <v>128</v>
      </c>
      <c r="J156" s="8" t="s">
        <v>128</v>
      </c>
      <c r="K156" s="8" t="s">
        <v>66</v>
      </c>
      <c r="L156" s="8" t="s">
        <v>65</v>
      </c>
      <c r="M156" s="11">
        <v>1</v>
      </c>
      <c r="N156" s="11" t="s">
        <v>514</v>
      </c>
      <c r="O156" s="11">
        <v>2</v>
      </c>
      <c r="P156" s="11">
        <v>3</v>
      </c>
      <c r="Q156" s="8" t="s">
        <v>767</v>
      </c>
      <c r="R156" s="238"/>
      <c r="S156" s="238"/>
      <c r="T156" s="238"/>
      <c r="U156" s="238"/>
    </row>
    <row r="157" spans="1:21" hidden="1" outlineLevel="1">
      <c r="H157" s="8">
        <v>2</v>
      </c>
      <c r="I157" s="8">
        <v>127</v>
      </c>
      <c r="J157" s="8" t="s">
        <v>126</v>
      </c>
      <c r="K157" s="8" t="s">
        <v>78</v>
      </c>
      <c r="L157" s="8" t="s">
        <v>71</v>
      </c>
      <c r="M157" s="11">
        <v>1</v>
      </c>
      <c r="N157" s="11" t="s">
        <v>509</v>
      </c>
      <c r="O157" s="11">
        <v>1</v>
      </c>
      <c r="P157" s="11">
        <v>30</v>
      </c>
      <c r="Q157" s="8" t="s">
        <v>768</v>
      </c>
      <c r="R157" s="238"/>
      <c r="S157" s="238"/>
      <c r="T157" s="238"/>
      <c r="U157" s="238"/>
    </row>
    <row r="158" spans="1:21" hidden="1" outlineLevel="1">
      <c r="H158" s="8">
        <v>3</v>
      </c>
      <c r="I158" s="8">
        <v>352</v>
      </c>
      <c r="J158" s="8" t="s">
        <v>3</v>
      </c>
      <c r="K158" s="8" t="s">
        <v>78</v>
      </c>
      <c r="L158" s="8" t="s">
        <v>71</v>
      </c>
      <c r="M158" s="11">
        <v>1</v>
      </c>
      <c r="N158" s="11" t="s">
        <v>509</v>
      </c>
      <c r="O158" s="11">
        <v>1</v>
      </c>
      <c r="P158" s="11">
        <v>80</v>
      </c>
      <c r="R158" s="238"/>
      <c r="S158" s="238"/>
      <c r="T158" s="238"/>
      <c r="U158" s="238"/>
    </row>
    <row r="159" spans="1:21" hidden="1" collapsed="1">
      <c r="A159" s="75"/>
      <c r="B159" s="75"/>
      <c r="C159" s="75" t="s">
        <v>130</v>
      </c>
      <c r="D159" s="75" t="s">
        <v>126</v>
      </c>
      <c r="E159" s="75"/>
      <c r="F159" s="75"/>
      <c r="G159" s="75"/>
      <c r="H159" s="75"/>
      <c r="I159" s="75"/>
      <c r="J159" s="75"/>
      <c r="K159" s="75" t="s">
        <v>17</v>
      </c>
      <c r="L159" s="17" t="s">
        <v>71</v>
      </c>
      <c r="M159" s="17" t="s">
        <v>525</v>
      </c>
      <c r="N159" s="75"/>
      <c r="O159" s="75"/>
      <c r="P159" s="75"/>
      <c r="Q159" s="74"/>
      <c r="R159" s="238"/>
      <c r="S159" s="238"/>
      <c r="T159" s="238"/>
      <c r="U159" s="238"/>
    </row>
    <row r="160" spans="1:21" hidden="1">
      <c r="A160" s="11"/>
      <c r="B160" s="11"/>
      <c r="C160" s="11"/>
      <c r="D160" s="11"/>
      <c r="E160" s="11"/>
      <c r="F160" s="11"/>
      <c r="G160" s="11"/>
      <c r="H160" s="11">
        <v>1</v>
      </c>
      <c r="I160" s="11">
        <v>128</v>
      </c>
      <c r="J160" s="11" t="s">
        <v>128</v>
      </c>
      <c r="K160" s="11" t="s">
        <v>66</v>
      </c>
      <c r="L160" s="8" t="s">
        <v>65</v>
      </c>
      <c r="M160" s="11">
        <v>1</v>
      </c>
      <c r="N160" s="11" t="s">
        <v>514</v>
      </c>
      <c r="O160" s="11">
        <v>2</v>
      </c>
      <c r="P160" s="11">
        <v>3</v>
      </c>
      <c r="Q160" s="11" t="s">
        <v>704</v>
      </c>
      <c r="R160" s="238"/>
      <c r="S160" s="238"/>
      <c r="T160" s="238"/>
      <c r="U160" s="238"/>
    </row>
    <row r="161" spans="1:21" hidden="1">
      <c r="A161" s="11"/>
      <c r="B161" s="11"/>
      <c r="C161" s="11"/>
      <c r="D161" s="11"/>
      <c r="E161" s="11"/>
      <c r="F161" s="11"/>
      <c r="G161" s="11"/>
      <c r="H161" s="11">
        <v>2</v>
      </c>
      <c r="I161" s="11">
        <v>127</v>
      </c>
      <c r="J161" s="11" t="s">
        <v>126</v>
      </c>
      <c r="K161" s="11" t="s">
        <v>78</v>
      </c>
      <c r="L161" s="8" t="s">
        <v>71</v>
      </c>
      <c r="M161" s="11">
        <v>1</v>
      </c>
      <c r="N161" s="11" t="s">
        <v>509</v>
      </c>
      <c r="O161" s="11">
        <v>1</v>
      </c>
      <c r="P161" s="11">
        <v>30</v>
      </c>
      <c r="Q161" s="18"/>
      <c r="R161" s="238"/>
      <c r="S161" s="238"/>
      <c r="T161" s="238"/>
      <c r="U161" s="238"/>
    </row>
    <row r="162" spans="1:21" hidden="1">
      <c r="A162" s="11"/>
      <c r="B162" s="11"/>
      <c r="C162" s="11"/>
      <c r="D162" s="11"/>
      <c r="E162" s="11"/>
      <c r="F162" s="11"/>
      <c r="G162" s="11"/>
      <c r="H162" s="11">
        <v>3</v>
      </c>
      <c r="I162" s="11">
        <v>352</v>
      </c>
      <c r="J162" s="11" t="s">
        <v>3</v>
      </c>
      <c r="K162" s="11" t="s">
        <v>78</v>
      </c>
      <c r="L162" s="8" t="s">
        <v>71</v>
      </c>
      <c r="M162" s="11">
        <v>1</v>
      </c>
      <c r="N162" s="11" t="s">
        <v>509</v>
      </c>
      <c r="O162" s="11">
        <v>1</v>
      </c>
      <c r="P162" s="11">
        <v>80</v>
      </c>
      <c r="Q162" s="160"/>
      <c r="R162" s="238"/>
      <c r="S162" s="238"/>
      <c r="T162" s="238"/>
      <c r="U162" s="238"/>
    </row>
    <row r="163" spans="1:21" hidden="1">
      <c r="A163" s="17"/>
      <c r="B163" s="17"/>
      <c r="C163" s="17" t="s">
        <v>130</v>
      </c>
      <c r="D163" s="17" t="s">
        <v>126</v>
      </c>
      <c r="E163" s="17"/>
      <c r="F163" s="17"/>
      <c r="G163" s="17"/>
      <c r="H163" s="17"/>
      <c r="I163" s="17"/>
      <c r="J163" s="17"/>
      <c r="K163" s="17" t="s">
        <v>17</v>
      </c>
      <c r="L163" s="17" t="s">
        <v>71</v>
      </c>
      <c r="M163" s="17" t="s">
        <v>525</v>
      </c>
      <c r="N163" s="75"/>
      <c r="O163" s="75"/>
      <c r="P163" s="75"/>
      <c r="Q163" s="77"/>
      <c r="R163" s="238"/>
      <c r="S163" s="238"/>
      <c r="T163" s="238"/>
      <c r="U163" s="238"/>
    </row>
    <row r="164" spans="1:21" hidden="1">
      <c r="H164" s="8">
        <v>1</v>
      </c>
      <c r="I164" s="8">
        <v>128</v>
      </c>
      <c r="J164" s="8" t="s">
        <v>128</v>
      </c>
      <c r="K164" s="8" t="s">
        <v>66</v>
      </c>
      <c r="L164" s="8" t="s">
        <v>65</v>
      </c>
      <c r="M164" s="11">
        <v>1</v>
      </c>
      <c r="N164" s="11" t="s">
        <v>514</v>
      </c>
      <c r="O164" s="11">
        <v>2</v>
      </c>
      <c r="P164" s="11">
        <v>3</v>
      </c>
      <c r="Q164" s="8" t="s">
        <v>769</v>
      </c>
      <c r="R164" s="238"/>
      <c r="S164" s="238"/>
      <c r="T164" s="238"/>
      <c r="U164" s="238"/>
    </row>
    <row r="165" spans="1:21" hidden="1">
      <c r="H165" s="8">
        <v>2</v>
      </c>
      <c r="I165" s="8">
        <v>127</v>
      </c>
      <c r="J165" s="8" t="s">
        <v>126</v>
      </c>
      <c r="K165" s="8" t="s">
        <v>78</v>
      </c>
      <c r="L165" s="8" t="s">
        <v>71</v>
      </c>
      <c r="M165" s="11">
        <v>1</v>
      </c>
      <c r="N165" s="11" t="s">
        <v>509</v>
      </c>
      <c r="O165" s="11">
        <v>1</v>
      </c>
      <c r="P165" s="11">
        <v>30</v>
      </c>
      <c r="Q165" s="72"/>
      <c r="R165" s="238"/>
      <c r="S165" s="238"/>
      <c r="T165" s="238"/>
      <c r="U165" s="238"/>
    </row>
    <row r="166" spans="1:21" hidden="1">
      <c r="A166" s="17"/>
      <c r="B166" s="17"/>
      <c r="C166" s="17" t="s">
        <v>130</v>
      </c>
      <c r="D166" s="17" t="s">
        <v>126</v>
      </c>
      <c r="E166" s="17"/>
      <c r="F166" s="17"/>
      <c r="G166" s="17"/>
      <c r="H166" s="17"/>
      <c r="I166" s="17"/>
      <c r="J166" s="17"/>
      <c r="K166" s="17" t="s">
        <v>17</v>
      </c>
      <c r="L166" s="17" t="s">
        <v>71</v>
      </c>
      <c r="M166" s="17" t="s">
        <v>525</v>
      </c>
      <c r="N166" s="75"/>
      <c r="O166" s="75"/>
      <c r="P166" s="75"/>
      <c r="Q166" s="17"/>
      <c r="R166" s="238"/>
      <c r="S166" s="238"/>
      <c r="T166" s="238"/>
      <c r="U166" s="238"/>
    </row>
    <row r="167" spans="1:21" ht="28" hidden="1">
      <c r="H167" s="8">
        <v>1</v>
      </c>
      <c r="I167" s="8">
        <v>128</v>
      </c>
      <c r="J167" s="8" t="s">
        <v>128</v>
      </c>
      <c r="K167" s="8" t="s">
        <v>66</v>
      </c>
      <c r="L167" s="8" t="s">
        <v>65</v>
      </c>
      <c r="M167" s="11">
        <v>1</v>
      </c>
      <c r="N167" s="11" t="s">
        <v>514</v>
      </c>
      <c r="O167" s="11">
        <v>2</v>
      </c>
      <c r="P167" s="11">
        <v>3</v>
      </c>
      <c r="Q167" s="70" t="s">
        <v>624</v>
      </c>
      <c r="R167" s="238"/>
      <c r="S167" s="238"/>
      <c r="T167" s="238"/>
      <c r="U167" s="238"/>
    </row>
    <row r="168" spans="1:21" hidden="1">
      <c r="H168" s="19">
        <v>2</v>
      </c>
      <c r="I168" s="19">
        <v>127</v>
      </c>
      <c r="J168" s="19" t="s">
        <v>126</v>
      </c>
      <c r="K168" s="19" t="s">
        <v>78</v>
      </c>
      <c r="L168" s="19" t="s">
        <v>174</v>
      </c>
      <c r="M168" s="19">
        <v>1</v>
      </c>
      <c r="N168" s="19" t="s">
        <v>509</v>
      </c>
      <c r="O168" s="19">
        <v>1</v>
      </c>
      <c r="P168" s="19">
        <v>30</v>
      </c>
      <c r="Q168" s="19"/>
      <c r="R168" s="238"/>
      <c r="S168" s="238"/>
      <c r="T168" s="238"/>
      <c r="U168" s="238"/>
    </row>
    <row r="169" spans="1:21" hidden="1">
      <c r="H169" s="8">
        <v>3</v>
      </c>
      <c r="I169" s="8">
        <v>352</v>
      </c>
      <c r="J169" s="8" t="s">
        <v>3</v>
      </c>
      <c r="K169" s="8" t="s">
        <v>78</v>
      </c>
      <c r="L169" s="8" t="s">
        <v>71</v>
      </c>
      <c r="M169" s="11">
        <v>1</v>
      </c>
      <c r="N169" s="11" t="s">
        <v>509</v>
      </c>
      <c r="O169" s="11">
        <v>1</v>
      </c>
      <c r="P169" s="11">
        <v>80</v>
      </c>
      <c r="Q169" s="72"/>
      <c r="R169" s="238"/>
      <c r="S169" s="238"/>
      <c r="T169" s="238"/>
      <c r="U169" s="238"/>
    </row>
    <row r="170" spans="1:21">
      <c r="A170" s="17"/>
      <c r="B170" s="17"/>
      <c r="C170" s="75" t="s">
        <v>130</v>
      </c>
      <c r="D170" s="75" t="s">
        <v>126</v>
      </c>
      <c r="E170" s="75"/>
      <c r="F170" s="75"/>
      <c r="G170" s="75"/>
      <c r="H170" s="75"/>
      <c r="I170" s="75"/>
      <c r="J170" s="75"/>
      <c r="K170" s="75" t="s">
        <v>17</v>
      </c>
      <c r="L170" s="17" t="s">
        <v>71</v>
      </c>
      <c r="M170" s="17" t="s">
        <v>525</v>
      </c>
      <c r="N170" s="75"/>
      <c r="O170" s="75"/>
      <c r="P170" s="75"/>
      <c r="Q170" s="78"/>
      <c r="R170" s="238" t="s">
        <v>1693</v>
      </c>
      <c r="S170" s="238" t="s">
        <v>1694</v>
      </c>
      <c r="T170" s="238" t="s">
        <v>1695</v>
      </c>
      <c r="U170" s="238" t="s">
        <v>1695</v>
      </c>
    </row>
    <row r="171" spans="1:21" hidden="1" outlineLevel="1">
      <c r="A171" s="24"/>
      <c r="B171" s="24"/>
      <c r="C171" s="11"/>
      <c r="D171" s="11"/>
      <c r="E171" s="11"/>
      <c r="F171" s="11"/>
      <c r="G171" s="11"/>
      <c r="H171" s="11">
        <v>1</v>
      </c>
      <c r="I171" s="11">
        <v>128</v>
      </c>
      <c r="J171" s="11" t="s">
        <v>128</v>
      </c>
      <c r="K171" s="11" t="s">
        <v>66</v>
      </c>
      <c r="L171" s="8" t="s">
        <v>65</v>
      </c>
      <c r="M171" s="11">
        <v>1</v>
      </c>
      <c r="N171" s="11" t="s">
        <v>514</v>
      </c>
      <c r="O171" s="11">
        <v>2</v>
      </c>
      <c r="P171" s="11">
        <v>3</v>
      </c>
      <c r="Q171" s="11" t="s">
        <v>643</v>
      </c>
      <c r="R171" s="238"/>
      <c r="S171" s="238"/>
      <c r="T171" s="238"/>
      <c r="U171" s="238"/>
    </row>
    <row r="172" spans="1:21" hidden="1" outlineLevel="1">
      <c r="A172" s="24"/>
      <c r="B172" s="24"/>
      <c r="C172" s="11"/>
      <c r="D172" s="11"/>
      <c r="E172" s="11"/>
      <c r="F172" s="11"/>
      <c r="G172" s="11"/>
      <c r="H172" s="11">
        <v>2</v>
      </c>
      <c r="I172" s="11">
        <v>127</v>
      </c>
      <c r="J172" s="11" t="s">
        <v>126</v>
      </c>
      <c r="K172" s="11" t="s">
        <v>78</v>
      </c>
      <c r="L172" s="8" t="s">
        <v>71</v>
      </c>
      <c r="M172" s="11">
        <v>1</v>
      </c>
      <c r="N172" s="11" t="s">
        <v>509</v>
      </c>
      <c r="O172" s="11">
        <v>1</v>
      </c>
      <c r="P172" s="11">
        <v>30</v>
      </c>
      <c r="Q172" s="18"/>
      <c r="R172" s="238"/>
      <c r="S172" s="238"/>
      <c r="T172" s="238"/>
      <c r="U172" s="238"/>
    </row>
    <row r="173" spans="1:21" hidden="1" outlineLevel="1">
      <c r="A173" s="24"/>
      <c r="B173" s="24"/>
      <c r="C173" s="11"/>
      <c r="D173" s="11"/>
      <c r="E173" s="11"/>
      <c r="F173" s="11"/>
      <c r="G173" s="11"/>
      <c r="H173" s="11">
        <v>3</v>
      </c>
      <c r="I173" s="11">
        <v>352</v>
      </c>
      <c r="J173" s="11" t="s">
        <v>3</v>
      </c>
      <c r="K173" s="11" t="s">
        <v>78</v>
      </c>
      <c r="L173" s="8" t="s">
        <v>71</v>
      </c>
      <c r="M173" s="11">
        <v>1</v>
      </c>
      <c r="N173" s="11" t="s">
        <v>509</v>
      </c>
      <c r="O173" s="11">
        <v>1</v>
      </c>
      <c r="P173" s="11">
        <v>80</v>
      </c>
      <c r="Q173" s="18"/>
      <c r="R173" s="238"/>
      <c r="S173" s="238"/>
      <c r="T173" s="238"/>
      <c r="U173" s="238"/>
    </row>
    <row r="174" spans="1:21" collapsed="1">
      <c r="A174" s="17"/>
      <c r="B174" s="17"/>
      <c r="C174" s="75" t="s">
        <v>130</v>
      </c>
      <c r="D174" s="75" t="s">
        <v>126</v>
      </c>
      <c r="E174" s="75"/>
      <c r="F174" s="75"/>
      <c r="G174" s="75"/>
      <c r="H174" s="75"/>
      <c r="I174" s="75"/>
      <c r="J174" s="75"/>
      <c r="K174" s="75" t="s">
        <v>17</v>
      </c>
      <c r="L174" s="17" t="s">
        <v>71</v>
      </c>
      <c r="M174" s="17" t="s">
        <v>525</v>
      </c>
      <c r="N174" s="75"/>
      <c r="O174" s="75"/>
      <c r="P174" s="75"/>
      <c r="Q174" s="78"/>
      <c r="R174" s="238" t="s">
        <v>1139</v>
      </c>
      <c r="S174" s="238" t="s">
        <v>1481</v>
      </c>
      <c r="T174" s="238" t="s">
        <v>1692</v>
      </c>
      <c r="U174" s="238" t="s">
        <v>1692</v>
      </c>
    </row>
    <row r="175" spans="1:21" hidden="1" outlineLevel="1">
      <c r="A175" s="24"/>
      <c r="B175" s="24"/>
      <c r="C175" s="11"/>
      <c r="D175" s="11"/>
      <c r="E175" s="11"/>
      <c r="F175" s="11"/>
      <c r="G175" s="11"/>
      <c r="H175" s="11">
        <v>1</v>
      </c>
      <c r="I175" s="11">
        <v>128</v>
      </c>
      <c r="J175" s="11" t="s">
        <v>128</v>
      </c>
      <c r="K175" s="11" t="s">
        <v>66</v>
      </c>
      <c r="L175" s="8" t="s">
        <v>65</v>
      </c>
      <c r="M175" s="11">
        <v>1</v>
      </c>
      <c r="N175" s="11" t="s">
        <v>514</v>
      </c>
      <c r="O175" s="11">
        <v>2</v>
      </c>
      <c r="P175" s="11">
        <v>3</v>
      </c>
      <c r="Q175" s="11" t="s">
        <v>643</v>
      </c>
      <c r="R175" s="238"/>
      <c r="S175" s="238"/>
      <c r="T175" s="238"/>
      <c r="U175" s="238"/>
    </row>
    <row r="176" spans="1:21" hidden="1" outlineLevel="1">
      <c r="A176" s="24"/>
      <c r="B176" s="24"/>
      <c r="C176" s="11"/>
      <c r="D176" s="11"/>
      <c r="E176" s="11"/>
      <c r="F176" s="11"/>
      <c r="G176" s="11"/>
      <c r="H176" s="11">
        <v>2</v>
      </c>
      <c r="I176" s="11">
        <v>127</v>
      </c>
      <c r="J176" s="11" t="s">
        <v>126</v>
      </c>
      <c r="K176" s="11" t="s">
        <v>78</v>
      </c>
      <c r="L176" s="8" t="s">
        <v>71</v>
      </c>
      <c r="M176" s="11">
        <v>1</v>
      </c>
      <c r="N176" s="11" t="s">
        <v>509</v>
      </c>
      <c r="O176" s="11">
        <v>1</v>
      </c>
      <c r="P176" s="11">
        <v>30</v>
      </c>
      <c r="Q176" s="18"/>
      <c r="R176" s="238"/>
      <c r="S176" s="238"/>
      <c r="T176" s="238"/>
      <c r="U176" s="238"/>
    </row>
    <row r="177" spans="1:21" ht="16.5" hidden="1" customHeight="1" outlineLevel="1">
      <c r="A177" s="24"/>
      <c r="B177" s="24"/>
      <c r="C177" s="11"/>
      <c r="D177" s="11"/>
      <c r="E177" s="11"/>
      <c r="F177" s="11"/>
      <c r="G177" s="11"/>
      <c r="H177" s="11">
        <v>3</v>
      </c>
      <c r="I177" s="11">
        <v>352</v>
      </c>
      <c r="J177" s="11" t="s">
        <v>3</v>
      </c>
      <c r="K177" s="11" t="s">
        <v>78</v>
      </c>
      <c r="L177" s="8" t="s">
        <v>71</v>
      </c>
      <c r="M177" s="11">
        <v>1</v>
      </c>
      <c r="N177" s="11" t="s">
        <v>509</v>
      </c>
      <c r="O177" s="11">
        <v>1</v>
      </c>
      <c r="P177" s="11">
        <v>80</v>
      </c>
      <c r="Q177" s="18"/>
      <c r="R177" s="238"/>
      <c r="S177" s="238"/>
      <c r="T177" s="238"/>
      <c r="U177" s="238"/>
    </row>
    <row r="178" spans="1:21" hidden="1" collapsed="1">
      <c r="A178" s="17"/>
      <c r="B178" s="17"/>
      <c r="C178" s="17" t="s">
        <v>84</v>
      </c>
      <c r="D178" s="17" t="s">
        <v>428</v>
      </c>
      <c r="E178" s="17"/>
      <c r="F178" s="17"/>
      <c r="G178" s="17"/>
      <c r="H178" s="17"/>
      <c r="I178" s="17"/>
      <c r="J178" s="17"/>
      <c r="K178" s="17" t="s">
        <v>17</v>
      </c>
      <c r="L178" s="17" t="s">
        <v>71</v>
      </c>
      <c r="M178" s="17">
        <v>10</v>
      </c>
      <c r="N178" s="17"/>
      <c r="O178" s="17"/>
      <c r="P178" s="17"/>
      <c r="Q178" s="17"/>
      <c r="R178" s="238"/>
      <c r="S178" s="238"/>
      <c r="T178" s="238"/>
      <c r="U178" s="238"/>
    </row>
    <row r="179" spans="1:21" hidden="1">
      <c r="H179" s="8">
        <v>1</v>
      </c>
      <c r="I179" s="8">
        <v>374</v>
      </c>
      <c r="J179" s="8" t="s">
        <v>82</v>
      </c>
      <c r="K179" s="8" t="s">
        <v>66</v>
      </c>
      <c r="L179" s="8" t="s">
        <v>65</v>
      </c>
      <c r="M179" s="8">
        <v>1</v>
      </c>
      <c r="N179" s="8" t="s">
        <v>514</v>
      </c>
      <c r="O179" s="8">
        <v>3</v>
      </c>
      <c r="P179" s="8">
        <v>3</v>
      </c>
      <c r="Q179" s="8" t="s">
        <v>759</v>
      </c>
      <c r="R179" s="238"/>
      <c r="S179" s="238"/>
      <c r="T179" s="238"/>
      <c r="U179" s="238"/>
    </row>
    <row r="180" spans="1:21" hidden="1">
      <c r="H180" s="8">
        <v>2</v>
      </c>
      <c r="I180" s="8">
        <v>373</v>
      </c>
      <c r="J180" s="8" t="s">
        <v>1</v>
      </c>
      <c r="K180" s="8" t="s">
        <v>78</v>
      </c>
      <c r="L180" s="8" t="s">
        <v>71</v>
      </c>
      <c r="M180" s="8">
        <v>1</v>
      </c>
      <c r="N180" s="8" t="s">
        <v>519</v>
      </c>
      <c r="O180" s="8">
        <v>8</v>
      </c>
      <c r="P180" s="8">
        <v>8</v>
      </c>
      <c r="Q180" s="72"/>
      <c r="R180" s="238"/>
      <c r="S180" s="238"/>
      <c r="T180" s="238"/>
      <c r="U180" s="238"/>
    </row>
    <row r="181" spans="1:21" hidden="1">
      <c r="H181" s="8">
        <v>3</v>
      </c>
      <c r="I181" s="8">
        <v>337</v>
      </c>
      <c r="J181" s="8" t="s">
        <v>79</v>
      </c>
      <c r="K181" s="8" t="s">
        <v>78</v>
      </c>
      <c r="L181" s="8" t="s">
        <v>71</v>
      </c>
      <c r="M181" s="8">
        <v>1</v>
      </c>
      <c r="N181" s="8" t="s">
        <v>518</v>
      </c>
      <c r="O181" s="8">
        <v>4</v>
      </c>
      <c r="P181" s="8">
        <v>8</v>
      </c>
      <c r="Q181" s="72"/>
      <c r="R181" s="238"/>
      <c r="S181" s="238"/>
      <c r="T181" s="238"/>
      <c r="U181" s="238"/>
    </row>
    <row r="182" spans="1:21" ht="28" hidden="1">
      <c r="H182" s="8">
        <v>4</v>
      </c>
      <c r="I182" s="8">
        <v>623</v>
      </c>
      <c r="J182" s="8" t="s">
        <v>76</v>
      </c>
      <c r="K182" s="8" t="s">
        <v>17</v>
      </c>
      <c r="L182" s="8" t="s">
        <v>71</v>
      </c>
      <c r="M182" s="8">
        <v>1</v>
      </c>
      <c r="N182" s="8" t="s">
        <v>514</v>
      </c>
      <c r="O182" s="8">
        <v>2</v>
      </c>
      <c r="P182" s="8">
        <v>2</v>
      </c>
      <c r="Q182" s="70" t="s">
        <v>624</v>
      </c>
      <c r="R182" s="238"/>
      <c r="S182" s="238"/>
      <c r="T182" s="238"/>
      <c r="U182" s="238"/>
    </row>
    <row r="183" spans="1:21" hidden="1">
      <c r="A183" s="17"/>
      <c r="B183" s="17"/>
      <c r="C183" s="17" t="s">
        <v>84</v>
      </c>
      <c r="D183" s="17" t="s">
        <v>428</v>
      </c>
      <c r="E183" s="17"/>
      <c r="F183" s="17"/>
      <c r="G183" s="17"/>
      <c r="H183" s="17"/>
      <c r="I183" s="17"/>
      <c r="J183" s="17"/>
      <c r="K183" s="17" t="s">
        <v>17</v>
      </c>
      <c r="L183" s="17" t="s">
        <v>71</v>
      </c>
      <c r="M183" s="17">
        <v>10</v>
      </c>
      <c r="N183" s="17"/>
      <c r="O183" s="17"/>
      <c r="P183" s="17"/>
      <c r="Q183" s="17"/>
      <c r="R183" s="238"/>
      <c r="S183" s="238"/>
      <c r="T183" s="238"/>
      <c r="U183" s="238"/>
    </row>
    <row r="184" spans="1:21" hidden="1">
      <c r="H184" s="8">
        <v>1</v>
      </c>
      <c r="I184" s="8">
        <v>374</v>
      </c>
      <c r="J184" s="8" t="s">
        <v>82</v>
      </c>
      <c r="K184" s="8" t="s">
        <v>66</v>
      </c>
      <c r="L184" s="8" t="s">
        <v>65</v>
      </c>
      <c r="M184" s="8">
        <v>1</v>
      </c>
      <c r="N184" s="8" t="s">
        <v>514</v>
      </c>
      <c r="O184" s="8">
        <v>3</v>
      </c>
      <c r="P184" s="8">
        <v>3</v>
      </c>
      <c r="Q184" s="8" t="s">
        <v>760</v>
      </c>
      <c r="R184" s="238"/>
      <c r="S184" s="238"/>
      <c r="T184" s="238"/>
      <c r="U184" s="238"/>
    </row>
    <row r="185" spans="1:21" hidden="1">
      <c r="H185" s="8">
        <v>2</v>
      </c>
      <c r="I185" s="8">
        <v>373</v>
      </c>
      <c r="J185" s="8" t="s">
        <v>1</v>
      </c>
      <c r="K185" s="8" t="s">
        <v>78</v>
      </c>
      <c r="L185" s="8" t="s">
        <v>71</v>
      </c>
      <c r="M185" s="8">
        <v>1</v>
      </c>
      <c r="N185" s="8" t="s">
        <v>519</v>
      </c>
      <c r="O185" s="8">
        <v>8</v>
      </c>
      <c r="P185" s="8">
        <v>8</v>
      </c>
      <c r="Q185" s="72"/>
      <c r="R185" s="238"/>
      <c r="S185" s="238"/>
      <c r="T185" s="238"/>
      <c r="U185" s="238"/>
    </row>
    <row r="186" spans="1:21" hidden="1">
      <c r="H186" s="8">
        <v>3</v>
      </c>
      <c r="I186" s="8">
        <v>337</v>
      </c>
      <c r="J186" s="8" t="s">
        <v>79</v>
      </c>
      <c r="K186" s="8" t="s">
        <v>78</v>
      </c>
      <c r="L186" s="8" t="s">
        <v>71</v>
      </c>
      <c r="M186" s="8">
        <v>1</v>
      </c>
      <c r="N186" s="8" t="s">
        <v>518</v>
      </c>
      <c r="O186" s="8">
        <v>4</v>
      </c>
      <c r="P186" s="8">
        <v>8</v>
      </c>
      <c r="Q186" s="72"/>
      <c r="R186" s="238"/>
      <c r="S186" s="238"/>
      <c r="T186" s="238"/>
      <c r="U186" s="238"/>
    </row>
    <row r="187" spans="1:21" ht="28" hidden="1">
      <c r="H187" s="8">
        <v>4</v>
      </c>
      <c r="I187" s="8">
        <v>623</v>
      </c>
      <c r="J187" s="8" t="s">
        <v>76</v>
      </c>
      <c r="K187" s="8" t="s">
        <v>17</v>
      </c>
      <c r="L187" s="8" t="s">
        <v>71</v>
      </c>
      <c r="M187" s="8">
        <v>1</v>
      </c>
      <c r="N187" s="8" t="s">
        <v>514</v>
      </c>
      <c r="O187" s="8">
        <v>2</v>
      </c>
      <c r="P187" s="8">
        <v>2</v>
      </c>
      <c r="Q187" s="70" t="s">
        <v>624</v>
      </c>
      <c r="R187" s="238"/>
      <c r="S187" s="238"/>
      <c r="T187" s="238"/>
      <c r="U187" s="238"/>
    </row>
    <row r="188" spans="1:21" hidden="1">
      <c r="A188" s="17"/>
      <c r="B188" s="17"/>
      <c r="C188" s="17" t="s">
        <v>84</v>
      </c>
      <c r="D188" s="17" t="s">
        <v>428</v>
      </c>
      <c r="E188" s="17"/>
      <c r="F188" s="17"/>
      <c r="G188" s="17"/>
      <c r="H188" s="17"/>
      <c r="I188" s="17"/>
      <c r="J188" s="17"/>
      <c r="K188" s="17" t="s">
        <v>17</v>
      </c>
      <c r="L188" s="17" t="s">
        <v>71</v>
      </c>
      <c r="M188" s="17">
        <v>10</v>
      </c>
      <c r="N188" s="17"/>
      <c r="O188" s="17"/>
      <c r="P188" s="17"/>
      <c r="Q188" s="17"/>
      <c r="R188" s="238"/>
      <c r="S188" s="238"/>
      <c r="T188" s="238"/>
      <c r="U188" s="238"/>
    </row>
    <row r="189" spans="1:21" hidden="1">
      <c r="H189" s="8">
        <v>1</v>
      </c>
      <c r="I189" s="8">
        <v>374</v>
      </c>
      <c r="J189" s="8" t="s">
        <v>82</v>
      </c>
      <c r="K189" s="8" t="s">
        <v>66</v>
      </c>
      <c r="L189" s="8" t="s">
        <v>65</v>
      </c>
      <c r="M189" s="8">
        <v>1</v>
      </c>
      <c r="N189" s="8" t="s">
        <v>514</v>
      </c>
      <c r="O189" s="8">
        <v>3</v>
      </c>
      <c r="P189" s="8">
        <v>3</v>
      </c>
      <c r="Q189" s="8" t="s">
        <v>761</v>
      </c>
      <c r="R189" s="238"/>
      <c r="S189" s="238"/>
      <c r="T189" s="238"/>
      <c r="U189" s="238"/>
    </row>
    <row r="190" spans="1:21" hidden="1">
      <c r="H190" s="8">
        <v>2</v>
      </c>
      <c r="I190" s="8">
        <v>373</v>
      </c>
      <c r="J190" s="8" t="s">
        <v>1</v>
      </c>
      <c r="K190" s="8" t="s">
        <v>78</v>
      </c>
      <c r="L190" s="8" t="s">
        <v>71</v>
      </c>
      <c r="M190" s="8">
        <v>1</v>
      </c>
      <c r="N190" s="8" t="s">
        <v>519</v>
      </c>
      <c r="O190" s="8">
        <v>8</v>
      </c>
      <c r="P190" s="8">
        <v>8</v>
      </c>
      <c r="Q190" s="72"/>
      <c r="R190" s="238"/>
      <c r="S190" s="238"/>
      <c r="T190" s="238"/>
      <c r="U190" s="238"/>
    </row>
    <row r="191" spans="1:21" hidden="1">
      <c r="H191" s="8">
        <v>3</v>
      </c>
      <c r="I191" s="8">
        <v>337</v>
      </c>
      <c r="J191" s="8" t="s">
        <v>79</v>
      </c>
      <c r="K191" s="8" t="s">
        <v>78</v>
      </c>
      <c r="L191" s="8" t="s">
        <v>71</v>
      </c>
      <c r="M191" s="8">
        <v>1</v>
      </c>
      <c r="N191" s="8" t="s">
        <v>518</v>
      </c>
      <c r="O191" s="8">
        <v>4</v>
      </c>
      <c r="P191" s="8">
        <v>8</v>
      </c>
      <c r="Q191" s="72"/>
      <c r="R191" s="238"/>
      <c r="S191" s="238"/>
      <c r="T191" s="238"/>
      <c r="U191" s="238"/>
    </row>
    <row r="192" spans="1:21" ht="28" hidden="1">
      <c r="H192" s="8">
        <v>4</v>
      </c>
      <c r="I192" s="8">
        <v>623</v>
      </c>
      <c r="J192" s="8" t="s">
        <v>76</v>
      </c>
      <c r="K192" s="8" t="s">
        <v>17</v>
      </c>
      <c r="L192" s="8" t="s">
        <v>71</v>
      </c>
      <c r="M192" s="8">
        <v>1</v>
      </c>
      <c r="N192" s="8" t="s">
        <v>514</v>
      </c>
      <c r="O192" s="8">
        <v>2</v>
      </c>
      <c r="P192" s="8">
        <v>2</v>
      </c>
      <c r="Q192" s="70" t="s">
        <v>624</v>
      </c>
      <c r="R192" s="238"/>
      <c r="S192" s="238"/>
      <c r="T192" s="238"/>
      <c r="U192" s="238"/>
    </row>
    <row r="193" spans="1:21" hidden="1">
      <c r="A193" s="17"/>
      <c r="B193" s="17"/>
      <c r="C193" s="17" t="s">
        <v>84</v>
      </c>
      <c r="D193" s="17" t="s">
        <v>428</v>
      </c>
      <c r="E193" s="17"/>
      <c r="F193" s="17"/>
      <c r="G193" s="17"/>
      <c r="H193" s="17"/>
      <c r="I193" s="17"/>
      <c r="J193" s="17"/>
      <c r="K193" s="17" t="s">
        <v>17</v>
      </c>
      <c r="L193" s="17" t="s">
        <v>71</v>
      </c>
      <c r="M193" s="17">
        <v>10</v>
      </c>
      <c r="N193" s="17"/>
      <c r="O193" s="17"/>
      <c r="P193" s="17"/>
      <c r="Q193" s="17"/>
      <c r="R193" s="238"/>
      <c r="S193" s="238"/>
      <c r="T193" s="238"/>
      <c r="U193" s="238"/>
    </row>
    <row r="194" spans="1:21" hidden="1">
      <c r="H194" s="8">
        <v>1</v>
      </c>
      <c r="I194" s="8">
        <v>374</v>
      </c>
      <c r="J194" s="8" t="s">
        <v>82</v>
      </c>
      <c r="K194" s="8" t="s">
        <v>66</v>
      </c>
      <c r="L194" s="8" t="s">
        <v>65</v>
      </c>
      <c r="M194" s="8">
        <v>1</v>
      </c>
      <c r="N194" s="8" t="s">
        <v>514</v>
      </c>
      <c r="O194" s="8">
        <v>3</v>
      </c>
      <c r="P194" s="8">
        <v>3</v>
      </c>
      <c r="Q194" s="8" t="s">
        <v>663</v>
      </c>
      <c r="R194" s="238"/>
      <c r="S194" s="238"/>
      <c r="T194" s="238"/>
      <c r="U194" s="238"/>
    </row>
    <row r="195" spans="1:21" hidden="1">
      <c r="H195" s="8">
        <v>2</v>
      </c>
      <c r="I195" s="8">
        <v>373</v>
      </c>
      <c r="J195" s="8" t="s">
        <v>1</v>
      </c>
      <c r="K195" s="8" t="s">
        <v>78</v>
      </c>
      <c r="L195" s="8" t="s">
        <v>71</v>
      </c>
      <c r="M195" s="8">
        <v>1</v>
      </c>
      <c r="N195" s="8" t="s">
        <v>519</v>
      </c>
      <c r="O195" s="8">
        <v>8</v>
      </c>
      <c r="P195" s="8">
        <v>8</v>
      </c>
      <c r="Q195" s="72"/>
      <c r="R195" s="238"/>
      <c r="S195" s="238"/>
      <c r="T195" s="238"/>
      <c r="U195" s="238"/>
    </row>
    <row r="196" spans="1:21" hidden="1">
      <c r="H196" s="8">
        <v>3</v>
      </c>
      <c r="I196" s="8">
        <v>337</v>
      </c>
      <c r="J196" s="8" t="s">
        <v>79</v>
      </c>
      <c r="K196" s="8" t="s">
        <v>78</v>
      </c>
      <c r="L196" s="8" t="s">
        <v>71</v>
      </c>
      <c r="M196" s="8">
        <v>1</v>
      </c>
      <c r="N196" s="8" t="s">
        <v>518</v>
      </c>
      <c r="O196" s="8">
        <v>4</v>
      </c>
      <c r="P196" s="8">
        <v>8</v>
      </c>
      <c r="Q196" s="72"/>
      <c r="R196" s="238"/>
      <c r="S196" s="238"/>
      <c r="T196" s="238"/>
      <c r="U196" s="238"/>
    </row>
    <row r="197" spans="1:21" ht="28" hidden="1">
      <c r="H197" s="8">
        <v>4</v>
      </c>
      <c r="I197" s="8">
        <v>623</v>
      </c>
      <c r="J197" s="8" t="s">
        <v>76</v>
      </c>
      <c r="K197" s="8" t="s">
        <v>17</v>
      </c>
      <c r="L197" s="8" t="s">
        <v>71</v>
      </c>
      <c r="M197" s="8">
        <v>1</v>
      </c>
      <c r="N197" s="8" t="s">
        <v>514</v>
      </c>
      <c r="O197" s="8">
        <v>2</v>
      </c>
      <c r="P197" s="8">
        <v>2</v>
      </c>
      <c r="Q197" s="70" t="s">
        <v>624</v>
      </c>
      <c r="R197" s="238"/>
      <c r="S197" s="238"/>
      <c r="T197" s="238"/>
      <c r="U197" s="238"/>
    </row>
    <row r="198" spans="1:21" hidden="1">
      <c r="A198" s="17"/>
      <c r="B198" s="17"/>
      <c r="C198" s="17" t="s">
        <v>84</v>
      </c>
      <c r="D198" s="17" t="s">
        <v>428</v>
      </c>
      <c r="E198" s="17"/>
      <c r="F198" s="17"/>
      <c r="G198" s="17"/>
      <c r="H198" s="17"/>
      <c r="I198" s="17"/>
      <c r="J198" s="17"/>
      <c r="K198" s="17" t="s">
        <v>17</v>
      </c>
      <c r="L198" s="17" t="s">
        <v>71</v>
      </c>
      <c r="M198" s="17">
        <v>10</v>
      </c>
      <c r="N198" s="17"/>
      <c r="O198" s="17"/>
      <c r="P198" s="17"/>
      <c r="Q198" s="17"/>
      <c r="R198" s="238"/>
      <c r="S198" s="238"/>
      <c r="T198" s="238"/>
      <c r="U198" s="238"/>
    </row>
    <row r="199" spans="1:21" hidden="1">
      <c r="H199" s="8">
        <v>1</v>
      </c>
      <c r="I199" s="8">
        <v>374</v>
      </c>
      <c r="J199" s="8" t="s">
        <v>82</v>
      </c>
      <c r="K199" s="8" t="s">
        <v>66</v>
      </c>
      <c r="L199" s="8" t="s">
        <v>65</v>
      </c>
      <c r="M199" s="8">
        <v>1</v>
      </c>
      <c r="N199" s="8" t="s">
        <v>514</v>
      </c>
      <c r="O199" s="8">
        <v>3</v>
      </c>
      <c r="P199" s="8">
        <v>3</v>
      </c>
      <c r="Q199" s="8" t="s">
        <v>662</v>
      </c>
      <c r="R199" s="238"/>
      <c r="S199" s="238"/>
      <c r="T199" s="238"/>
      <c r="U199" s="238"/>
    </row>
    <row r="200" spans="1:21" hidden="1">
      <c r="H200" s="8">
        <v>2</v>
      </c>
      <c r="I200" s="8">
        <v>373</v>
      </c>
      <c r="J200" s="8" t="s">
        <v>1</v>
      </c>
      <c r="K200" s="8" t="s">
        <v>78</v>
      </c>
      <c r="L200" s="8" t="s">
        <v>71</v>
      </c>
      <c r="M200" s="8">
        <v>1</v>
      </c>
      <c r="N200" s="8" t="s">
        <v>519</v>
      </c>
      <c r="O200" s="8">
        <v>8</v>
      </c>
      <c r="P200" s="8">
        <v>8</v>
      </c>
      <c r="Q200" s="72"/>
      <c r="R200" s="238"/>
      <c r="S200" s="238"/>
      <c r="T200" s="238"/>
      <c r="U200" s="238"/>
    </row>
    <row r="201" spans="1:21" hidden="1">
      <c r="H201" s="8">
        <v>3</v>
      </c>
      <c r="I201" s="8">
        <v>337</v>
      </c>
      <c r="J201" s="8" t="s">
        <v>79</v>
      </c>
      <c r="K201" s="8" t="s">
        <v>78</v>
      </c>
      <c r="L201" s="8" t="s">
        <v>71</v>
      </c>
      <c r="M201" s="8">
        <v>1</v>
      </c>
      <c r="N201" s="8" t="s">
        <v>518</v>
      </c>
      <c r="O201" s="8">
        <v>4</v>
      </c>
      <c r="P201" s="8">
        <v>8</v>
      </c>
      <c r="Q201" s="72"/>
      <c r="R201" s="238"/>
      <c r="S201" s="238"/>
      <c r="T201" s="238"/>
      <c r="U201" s="238"/>
    </row>
    <row r="202" spans="1:21" ht="31" hidden="1" customHeight="1">
      <c r="H202" s="8">
        <v>4</v>
      </c>
      <c r="I202" s="8">
        <v>623</v>
      </c>
      <c r="J202" s="8" t="s">
        <v>76</v>
      </c>
      <c r="K202" s="8" t="s">
        <v>17</v>
      </c>
      <c r="L202" s="8" t="s">
        <v>71</v>
      </c>
      <c r="M202" s="8">
        <v>1</v>
      </c>
      <c r="N202" s="8" t="s">
        <v>514</v>
      </c>
      <c r="O202" s="8">
        <v>2</v>
      </c>
      <c r="P202" s="8">
        <v>2</v>
      </c>
      <c r="Q202" s="70" t="s">
        <v>624</v>
      </c>
      <c r="R202" s="238"/>
      <c r="S202" s="238"/>
      <c r="T202" s="238"/>
      <c r="U202" s="238"/>
    </row>
    <row r="203" spans="1:21" ht="15.75" customHeight="1">
      <c r="A203" s="17"/>
      <c r="B203" s="17"/>
      <c r="C203" s="75" t="s">
        <v>130</v>
      </c>
      <c r="D203" s="75" t="s">
        <v>126</v>
      </c>
      <c r="E203" s="75"/>
      <c r="F203" s="75"/>
      <c r="G203" s="75"/>
      <c r="H203" s="75"/>
      <c r="I203" s="75"/>
      <c r="J203" s="75"/>
      <c r="K203" s="75" t="s">
        <v>17</v>
      </c>
      <c r="L203" s="17" t="s">
        <v>71</v>
      </c>
      <c r="M203" s="17" t="s">
        <v>525</v>
      </c>
      <c r="N203" s="75"/>
      <c r="O203" s="75"/>
      <c r="P203" s="75"/>
      <c r="Q203" s="78"/>
      <c r="R203" s="20" t="s">
        <v>2130</v>
      </c>
      <c r="S203" s="20" t="s">
        <v>1691</v>
      </c>
      <c r="T203" s="20" t="s">
        <v>2</v>
      </c>
      <c r="U203" s="20" t="s">
        <v>1477</v>
      </c>
    </row>
    <row r="204" spans="1:21" hidden="1" outlineLevel="1">
      <c r="A204" s="24"/>
      <c r="B204" s="24"/>
      <c r="C204" s="11"/>
      <c r="D204" s="11"/>
      <c r="E204" s="11"/>
      <c r="F204" s="11"/>
      <c r="G204" s="11"/>
      <c r="H204" s="11">
        <v>1</v>
      </c>
      <c r="I204" s="11">
        <v>128</v>
      </c>
      <c r="J204" s="11" t="s">
        <v>128</v>
      </c>
      <c r="K204" s="11" t="s">
        <v>66</v>
      </c>
      <c r="L204" s="8" t="s">
        <v>65</v>
      </c>
      <c r="M204" s="11">
        <v>1</v>
      </c>
      <c r="N204" s="11" t="s">
        <v>514</v>
      </c>
      <c r="O204" s="11">
        <v>2</v>
      </c>
      <c r="P204" s="11">
        <v>3</v>
      </c>
      <c r="Q204" s="11" t="s">
        <v>643</v>
      </c>
      <c r="R204" s="238"/>
      <c r="S204" s="238"/>
      <c r="T204" s="238"/>
      <c r="U204" s="238"/>
    </row>
    <row r="205" spans="1:21" hidden="1" outlineLevel="1">
      <c r="A205" s="24"/>
      <c r="B205" s="24"/>
      <c r="C205" s="11"/>
      <c r="D205" s="11"/>
      <c r="E205" s="11"/>
      <c r="F205" s="11"/>
      <c r="G205" s="11"/>
      <c r="H205" s="11">
        <v>2</v>
      </c>
      <c r="I205" s="11">
        <v>127</v>
      </c>
      <c r="J205" s="11" t="s">
        <v>126</v>
      </c>
      <c r="K205" s="11" t="s">
        <v>78</v>
      </c>
      <c r="L205" s="8" t="s">
        <v>71</v>
      </c>
      <c r="M205" s="11">
        <v>1</v>
      </c>
      <c r="N205" s="11" t="s">
        <v>509</v>
      </c>
      <c r="O205" s="11">
        <v>1</v>
      </c>
      <c r="P205" s="11">
        <v>30</v>
      </c>
      <c r="Q205" s="18"/>
      <c r="R205" s="238"/>
      <c r="S205" s="238"/>
      <c r="T205" s="238"/>
      <c r="U205" s="238"/>
    </row>
    <row r="206" spans="1:21" hidden="1" outlineLevel="1">
      <c r="A206" s="24"/>
      <c r="B206" s="24"/>
      <c r="C206" s="11"/>
      <c r="D206" s="11"/>
      <c r="E206" s="11"/>
      <c r="F206" s="11"/>
      <c r="G206" s="11"/>
      <c r="H206" s="11">
        <v>3</v>
      </c>
      <c r="I206" s="11">
        <v>352</v>
      </c>
      <c r="J206" s="11" t="s">
        <v>3</v>
      </c>
      <c r="K206" s="11" t="s">
        <v>78</v>
      </c>
      <c r="L206" s="8" t="s">
        <v>71</v>
      </c>
      <c r="M206" s="11">
        <v>1</v>
      </c>
      <c r="N206" s="11" t="s">
        <v>509</v>
      </c>
      <c r="O206" s="11">
        <v>1</v>
      </c>
      <c r="P206" s="11">
        <v>80</v>
      </c>
      <c r="Q206" s="18"/>
      <c r="R206" s="238"/>
      <c r="S206" s="238"/>
      <c r="T206" s="238"/>
      <c r="U206" s="238"/>
    </row>
    <row r="207" spans="1:21" collapsed="1">
      <c r="A207" s="17"/>
      <c r="B207" s="17"/>
      <c r="C207" s="17" t="s">
        <v>130</v>
      </c>
      <c r="D207" s="17" t="s">
        <v>126</v>
      </c>
      <c r="E207" s="17"/>
      <c r="F207" s="17"/>
      <c r="G207" s="17"/>
      <c r="H207" s="17"/>
      <c r="I207" s="17"/>
      <c r="J207" s="17"/>
      <c r="K207" s="17" t="s">
        <v>17</v>
      </c>
      <c r="L207" s="17" t="s">
        <v>71</v>
      </c>
      <c r="M207" s="17" t="s">
        <v>525</v>
      </c>
      <c r="N207" s="75"/>
      <c r="O207" s="75"/>
      <c r="P207" s="75"/>
      <c r="Q207" s="17"/>
      <c r="R207" s="238" t="s">
        <v>1696</v>
      </c>
      <c r="S207" s="238" t="s">
        <v>1697</v>
      </c>
      <c r="T207" s="238" t="s">
        <v>1477</v>
      </c>
      <c r="U207" s="238" t="s">
        <v>2</v>
      </c>
    </row>
    <row r="208" spans="1:21" hidden="1" outlineLevel="1">
      <c r="H208" s="8">
        <v>1</v>
      </c>
      <c r="I208" s="8">
        <v>128</v>
      </c>
      <c r="J208" s="8" t="s">
        <v>128</v>
      </c>
      <c r="K208" s="8" t="s">
        <v>66</v>
      </c>
      <c r="L208" s="8" t="s">
        <v>65</v>
      </c>
      <c r="M208" s="11">
        <v>1</v>
      </c>
      <c r="N208" s="11" t="s">
        <v>514</v>
      </c>
      <c r="O208" s="11">
        <v>2</v>
      </c>
      <c r="P208" s="11">
        <v>3</v>
      </c>
      <c r="Q208" s="8" t="s">
        <v>640</v>
      </c>
      <c r="R208" s="238"/>
      <c r="S208" s="238"/>
      <c r="T208" s="238"/>
      <c r="U208" s="238"/>
    </row>
    <row r="209" spans="1:21" hidden="1" outlineLevel="1">
      <c r="H209" s="8">
        <v>2</v>
      </c>
      <c r="I209" s="8">
        <v>127</v>
      </c>
      <c r="J209" s="8" t="s">
        <v>126</v>
      </c>
      <c r="K209" s="8" t="s">
        <v>78</v>
      </c>
      <c r="L209" s="8" t="s">
        <v>71</v>
      </c>
      <c r="M209" s="11">
        <v>1</v>
      </c>
      <c r="N209" s="11" t="s">
        <v>509</v>
      </c>
      <c r="O209" s="11">
        <v>1</v>
      </c>
      <c r="P209" s="11">
        <v>30</v>
      </c>
      <c r="R209" s="238"/>
      <c r="S209" s="238"/>
      <c r="T209" s="238"/>
      <c r="U209" s="238"/>
    </row>
    <row r="210" spans="1:21" hidden="1" outlineLevel="1">
      <c r="H210" s="8">
        <v>3</v>
      </c>
      <c r="I210" s="8">
        <v>352</v>
      </c>
      <c r="J210" s="8" t="s">
        <v>3</v>
      </c>
      <c r="K210" s="8" t="s">
        <v>78</v>
      </c>
      <c r="L210" s="8" t="s">
        <v>71</v>
      </c>
      <c r="M210" s="11">
        <v>1</v>
      </c>
      <c r="N210" s="11" t="s">
        <v>509</v>
      </c>
      <c r="O210" s="11">
        <v>1</v>
      </c>
      <c r="P210" s="11">
        <v>80</v>
      </c>
      <c r="R210" s="238"/>
      <c r="S210" s="238"/>
      <c r="T210" s="238"/>
      <c r="U210" s="238"/>
    </row>
    <row r="211" spans="1:21" collapsed="1">
      <c r="A211" s="17"/>
      <c r="B211" s="17"/>
      <c r="C211" s="17" t="s">
        <v>130</v>
      </c>
      <c r="D211" s="17" t="s">
        <v>126</v>
      </c>
      <c r="E211" s="17"/>
      <c r="F211" s="17"/>
      <c r="G211" s="17"/>
      <c r="H211" s="17"/>
      <c r="I211" s="17"/>
      <c r="J211" s="17"/>
      <c r="K211" s="17" t="s">
        <v>17</v>
      </c>
      <c r="L211" s="17" t="s">
        <v>71</v>
      </c>
      <c r="M211" s="17" t="s">
        <v>525</v>
      </c>
      <c r="N211" s="75"/>
      <c r="O211" s="75"/>
      <c r="P211" s="75"/>
      <c r="Q211" s="17"/>
      <c r="R211" s="238" t="s">
        <v>2452</v>
      </c>
      <c r="S211" s="238" t="s">
        <v>2451</v>
      </c>
      <c r="T211" s="238" t="s">
        <v>1692</v>
      </c>
      <c r="U211" s="238" t="s">
        <v>1692</v>
      </c>
    </row>
    <row r="212" spans="1:21" hidden="1" outlineLevel="1">
      <c r="H212" s="8">
        <v>1</v>
      </c>
      <c r="I212" s="8">
        <v>128</v>
      </c>
      <c r="J212" s="8" t="s">
        <v>128</v>
      </c>
      <c r="K212" s="8" t="s">
        <v>66</v>
      </c>
      <c r="L212" s="8" t="s">
        <v>65</v>
      </c>
      <c r="M212" s="11">
        <v>1</v>
      </c>
      <c r="N212" s="11" t="s">
        <v>514</v>
      </c>
      <c r="O212" s="11">
        <v>2</v>
      </c>
      <c r="P212" s="11">
        <v>3</v>
      </c>
      <c r="Q212" s="8" t="s">
        <v>639</v>
      </c>
      <c r="R212" s="238"/>
      <c r="S212" s="238"/>
      <c r="T212" s="238"/>
      <c r="U212" s="238"/>
    </row>
    <row r="213" spans="1:21" hidden="1" outlineLevel="1">
      <c r="H213" s="8">
        <v>2</v>
      </c>
      <c r="I213" s="8">
        <v>127</v>
      </c>
      <c r="J213" s="8" t="s">
        <v>126</v>
      </c>
      <c r="K213" s="8" t="s">
        <v>78</v>
      </c>
      <c r="L213" s="8" t="s">
        <v>71</v>
      </c>
      <c r="M213" s="11">
        <v>1</v>
      </c>
      <c r="N213" s="11" t="s">
        <v>509</v>
      </c>
      <c r="O213" s="11">
        <v>1</v>
      </c>
      <c r="P213" s="11">
        <v>30</v>
      </c>
      <c r="R213" s="238"/>
      <c r="S213" s="238"/>
      <c r="T213" s="238"/>
      <c r="U213" s="238"/>
    </row>
    <row r="214" spans="1:21" hidden="1" outlineLevel="1">
      <c r="H214" s="8">
        <v>3</v>
      </c>
      <c r="I214" s="8">
        <v>352</v>
      </c>
      <c r="J214" s="8" t="s">
        <v>3</v>
      </c>
      <c r="K214" s="8" t="s">
        <v>78</v>
      </c>
      <c r="L214" s="8" t="s">
        <v>71</v>
      </c>
      <c r="M214" s="11">
        <v>1</v>
      </c>
      <c r="N214" s="11" t="s">
        <v>509</v>
      </c>
      <c r="O214" s="11">
        <v>1</v>
      </c>
      <c r="P214" s="11">
        <v>80</v>
      </c>
      <c r="R214" s="238"/>
      <c r="S214" s="238"/>
      <c r="T214" s="238"/>
      <c r="U214" s="238"/>
    </row>
    <row r="215" spans="1:21" collapsed="1">
      <c r="A215" s="17"/>
      <c r="B215" s="17"/>
      <c r="C215" s="17" t="s">
        <v>248</v>
      </c>
      <c r="D215" s="17" t="s">
        <v>472</v>
      </c>
      <c r="E215" s="17"/>
      <c r="F215" s="17"/>
      <c r="G215" s="17"/>
      <c r="H215" s="17"/>
      <c r="I215" s="17"/>
      <c r="J215" s="17"/>
      <c r="K215" s="17" t="s">
        <v>17</v>
      </c>
      <c r="L215" s="17" t="s">
        <v>71</v>
      </c>
      <c r="M215" s="17">
        <v>1</v>
      </c>
      <c r="N215" s="17"/>
      <c r="O215" s="17"/>
      <c r="P215" s="17"/>
      <c r="Q215" s="74"/>
      <c r="R215" s="238" t="s">
        <v>1032</v>
      </c>
      <c r="S215" s="238" t="s">
        <v>1483</v>
      </c>
      <c r="T215" s="238" t="s">
        <v>2</v>
      </c>
      <c r="U215" s="238" t="s">
        <v>2</v>
      </c>
    </row>
    <row r="216" spans="1:21" ht="28" hidden="1" outlineLevel="1">
      <c r="H216" s="8">
        <v>1</v>
      </c>
      <c r="I216" s="8">
        <v>146</v>
      </c>
      <c r="J216" s="8" t="s">
        <v>246</v>
      </c>
      <c r="K216" s="8" t="s">
        <v>66</v>
      </c>
      <c r="L216" s="8" t="s">
        <v>65</v>
      </c>
      <c r="M216" s="8">
        <v>1</v>
      </c>
      <c r="N216" s="8" t="s">
        <v>514</v>
      </c>
      <c r="O216" s="8">
        <v>2</v>
      </c>
      <c r="P216" s="8">
        <v>2</v>
      </c>
      <c r="Q216" s="70" t="s">
        <v>624</v>
      </c>
      <c r="R216" s="238"/>
      <c r="S216" s="238"/>
      <c r="T216" s="238"/>
      <c r="U216" s="238"/>
    </row>
    <row r="217" spans="1:21" ht="28" hidden="1" outlineLevel="1">
      <c r="H217" s="8">
        <v>2</v>
      </c>
      <c r="I217" s="8">
        <v>309</v>
      </c>
      <c r="J217" s="8" t="s">
        <v>133</v>
      </c>
      <c r="K217" s="8" t="s">
        <v>78</v>
      </c>
      <c r="L217" s="8" t="s">
        <v>71</v>
      </c>
      <c r="M217" s="8">
        <v>1</v>
      </c>
      <c r="N217" s="8" t="s">
        <v>514</v>
      </c>
      <c r="O217" s="8">
        <v>1</v>
      </c>
      <c r="P217" s="8">
        <v>2</v>
      </c>
      <c r="Q217" s="70" t="s">
        <v>624</v>
      </c>
      <c r="R217" s="238"/>
      <c r="S217" s="238"/>
      <c r="T217" s="238"/>
      <c r="U217" s="238"/>
    </row>
    <row r="218" spans="1:21" hidden="1" outlineLevel="1">
      <c r="H218" s="8">
        <v>3</v>
      </c>
      <c r="I218" s="8">
        <v>352</v>
      </c>
      <c r="J218" s="8" t="s">
        <v>3</v>
      </c>
      <c r="K218" s="8" t="s">
        <v>17</v>
      </c>
      <c r="L218" s="8" t="s">
        <v>71</v>
      </c>
      <c r="M218" s="8">
        <v>1</v>
      </c>
      <c r="N218" s="8" t="s">
        <v>509</v>
      </c>
      <c r="O218" s="8">
        <v>1</v>
      </c>
      <c r="P218" s="8">
        <v>80</v>
      </c>
      <c r="Q218" s="18"/>
      <c r="R218" s="238"/>
      <c r="S218" s="238"/>
      <c r="T218" s="238"/>
      <c r="U218" s="238"/>
    </row>
    <row r="219" spans="1:21" hidden="1" outlineLevel="1">
      <c r="H219" s="8">
        <v>4</v>
      </c>
      <c r="I219" s="8">
        <v>334</v>
      </c>
      <c r="J219" s="8" t="s">
        <v>242</v>
      </c>
      <c r="K219" s="8" t="s">
        <v>17</v>
      </c>
      <c r="L219" s="8" t="s">
        <v>71</v>
      </c>
      <c r="M219" s="8">
        <v>1</v>
      </c>
      <c r="N219" s="8" t="s">
        <v>514</v>
      </c>
      <c r="O219" s="8">
        <v>2</v>
      </c>
      <c r="P219" s="8">
        <v>2</v>
      </c>
      <c r="Q219" s="8" t="s">
        <v>643</v>
      </c>
      <c r="R219" s="238"/>
      <c r="S219" s="238"/>
      <c r="T219" s="238"/>
      <c r="U219" s="238"/>
    </row>
    <row r="220" spans="1:21" ht="28" hidden="1" outlineLevel="1">
      <c r="H220" s="8">
        <v>5</v>
      </c>
      <c r="I220" s="8">
        <v>335</v>
      </c>
      <c r="J220" s="8" t="s">
        <v>240</v>
      </c>
      <c r="K220" s="8" t="s">
        <v>78</v>
      </c>
      <c r="L220" s="8" t="s">
        <v>71</v>
      </c>
      <c r="M220" s="8">
        <v>1</v>
      </c>
      <c r="N220" s="8" t="s">
        <v>514</v>
      </c>
      <c r="O220" s="8">
        <v>3</v>
      </c>
      <c r="P220" s="8">
        <v>3</v>
      </c>
      <c r="Q220" s="70" t="s">
        <v>624</v>
      </c>
      <c r="R220" s="238"/>
      <c r="S220" s="238"/>
      <c r="T220" s="238"/>
      <c r="U220" s="238"/>
    </row>
    <row r="221" spans="1:21" hidden="1" outlineLevel="1">
      <c r="H221" s="8">
        <v>6</v>
      </c>
      <c r="I221" s="8">
        <v>309</v>
      </c>
      <c r="J221" s="8" t="s">
        <v>133</v>
      </c>
      <c r="K221" s="8" t="s">
        <v>78</v>
      </c>
      <c r="L221" s="8" t="s">
        <v>71</v>
      </c>
      <c r="M221" s="8">
        <v>1</v>
      </c>
      <c r="N221" s="8" t="s">
        <v>514</v>
      </c>
      <c r="O221" s="8">
        <v>1</v>
      </c>
      <c r="P221" s="8">
        <v>2</v>
      </c>
      <c r="Q221" s="11" t="s">
        <v>643</v>
      </c>
      <c r="R221" s="238"/>
      <c r="S221" s="238"/>
      <c r="T221" s="238"/>
      <c r="U221" s="238"/>
    </row>
    <row r="222" spans="1:21" hidden="1" outlineLevel="1">
      <c r="H222" s="8">
        <v>7</v>
      </c>
      <c r="I222" s="8">
        <v>352</v>
      </c>
      <c r="J222" s="8" t="s">
        <v>3</v>
      </c>
      <c r="K222" s="8" t="s">
        <v>17</v>
      </c>
      <c r="L222" s="8" t="s">
        <v>71</v>
      </c>
      <c r="M222" s="8">
        <v>1</v>
      </c>
      <c r="N222" s="8" t="s">
        <v>509</v>
      </c>
      <c r="O222" s="8">
        <v>1</v>
      </c>
      <c r="P222" s="8">
        <v>80</v>
      </c>
      <c r="Q222" s="18"/>
      <c r="R222" s="238"/>
      <c r="S222" s="238"/>
      <c r="T222" s="238"/>
      <c r="U222" s="238"/>
    </row>
    <row r="223" spans="1:21" collapsed="1">
      <c r="A223" s="17"/>
      <c r="B223" s="17"/>
      <c r="C223" s="17"/>
      <c r="D223" s="17"/>
      <c r="E223" s="17"/>
      <c r="F223" s="17"/>
      <c r="G223" s="17"/>
      <c r="H223" s="17"/>
      <c r="I223" s="17"/>
      <c r="J223" s="17"/>
      <c r="K223" s="17" t="s">
        <v>17</v>
      </c>
      <c r="L223" s="17" t="s">
        <v>71</v>
      </c>
      <c r="M223" s="17">
        <v>200</v>
      </c>
      <c r="N223" s="17"/>
      <c r="O223" s="17"/>
      <c r="P223" s="17"/>
      <c r="Q223" s="17"/>
      <c r="R223" s="238" t="s">
        <v>1372</v>
      </c>
      <c r="S223" s="238" t="s">
        <v>1484</v>
      </c>
      <c r="T223" s="238" t="s">
        <v>2</v>
      </c>
      <c r="U223" s="238" t="s">
        <v>2</v>
      </c>
    </row>
    <row r="224" spans="1:21" hidden="1">
      <c r="A224" s="17"/>
      <c r="B224" s="17"/>
      <c r="C224" s="17" t="s">
        <v>158</v>
      </c>
      <c r="D224" s="17" t="s">
        <v>120</v>
      </c>
      <c r="E224" s="17"/>
      <c r="F224" s="17"/>
      <c r="G224" s="17"/>
      <c r="H224" s="17"/>
      <c r="I224" s="17"/>
      <c r="J224" s="17"/>
      <c r="K224" s="17" t="s">
        <v>17</v>
      </c>
      <c r="L224" s="17" t="s">
        <v>71</v>
      </c>
      <c r="M224" s="17">
        <v>1</v>
      </c>
      <c r="N224" s="17"/>
      <c r="O224" s="17"/>
      <c r="P224" s="17"/>
      <c r="Q224" s="17"/>
      <c r="R224" s="238"/>
      <c r="S224" s="238"/>
      <c r="T224" s="238"/>
      <c r="U224" s="238"/>
    </row>
    <row r="225" spans="1:21" ht="28" hidden="1" outlineLevel="1">
      <c r="H225" s="8">
        <v>1</v>
      </c>
      <c r="I225" s="8">
        <v>98</v>
      </c>
      <c r="J225" s="8" t="s">
        <v>156</v>
      </c>
      <c r="K225" s="8" t="s">
        <v>66</v>
      </c>
      <c r="L225" s="8" t="s">
        <v>65</v>
      </c>
      <c r="M225" s="8">
        <v>1</v>
      </c>
      <c r="N225" s="8" t="s">
        <v>514</v>
      </c>
      <c r="O225" s="8">
        <v>2</v>
      </c>
      <c r="P225" s="8">
        <v>3</v>
      </c>
      <c r="Q225" s="70" t="s">
        <v>624</v>
      </c>
      <c r="R225" s="238"/>
      <c r="S225" s="238"/>
      <c r="T225" s="238"/>
      <c r="U225" s="238"/>
    </row>
    <row r="226" spans="1:21" hidden="1" outlineLevel="1">
      <c r="H226" s="8">
        <v>2</v>
      </c>
      <c r="I226" s="8">
        <v>93</v>
      </c>
      <c r="J226" s="8" t="s">
        <v>120</v>
      </c>
      <c r="K226" s="8" t="s">
        <v>78</v>
      </c>
      <c r="L226" s="8" t="s">
        <v>71</v>
      </c>
      <c r="M226" s="8">
        <v>1</v>
      </c>
      <c r="N226" s="8" t="s">
        <v>509</v>
      </c>
      <c r="O226" s="8">
        <v>1</v>
      </c>
      <c r="P226" s="8">
        <v>60</v>
      </c>
      <c r="Q226" s="72"/>
      <c r="R226" s="238"/>
      <c r="S226" s="238"/>
      <c r="T226" s="238"/>
      <c r="U226" s="238"/>
    </row>
    <row r="227" spans="1:21" ht="28" hidden="1" outlineLevel="1">
      <c r="H227" s="8">
        <v>3</v>
      </c>
      <c r="I227" s="8">
        <v>66</v>
      </c>
      <c r="J227" s="8" t="s">
        <v>153</v>
      </c>
      <c r="K227" s="8" t="s">
        <v>78</v>
      </c>
      <c r="L227" s="8" t="s">
        <v>71</v>
      </c>
      <c r="M227" s="8">
        <v>1</v>
      </c>
      <c r="N227" s="8" t="s">
        <v>514</v>
      </c>
      <c r="O227" s="8">
        <v>1</v>
      </c>
      <c r="P227" s="8">
        <v>2</v>
      </c>
      <c r="Q227" s="70" t="s">
        <v>624</v>
      </c>
      <c r="R227" s="238"/>
      <c r="S227" s="238"/>
      <c r="T227" s="238"/>
      <c r="U227" s="238"/>
    </row>
    <row r="228" spans="1:21" hidden="1" outlineLevel="1">
      <c r="H228" s="8">
        <v>4</v>
      </c>
      <c r="I228" s="8">
        <v>67</v>
      </c>
      <c r="J228" s="8" t="s">
        <v>151</v>
      </c>
      <c r="K228" s="8" t="s">
        <v>78</v>
      </c>
      <c r="L228" s="8" t="s">
        <v>71</v>
      </c>
      <c r="M228" s="8">
        <v>1</v>
      </c>
      <c r="N228" s="8" t="s">
        <v>509</v>
      </c>
      <c r="O228" s="8">
        <v>2</v>
      </c>
      <c r="P228" s="8">
        <v>80</v>
      </c>
      <c r="Q228" s="72"/>
      <c r="R228" s="238"/>
      <c r="S228" s="238"/>
      <c r="T228" s="238"/>
      <c r="U228" s="238"/>
    </row>
    <row r="229" spans="1:21" hidden="1" collapsed="1">
      <c r="A229" s="17"/>
      <c r="B229" s="17"/>
      <c r="C229" s="17" t="s">
        <v>150</v>
      </c>
      <c r="D229" s="17" t="s">
        <v>473</v>
      </c>
      <c r="E229" s="17"/>
      <c r="F229" s="17"/>
      <c r="G229" s="17"/>
      <c r="H229" s="17"/>
      <c r="I229" s="17"/>
      <c r="J229" s="17"/>
      <c r="K229" s="17" t="s">
        <v>17</v>
      </c>
      <c r="L229" s="17" t="s">
        <v>71</v>
      </c>
      <c r="M229" s="17">
        <v>2</v>
      </c>
      <c r="N229" s="17"/>
      <c r="O229" s="17"/>
      <c r="P229" s="17"/>
      <c r="Q229" s="17"/>
      <c r="R229" s="238"/>
      <c r="S229" s="238"/>
      <c r="T229" s="238"/>
      <c r="U229" s="238"/>
    </row>
    <row r="230" spans="1:21" hidden="1">
      <c r="H230" s="8">
        <v>1</v>
      </c>
      <c r="I230" s="8">
        <v>93</v>
      </c>
      <c r="J230" s="8" t="s">
        <v>120</v>
      </c>
      <c r="K230" s="8" t="s">
        <v>66</v>
      </c>
      <c r="L230" s="8" t="s">
        <v>65</v>
      </c>
      <c r="M230" s="8">
        <v>1</v>
      </c>
      <c r="N230" s="8" t="s">
        <v>509</v>
      </c>
      <c r="O230" s="8">
        <v>1</v>
      </c>
      <c r="P230" s="8">
        <v>60</v>
      </c>
      <c r="Q230" s="72"/>
      <c r="R230" s="238"/>
      <c r="S230" s="238"/>
      <c r="T230" s="238"/>
      <c r="U230" s="238"/>
    </row>
    <row r="231" spans="1:21" hidden="1">
      <c r="H231" s="8">
        <v>2</v>
      </c>
      <c r="I231" s="8">
        <v>93</v>
      </c>
      <c r="J231" s="8" t="s">
        <v>120</v>
      </c>
      <c r="K231" s="8" t="s">
        <v>17</v>
      </c>
      <c r="L231" s="8" t="s">
        <v>71</v>
      </c>
      <c r="M231" s="8">
        <v>1</v>
      </c>
      <c r="N231" s="8" t="s">
        <v>509</v>
      </c>
      <c r="O231" s="8">
        <v>1</v>
      </c>
      <c r="P231" s="8">
        <v>60</v>
      </c>
      <c r="Q231" s="72"/>
      <c r="R231" s="238"/>
      <c r="S231" s="238"/>
      <c r="T231" s="238"/>
      <c r="U231" s="238"/>
    </row>
    <row r="232" spans="1:21" hidden="1">
      <c r="A232" s="17"/>
      <c r="B232" s="17"/>
      <c r="C232" s="17" t="s">
        <v>150</v>
      </c>
      <c r="D232" s="17" t="s">
        <v>473</v>
      </c>
      <c r="E232" s="17"/>
      <c r="F232" s="17"/>
      <c r="G232" s="17"/>
      <c r="H232" s="17"/>
      <c r="I232" s="17"/>
      <c r="J232" s="17"/>
      <c r="K232" s="17" t="s">
        <v>17</v>
      </c>
      <c r="L232" s="17" t="s">
        <v>71</v>
      </c>
      <c r="M232" s="17">
        <v>2</v>
      </c>
      <c r="N232" s="17"/>
      <c r="O232" s="17"/>
      <c r="P232" s="17"/>
      <c r="Q232" s="17"/>
      <c r="R232" s="238"/>
      <c r="S232" s="238"/>
      <c r="T232" s="238"/>
      <c r="U232" s="238"/>
    </row>
    <row r="233" spans="1:21" hidden="1">
      <c r="H233" s="8">
        <v>1</v>
      </c>
      <c r="I233" s="8">
        <v>93</v>
      </c>
      <c r="J233" s="8" t="s">
        <v>120</v>
      </c>
      <c r="K233" s="8" t="s">
        <v>66</v>
      </c>
      <c r="L233" s="8" t="s">
        <v>65</v>
      </c>
      <c r="M233" s="8">
        <v>1</v>
      </c>
      <c r="N233" s="8" t="s">
        <v>509</v>
      </c>
      <c r="O233" s="8">
        <v>1</v>
      </c>
      <c r="P233" s="8">
        <v>60</v>
      </c>
      <c r="Q233" s="72"/>
      <c r="R233" s="238"/>
      <c r="S233" s="238"/>
      <c r="T233" s="238"/>
      <c r="U233" s="238"/>
    </row>
    <row r="234" spans="1:21" hidden="1">
      <c r="H234" s="8">
        <v>2</v>
      </c>
      <c r="I234" s="8">
        <v>93</v>
      </c>
      <c r="J234" s="8" t="s">
        <v>120</v>
      </c>
      <c r="K234" s="8" t="s">
        <v>17</v>
      </c>
      <c r="L234" s="8" t="s">
        <v>71</v>
      </c>
      <c r="M234" s="8">
        <v>1</v>
      </c>
      <c r="N234" s="8" t="s">
        <v>509</v>
      </c>
      <c r="O234" s="8">
        <v>1</v>
      </c>
      <c r="P234" s="8">
        <v>60</v>
      </c>
      <c r="Q234" s="72"/>
      <c r="R234" s="238"/>
      <c r="S234" s="238"/>
      <c r="T234" s="238"/>
      <c r="U234" s="238"/>
    </row>
    <row r="235" spans="1:21">
      <c r="A235" s="17"/>
      <c r="B235" s="17"/>
      <c r="C235" s="17" t="s">
        <v>147</v>
      </c>
      <c r="D235" s="17" t="s">
        <v>144</v>
      </c>
      <c r="E235" s="17"/>
      <c r="F235" s="17"/>
      <c r="G235" s="17"/>
      <c r="H235" s="17"/>
      <c r="I235" s="17"/>
      <c r="J235" s="17"/>
      <c r="K235" s="17" t="s">
        <v>17</v>
      </c>
      <c r="L235" s="17" t="s">
        <v>71</v>
      </c>
      <c r="M235" s="17">
        <v>2</v>
      </c>
      <c r="N235" s="17"/>
      <c r="O235" s="17"/>
      <c r="P235" s="17"/>
      <c r="Q235" s="17"/>
      <c r="R235" s="238" t="s">
        <v>936</v>
      </c>
      <c r="S235" s="238"/>
      <c r="T235" s="238"/>
      <c r="U235" s="238"/>
    </row>
    <row r="236" spans="1:21" hidden="1">
      <c r="H236" s="8">
        <v>1</v>
      </c>
      <c r="I236" s="8">
        <v>166</v>
      </c>
      <c r="J236" s="8" t="s">
        <v>144</v>
      </c>
      <c r="K236" s="8" t="s">
        <v>66</v>
      </c>
      <c r="L236" s="8" t="s">
        <v>65</v>
      </c>
      <c r="M236" s="8">
        <v>1</v>
      </c>
      <c r="N236" s="8" t="s">
        <v>509</v>
      </c>
      <c r="O236" s="8">
        <v>1</v>
      </c>
      <c r="P236" s="8">
        <v>55</v>
      </c>
      <c r="Q236" s="72"/>
      <c r="R236" s="238"/>
      <c r="S236" s="238"/>
      <c r="T236" s="238"/>
      <c r="U236" s="238"/>
    </row>
    <row r="237" spans="1:21" hidden="1">
      <c r="H237" s="8">
        <v>2</v>
      </c>
      <c r="I237" s="8">
        <v>166</v>
      </c>
      <c r="J237" s="8" t="s">
        <v>144</v>
      </c>
      <c r="K237" s="8" t="s">
        <v>17</v>
      </c>
      <c r="L237" s="8" t="s">
        <v>71</v>
      </c>
      <c r="M237" s="8">
        <v>1</v>
      </c>
      <c r="N237" s="8" t="s">
        <v>509</v>
      </c>
      <c r="O237" s="8">
        <v>1</v>
      </c>
      <c r="P237" s="8">
        <v>55</v>
      </c>
      <c r="Q237" s="72"/>
      <c r="R237" s="238"/>
      <c r="S237" s="238"/>
      <c r="T237" s="238"/>
      <c r="U237" s="238"/>
    </row>
    <row r="238" spans="1:21" hidden="1">
      <c r="A238" s="17"/>
      <c r="B238" s="17"/>
      <c r="C238" s="17" t="s">
        <v>147</v>
      </c>
      <c r="D238" s="17" t="s">
        <v>144</v>
      </c>
      <c r="E238" s="17"/>
      <c r="F238" s="17"/>
      <c r="G238" s="17"/>
      <c r="H238" s="17"/>
      <c r="I238" s="17"/>
      <c r="J238" s="17"/>
      <c r="K238" s="17" t="s">
        <v>17</v>
      </c>
      <c r="L238" s="17" t="s">
        <v>71</v>
      </c>
      <c r="M238" s="17">
        <v>2</v>
      </c>
      <c r="N238" s="17"/>
      <c r="O238" s="17"/>
      <c r="P238" s="17"/>
      <c r="Q238" s="17"/>
      <c r="R238" s="238"/>
      <c r="S238" s="238"/>
      <c r="T238" s="238"/>
      <c r="U238" s="238"/>
    </row>
    <row r="239" spans="1:21" hidden="1">
      <c r="H239" s="8">
        <v>1</v>
      </c>
      <c r="I239" s="8">
        <v>166</v>
      </c>
      <c r="J239" s="8" t="s">
        <v>144</v>
      </c>
      <c r="K239" s="8" t="s">
        <v>66</v>
      </c>
      <c r="L239" s="8" t="s">
        <v>65</v>
      </c>
      <c r="M239" s="8">
        <v>1</v>
      </c>
      <c r="N239" s="8" t="s">
        <v>509</v>
      </c>
      <c r="O239" s="8">
        <v>1</v>
      </c>
      <c r="P239" s="8">
        <v>55</v>
      </c>
      <c r="Q239" s="72"/>
      <c r="R239" s="238"/>
      <c r="S239" s="238"/>
      <c r="T239" s="238"/>
      <c r="U239" s="238"/>
    </row>
    <row r="240" spans="1:21" hidden="1">
      <c r="H240" s="8">
        <v>2</v>
      </c>
      <c r="I240" s="8">
        <v>166</v>
      </c>
      <c r="J240" s="8" t="s">
        <v>144</v>
      </c>
      <c r="K240" s="8" t="s">
        <v>17</v>
      </c>
      <c r="L240" s="8" t="s">
        <v>71</v>
      </c>
      <c r="M240" s="8">
        <v>1</v>
      </c>
      <c r="N240" s="8" t="s">
        <v>509</v>
      </c>
      <c r="O240" s="8">
        <v>1</v>
      </c>
      <c r="P240" s="8">
        <v>55</v>
      </c>
      <c r="Q240" s="72"/>
      <c r="R240" s="238"/>
      <c r="S240" s="238"/>
      <c r="T240" s="238"/>
      <c r="U240" s="238"/>
    </row>
    <row r="241" spans="1:21">
      <c r="A241" s="17"/>
      <c r="B241" s="17"/>
      <c r="C241" s="17" t="s">
        <v>143</v>
      </c>
      <c r="D241" s="17" t="s">
        <v>474</v>
      </c>
      <c r="E241" s="17"/>
      <c r="F241" s="17"/>
      <c r="G241" s="17"/>
      <c r="H241" s="17"/>
      <c r="I241" s="17"/>
      <c r="J241" s="17"/>
      <c r="K241" s="17" t="s">
        <v>17</v>
      </c>
      <c r="L241" s="17" t="s">
        <v>71</v>
      </c>
      <c r="M241" s="17" t="s">
        <v>525</v>
      </c>
      <c r="N241" s="17"/>
      <c r="O241" s="17"/>
      <c r="P241" s="17"/>
      <c r="Q241" s="17"/>
      <c r="R241" s="238" t="s">
        <v>1043</v>
      </c>
      <c r="S241" s="238"/>
      <c r="T241" s="238"/>
      <c r="U241" s="238"/>
    </row>
    <row r="242" spans="1:21" hidden="1" outlineLevel="1">
      <c r="H242" s="8">
        <v>1</v>
      </c>
      <c r="I242" s="8">
        <v>19</v>
      </c>
      <c r="J242" s="8" t="s">
        <v>141</v>
      </c>
      <c r="K242" s="8" t="s">
        <v>17</v>
      </c>
      <c r="L242" s="8" t="s">
        <v>71</v>
      </c>
      <c r="M242" s="8">
        <v>1</v>
      </c>
      <c r="N242" s="8" t="s">
        <v>509</v>
      </c>
      <c r="O242" s="8">
        <v>2</v>
      </c>
      <c r="P242" s="8">
        <v>30</v>
      </c>
      <c r="Q242" s="72"/>
      <c r="R242" s="238"/>
      <c r="S242" s="238"/>
      <c r="T242" s="238"/>
      <c r="U242" s="238"/>
    </row>
    <row r="243" spans="1:21" ht="28" hidden="1" outlineLevel="1">
      <c r="H243" s="8">
        <v>2</v>
      </c>
      <c r="I243" s="8">
        <v>156</v>
      </c>
      <c r="J243" s="8" t="s">
        <v>139</v>
      </c>
      <c r="K243" s="8" t="s">
        <v>17</v>
      </c>
      <c r="L243" s="8" t="s">
        <v>71</v>
      </c>
      <c r="M243" s="8">
        <v>1</v>
      </c>
      <c r="N243" s="8" t="s">
        <v>514</v>
      </c>
      <c r="O243" s="8">
        <v>2</v>
      </c>
      <c r="P243" s="8">
        <v>2</v>
      </c>
      <c r="Q243" s="70" t="s">
        <v>624</v>
      </c>
      <c r="R243" s="238"/>
      <c r="S243" s="238"/>
      <c r="T243" s="238"/>
      <c r="U243" s="238"/>
    </row>
    <row r="244" spans="1:21" hidden="1" outlineLevel="1">
      <c r="H244" s="8">
        <v>3</v>
      </c>
      <c r="I244" s="8">
        <v>116</v>
      </c>
      <c r="J244" s="8" t="s">
        <v>137</v>
      </c>
      <c r="K244" s="8" t="s">
        <v>17</v>
      </c>
      <c r="L244" s="8" t="s">
        <v>71</v>
      </c>
      <c r="M244" s="8">
        <v>1</v>
      </c>
      <c r="N244" s="8" t="s">
        <v>514</v>
      </c>
      <c r="O244" s="8">
        <v>3</v>
      </c>
      <c r="P244" s="8">
        <v>15</v>
      </c>
      <c r="Q244" s="72"/>
      <c r="R244" s="238"/>
      <c r="S244" s="238"/>
      <c r="T244" s="238"/>
      <c r="U244" s="238"/>
    </row>
    <row r="245" spans="1:21" ht="28" hidden="1" outlineLevel="1">
      <c r="H245" s="8">
        <v>4</v>
      </c>
      <c r="I245" s="8">
        <v>26</v>
      </c>
      <c r="J245" s="8" t="s">
        <v>135</v>
      </c>
      <c r="K245" s="8" t="s">
        <v>17</v>
      </c>
      <c r="L245" s="8" t="s">
        <v>71</v>
      </c>
      <c r="M245" s="8">
        <v>1</v>
      </c>
      <c r="N245" s="8" t="s">
        <v>514</v>
      </c>
      <c r="O245" s="8">
        <v>2</v>
      </c>
      <c r="P245" s="8">
        <v>3</v>
      </c>
      <c r="Q245" s="70" t="s">
        <v>624</v>
      </c>
      <c r="R245" s="238"/>
      <c r="S245" s="238"/>
      <c r="T245" s="238"/>
      <c r="U245" s="238"/>
    </row>
    <row r="246" spans="1:21" hidden="1" outlineLevel="1">
      <c r="H246" s="8">
        <v>5</v>
      </c>
      <c r="I246" s="8">
        <v>309</v>
      </c>
      <c r="J246" s="8" t="s">
        <v>133</v>
      </c>
      <c r="K246" s="8" t="s">
        <v>78</v>
      </c>
      <c r="L246" s="8" t="s">
        <v>71</v>
      </c>
      <c r="M246" s="11">
        <v>1</v>
      </c>
      <c r="N246" s="11" t="s">
        <v>514</v>
      </c>
      <c r="O246" s="11">
        <v>1</v>
      </c>
      <c r="P246" s="11">
        <v>2</v>
      </c>
      <c r="Q246" s="72" t="s">
        <v>690</v>
      </c>
      <c r="R246" s="238"/>
      <c r="S246" s="238"/>
      <c r="T246" s="238"/>
      <c r="U246" s="238"/>
    </row>
    <row r="247" spans="1:21" collapsed="1">
      <c r="A247" s="17"/>
      <c r="B247" s="17"/>
      <c r="C247" s="17"/>
      <c r="D247" s="17"/>
      <c r="E247" s="17"/>
      <c r="F247" s="17"/>
      <c r="G247" s="17"/>
      <c r="H247" s="17"/>
      <c r="I247" s="17"/>
      <c r="J247" s="17"/>
      <c r="K247" s="17" t="s">
        <v>17</v>
      </c>
      <c r="L247" s="17" t="s">
        <v>71</v>
      </c>
      <c r="M247" s="17">
        <v>200</v>
      </c>
      <c r="N247" s="17"/>
      <c r="O247" s="17"/>
      <c r="P247" s="17"/>
      <c r="Q247" s="17"/>
      <c r="R247" s="238" t="s">
        <v>1371</v>
      </c>
      <c r="S247" s="238" t="s">
        <v>1485</v>
      </c>
      <c r="T247" s="238" t="s">
        <v>2</v>
      </c>
      <c r="U247" s="238" t="s">
        <v>2</v>
      </c>
    </row>
    <row r="248" spans="1:21" hidden="1">
      <c r="A248" s="17"/>
      <c r="B248" s="17"/>
      <c r="C248" s="17" t="s">
        <v>158</v>
      </c>
      <c r="D248" s="17" t="s">
        <v>120</v>
      </c>
      <c r="E248" s="17"/>
      <c r="F248" s="17"/>
      <c r="G248" s="17"/>
      <c r="H248" s="17"/>
      <c r="I248" s="17"/>
      <c r="J248" s="17"/>
      <c r="K248" s="17" t="s">
        <v>17</v>
      </c>
      <c r="L248" s="17" t="s">
        <v>71</v>
      </c>
      <c r="M248" s="17">
        <v>1</v>
      </c>
      <c r="N248" s="17"/>
      <c r="O248" s="17"/>
      <c r="P248" s="17"/>
      <c r="Q248" s="17"/>
      <c r="R248" s="238"/>
      <c r="S248" s="238"/>
      <c r="T248" s="238"/>
      <c r="U248" s="238"/>
    </row>
    <row r="249" spans="1:21" ht="28" hidden="1" outlineLevel="1">
      <c r="H249" s="8">
        <v>1</v>
      </c>
      <c r="I249" s="8">
        <v>98</v>
      </c>
      <c r="J249" s="8" t="s">
        <v>156</v>
      </c>
      <c r="K249" s="8" t="s">
        <v>66</v>
      </c>
      <c r="L249" s="8" t="s">
        <v>65</v>
      </c>
      <c r="M249" s="8">
        <v>1</v>
      </c>
      <c r="N249" s="8" t="s">
        <v>514</v>
      </c>
      <c r="O249" s="8">
        <v>2</v>
      </c>
      <c r="P249" s="8">
        <v>3</v>
      </c>
      <c r="Q249" s="70" t="s">
        <v>624</v>
      </c>
      <c r="R249" s="238"/>
      <c r="S249" s="238"/>
      <c r="T249" s="238"/>
      <c r="U249" s="238"/>
    </row>
    <row r="250" spans="1:21" hidden="1" outlineLevel="1">
      <c r="H250" s="8">
        <v>2</v>
      </c>
      <c r="I250" s="8">
        <v>93</v>
      </c>
      <c r="J250" s="8" t="s">
        <v>120</v>
      </c>
      <c r="K250" s="8" t="s">
        <v>78</v>
      </c>
      <c r="L250" s="8" t="s">
        <v>71</v>
      </c>
      <c r="M250" s="8">
        <v>1</v>
      </c>
      <c r="N250" s="8" t="s">
        <v>509</v>
      </c>
      <c r="O250" s="8">
        <v>1</v>
      </c>
      <c r="P250" s="8">
        <v>60</v>
      </c>
      <c r="Q250" s="72"/>
      <c r="R250" s="238"/>
      <c r="S250" s="238"/>
      <c r="T250" s="238"/>
      <c r="U250" s="238"/>
    </row>
    <row r="251" spans="1:21" ht="28" hidden="1" outlineLevel="1">
      <c r="H251" s="8">
        <v>3</v>
      </c>
      <c r="I251" s="8">
        <v>66</v>
      </c>
      <c r="J251" s="8" t="s">
        <v>153</v>
      </c>
      <c r="K251" s="8" t="s">
        <v>78</v>
      </c>
      <c r="L251" s="8" t="s">
        <v>71</v>
      </c>
      <c r="M251" s="8">
        <v>1</v>
      </c>
      <c r="N251" s="8" t="s">
        <v>514</v>
      </c>
      <c r="O251" s="8">
        <v>1</v>
      </c>
      <c r="P251" s="8">
        <v>2</v>
      </c>
      <c r="Q251" s="70" t="s">
        <v>624</v>
      </c>
      <c r="R251" s="238"/>
      <c r="S251" s="238"/>
      <c r="T251" s="238"/>
      <c r="U251" s="238"/>
    </row>
    <row r="252" spans="1:21" hidden="1" outlineLevel="1">
      <c r="H252" s="8">
        <v>4</v>
      </c>
      <c r="I252" s="8">
        <v>67</v>
      </c>
      <c r="J252" s="8" t="s">
        <v>151</v>
      </c>
      <c r="K252" s="8" t="s">
        <v>78</v>
      </c>
      <c r="L252" s="8" t="s">
        <v>71</v>
      </c>
      <c r="M252" s="8">
        <v>1</v>
      </c>
      <c r="N252" s="8" t="s">
        <v>509</v>
      </c>
      <c r="O252" s="8">
        <v>2</v>
      </c>
      <c r="P252" s="8">
        <v>80</v>
      </c>
      <c r="Q252" s="72"/>
      <c r="R252" s="238"/>
      <c r="S252" s="238"/>
      <c r="T252" s="238"/>
      <c r="U252" s="238"/>
    </row>
    <row r="253" spans="1:21" collapsed="1">
      <c r="A253" s="17"/>
      <c r="B253" s="17"/>
      <c r="C253" s="17" t="s">
        <v>150</v>
      </c>
      <c r="D253" s="17" t="s">
        <v>473</v>
      </c>
      <c r="E253" s="17"/>
      <c r="F253" s="17"/>
      <c r="G253" s="17"/>
      <c r="H253" s="17"/>
      <c r="I253" s="17"/>
      <c r="J253" s="17"/>
      <c r="K253" s="17" t="s">
        <v>17</v>
      </c>
      <c r="L253" s="17" t="s">
        <v>71</v>
      </c>
      <c r="M253" s="17">
        <v>2</v>
      </c>
      <c r="N253" s="17"/>
      <c r="O253" s="17"/>
      <c r="P253" s="17"/>
      <c r="Q253" s="17"/>
      <c r="R253" s="238" t="s">
        <v>1699</v>
      </c>
      <c r="S253" s="238"/>
      <c r="T253" s="238"/>
      <c r="U253" s="238"/>
    </row>
    <row r="254" spans="1:21" hidden="1">
      <c r="H254" s="8">
        <v>1</v>
      </c>
      <c r="I254" s="8">
        <v>93</v>
      </c>
      <c r="J254" s="8" t="s">
        <v>120</v>
      </c>
      <c r="K254" s="8" t="s">
        <v>66</v>
      </c>
      <c r="L254" s="8" t="s">
        <v>65</v>
      </c>
      <c r="M254" s="8">
        <v>1</v>
      </c>
      <c r="N254" s="8" t="s">
        <v>509</v>
      </c>
      <c r="O254" s="8">
        <v>1</v>
      </c>
      <c r="P254" s="8">
        <v>60</v>
      </c>
      <c r="Q254" s="72"/>
      <c r="R254" s="238"/>
      <c r="S254" s="238"/>
      <c r="T254" s="238"/>
      <c r="U254" s="238"/>
    </row>
    <row r="255" spans="1:21" ht="13.5" hidden="1" customHeight="1">
      <c r="H255" s="8">
        <v>2</v>
      </c>
      <c r="I255" s="8">
        <v>93</v>
      </c>
      <c r="J255" s="8" t="s">
        <v>120</v>
      </c>
      <c r="K255" s="8" t="s">
        <v>17</v>
      </c>
      <c r="L255" s="8" t="s">
        <v>71</v>
      </c>
      <c r="M255" s="8">
        <v>1</v>
      </c>
      <c r="N255" s="8" t="s">
        <v>509</v>
      </c>
      <c r="O255" s="8">
        <v>1</v>
      </c>
      <c r="P255" s="8">
        <v>60</v>
      </c>
      <c r="Q255" s="72"/>
      <c r="R255" s="238"/>
      <c r="S255" s="238"/>
      <c r="T255" s="238"/>
      <c r="U255" s="238"/>
    </row>
    <row r="256" spans="1:21" ht="13.5" hidden="1" customHeight="1">
      <c r="A256" s="17"/>
      <c r="B256" s="17"/>
      <c r="C256" s="17" t="s">
        <v>150</v>
      </c>
      <c r="D256" s="17" t="s">
        <v>473</v>
      </c>
      <c r="E256" s="17"/>
      <c r="F256" s="17"/>
      <c r="G256" s="17"/>
      <c r="H256" s="17"/>
      <c r="I256" s="17"/>
      <c r="J256" s="17"/>
      <c r="K256" s="17" t="s">
        <v>17</v>
      </c>
      <c r="L256" s="17" t="s">
        <v>71</v>
      </c>
      <c r="M256" s="17">
        <v>2</v>
      </c>
      <c r="N256" s="17"/>
      <c r="O256" s="17"/>
      <c r="P256" s="17"/>
      <c r="Q256" s="17"/>
      <c r="R256" s="238"/>
      <c r="S256" s="238"/>
      <c r="T256" s="238"/>
      <c r="U256" s="238"/>
    </row>
    <row r="257" spans="1:21" ht="13.5" hidden="1" customHeight="1">
      <c r="H257" s="8">
        <v>1</v>
      </c>
      <c r="I257" s="8">
        <v>93</v>
      </c>
      <c r="J257" s="8" t="s">
        <v>120</v>
      </c>
      <c r="K257" s="8" t="s">
        <v>66</v>
      </c>
      <c r="L257" s="8" t="s">
        <v>65</v>
      </c>
      <c r="M257" s="8">
        <v>1</v>
      </c>
      <c r="N257" s="8" t="s">
        <v>509</v>
      </c>
      <c r="O257" s="8">
        <v>1</v>
      </c>
      <c r="P257" s="8">
        <v>60</v>
      </c>
      <c r="Q257" s="72"/>
      <c r="R257" s="238"/>
      <c r="S257" s="238"/>
      <c r="T257" s="238"/>
      <c r="U257" s="238"/>
    </row>
    <row r="258" spans="1:21" ht="13.5" hidden="1" customHeight="1">
      <c r="H258" s="8">
        <v>2</v>
      </c>
      <c r="I258" s="8">
        <v>93</v>
      </c>
      <c r="J258" s="8" t="s">
        <v>120</v>
      </c>
      <c r="K258" s="8" t="s">
        <v>17</v>
      </c>
      <c r="L258" s="8" t="s">
        <v>71</v>
      </c>
      <c r="M258" s="8">
        <v>1</v>
      </c>
      <c r="N258" s="8" t="s">
        <v>509</v>
      </c>
      <c r="O258" s="8">
        <v>1</v>
      </c>
      <c r="P258" s="8">
        <v>60</v>
      </c>
      <c r="Q258" s="72"/>
      <c r="R258" s="238"/>
      <c r="S258" s="238"/>
      <c r="T258" s="238"/>
      <c r="U258" s="238"/>
    </row>
    <row r="259" spans="1:21" ht="13.5" customHeight="1">
      <c r="A259" s="17"/>
      <c r="B259" s="17"/>
      <c r="C259" s="17" t="s">
        <v>147</v>
      </c>
      <c r="D259" s="17" t="s">
        <v>144</v>
      </c>
      <c r="E259" s="17"/>
      <c r="F259" s="17"/>
      <c r="G259" s="17"/>
      <c r="H259" s="17"/>
      <c r="I259" s="17"/>
      <c r="J259" s="17"/>
      <c r="K259" s="17" t="s">
        <v>17</v>
      </c>
      <c r="L259" s="17" t="s">
        <v>71</v>
      </c>
      <c r="M259" s="17">
        <v>2</v>
      </c>
      <c r="N259" s="17"/>
      <c r="O259" s="17"/>
      <c r="P259" s="17"/>
      <c r="Q259" s="17"/>
      <c r="R259" s="238" t="s">
        <v>936</v>
      </c>
      <c r="S259" s="238"/>
      <c r="T259" s="238"/>
      <c r="U259" s="238"/>
    </row>
    <row r="260" spans="1:21" ht="13.5" hidden="1" customHeight="1">
      <c r="H260" s="8">
        <v>1</v>
      </c>
      <c r="I260" s="8">
        <v>166</v>
      </c>
      <c r="J260" s="8" t="s">
        <v>144</v>
      </c>
      <c r="K260" s="8" t="s">
        <v>66</v>
      </c>
      <c r="L260" s="8" t="s">
        <v>65</v>
      </c>
      <c r="M260" s="8">
        <v>1</v>
      </c>
      <c r="N260" s="8" t="s">
        <v>509</v>
      </c>
      <c r="O260" s="8">
        <v>1</v>
      </c>
      <c r="P260" s="8">
        <v>55</v>
      </c>
      <c r="Q260" s="72"/>
      <c r="R260" s="238"/>
      <c r="S260" s="238"/>
      <c r="T260" s="238"/>
      <c r="U260" s="238"/>
    </row>
    <row r="261" spans="1:21" ht="13.5" hidden="1" customHeight="1">
      <c r="H261" s="8">
        <v>2</v>
      </c>
      <c r="I261" s="8">
        <v>166</v>
      </c>
      <c r="J261" s="8" t="s">
        <v>144</v>
      </c>
      <c r="K261" s="8" t="s">
        <v>17</v>
      </c>
      <c r="L261" s="8" t="s">
        <v>71</v>
      </c>
      <c r="M261" s="8">
        <v>1</v>
      </c>
      <c r="N261" s="8" t="s">
        <v>509</v>
      </c>
      <c r="O261" s="8">
        <v>1</v>
      </c>
      <c r="P261" s="8">
        <v>55</v>
      </c>
      <c r="Q261" s="72"/>
      <c r="R261" s="238"/>
      <c r="S261" s="238"/>
      <c r="T261" s="238"/>
      <c r="U261" s="238"/>
    </row>
    <row r="262" spans="1:21" ht="13.5" hidden="1" customHeight="1">
      <c r="A262" s="17"/>
      <c r="B262" s="17"/>
      <c r="C262" s="17" t="s">
        <v>147</v>
      </c>
      <c r="D262" s="17" t="s">
        <v>144</v>
      </c>
      <c r="E262" s="17"/>
      <c r="F262" s="17"/>
      <c r="G262" s="17"/>
      <c r="H262" s="17"/>
      <c r="I262" s="17"/>
      <c r="J262" s="17"/>
      <c r="K262" s="17" t="s">
        <v>17</v>
      </c>
      <c r="L262" s="17" t="s">
        <v>71</v>
      </c>
      <c r="M262" s="17">
        <v>2</v>
      </c>
      <c r="N262" s="17"/>
      <c r="O262" s="17"/>
      <c r="P262" s="17"/>
      <c r="Q262" s="17"/>
      <c r="R262" s="238"/>
      <c r="S262" s="238"/>
      <c r="T262" s="238"/>
      <c r="U262" s="238"/>
    </row>
    <row r="263" spans="1:21" ht="13.5" hidden="1" customHeight="1">
      <c r="H263" s="8">
        <v>1</v>
      </c>
      <c r="I263" s="8">
        <v>166</v>
      </c>
      <c r="J263" s="8" t="s">
        <v>144</v>
      </c>
      <c r="K263" s="8" t="s">
        <v>66</v>
      </c>
      <c r="L263" s="8" t="s">
        <v>65</v>
      </c>
      <c r="M263" s="8">
        <v>1</v>
      </c>
      <c r="N263" s="8" t="s">
        <v>509</v>
      </c>
      <c r="O263" s="8">
        <v>1</v>
      </c>
      <c r="P263" s="8">
        <v>55</v>
      </c>
      <c r="Q263" s="72"/>
      <c r="R263" s="238"/>
      <c r="S263" s="238"/>
      <c r="T263" s="238"/>
      <c r="U263" s="238"/>
    </row>
    <row r="264" spans="1:21" ht="13.5" hidden="1" customHeight="1">
      <c r="H264" s="8">
        <v>2</v>
      </c>
      <c r="I264" s="8">
        <v>166</v>
      </c>
      <c r="J264" s="8" t="s">
        <v>144</v>
      </c>
      <c r="K264" s="8" t="s">
        <v>17</v>
      </c>
      <c r="L264" s="8" t="s">
        <v>71</v>
      </c>
      <c r="M264" s="8">
        <v>1</v>
      </c>
      <c r="N264" s="8" t="s">
        <v>509</v>
      </c>
      <c r="O264" s="8">
        <v>1</v>
      </c>
      <c r="P264" s="8">
        <v>55</v>
      </c>
      <c r="Q264" s="72"/>
      <c r="R264" s="238"/>
      <c r="S264" s="238"/>
      <c r="T264" s="238"/>
      <c r="U264" s="238"/>
    </row>
    <row r="265" spans="1:21" ht="13.5" customHeight="1">
      <c r="A265" s="17"/>
      <c r="B265" s="17"/>
      <c r="C265" s="17" t="s">
        <v>143</v>
      </c>
      <c r="D265" s="17" t="s">
        <v>474</v>
      </c>
      <c r="E265" s="17"/>
      <c r="F265" s="17"/>
      <c r="G265" s="17"/>
      <c r="H265" s="17"/>
      <c r="I265" s="17"/>
      <c r="J265" s="17"/>
      <c r="K265" s="17" t="s">
        <v>17</v>
      </c>
      <c r="L265" s="17" t="s">
        <v>71</v>
      </c>
      <c r="M265" s="17" t="s">
        <v>525</v>
      </c>
      <c r="N265" s="17"/>
      <c r="O265" s="17"/>
      <c r="P265" s="17"/>
      <c r="Q265" s="17"/>
      <c r="R265" s="238" t="s">
        <v>1043</v>
      </c>
      <c r="S265" s="238"/>
      <c r="T265" s="238"/>
      <c r="U265" s="238"/>
    </row>
    <row r="266" spans="1:21" hidden="1" outlineLevel="1">
      <c r="H266" s="8">
        <v>1</v>
      </c>
      <c r="I266" s="8">
        <v>19</v>
      </c>
      <c r="J266" s="8" t="s">
        <v>141</v>
      </c>
      <c r="K266" s="8" t="s">
        <v>17</v>
      </c>
      <c r="L266" s="8" t="s">
        <v>71</v>
      </c>
      <c r="M266" s="8">
        <v>1</v>
      </c>
      <c r="N266" s="8" t="s">
        <v>509</v>
      </c>
      <c r="O266" s="8">
        <v>2</v>
      </c>
      <c r="P266" s="8">
        <v>30</v>
      </c>
      <c r="Q266" s="72"/>
      <c r="R266" s="238"/>
      <c r="S266" s="238"/>
      <c r="T266" s="238"/>
      <c r="U266" s="238"/>
    </row>
    <row r="267" spans="1:21" ht="28" hidden="1" outlineLevel="1">
      <c r="H267" s="8">
        <v>2</v>
      </c>
      <c r="I267" s="8">
        <v>156</v>
      </c>
      <c r="J267" s="8" t="s">
        <v>139</v>
      </c>
      <c r="K267" s="8" t="s">
        <v>17</v>
      </c>
      <c r="L267" s="8" t="s">
        <v>71</v>
      </c>
      <c r="M267" s="8">
        <v>1</v>
      </c>
      <c r="N267" s="8" t="s">
        <v>514</v>
      </c>
      <c r="O267" s="8">
        <v>2</v>
      </c>
      <c r="P267" s="8">
        <v>2</v>
      </c>
      <c r="Q267" s="70" t="s">
        <v>624</v>
      </c>
      <c r="R267" s="238"/>
      <c r="S267" s="238"/>
      <c r="T267" s="238"/>
      <c r="U267" s="238"/>
    </row>
    <row r="268" spans="1:21" hidden="1" outlineLevel="1">
      <c r="H268" s="8">
        <v>3</v>
      </c>
      <c r="I268" s="8">
        <v>116</v>
      </c>
      <c r="J268" s="8" t="s">
        <v>137</v>
      </c>
      <c r="K268" s="8" t="s">
        <v>17</v>
      </c>
      <c r="L268" s="8" t="s">
        <v>71</v>
      </c>
      <c r="M268" s="8">
        <v>1</v>
      </c>
      <c r="N268" s="8" t="s">
        <v>514</v>
      </c>
      <c r="O268" s="8">
        <v>3</v>
      </c>
      <c r="P268" s="8">
        <v>15</v>
      </c>
      <c r="Q268" s="72"/>
      <c r="R268" s="238"/>
      <c r="S268" s="238"/>
      <c r="T268" s="238"/>
      <c r="U268" s="238"/>
    </row>
    <row r="269" spans="1:21" ht="28" hidden="1" outlineLevel="1">
      <c r="H269" s="8">
        <v>4</v>
      </c>
      <c r="I269" s="8">
        <v>26</v>
      </c>
      <c r="J269" s="8" t="s">
        <v>135</v>
      </c>
      <c r="K269" s="8" t="s">
        <v>17</v>
      </c>
      <c r="L269" s="8" t="s">
        <v>71</v>
      </c>
      <c r="M269" s="8">
        <v>1</v>
      </c>
      <c r="N269" s="8" t="s">
        <v>514</v>
      </c>
      <c r="O269" s="8">
        <v>2</v>
      </c>
      <c r="P269" s="8">
        <v>3</v>
      </c>
      <c r="Q269" s="70" t="s">
        <v>624</v>
      </c>
      <c r="R269" s="238"/>
      <c r="S269" s="238"/>
      <c r="T269" s="238"/>
      <c r="U269" s="238"/>
    </row>
    <row r="270" spans="1:21" hidden="1" outlineLevel="1">
      <c r="H270" s="8">
        <v>5</v>
      </c>
      <c r="I270" s="8">
        <v>309</v>
      </c>
      <c r="J270" s="8" t="s">
        <v>133</v>
      </c>
      <c r="K270" s="8" t="s">
        <v>78</v>
      </c>
      <c r="L270" s="8" t="s">
        <v>71</v>
      </c>
      <c r="M270" s="11">
        <v>1</v>
      </c>
      <c r="N270" s="11" t="s">
        <v>514</v>
      </c>
      <c r="O270" s="11">
        <v>1</v>
      </c>
      <c r="P270" s="11">
        <v>2</v>
      </c>
      <c r="Q270" s="72" t="s">
        <v>690</v>
      </c>
      <c r="R270" s="238"/>
      <c r="S270" s="238"/>
      <c r="T270" s="238"/>
      <c r="U270" s="238"/>
    </row>
    <row r="271" spans="1:21" hidden="1" outlineLevel="1">
      <c r="A271" s="24"/>
      <c r="B271" s="24"/>
      <c r="C271" s="11"/>
      <c r="D271" s="11"/>
      <c r="E271" s="11"/>
      <c r="F271" s="11"/>
      <c r="G271" s="11"/>
      <c r="H271" s="11">
        <v>1</v>
      </c>
      <c r="I271" s="11">
        <v>128</v>
      </c>
      <c r="J271" s="11" t="s">
        <v>128</v>
      </c>
      <c r="K271" s="11" t="s">
        <v>66</v>
      </c>
      <c r="L271" s="8" t="s">
        <v>65</v>
      </c>
      <c r="M271" s="8">
        <v>1</v>
      </c>
      <c r="N271" s="8" t="s">
        <v>514</v>
      </c>
      <c r="O271" s="8">
        <v>2</v>
      </c>
      <c r="P271" s="8">
        <v>3</v>
      </c>
      <c r="Q271" s="18" t="s">
        <v>692</v>
      </c>
      <c r="R271" s="238"/>
      <c r="S271" s="238"/>
      <c r="T271" s="238"/>
      <c r="U271" s="238"/>
    </row>
    <row r="272" spans="1:21" hidden="1" outlineLevel="1">
      <c r="A272" s="24"/>
      <c r="B272" s="24"/>
      <c r="C272" s="11"/>
      <c r="D272" s="11"/>
      <c r="E272" s="11"/>
      <c r="F272" s="11"/>
      <c r="G272" s="25"/>
      <c r="H272" s="25">
        <v>2</v>
      </c>
      <c r="I272" s="25">
        <v>127</v>
      </c>
      <c r="J272" s="19" t="s">
        <v>126</v>
      </c>
      <c r="K272" s="25" t="s">
        <v>78</v>
      </c>
      <c r="L272" s="25" t="s">
        <v>174</v>
      </c>
      <c r="M272" s="19">
        <v>1</v>
      </c>
      <c r="N272" s="19" t="s">
        <v>509</v>
      </c>
      <c r="O272" s="19">
        <v>1</v>
      </c>
      <c r="P272" s="19">
        <v>30</v>
      </c>
      <c r="Q272" s="25"/>
      <c r="R272" s="238"/>
      <c r="S272" s="238"/>
      <c r="T272" s="238"/>
      <c r="U272" s="238"/>
    </row>
    <row r="273" spans="1:21" hidden="1" outlineLevel="1">
      <c r="A273" s="24"/>
      <c r="B273" s="24"/>
      <c r="C273" s="11"/>
      <c r="D273" s="11"/>
      <c r="E273" s="11"/>
      <c r="F273" s="11"/>
      <c r="G273" s="11"/>
      <c r="H273" s="11">
        <v>3</v>
      </c>
      <c r="I273" s="11">
        <v>352</v>
      </c>
      <c r="J273" s="11" t="s">
        <v>3</v>
      </c>
      <c r="K273" s="11" t="s">
        <v>78</v>
      </c>
      <c r="L273" s="8" t="s">
        <v>71</v>
      </c>
      <c r="M273" s="8">
        <v>1</v>
      </c>
      <c r="N273" s="8" t="s">
        <v>509</v>
      </c>
      <c r="O273" s="8">
        <v>1</v>
      </c>
      <c r="P273" s="8">
        <v>80</v>
      </c>
      <c r="Q273" s="18"/>
      <c r="R273" s="238"/>
      <c r="S273" s="238"/>
      <c r="T273" s="238"/>
      <c r="U273" s="238"/>
    </row>
    <row r="274" spans="1:21" hidden="1" collapsed="1">
      <c r="A274" s="17"/>
      <c r="B274" s="17"/>
      <c r="C274" s="17" t="s">
        <v>124</v>
      </c>
      <c r="D274" s="17" t="s">
        <v>475</v>
      </c>
      <c r="E274" s="17"/>
      <c r="F274" s="17"/>
      <c r="G274" s="17"/>
      <c r="H274" s="17"/>
      <c r="I274" s="17"/>
      <c r="J274" s="17"/>
      <c r="K274" s="17" t="s">
        <v>17</v>
      </c>
      <c r="L274" s="17" t="s">
        <v>71</v>
      </c>
      <c r="M274" s="75">
        <v>3</v>
      </c>
      <c r="N274" s="75"/>
      <c r="O274" s="75"/>
      <c r="P274" s="75"/>
      <c r="Q274" s="138"/>
      <c r="R274" s="238"/>
      <c r="S274" s="238"/>
      <c r="T274" s="238"/>
      <c r="U274" s="238"/>
    </row>
    <row r="275" spans="1:21" hidden="1">
      <c r="H275" s="8">
        <v>1</v>
      </c>
      <c r="I275" s="8">
        <v>366</v>
      </c>
      <c r="J275" s="8" t="s">
        <v>122</v>
      </c>
      <c r="K275" s="8" t="s">
        <v>66</v>
      </c>
      <c r="L275" s="8" t="s">
        <v>65</v>
      </c>
      <c r="M275" s="11">
        <v>1</v>
      </c>
      <c r="N275" s="11" t="s">
        <v>514</v>
      </c>
      <c r="O275" s="11">
        <v>2</v>
      </c>
      <c r="P275" s="11">
        <v>2</v>
      </c>
      <c r="Q275" s="8" t="s">
        <v>704</v>
      </c>
      <c r="R275" s="238"/>
      <c r="S275" s="238"/>
      <c r="T275" s="238"/>
      <c r="U275" s="238"/>
    </row>
    <row r="276" spans="1:21" hidden="1">
      <c r="H276" s="8">
        <v>2</v>
      </c>
      <c r="I276" s="8">
        <v>93</v>
      </c>
      <c r="J276" s="8" t="s">
        <v>120</v>
      </c>
      <c r="K276" s="8" t="s">
        <v>17</v>
      </c>
      <c r="L276" s="8" t="s">
        <v>71</v>
      </c>
      <c r="M276" s="11">
        <v>1</v>
      </c>
      <c r="N276" s="11" t="s">
        <v>509</v>
      </c>
      <c r="O276" s="11">
        <v>1</v>
      </c>
      <c r="P276" s="11">
        <v>60</v>
      </c>
      <c r="Q276" s="72"/>
      <c r="R276" s="238"/>
      <c r="S276" s="238"/>
      <c r="T276" s="238"/>
      <c r="U276" s="238"/>
    </row>
    <row r="277" spans="1:21" ht="28" hidden="1">
      <c r="H277" s="8">
        <v>3</v>
      </c>
      <c r="I277" s="8">
        <v>365</v>
      </c>
      <c r="J277" s="8" t="s">
        <v>114</v>
      </c>
      <c r="K277" s="8" t="s">
        <v>78</v>
      </c>
      <c r="L277" s="8" t="s">
        <v>71</v>
      </c>
      <c r="M277" s="11">
        <v>1</v>
      </c>
      <c r="N277" s="11" t="s">
        <v>514</v>
      </c>
      <c r="O277" s="11">
        <v>2</v>
      </c>
      <c r="P277" s="11">
        <v>2</v>
      </c>
      <c r="Q277" s="70" t="s">
        <v>624</v>
      </c>
      <c r="R277" s="238"/>
      <c r="S277" s="238"/>
      <c r="T277" s="238"/>
      <c r="U277" s="238"/>
    </row>
    <row r="278" spans="1:21" hidden="1">
      <c r="H278" s="8">
        <v>4</v>
      </c>
      <c r="I278" s="8">
        <v>364</v>
      </c>
      <c r="J278" s="8" t="s">
        <v>112</v>
      </c>
      <c r="K278" s="8" t="s">
        <v>78</v>
      </c>
      <c r="L278" s="8" t="s">
        <v>71</v>
      </c>
      <c r="M278" s="11">
        <v>1</v>
      </c>
      <c r="N278" s="11" t="s">
        <v>509</v>
      </c>
      <c r="O278" s="11">
        <v>1</v>
      </c>
      <c r="P278" s="11">
        <v>80</v>
      </c>
      <c r="Q278" s="72"/>
      <c r="R278" s="238"/>
      <c r="S278" s="238"/>
      <c r="T278" s="238"/>
      <c r="U278" s="238"/>
    </row>
    <row r="279" spans="1:21" ht="28" hidden="1">
      <c r="H279" s="8">
        <v>5</v>
      </c>
      <c r="I279" s="8">
        <v>365</v>
      </c>
      <c r="J279" s="8" t="s">
        <v>114</v>
      </c>
      <c r="K279" s="8" t="s">
        <v>78</v>
      </c>
      <c r="L279" s="8" t="s">
        <v>71</v>
      </c>
      <c r="M279" s="11">
        <v>1</v>
      </c>
      <c r="N279" s="11" t="s">
        <v>514</v>
      </c>
      <c r="O279" s="11">
        <v>2</v>
      </c>
      <c r="P279" s="11">
        <v>2</v>
      </c>
      <c r="Q279" s="70" t="s">
        <v>624</v>
      </c>
      <c r="R279" s="238"/>
      <c r="S279" s="238"/>
      <c r="T279" s="238"/>
      <c r="U279" s="238"/>
    </row>
    <row r="280" spans="1:21" hidden="1">
      <c r="H280" s="8">
        <v>6</v>
      </c>
      <c r="I280" s="8">
        <v>364</v>
      </c>
      <c r="J280" s="8" t="s">
        <v>112</v>
      </c>
      <c r="K280" s="8" t="s">
        <v>78</v>
      </c>
      <c r="L280" s="8" t="s">
        <v>71</v>
      </c>
      <c r="M280" s="11">
        <v>1</v>
      </c>
      <c r="N280" s="11" t="s">
        <v>509</v>
      </c>
      <c r="O280" s="11">
        <v>1</v>
      </c>
      <c r="P280" s="11">
        <v>80</v>
      </c>
      <c r="Q280" s="72"/>
      <c r="R280" s="238"/>
      <c r="S280" s="238"/>
      <c r="T280" s="238"/>
      <c r="U280" s="238"/>
    </row>
    <row r="281" spans="1:21" ht="28" hidden="1">
      <c r="H281" s="8">
        <v>7</v>
      </c>
      <c r="I281" s="8">
        <v>365</v>
      </c>
      <c r="J281" s="8" t="s">
        <v>114</v>
      </c>
      <c r="K281" s="8" t="s">
        <v>78</v>
      </c>
      <c r="L281" s="8" t="s">
        <v>71</v>
      </c>
      <c r="M281" s="11">
        <v>1</v>
      </c>
      <c r="N281" s="11" t="s">
        <v>514</v>
      </c>
      <c r="O281" s="11">
        <v>2</v>
      </c>
      <c r="P281" s="11">
        <v>2</v>
      </c>
      <c r="Q281" s="70" t="s">
        <v>624</v>
      </c>
      <c r="R281" s="238"/>
      <c r="S281" s="238"/>
      <c r="T281" s="238"/>
      <c r="U281" s="238"/>
    </row>
    <row r="282" spans="1:21" hidden="1">
      <c r="H282" s="8">
        <v>8</v>
      </c>
      <c r="I282" s="8">
        <v>364</v>
      </c>
      <c r="J282" s="8" t="s">
        <v>112</v>
      </c>
      <c r="K282" s="8" t="s">
        <v>78</v>
      </c>
      <c r="L282" s="8" t="s">
        <v>71</v>
      </c>
      <c r="M282" s="11">
        <v>1</v>
      </c>
      <c r="N282" s="11" t="s">
        <v>509</v>
      </c>
      <c r="O282" s="11">
        <v>1</v>
      </c>
      <c r="P282" s="11">
        <v>80</v>
      </c>
      <c r="Q282" s="72"/>
      <c r="R282" s="238"/>
      <c r="S282" s="238"/>
      <c r="T282" s="238"/>
      <c r="U282" s="238"/>
    </row>
    <row r="283" spans="1:21" hidden="1">
      <c r="A283" s="17" t="s">
        <v>158</v>
      </c>
      <c r="B283" s="17"/>
      <c r="C283" s="17"/>
      <c r="D283" s="17"/>
      <c r="E283" s="17"/>
      <c r="F283" s="17"/>
      <c r="G283" s="17"/>
      <c r="H283" s="17"/>
      <c r="I283" s="17"/>
      <c r="J283" s="17"/>
      <c r="K283" s="17" t="s">
        <v>17</v>
      </c>
      <c r="L283" s="17" t="s">
        <v>71</v>
      </c>
      <c r="M283" s="17">
        <v>200</v>
      </c>
      <c r="N283" s="17"/>
      <c r="O283" s="17"/>
      <c r="P283" s="17"/>
      <c r="Q283" s="17"/>
      <c r="R283" s="238"/>
      <c r="S283" s="238"/>
      <c r="T283" s="238"/>
      <c r="U283" s="238"/>
    </row>
    <row r="284" spans="1:21" hidden="1">
      <c r="A284" s="17"/>
      <c r="B284" s="17"/>
      <c r="C284" s="17" t="s">
        <v>158</v>
      </c>
      <c r="D284" s="17" t="s">
        <v>120</v>
      </c>
      <c r="E284" s="17"/>
      <c r="F284" s="17"/>
      <c r="G284" s="17"/>
      <c r="H284" s="17"/>
      <c r="I284" s="17"/>
      <c r="J284" s="17"/>
      <c r="K284" s="17" t="s">
        <v>17</v>
      </c>
      <c r="L284" s="17" t="s">
        <v>71</v>
      </c>
      <c r="M284" s="17">
        <v>1</v>
      </c>
      <c r="N284" s="17"/>
      <c r="O284" s="17"/>
      <c r="P284" s="17"/>
      <c r="Q284" s="17"/>
      <c r="R284" s="238"/>
      <c r="S284" s="238"/>
      <c r="T284" s="238"/>
      <c r="U284" s="238"/>
    </row>
    <row r="285" spans="1:21" hidden="1">
      <c r="H285" s="8">
        <v>1</v>
      </c>
      <c r="I285" s="8">
        <v>98</v>
      </c>
      <c r="J285" s="8" t="s">
        <v>156</v>
      </c>
      <c r="K285" s="8" t="s">
        <v>66</v>
      </c>
      <c r="L285" s="8" t="s">
        <v>65</v>
      </c>
      <c r="M285" s="8">
        <v>1</v>
      </c>
      <c r="N285" s="8" t="s">
        <v>514</v>
      </c>
      <c r="O285" s="8">
        <v>2</v>
      </c>
      <c r="P285" s="8">
        <v>3</v>
      </c>
      <c r="Q285" s="8" t="s">
        <v>702</v>
      </c>
      <c r="R285" s="238"/>
      <c r="S285" s="238"/>
      <c r="T285" s="238"/>
      <c r="U285" s="238"/>
    </row>
    <row r="286" spans="1:21" hidden="1">
      <c r="H286" s="8">
        <v>2</v>
      </c>
      <c r="I286" s="8">
        <v>93</v>
      </c>
      <c r="J286" s="8" t="s">
        <v>120</v>
      </c>
      <c r="K286" s="8" t="s">
        <v>78</v>
      </c>
      <c r="L286" s="8" t="s">
        <v>71</v>
      </c>
      <c r="M286" s="8">
        <v>1</v>
      </c>
      <c r="N286" s="8" t="s">
        <v>509</v>
      </c>
      <c r="O286" s="8">
        <v>1</v>
      </c>
      <c r="P286" s="8">
        <v>60</v>
      </c>
      <c r="Q286" s="72"/>
      <c r="R286" s="238"/>
      <c r="S286" s="238"/>
      <c r="T286" s="238"/>
      <c r="U286" s="238"/>
    </row>
    <row r="287" spans="1:21" ht="28" hidden="1">
      <c r="H287" s="8">
        <v>3</v>
      </c>
      <c r="I287" s="8">
        <v>66</v>
      </c>
      <c r="J287" s="8" t="s">
        <v>153</v>
      </c>
      <c r="K287" s="8" t="s">
        <v>78</v>
      </c>
      <c r="L287" s="8" t="s">
        <v>71</v>
      </c>
      <c r="M287" s="8">
        <v>1</v>
      </c>
      <c r="N287" s="8" t="s">
        <v>514</v>
      </c>
      <c r="O287" s="8">
        <v>1</v>
      </c>
      <c r="P287" s="8">
        <v>2</v>
      </c>
      <c r="Q287" s="70" t="s">
        <v>624</v>
      </c>
      <c r="R287" s="238"/>
      <c r="S287" s="238"/>
      <c r="T287" s="238"/>
      <c r="U287" s="238"/>
    </row>
    <row r="288" spans="1:21" hidden="1">
      <c r="H288" s="8">
        <v>4</v>
      </c>
      <c r="I288" s="8">
        <v>67</v>
      </c>
      <c r="J288" s="8" t="s">
        <v>151</v>
      </c>
      <c r="K288" s="8" t="s">
        <v>78</v>
      </c>
      <c r="L288" s="8" t="s">
        <v>71</v>
      </c>
      <c r="M288" s="8">
        <v>1</v>
      </c>
      <c r="N288" s="8" t="s">
        <v>509</v>
      </c>
      <c r="O288" s="8">
        <v>2</v>
      </c>
      <c r="P288" s="8">
        <v>80</v>
      </c>
      <c r="Q288" s="72"/>
      <c r="R288" s="238"/>
      <c r="S288" s="238"/>
      <c r="T288" s="238"/>
      <c r="U288" s="238"/>
    </row>
    <row r="289" spans="1:21" hidden="1">
      <c r="A289" s="17"/>
      <c r="B289" s="17"/>
      <c r="C289" s="17" t="s">
        <v>150</v>
      </c>
      <c r="D289" s="17" t="s">
        <v>473</v>
      </c>
      <c r="E289" s="17"/>
      <c r="F289" s="17"/>
      <c r="G289" s="17"/>
      <c r="H289" s="17"/>
      <c r="I289" s="17"/>
      <c r="J289" s="17"/>
      <c r="K289" s="17" t="s">
        <v>17</v>
      </c>
      <c r="L289" s="17" t="s">
        <v>71</v>
      </c>
      <c r="M289" s="17">
        <v>2</v>
      </c>
      <c r="N289" s="17"/>
      <c r="O289" s="17"/>
      <c r="P289" s="17"/>
      <c r="Q289" s="17"/>
      <c r="R289" s="238"/>
      <c r="S289" s="238"/>
      <c r="T289" s="238"/>
      <c r="U289" s="238"/>
    </row>
    <row r="290" spans="1:21" hidden="1">
      <c r="H290" s="8">
        <v>1</v>
      </c>
      <c r="I290" s="8">
        <v>93</v>
      </c>
      <c r="J290" s="8" t="s">
        <v>120</v>
      </c>
      <c r="K290" s="8" t="s">
        <v>66</v>
      </c>
      <c r="L290" s="8" t="s">
        <v>65</v>
      </c>
      <c r="M290" s="8">
        <v>1</v>
      </c>
      <c r="N290" s="8" t="s">
        <v>509</v>
      </c>
      <c r="O290" s="8">
        <v>1</v>
      </c>
      <c r="P290" s="8">
        <v>60</v>
      </c>
      <c r="Q290" s="72"/>
      <c r="R290" s="238"/>
      <c r="S290" s="238"/>
      <c r="T290" s="238"/>
      <c r="U290" s="238"/>
    </row>
    <row r="291" spans="1:21" hidden="1">
      <c r="H291" s="8">
        <v>2</v>
      </c>
      <c r="I291" s="8">
        <v>93</v>
      </c>
      <c r="J291" s="8" t="s">
        <v>120</v>
      </c>
      <c r="K291" s="8" t="s">
        <v>17</v>
      </c>
      <c r="L291" s="8" t="s">
        <v>71</v>
      </c>
      <c r="M291" s="8">
        <v>1</v>
      </c>
      <c r="N291" s="8" t="s">
        <v>509</v>
      </c>
      <c r="O291" s="8">
        <v>1</v>
      </c>
      <c r="P291" s="8">
        <v>60</v>
      </c>
      <c r="Q291" s="72"/>
      <c r="R291" s="238"/>
      <c r="S291" s="238"/>
      <c r="T291" s="238"/>
      <c r="U291" s="238"/>
    </row>
    <row r="292" spans="1:21" hidden="1">
      <c r="A292" s="17"/>
      <c r="B292" s="17"/>
      <c r="C292" s="17" t="s">
        <v>150</v>
      </c>
      <c r="D292" s="17" t="s">
        <v>473</v>
      </c>
      <c r="E292" s="17"/>
      <c r="F292" s="17"/>
      <c r="G292" s="17"/>
      <c r="H292" s="17"/>
      <c r="I292" s="17"/>
      <c r="J292" s="17"/>
      <c r="K292" s="17" t="s">
        <v>17</v>
      </c>
      <c r="L292" s="17" t="s">
        <v>71</v>
      </c>
      <c r="M292" s="17">
        <v>2</v>
      </c>
      <c r="N292" s="17"/>
      <c r="O292" s="17"/>
      <c r="P292" s="17"/>
      <c r="Q292" s="17"/>
      <c r="R292" s="238"/>
      <c r="S292" s="238"/>
      <c r="T292" s="238"/>
      <c r="U292" s="238"/>
    </row>
    <row r="293" spans="1:21" hidden="1">
      <c r="H293" s="8">
        <v>1</v>
      </c>
      <c r="I293" s="8">
        <v>93</v>
      </c>
      <c r="J293" s="8" t="s">
        <v>120</v>
      </c>
      <c r="K293" s="8" t="s">
        <v>66</v>
      </c>
      <c r="L293" s="8" t="s">
        <v>65</v>
      </c>
      <c r="M293" s="8">
        <v>1</v>
      </c>
      <c r="N293" s="8" t="s">
        <v>509</v>
      </c>
      <c r="O293" s="8">
        <v>1</v>
      </c>
      <c r="P293" s="8">
        <v>60</v>
      </c>
      <c r="Q293" s="72"/>
      <c r="R293" s="238"/>
      <c r="S293" s="238"/>
      <c r="T293" s="238"/>
      <c r="U293" s="238"/>
    </row>
    <row r="294" spans="1:21" hidden="1">
      <c r="H294" s="8">
        <v>2</v>
      </c>
      <c r="I294" s="8">
        <v>93</v>
      </c>
      <c r="J294" s="8" t="s">
        <v>120</v>
      </c>
      <c r="K294" s="8" t="s">
        <v>17</v>
      </c>
      <c r="L294" s="8" t="s">
        <v>71</v>
      </c>
      <c r="M294" s="8">
        <v>1</v>
      </c>
      <c r="N294" s="8" t="s">
        <v>509</v>
      </c>
      <c r="O294" s="8">
        <v>1</v>
      </c>
      <c r="P294" s="8">
        <v>60</v>
      </c>
      <c r="Q294" s="72"/>
      <c r="R294" s="238"/>
      <c r="S294" s="238"/>
      <c r="T294" s="238"/>
      <c r="U294" s="238"/>
    </row>
    <row r="295" spans="1:21" hidden="1">
      <c r="A295" s="17"/>
      <c r="B295" s="17"/>
      <c r="C295" s="17" t="s">
        <v>147</v>
      </c>
      <c r="D295" s="17" t="s">
        <v>144</v>
      </c>
      <c r="E295" s="17"/>
      <c r="F295" s="17"/>
      <c r="G295" s="17"/>
      <c r="H295" s="17"/>
      <c r="I295" s="17"/>
      <c r="J295" s="17"/>
      <c r="K295" s="17" t="s">
        <v>17</v>
      </c>
      <c r="L295" s="17" t="s">
        <v>71</v>
      </c>
      <c r="M295" s="17">
        <v>2</v>
      </c>
      <c r="N295" s="17"/>
      <c r="O295" s="17"/>
      <c r="P295" s="17"/>
      <c r="Q295" s="17"/>
      <c r="R295" s="238"/>
      <c r="S295" s="238"/>
      <c r="T295" s="238"/>
      <c r="U295" s="238"/>
    </row>
    <row r="296" spans="1:21" hidden="1">
      <c r="H296" s="8">
        <v>1</v>
      </c>
      <c r="I296" s="8">
        <v>166</v>
      </c>
      <c r="J296" s="8" t="s">
        <v>144</v>
      </c>
      <c r="K296" s="8" t="s">
        <v>66</v>
      </c>
      <c r="L296" s="8" t="s">
        <v>65</v>
      </c>
      <c r="M296" s="8">
        <v>1</v>
      </c>
      <c r="N296" s="8" t="s">
        <v>509</v>
      </c>
      <c r="O296" s="8">
        <v>1</v>
      </c>
      <c r="P296" s="8">
        <v>55</v>
      </c>
      <c r="Q296" s="72"/>
      <c r="R296" s="238"/>
      <c r="S296" s="238"/>
      <c r="T296" s="238"/>
      <c r="U296" s="238"/>
    </row>
    <row r="297" spans="1:21" hidden="1">
      <c r="H297" s="8">
        <v>2</v>
      </c>
      <c r="I297" s="8">
        <v>166</v>
      </c>
      <c r="J297" s="8" t="s">
        <v>144</v>
      </c>
      <c r="K297" s="8" t="s">
        <v>17</v>
      </c>
      <c r="L297" s="8" t="s">
        <v>71</v>
      </c>
      <c r="M297" s="8">
        <v>1</v>
      </c>
      <c r="N297" s="8" t="s">
        <v>509</v>
      </c>
      <c r="O297" s="8">
        <v>1</v>
      </c>
      <c r="P297" s="8">
        <v>55</v>
      </c>
      <c r="Q297" s="72"/>
      <c r="R297" s="238"/>
      <c r="S297" s="238"/>
      <c r="T297" s="238"/>
      <c r="U297" s="238"/>
    </row>
    <row r="298" spans="1:21" hidden="1">
      <c r="A298" s="17"/>
      <c r="B298" s="17"/>
      <c r="C298" s="17" t="s">
        <v>147</v>
      </c>
      <c r="D298" s="17" t="s">
        <v>144</v>
      </c>
      <c r="E298" s="17"/>
      <c r="F298" s="17"/>
      <c r="G298" s="17"/>
      <c r="H298" s="17"/>
      <c r="I298" s="17"/>
      <c r="J298" s="17"/>
      <c r="K298" s="17" t="s">
        <v>17</v>
      </c>
      <c r="L298" s="17" t="s">
        <v>71</v>
      </c>
      <c r="M298" s="17">
        <v>2</v>
      </c>
      <c r="N298" s="17"/>
      <c r="O298" s="17"/>
      <c r="P298" s="17"/>
      <c r="Q298" s="17"/>
      <c r="R298" s="238"/>
      <c r="S298" s="238"/>
      <c r="T298" s="238"/>
      <c r="U298" s="238"/>
    </row>
    <row r="299" spans="1:21" hidden="1">
      <c r="H299" s="8">
        <v>1</v>
      </c>
      <c r="I299" s="8">
        <v>166</v>
      </c>
      <c r="J299" s="8" t="s">
        <v>144</v>
      </c>
      <c r="K299" s="8" t="s">
        <v>66</v>
      </c>
      <c r="L299" s="8" t="s">
        <v>65</v>
      </c>
      <c r="M299" s="8">
        <v>1</v>
      </c>
      <c r="N299" s="8" t="s">
        <v>509</v>
      </c>
      <c r="O299" s="8">
        <v>1</v>
      </c>
      <c r="P299" s="8">
        <v>55</v>
      </c>
      <c r="Q299" s="72"/>
      <c r="R299" s="238"/>
      <c r="S299" s="238"/>
      <c r="T299" s="238"/>
      <c r="U299" s="238"/>
    </row>
    <row r="300" spans="1:21" hidden="1">
      <c r="H300" s="8">
        <v>2</v>
      </c>
      <c r="I300" s="8">
        <v>166</v>
      </c>
      <c r="J300" s="8" t="s">
        <v>144</v>
      </c>
      <c r="K300" s="8" t="s">
        <v>17</v>
      </c>
      <c r="L300" s="8" t="s">
        <v>71</v>
      </c>
      <c r="M300" s="8">
        <v>1</v>
      </c>
      <c r="N300" s="8" t="s">
        <v>509</v>
      </c>
      <c r="O300" s="8">
        <v>1</v>
      </c>
      <c r="P300" s="8">
        <v>55</v>
      </c>
      <c r="Q300" s="72"/>
      <c r="R300" s="238"/>
      <c r="S300" s="238"/>
      <c r="T300" s="238"/>
      <c r="U300" s="238"/>
    </row>
    <row r="301" spans="1:21" hidden="1">
      <c r="A301" s="17"/>
      <c r="B301" s="17"/>
      <c r="C301" s="17" t="s">
        <v>143</v>
      </c>
      <c r="D301" s="17" t="s">
        <v>474</v>
      </c>
      <c r="E301" s="17"/>
      <c r="F301" s="17"/>
      <c r="G301" s="17"/>
      <c r="H301" s="17"/>
      <c r="I301" s="17"/>
      <c r="J301" s="17"/>
      <c r="K301" s="17" t="s">
        <v>17</v>
      </c>
      <c r="L301" s="17" t="s">
        <v>71</v>
      </c>
      <c r="M301" s="17" t="s">
        <v>525</v>
      </c>
      <c r="N301" s="17"/>
      <c r="O301" s="17"/>
      <c r="P301" s="17"/>
      <c r="Q301" s="17"/>
      <c r="R301" s="238"/>
      <c r="S301" s="238"/>
      <c r="T301" s="238"/>
      <c r="U301" s="238"/>
    </row>
    <row r="302" spans="1:21" hidden="1">
      <c r="H302" s="8">
        <v>1</v>
      </c>
      <c r="I302" s="8">
        <v>19</v>
      </c>
      <c r="J302" s="8" t="s">
        <v>141</v>
      </c>
      <c r="K302" s="8" t="s">
        <v>17</v>
      </c>
      <c r="L302" s="8" t="s">
        <v>71</v>
      </c>
      <c r="M302" s="8">
        <v>1</v>
      </c>
      <c r="N302" s="8" t="s">
        <v>509</v>
      </c>
      <c r="O302" s="8">
        <v>2</v>
      </c>
      <c r="P302" s="8">
        <v>30</v>
      </c>
      <c r="Q302" s="72"/>
      <c r="R302" s="238"/>
      <c r="S302" s="238"/>
      <c r="T302" s="238"/>
      <c r="U302" s="238"/>
    </row>
    <row r="303" spans="1:21" ht="28" hidden="1">
      <c r="H303" s="8">
        <v>2</v>
      </c>
      <c r="I303" s="8">
        <v>156</v>
      </c>
      <c r="J303" s="8" t="s">
        <v>139</v>
      </c>
      <c r="K303" s="8" t="s">
        <v>17</v>
      </c>
      <c r="L303" s="8" t="s">
        <v>71</v>
      </c>
      <c r="M303" s="8">
        <v>1</v>
      </c>
      <c r="N303" s="8" t="s">
        <v>514</v>
      </c>
      <c r="O303" s="8">
        <v>2</v>
      </c>
      <c r="P303" s="8">
        <v>2</v>
      </c>
      <c r="Q303" s="70" t="s">
        <v>624</v>
      </c>
      <c r="R303" s="238"/>
      <c r="S303" s="238"/>
      <c r="T303" s="238"/>
      <c r="U303" s="238"/>
    </row>
    <row r="304" spans="1:21" hidden="1">
      <c r="H304" s="8">
        <v>3</v>
      </c>
      <c r="I304" s="8">
        <v>116</v>
      </c>
      <c r="J304" s="8" t="s">
        <v>137</v>
      </c>
      <c r="K304" s="8" t="s">
        <v>17</v>
      </c>
      <c r="L304" s="8" t="s">
        <v>71</v>
      </c>
      <c r="M304" s="8">
        <v>1</v>
      </c>
      <c r="N304" s="8" t="s">
        <v>514</v>
      </c>
      <c r="O304" s="8">
        <v>3</v>
      </c>
      <c r="P304" s="8">
        <v>15</v>
      </c>
      <c r="Q304" s="72"/>
      <c r="R304" s="238"/>
      <c r="S304" s="238"/>
      <c r="T304" s="238"/>
      <c r="U304" s="238"/>
    </row>
    <row r="305" spans="1:21" ht="28" hidden="1">
      <c r="H305" s="8">
        <v>4</v>
      </c>
      <c r="I305" s="8">
        <v>26</v>
      </c>
      <c r="J305" s="8" t="s">
        <v>135</v>
      </c>
      <c r="K305" s="8" t="s">
        <v>17</v>
      </c>
      <c r="L305" s="8" t="s">
        <v>71</v>
      </c>
      <c r="M305" s="8">
        <v>1</v>
      </c>
      <c r="N305" s="8" t="s">
        <v>514</v>
      </c>
      <c r="O305" s="8">
        <v>2</v>
      </c>
      <c r="P305" s="8">
        <v>3</v>
      </c>
      <c r="Q305" s="70" t="s">
        <v>624</v>
      </c>
      <c r="R305" s="238"/>
      <c r="S305" s="238"/>
      <c r="T305" s="238"/>
      <c r="U305" s="238"/>
    </row>
    <row r="306" spans="1:21" hidden="1">
      <c r="H306" s="8">
        <v>5</v>
      </c>
      <c r="I306" s="8">
        <v>309</v>
      </c>
      <c r="J306" s="8" t="s">
        <v>133</v>
      </c>
      <c r="K306" s="8" t="s">
        <v>78</v>
      </c>
      <c r="L306" s="8" t="s">
        <v>71</v>
      </c>
      <c r="M306" s="11">
        <v>1</v>
      </c>
      <c r="N306" s="11" t="s">
        <v>514</v>
      </c>
      <c r="O306" s="11">
        <v>1</v>
      </c>
      <c r="P306" s="11">
        <v>2</v>
      </c>
      <c r="Q306" s="72" t="s">
        <v>690</v>
      </c>
      <c r="R306" s="238"/>
      <c r="S306" s="238"/>
      <c r="T306" s="238"/>
      <c r="U306" s="238"/>
    </row>
    <row r="307" spans="1:21" hidden="1">
      <c r="H307" s="8">
        <v>6</v>
      </c>
      <c r="I307" s="8">
        <v>310</v>
      </c>
      <c r="J307" s="8" t="s">
        <v>131</v>
      </c>
      <c r="K307" s="8" t="s">
        <v>17</v>
      </c>
      <c r="L307" s="8" t="s">
        <v>71</v>
      </c>
      <c r="M307" s="11">
        <v>1</v>
      </c>
      <c r="N307" s="11" t="s">
        <v>509</v>
      </c>
      <c r="O307" s="11">
        <v>1</v>
      </c>
      <c r="P307" s="11">
        <v>30</v>
      </c>
      <c r="Q307" s="18"/>
      <c r="R307" s="238"/>
      <c r="S307" s="238"/>
      <c r="T307" s="238"/>
      <c r="U307" s="238"/>
    </row>
    <row r="308" spans="1:21" hidden="1">
      <c r="A308" s="79"/>
      <c r="B308" s="75"/>
      <c r="C308" s="75" t="s">
        <v>130</v>
      </c>
      <c r="D308" s="75" t="s">
        <v>126</v>
      </c>
      <c r="E308" s="75"/>
      <c r="F308" s="75"/>
      <c r="G308" s="75"/>
      <c r="H308" s="75"/>
      <c r="I308" s="75"/>
      <c r="J308" s="75"/>
      <c r="K308" s="75"/>
      <c r="L308" s="75"/>
      <c r="M308" s="17">
        <v>12</v>
      </c>
      <c r="N308" s="17"/>
      <c r="O308" s="17"/>
      <c r="P308" s="17"/>
      <c r="Q308" s="75"/>
      <c r="R308" s="238"/>
      <c r="S308" s="238"/>
      <c r="T308" s="238"/>
      <c r="U308" s="238"/>
    </row>
    <row r="309" spans="1:21" hidden="1">
      <c r="A309" s="26"/>
      <c r="B309" s="27"/>
      <c r="C309" s="27"/>
      <c r="D309" s="27"/>
      <c r="E309" s="27"/>
      <c r="F309" s="27"/>
      <c r="G309" s="27"/>
      <c r="H309" s="11">
        <v>1</v>
      </c>
      <c r="I309" s="11">
        <v>128</v>
      </c>
      <c r="J309" s="11" t="s">
        <v>128</v>
      </c>
      <c r="K309" s="11" t="s">
        <v>66</v>
      </c>
      <c r="L309" s="8" t="s">
        <v>65</v>
      </c>
      <c r="M309" s="8">
        <v>1</v>
      </c>
      <c r="N309" s="8" t="s">
        <v>514</v>
      </c>
      <c r="O309" s="8">
        <v>2</v>
      </c>
      <c r="P309" s="8">
        <v>3</v>
      </c>
      <c r="Q309" s="18" t="s">
        <v>692</v>
      </c>
      <c r="R309" s="238"/>
      <c r="S309" s="238"/>
      <c r="T309" s="238"/>
      <c r="U309" s="238"/>
    </row>
    <row r="310" spans="1:21" hidden="1">
      <c r="A310" s="26"/>
      <c r="B310" s="27"/>
      <c r="C310" s="27"/>
      <c r="D310" s="27"/>
      <c r="E310" s="27"/>
      <c r="F310" s="27"/>
      <c r="G310" s="27"/>
      <c r="H310" s="25">
        <v>2</v>
      </c>
      <c r="I310" s="25">
        <v>127</v>
      </c>
      <c r="J310" s="19" t="s">
        <v>126</v>
      </c>
      <c r="K310" s="25" t="s">
        <v>78</v>
      </c>
      <c r="L310" s="25" t="s">
        <v>174</v>
      </c>
      <c r="M310" s="19">
        <v>1</v>
      </c>
      <c r="N310" s="19" t="s">
        <v>509</v>
      </c>
      <c r="O310" s="19">
        <v>1</v>
      </c>
      <c r="P310" s="19">
        <v>30</v>
      </c>
      <c r="Q310" s="25"/>
      <c r="R310" s="238"/>
      <c r="S310" s="238"/>
      <c r="T310" s="238"/>
      <c r="U310" s="238"/>
    </row>
    <row r="311" spans="1:21" hidden="1">
      <c r="A311" s="26"/>
      <c r="B311" s="27"/>
      <c r="C311" s="27"/>
      <c r="D311" s="27"/>
      <c r="E311" s="27"/>
      <c r="F311" s="27"/>
      <c r="G311" s="27"/>
      <c r="H311" s="11">
        <v>3</v>
      </c>
      <c r="I311" s="11">
        <v>352</v>
      </c>
      <c r="J311" s="11" t="s">
        <v>3</v>
      </c>
      <c r="K311" s="11" t="s">
        <v>78</v>
      </c>
      <c r="L311" s="8" t="s">
        <v>71</v>
      </c>
      <c r="M311" s="8">
        <v>1</v>
      </c>
      <c r="N311" s="8" t="s">
        <v>509</v>
      </c>
      <c r="O311" s="8">
        <v>1</v>
      </c>
      <c r="P311" s="8">
        <v>80</v>
      </c>
      <c r="Q311" s="18"/>
      <c r="R311" s="238"/>
      <c r="S311" s="238"/>
      <c r="T311" s="238"/>
      <c r="U311" s="238"/>
    </row>
    <row r="312" spans="1:21" hidden="1">
      <c r="A312" s="17"/>
      <c r="B312" s="17"/>
      <c r="C312" s="17" t="s">
        <v>124</v>
      </c>
      <c r="D312" s="17" t="s">
        <v>475</v>
      </c>
      <c r="E312" s="17"/>
      <c r="F312" s="17"/>
      <c r="G312" s="17"/>
      <c r="H312" s="17"/>
      <c r="I312" s="17"/>
      <c r="J312" s="17"/>
      <c r="K312" s="17" t="s">
        <v>17</v>
      </c>
      <c r="L312" s="17" t="s">
        <v>71</v>
      </c>
      <c r="M312" s="75">
        <v>3</v>
      </c>
      <c r="N312" s="75"/>
      <c r="O312" s="75"/>
      <c r="P312" s="75"/>
      <c r="Q312" s="17"/>
      <c r="R312" s="238"/>
      <c r="S312" s="238"/>
      <c r="T312" s="238"/>
      <c r="U312" s="238"/>
    </row>
    <row r="313" spans="1:21" hidden="1">
      <c r="H313" s="8">
        <v>1</v>
      </c>
      <c r="I313" s="8">
        <v>366</v>
      </c>
      <c r="J313" s="8" t="s">
        <v>122</v>
      </c>
      <c r="K313" s="8" t="s">
        <v>66</v>
      </c>
      <c r="L313" s="8" t="s">
        <v>65</v>
      </c>
      <c r="M313" s="11">
        <v>1</v>
      </c>
      <c r="N313" s="11" t="s">
        <v>514</v>
      </c>
      <c r="O313" s="11">
        <v>2</v>
      </c>
      <c r="P313" s="11">
        <v>2</v>
      </c>
      <c r="Q313" s="8" t="s">
        <v>704</v>
      </c>
      <c r="R313" s="238"/>
      <c r="S313" s="238"/>
      <c r="T313" s="238"/>
      <c r="U313" s="238"/>
    </row>
    <row r="314" spans="1:21" hidden="1">
      <c r="H314" s="8">
        <v>2</v>
      </c>
      <c r="I314" s="8">
        <v>93</v>
      </c>
      <c r="J314" s="8" t="s">
        <v>120</v>
      </c>
      <c r="K314" s="8" t="s">
        <v>17</v>
      </c>
      <c r="L314" s="8" t="s">
        <v>71</v>
      </c>
      <c r="M314" s="11">
        <v>1</v>
      </c>
      <c r="N314" s="11" t="s">
        <v>509</v>
      </c>
      <c r="O314" s="11">
        <v>1</v>
      </c>
      <c r="P314" s="11">
        <v>60</v>
      </c>
      <c r="Q314" s="72"/>
      <c r="R314" s="238"/>
      <c r="S314" s="238"/>
      <c r="T314" s="238"/>
      <c r="U314" s="238"/>
    </row>
    <row r="315" spans="1:21" ht="28" hidden="1">
      <c r="H315" s="8">
        <v>3</v>
      </c>
      <c r="I315" s="8">
        <v>365</v>
      </c>
      <c r="J315" s="8" t="s">
        <v>114</v>
      </c>
      <c r="K315" s="8" t="s">
        <v>78</v>
      </c>
      <c r="L315" s="8" t="s">
        <v>71</v>
      </c>
      <c r="M315" s="11">
        <v>1</v>
      </c>
      <c r="N315" s="11" t="s">
        <v>514</v>
      </c>
      <c r="O315" s="11">
        <v>2</v>
      </c>
      <c r="P315" s="11">
        <v>2</v>
      </c>
      <c r="Q315" s="70" t="s">
        <v>624</v>
      </c>
      <c r="R315" s="238"/>
      <c r="S315" s="238"/>
      <c r="T315" s="238"/>
      <c r="U315" s="238"/>
    </row>
    <row r="316" spans="1:21" hidden="1">
      <c r="H316" s="8">
        <v>4</v>
      </c>
      <c r="I316" s="8">
        <v>364</v>
      </c>
      <c r="J316" s="8" t="s">
        <v>112</v>
      </c>
      <c r="K316" s="8" t="s">
        <v>78</v>
      </c>
      <c r="L316" s="8" t="s">
        <v>71</v>
      </c>
      <c r="M316" s="11">
        <v>1</v>
      </c>
      <c r="N316" s="11" t="s">
        <v>509</v>
      </c>
      <c r="O316" s="11">
        <v>1</v>
      </c>
      <c r="P316" s="11">
        <v>80</v>
      </c>
      <c r="Q316" s="72"/>
      <c r="R316" s="238"/>
      <c r="S316" s="238"/>
      <c r="T316" s="238"/>
      <c r="U316" s="238"/>
    </row>
    <row r="317" spans="1:21" ht="28" hidden="1">
      <c r="H317" s="8">
        <v>5</v>
      </c>
      <c r="I317" s="8">
        <v>365</v>
      </c>
      <c r="J317" s="8" t="s">
        <v>114</v>
      </c>
      <c r="K317" s="8" t="s">
        <v>78</v>
      </c>
      <c r="L317" s="8" t="s">
        <v>71</v>
      </c>
      <c r="M317" s="11">
        <v>1</v>
      </c>
      <c r="N317" s="11" t="s">
        <v>514</v>
      </c>
      <c r="O317" s="11">
        <v>2</v>
      </c>
      <c r="P317" s="11">
        <v>2</v>
      </c>
      <c r="Q317" s="70" t="s">
        <v>624</v>
      </c>
      <c r="R317" s="238"/>
      <c r="S317" s="238"/>
      <c r="T317" s="238"/>
      <c r="U317" s="238"/>
    </row>
    <row r="318" spans="1:21" hidden="1">
      <c r="H318" s="8">
        <v>6</v>
      </c>
      <c r="I318" s="8">
        <v>364</v>
      </c>
      <c r="J318" s="8" t="s">
        <v>112</v>
      </c>
      <c r="K318" s="8" t="s">
        <v>78</v>
      </c>
      <c r="L318" s="8" t="s">
        <v>71</v>
      </c>
      <c r="M318" s="11">
        <v>1</v>
      </c>
      <c r="N318" s="11" t="s">
        <v>509</v>
      </c>
      <c r="O318" s="11">
        <v>1</v>
      </c>
      <c r="P318" s="11">
        <v>80</v>
      </c>
      <c r="Q318" s="72"/>
      <c r="R318" s="238"/>
      <c r="S318" s="238"/>
      <c r="T318" s="238"/>
      <c r="U318" s="238"/>
    </row>
    <row r="319" spans="1:21" ht="28" hidden="1">
      <c r="H319" s="8">
        <v>7</v>
      </c>
      <c r="I319" s="8">
        <v>365</v>
      </c>
      <c r="J319" s="8" t="s">
        <v>114</v>
      </c>
      <c r="K319" s="8" t="s">
        <v>78</v>
      </c>
      <c r="L319" s="8" t="s">
        <v>71</v>
      </c>
      <c r="M319" s="11">
        <v>1</v>
      </c>
      <c r="N319" s="11" t="s">
        <v>514</v>
      </c>
      <c r="O319" s="11">
        <v>2</v>
      </c>
      <c r="P319" s="11">
        <v>2</v>
      </c>
      <c r="Q319" s="70" t="s">
        <v>624</v>
      </c>
      <c r="R319" s="238"/>
      <c r="S319" s="238"/>
      <c r="T319" s="238"/>
      <c r="U319" s="238"/>
    </row>
    <row r="320" spans="1:21" hidden="1">
      <c r="H320" s="8">
        <v>8</v>
      </c>
      <c r="I320" s="8">
        <v>364</v>
      </c>
      <c r="J320" s="8" t="s">
        <v>112</v>
      </c>
      <c r="K320" s="8" t="s">
        <v>78</v>
      </c>
      <c r="L320" s="8" t="s">
        <v>71</v>
      </c>
      <c r="M320" s="11">
        <v>1</v>
      </c>
      <c r="N320" s="11" t="s">
        <v>509</v>
      </c>
      <c r="O320" s="11">
        <v>1</v>
      </c>
      <c r="P320" s="11">
        <v>80</v>
      </c>
      <c r="Q320" s="72"/>
      <c r="R320" s="238"/>
      <c r="S320" s="238"/>
      <c r="T320" s="238"/>
      <c r="U320" s="238"/>
    </row>
    <row r="321" spans="1:21" hidden="1">
      <c r="A321" s="17"/>
      <c r="B321" s="17"/>
      <c r="C321" s="17" t="s">
        <v>252</v>
      </c>
      <c r="D321" s="17" t="s">
        <v>476</v>
      </c>
      <c r="E321" s="17"/>
      <c r="F321" s="17"/>
      <c r="G321" s="17"/>
      <c r="H321" s="17"/>
      <c r="I321" s="17"/>
      <c r="J321" s="17"/>
      <c r="K321" s="17" t="s">
        <v>17</v>
      </c>
      <c r="L321" s="17" t="s">
        <v>71</v>
      </c>
      <c r="M321" s="17">
        <v>1</v>
      </c>
      <c r="N321" s="17"/>
      <c r="O321" s="17"/>
      <c r="P321" s="17"/>
      <c r="Q321" s="17"/>
      <c r="R321" s="238"/>
      <c r="S321" s="238"/>
      <c r="T321" s="238"/>
      <c r="U321" s="238"/>
    </row>
    <row r="322" spans="1:21" ht="28" hidden="1">
      <c r="H322" s="8">
        <v>1</v>
      </c>
      <c r="I322" s="8">
        <v>98</v>
      </c>
      <c r="J322" s="8" t="s">
        <v>156</v>
      </c>
      <c r="K322" s="8" t="s">
        <v>66</v>
      </c>
      <c r="L322" s="8" t="s">
        <v>65</v>
      </c>
      <c r="M322" s="8">
        <v>1</v>
      </c>
      <c r="N322" s="8" t="s">
        <v>514</v>
      </c>
      <c r="O322" s="8">
        <v>2</v>
      </c>
      <c r="P322" s="8">
        <v>3</v>
      </c>
      <c r="Q322" s="70" t="s">
        <v>624</v>
      </c>
      <c r="R322" s="238"/>
      <c r="S322" s="238"/>
      <c r="T322" s="238"/>
      <c r="U322" s="238"/>
    </row>
    <row r="323" spans="1:21" hidden="1">
      <c r="H323" s="8">
        <v>2</v>
      </c>
      <c r="I323" s="8">
        <v>100</v>
      </c>
      <c r="J323" s="8" t="s">
        <v>249</v>
      </c>
      <c r="K323" s="8" t="s">
        <v>66</v>
      </c>
      <c r="L323" s="8" t="s">
        <v>65</v>
      </c>
      <c r="M323" s="8">
        <v>1</v>
      </c>
      <c r="N323" s="8" t="s">
        <v>514</v>
      </c>
      <c r="O323" s="8">
        <v>3</v>
      </c>
      <c r="P323" s="8">
        <v>3</v>
      </c>
      <c r="Q323" s="72"/>
      <c r="R323" s="238"/>
      <c r="S323" s="238"/>
      <c r="T323" s="238"/>
      <c r="U323" s="238"/>
    </row>
    <row r="324" spans="1:21">
      <c r="A324" s="28" t="s">
        <v>477</v>
      </c>
      <c r="B324" s="29"/>
      <c r="C324" s="29"/>
      <c r="D324" s="29"/>
      <c r="E324" s="29"/>
      <c r="F324" s="29"/>
      <c r="G324" s="29"/>
      <c r="H324" s="29"/>
      <c r="I324" s="29"/>
      <c r="J324" s="29"/>
      <c r="K324" s="29"/>
      <c r="L324" s="29"/>
      <c r="M324" s="29"/>
      <c r="N324" s="29"/>
      <c r="O324" s="29"/>
      <c r="P324" s="29"/>
      <c r="Q324" s="29"/>
      <c r="R324" s="238"/>
      <c r="S324" s="238"/>
      <c r="T324" s="238"/>
      <c r="U324" s="238"/>
    </row>
    <row r="325" spans="1:21" s="8" customFormat="1" ht="98.25" customHeight="1">
      <c r="A325" s="404" t="s">
        <v>478</v>
      </c>
      <c r="B325" s="404"/>
      <c r="C325" s="404"/>
      <c r="D325" s="404"/>
      <c r="E325" s="404"/>
      <c r="F325" s="404"/>
      <c r="G325" s="404"/>
      <c r="H325" s="404"/>
      <c r="I325" s="404"/>
      <c r="J325" s="404"/>
      <c r="K325" s="404"/>
      <c r="L325" s="404"/>
      <c r="M325" s="293"/>
      <c r="N325" s="293"/>
      <c r="O325" s="293"/>
      <c r="P325" s="293"/>
      <c r="Q325" s="80" t="s">
        <v>770</v>
      </c>
      <c r="R325" s="238"/>
      <c r="S325" s="238"/>
      <c r="T325" s="238"/>
      <c r="U325" s="238"/>
    </row>
    <row r="326" spans="1:21" s="8" customFormat="1">
      <c r="A326" s="17" t="s">
        <v>440</v>
      </c>
      <c r="B326" s="17" t="s">
        <v>441</v>
      </c>
      <c r="C326" s="17"/>
      <c r="D326" s="17"/>
      <c r="E326" s="17"/>
      <c r="F326" s="17"/>
      <c r="G326" s="17"/>
      <c r="H326" s="17"/>
      <c r="I326" s="17"/>
      <c r="J326" s="17"/>
      <c r="K326" s="17" t="s">
        <v>66</v>
      </c>
      <c r="L326" s="17" t="s">
        <v>65</v>
      </c>
      <c r="M326" s="17">
        <v>200000</v>
      </c>
      <c r="N326" s="17"/>
      <c r="O326" s="17"/>
      <c r="P326" s="17"/>
      <c r="Q326" s="74"/>
      <c r="R326" s="238" t="s">
        <v>1033</v>
      </c>
      <c r="S326" s="238" t="s">
        <v>1486</v>
      </c>
      <c r="T326" s="238" t="s">
        <v>1487</v>
      </c>
      <c r="U326" s="238" t="s">
        <v>1487</v>
      </c>
    </row>
    <row r="327" spans="1:21" s="8" customFormat="1" hidden="1">
      <c r="A327" s="17"/>
      <c r="B327" s="17"/>
      <c r="C327" s="17" t="s">
        <v>440</v>
      </c>
      <c r="D327" s="17" t="s">
        <v>441</v>
      </c>
      <c r="E327" s="17"/>
      <c r="F327" s="17"/>
      <c r="G327" s="17"/>
      <c r="H327" s="17"/>
      <c r="I327" s="17"/>
      <c r="J327" s="17"/>
      <c r="K327" s="17" t="s">
        <v>66</v>
      </c>
      <c r="L327" s="17" t="s">
        <v>65</v>
      </c>
      <c r="M327" s="17">
        <v>1</v>
      </c>
      <c r="N327" s="17"/>
      <c r="O327" s="17"/>
      <c r="P327" s="17"/>
      <c r="Q327" s="75"/>
      <c r="R327" s="238"/>
      <c r="S327" s="238"/>
      <c r="T327" s="238"/>
      <c r="U327" s="238"/>
    </row>
    <row r="328" spans="1:21" s="8" customFormat="1" ht="56" hidden="1" outlineLevel="1">
      <c r="H328" s="8">
        <v>1</v>
      </c>
      <c r="I328" s="8">
        <v>628</v>
      </c>
      <c r="J328" s="8" t="s">
        <v>442</v>
      </c>
      <c r="K328" s="8" t="s">
        <v>66</v>
      </c>
      <c r="L328" s="8" t="s">
        <v>65</v>
      </c>
      <c r="M328" s="8">
        <v>1</v>
      </c>
      <c r="N328" s="8" t="s">
        <v>509</v>
      </c>
      <c r="O328" s="8">
        <v>1</v>
      </c>
      <c r="P328" s="8">
        <v>12</v>
      </c>
      <c r="Q328" s="18" t="s">
        <v>771</v>
      </c>
      <c r="R328" s="238"/>
      <c r="S328" s="238"/>
      <c r="T328" s="238"/>
      <c r="U328" s="238"/>
    </row>
    <row r="329" spans="1:21" s="8" customFormat="1" ht="84" hidden="1" outlineLevel="1">
      <c r="H329" s="8">
        <v>2</v>
      </c>
      <c r="I329" s="8">
        <v>734</v>
      </c>
      <c r="J329" s="8" t="s">
        <v>443</v>
      </c>
      <c r="K329" s="8" t="s">
        <v>17</v>
      </c>
      <c r="L329" s="8" t="s">
        <v>71</v>
      </c>
      <c r="M329" s="8">
        <v>1</v>
      </c>
      <c r="N329" s="8" t="s">
        <v>509</v>
      </c>
      <c r="O329" s="8">
        <v>1</v>
      </c>
      <c r="P329" s="8">
        <v>12</v>
      </c>
      <c r="Q329" s="18" t="s">
        <v>772</v>
      </c>
      <c r="R329" s="238"/>
      <c r="S329" s="238"/>
      <c r="T329" s="238"/>
      <c r="U329" s="238"/>
    </row>
    <row r="330" spans="1:21" s="8" customFormat="1" hidden="1" outlineLevel="1">
      <c r="A330" s="30"/>
      <c r="H330" s="8">
        <v>3</v>
      </c>
      <c r="I330" s="8">
        <v>735</v>
      </c>
      <c r="J330" s="8" t="s">
        <v>444</v>
      </c>
      <c r="K330" s="8" t="s">
        <v>66</v>
      </c>
      <c r="L330" s="8" t="s">
        <v>65</v>
      </c>
      <c r="M330" s="8">
        <v>1</v>
      </c>
      <c r="N330" s="8" t="s">
        <v>514</v>
      </c>
      <c r="O330" s="8">
        <v>1</v>
      </c>
      <c r="P330" s="8">
        <v>2</v>
      </c>
      <c r="Q330" s="8" t="s">
        <v>744</v>
      </c>
      <c r="R330" s="238"/>
      <c r="S330" s="238"/>
      <c r="T330" s="238"/>
      <c r="U330" s="238"/>
    </row>
    <row r="331" spans="1:21" s="8" customFormat="1" hidden="1" outlineLevel="1">
      <c r="H331" s="8">
        <v>4</v>
      </c>
      <c r="I331" s="8">
        <v>736</v>
      </c>
      <c r="J331" s="8" t="s">
        <v>445</v>
      </c>
      <c r="K331" s="8" t="s">
        <v>17</v>
      </c>
      <c r="L331" s="8" t="s">
        <v>71</v>
      </c>
      <c r="M331" s="8">
        <v>1</v>
      </c>
      <c r="N331" s="8" t="s">
        <v>514</v>
      </c>
      <c r="O331" s="8">
        <v>1</v>
      </c>
      <c r="P331" s="8">
        <v>1</v>
      </c>
      <c r="Q331" s="11" t="s">
        <v>773</v>
      </c>
      <c r="R331" s="238"/>
      <c r="S331" s="238"/>
      <c r="T331" s="238"/>
      <c r="U331" s="238"/>
    </row>
    <row r="332" spans="1:21" collapsed="1">
      <c r="A332" s="17"/>
      <c r="B332" s="17"/>
      <c r="C332" s="17" t="s">
        <v>479</v>
      </c>
      <c r="D332" s="17" t="s">
        <v>480</v>
      </c>
      <c r="E332" s="17"/>
      <c r="F332" s="17"/>
      <c r="G332" s="17"/>
      <c r="H332" s="17"/>
      <c r="I332" s="17"/>
      <c r="J332" s="17"/>
      <c r="K332" s="17" t="s">
        <v>17</v>
      </c>
      <c r="L332" s="17" t="s">
        <v>71</v>
      </c>
      <c r="M332" s="17">
        <v>1</v>
      </c>
      <c r="N332" s="17"/>
      <c r="O332" s="17"/>
      <c r="P332" s="17"/>
      <c r="Q332" s="17"/>
      <c r="R332" s="238" t="s">
        <v>1140</v>
      </c>
      <c r="S332" s="238" t="s">
        <v>2450</v>
      </c>
      <c r="T332" s="238" t="s">
        <v>2</v>
      </c>
      <c r="U332" s="238" t="s">
        <v>2</v>
      </c>
    </row>
    <row r="333" spans="1:21" hidden="1" outlineLevel="1">
      <c r="H333" s="8">
        <v>1</v>
      </c>
      <c r="I333" s="8">
        <v>324</v>
      </c>
      <c r="J333" s="8" t="s">
        <v>394</v>
      </c>
      <c r="K333" s="8" t="s">
        <v>66</v>
      </c>
      <c r="L333" s="8" t="s">
        <v>65</v>
      </c>
      <c r="M333" s="8">
        <v>1</v>
      </c>
      <c r="N333" s="8" t="s">
        <v>509</v>
      </c>
      <c r="O333" s="8">
        <v>1</v>
      </c>
      <c r="P333" s="8">
        <v>22</v>
      </c>
      <c r="Q333" s="72"/>
      <c r="R333" s="238"/>
      <c r="S333" s="238"/>
      <c r="T333" s="238"/>
      <c r="U333" s="238"/>
    </row>
    <row r="334" spans="1:21" hidden="1" outlineLevel="1">
      <c r="H334" s="19">
        <v>2</v>
      </c>
      <c r="I334" s="19">
        <v>328</v>
      </c>
      <c r="J334" s="19" t="s">
        <v>392</v>
      </c>
      <c r="K334" s="19" t="s">
        <v>17</v>
      </c>
      <c r="L334" s="19" t="s">
        <v>174</v>
      </c>
      <c r="M334" s="19">
        <v>1</v>
      </c>
      <c r="N334" s="19" t="s">
        <v>509</v>
      </c>
      <c r="O334" s="19">
        <v>1</v>
      </c>
      <c r="P334" s="19">
        <v>30</v>
      </c>
      <c r="Q334" s="19"/>
      <c r="R334" s="238"/>
      <c r="S334" s="238"/>
      <c r="T334" s="238"/>
      <c r="U334" s="238"/>
    </row>
    <row r="335" spans="1:21" hidden="1" outlineLevel="1">
      <c r="H335" s="19">
        <v>3</v>
      </c>
      <c r="I335" s="19">
        <v>327</v>
      </c>
      <c r="J335" s="19" t="s">
        <v>413</v>
      </c>
      <c r="K335" s="19" t="s">
        <v>17</v>
      </c>
      <c r="L335" s="19" t="s">
        <v>174</v>
      </c>
      <c r="M335" s="19">
        <v>1</v>
      </c>
      <c r="N335" s="19" t="s">
        <v>509</v>
      </c>
      <c r="O335" s="19">
        <v>1</v>
      </c>
      <c r="P335" s="19">
        <v>8</v>
      </c>
      <c r="Q335" s="19"/>
      <c r="R335" s="238"/>
      <c r="S335" s="238"/>
      <c r="T335" s="238"/>
      <c r="U335" s="238"/>
    </row>
    <row r="336" spans="1:21" hidden="1" outlineLevel="1">
      <c r="H336" s="8">
        <v>4</v>
      </c>
      <c r="I336" s="8">
        <v>373</v>
      </c>
      <c r="J336" s="8" t="s">
        <v>1</v>
      </c>
      <c r="K336" s="8" t="s">
        <v>17</v>
      </c>
      <c r="L336" s="8" t="s">
        <v>71</v>
      </c>
      <c r="M336" s="8">
        <v>1</v>
      </c>
      <c r="N336" s="8" t="s">
        <v>519</v>
      </c>
      <c r="O336" s="8">
        <v>8</v>
      </c>
      <c r="P336" s="8">
        <v>8</v>
      </c>
      <c r="Q336" s="72"/>
      <c r="R336" s="238"/>
      <c r="S336" s="238"/>
      <c r="T336" s="238"/>
      <c r="U336" s="238"/>
    </row>
    <row r="337" spans="1:21" hidden="1" outlineLevel="1">
      <c r="H337" s="19">
        <v>5</v>
      </c>
      <c r="I337" s="19">
        <v>350</v>
      </c>
      <c r="J337" s="19" t="s">
        <v>108</v>
      </c>
      <c r="K337" s="19" t="s">
        <v>17</v>
      </c>
      <c r="L337" s="19" t="s">
        <v>174</v>
      </c>
      <c r="M337" s="19">
        <v>1</v>
      </c>
      <c r="N337" s="19" t="s">
        <v>509</v>
      </c>
      <c r="O337" s="19">
        <v>1</v>
      </c>
      <c r="P337" s="19">
        <v>20</v>
      </c>
      <c r="Q337" s="19"/>
      <c r="R337" s="238"/>
      <c r="S337" s="238"/>
      <c r="T337" s="238"/>
      <c r="U337" s="238"/>
    </row>
    <row r="338" spans="1:21" hidden="1" outlineLevel="1">
      <c r="H338" s="8">
        <v>6</v>
      </c>
      <c r="I338" s="8">
        <v>367</v>
      </c>
      <c r="J338" s="8" t="s">
        <v>481</v>
      </c>
      <c r="K338" s="8" t="s">
        <v>17</v>
      </c>
      <c r="L338" s="8" t="s">
        <v>71</v>
      </c>
      <c r="M338" s="8">
        <v>1</v>
      </c>
      <c r="N338" s="8" t="s">
        <v>509</v>
      </c>
      <c r="O338" s="8">
        <v>1</v>
      </c>
      <c r="P338" s="8">
        <v>30</v>
      </c>
      <c r="Q338" s="72"/>
      <c r="R338" s="238"/>
      <c r="S338" s="238"/>
      <c r="T338" s="238"/>
      <c r="U338" s="238"/>
    </row>
    <row r="339" spans="1:21" hidden="1" collapsed="1">
      <c r="A339" s="17"/>
      <c r="B339" s="17"/>
      <c r="C339" s="17" t="s">
        <v>298</v>
      </c>
      <c r="D339" s="17"/>
      <c r="E339" s="17"/>
      <c r="F339" s="17"/>
      <c r="G339" s="17"/>
      <c r="H339" s="17"/>
      <c r="I339" s="17"/>
      <c r="J339" s="17"/>
      <c r="K339" s="17" t="s">
        <v>17</v>
      </c>
      <c r="L339" s="17" t="s">
        <v>71</v>
      </c>
      <c r="M339" s="17">
        <v>200</v>
      </c>
      <c r="N339" s="17"/>
      <c r="O339" s="17"/>
      <c r="P339" s="17"/>
      <c r="Q339" s="138"/>
      <c r="R339" s="238"/>
      <c r="S339" s="238"/>
      <c r="T339" s="238"/>
      <c r="U339" s="238"/>
    </row>
    <row r="340" spans="1:21" hidden="1">
      <c r="H340" s="8">
        <v>1</v>
      </c>
      <c r="I340" s="8">
        <v>349</v>
      </c>
      <c r="J340" s="8" t="s">
        <v>201</v>
      </c>
      <c r="K340" s="8" t="s">
        <v>66</v>
      </c>
      <c r="L340" s="8" t="s">
        <v>65</v>
      </c>
      <c r="M340" s="8">
        <v>1</v>
      </c>
      <c r="N340" s="8" t="s">
        <v>514</v>
      </c>
      <c r="O340" s="8">
        <v>1</v>
      </c>
      <c r="P340" s="8">
        <v>1</v>
      </c>
      <c r="Q340" s="8" t="s">
        <v>666</v>
      </c>
      <c r="R340" s="238"/>
      <c r="S340" s="238"/>
      <c r="T340" s="238"/>
      <c r="U340" s="238"/>
    </row>
    <row r="341" spans="1:21" hidden="1">
      <c r="H341" s="8">
        <v>2</v>
      </c>
      <c r="I341" s="8">
        <v>750</v>
      </c>
      <c r="J341" s="8" t="s">
        <v>295</v>
      </c>
      <c r="K341" s="8" t="s">
        <v>17</v>
      </c>
      <c r="L341" s="8" t="s">
        <v>71</v>
      </c>
      <c r="M341" s="8">
        <v>1</v>
      </c>
      <c r="N341" s="8" t="s">
        <v>514</v>
      </c>
      <c r="O341" s="8">
        <v>2</v>
      </c>
      <c r="P341" s="8">
        <v>3</v>
      </c>
      <c r="Q341" s="8" t="s">
        <v>712</v>
      </c>
      <c r="R341" s="238"/>
      <c r="S341" s="238"/>
      <c r="T341" s="238"/>
      <c r="U341" s="238"/>
    </row>
    <row r="342" spans="1:21" hidden="1">
      <c r="H342" s="19">
        <v>3</v>
      </c>
      <c r="I342" s="19">
        <v>559</v>
      </c>
      <c r="J342" s="19" t="s">
        <v>197</v>
      </c>
      <c r="K342" s="19" t="s">
        <v>78</v>
      </c>
      <c r="L342" s="19" t="s">
        <v>174</v>
      </c>
      <c r="M342" s="19">
        <v>1</v>
      </c>
      <c r="N342" s="19" t="s">
        <v>514</v>
      </c>
      <c r="O342" s="19">
        <v>2</v>
      </c>
      <c r="P342" s="19">
        <v>2</v>
      </c>
      <c r="Q342" s="19"/>
      <c r="R342" s="238"/>
      <c r="S342" s="238"/>
      <c r="T342" s="238"/>
      <c r="U342" s="238"/>
    </row>
    <row r="343" spans="1:21" hidden="1">
      <c r="H343" s="19">
        <v>4</v>
      </c>
      <c r="I343" s="19">
        <v>751</v>
      </c>
      <c r="J343" s="19" t="s">
        <v>292</v>
      </c>
      <c r="K343" s="19" t="s">
        <v>78</v>
      </c>
      <c r="L343" s="19" t="s">
        <v>174</v>
      </c>
      <c r="M343" s="19">
        <v>1</v>
      </c>
      <c r="N343" s="19" t="s">
        <v>509</v>
      </c>
      <c r="O343" s="19">
        <v>1</v>
      </c>
      <c r="P343" s="19">
        <v>12</v>
      </c>
      <c r="Q343" s="19"/>
      <c r="R343" s="238"/>
      <c r="S343" s="238"/>
      <c r="T343" s="238"/>
      <c r="U343" s="238"/>
    </row>
    <row r="344" spans="1:21" hidden="1">
      <c r="H344" s="8">
        <v>5</v>
      </c>
      <c r="I344" s="8">
        <v>352</v>
      </c>
      <c r="J344" s="8" t="s">
        <v>3</v>
      </c>
      <c r="K344" s="8" t="s">
        <v>78</v>
      </c>
      <c r="L344" s="8" t="s">
        <v>71</v>
      </c>
      <c r="M344" s="8">
        <v>1</v>
      </c>
      <c r="N344" s="8" t="s">
        <v>509</v>
      </c>
      <c r="O344" s="8">
        <v>1</v>
      </c>
      <c r="P344" s="8">
        <v>80</v>
      </c>
      <c r="Q344" s="72"/>
      <c r="R344" s="238"/>
      <c r="S344" s="238"/>
      <c r="T344" s="238"/>
      <c r="U344" s="238"/>
    </row>
    <row r="345" spans="1:21" hidden="1">
      <c r="H345" s="19">
        <v>6</v>
      </c>
      <c r="I345" s="19">
        <v>752</v>
      </c>
      <c r="J345" s="19" t="s">
        <v>304</v>
      </c>
      <c r="K345" s="19" t="s">
        <v>17</v>
      </c>
      <c r="L345" s="19" t="s">
        <v>174</v>
      </c>
      <c r="M345" s="19">
        <v>1</v>
      </c>
      <c r="N345" s="19" t="s">
        <v>514</v>
      </c>
      <c r="O345" s="19">
        <v>2</v>
      </c>
      <c r="P345" s="19">
        <v>2</v>
      </c>
      <c r="Q345" s="19"/>
      <c r="R345" s="238"/>
      <c r="S345" s="238"/>
      <c r="T345" s="238"/>
      <c r="U345" s="238"/>
    </row>
    <row r="346" spans="1:21" hidden="1">
      <c r="H346" s="19">
        <v>7</v>
      </c>
      <c r="I346" s="19">
        <v>822</v>
      </c>
      <c r="J346" s="19" t="s">
        <v>302</v>
      </c>
      <c r="K346" s="19" t="s">
        <v>17</v>
      </c>
      <c r="L346" s="19" t="s">
        <v>174</v>
      </c>
      <c r="M346" s="19">
        <v>1</v>
      </c>
      <c r="N346" s="19" t="s">
        <v>509</v>
      </c>
      <c r="O346" s="19">
        <v>1</v>
      </c>
      <c r="P346" s="19">
        <v>15</v>
      </c>
      <c r="Q346" s="19"/>
      <c r="R346" s="238"/>
      <c r="S346" s="238"/>
      <c r="T346" s="238"/>
      <c r="U346" s="238"/>
    </row>
    <row r="347" spans="1:21" hidden="1">
      <c r="H347" s="19">
        <v>8</v>
      </c>
      <c r="I347" s="19">
        <v>1073</v>
      </c>
      <c r="J347" s="19" t="s">
        <v>300</v>
      </c>
      <c r="K347" s="19" t="s">
        <v>17</v>
      </c>
      <c r="L347" s="19" t="s">
        <v>174</v>
      </c>
      <c r="M347" s="19">
        <v>1</v>
      </c>
      <c r="N347" s="19" t="s">
        <v>514</v>
      </c>
      <c r="O347" s="19">
        <v>1</v>
      </c>
      <c r="P347" s="19">
        <v>1</v>
      </c>
      <c r="Q347" s="19"/>
      <c r="R347" s="238"/>
      <c r="S347" s="238"/>
      <c r="T347" s="238"/>
      <c r="U347" s="238"/>
    </row>
    <row r="348" spans="1:21" hidden="1">
      <c r="H348" s="8">
        <v>9</v>
      </c>
      <c r="I348" s="8">
        <v>819</v>
      </c>
      <c r="J348" s="8" t="s">
        <v>253</v>
      </c>
      <c r="K348" s="8" t="s">
        <v>17</v>
      </c>
      <c r="L348" s="8" t="s">
        <v>71</v>
      </c>
      <c r="M348" s="8">
        <v>1</v>
      </c>
      <c r="N348" s="8" t="s">
        <v>514</v>
      </c>
      <c r="O348" s="8">
        <v>2</v>
      </c>
      <c r="P348" s="8">
        <v>3</v>
      </c>
      <c r="Q348" s="72"/>
      <c r="R348" s="238"/>
      <c r="S348" s="238"/>
      <c r="T348" s="238"/>
      <c r="U348" s="238"/>
    </row>
    <row r="349" spans="1:21" hidden="1">
      <c r="A349" s="17"/>
      <c r="B349" s="17"/>
      <c r="C349" s="17" t="s">
        <v>130</v>
      </c>
      <c r="D349" s="17" t="s">
        <v>126</v>
      </c>
      <c r="E349" s="17"/>
      <c r="F349" s="17"/>
      <c r="G349" s="17"/>
      <c r="H349" s="17"/>
      <c r="I349" s="17"/>
      <c r="J349" s="17"/>
      <c r="K349" s="17" t="s">
        <v>17</v>
      </c>
      <c r="L349" s="17" t="s">
        <v>71</v>
      </c>
      <c r="M349" s="17" t="s">
        <v>525</v>
      </c>
      <c r="N349" s="17"/>
      <c r="O349" s="17"/>
      <c r="P349" s="17"/>
      <c r="Q349" s="17"/>
      <c r="R349" s="238"/>
      <c r="S349" s="238"/>
      <c r="T349" s="238"/>
      <c r="U349" s="238"/>
    </row>
    <row r="350" spans="1:21" hidden="1">
      <c r="H350" s="8">
        <v>1</v>
      </c>
      <c r="I350" s="8">
        <v>128</v>
      </c>
      <c r="J350" s="8" t="s">
        <v>128</v>
      </c>
      <c r="K350" s="8" t="s">
        <v>66</v>
      </c>
      <c r="L350" s="8" t="s">
        <v>65</v>
      </c>
      <c r="M350" s="8">
        <v>1</v>
      </c>
      <c r="N350" s="8" t="s">
        <v>514</v>
      </c>
      <c r="O350" s="8">
        <v>2</v>
      </c>
      <c r="P350" s="8">
        <v>3</v>
      </c>
      <c r="Q350" s="8" t="s">
        <v>629</v>
      </c>
      <c r="R350" s="238"/>
      <c r="S350" s="238"/>
      <c r="T350" s="238"/>
      <c r="U350" s="238"/>
    </row>
    <row r="351" spans="1:21" hidden="1">
      <c r="H351" s="19">
        <v>2</v>
      </c>
      <c r="I351" s="19">
        <v>127</v>
      </c>
      <c r="J351" s="19" t="s">
        <v>126</v>
      </c>
      <c r="K351" s="19" t="s">
        <v>78</v>
      </c>
      <c r="L351" s="19" t="s">
        <v>174</v>
      </c>
      <c r="M351" s="19">
        <v>1</v>
      </c>
      <c r="N351" s="19" t="s">
        <v>509</v>
      </c>
      <c r="O351" s="19">
        <v>1</v>
      </c>
      <c r="P351" s="19">
        <v>30</v>
      </c>
      <c r="Q351" s="19"/>
      <c r="R351" s="238"/>
      <c r="S351" s="238"/>
      <c r="T351" s="238"/>
      <c r="U351" s="238"/>
    </row>
    <row r="352" spans="1:21" hidden="1">
      <c r="H352" s="8">
        <v>3</v>
      </c>
      <c r="I352" s="8">
        <v>352</v>
      </c>
      <c r="J352" s="8" t="s">
        <v>3</v>
      </c>
      <c r="K352" s="8" t="s">
        <v>78</v>
      </c>
      <c r="L352" s="8" t="s">
        <v>71</v>
      </c>
      <c r="M352" s="8">
        <v>1</v>
      </c>
      <c r="N352" s="8" t="s">
        <v>509</v>
      </c>
      <c r="O352" s="8">
        <v>1</v>
      </c>
      <c r="P352" s="8">
        <v>80</v>
      </c>
      <c r="Q352" s="72"/>
      <c r="R352" s="238"/>
      <c r="S352" s="238"/>
      <c r="T352" s="238"/>
      <c r="U352" s="238"/>
    </row>
    <row r="353" spans="1:21" hidden="1">
      <c r="A353" s="75"/>
      <c r="B353" s="75"/>
      <c r="C353" s="75" t="s">
        <v>130</v>
      </c>
      <c r="D353" s="75" t="s">
        <v>126</v>
      </c>
      <c r="E353" s="75"/>
      <c r="F353" s="75"/>
      <c r="G353" s="75"/>
      <c r="H353" s="75"/>
      <c r="I353" s="75"/>
      <c r="J353" s="75"/>
      <c r="K353" s="75" t="s">
        <v>17</v>
      </c>
      <c r="L353" s="17" t="s">
        <v>71</v>
      </c>
      <c r="M353" s="17" t="s">
        <v>525</v>
      </c>
      <c r="N353" s="17"/>
      <c r="O353" s="17"/>
      <c r="P353" s="17"/>
      <c r="Q353" s="78"/>
      <c r="R353" s="238"/>
      <c r="S353" s="238"/>
      <c r="T353" s="238"/>
      <c r="U353" s="238"/>
    </row>
    <row r="354" spans="1:21" ht="28" hidden="1">
      <c r="A354" s="11"/>
      <c r="B354" s="11"/>
      <c r="C354" s="11"/>
      <c r="D354" s="11"/>
      <c r="E354" s="11"/>
      <c r="F354" s="11"/>
      <c r="G354" s="11"/>
      <c r="H354" s="11">
        <v>1</v>
      </c>
      <c r="I354" s="11">
        <v>128</v>
      </c>
      <c r="J354" s="11" t="s">
        <v>128</v>
      </c>
      <c r="K354" s="11" t="s">
        <v>66</v>
      </c>
      <c r="L354" s="8" t="s">
        <v>65</v>
      </c>
      <c r="M354" s="8">
        <v>1</v>
      </c>
      <c r="N354" s="8" t="s">
        <v>514</v>
      </c>
      <c r="O354" s="8">
        <v>2</v>
      </c>
      <c r="P354" s="8">
        <v>3</v>
      </c>
      <c r="Q354" s="70" t="s">
        <v>624</v>
      </c>
      <c r="R354" s="238"/>
      <c r="S354" s="238"/>
      <c r="T354" s="238"/>
      <c r="U354" s="238"/>
    </row>
    <row r="355" spans="1:21" hidden="1">
      <c r="A355" s="27"/>
      <c r="B355" s="27"/>
      <c r="C355" s="27"/>
      <c r="D355" s="27"/>
      <c r="E355" s="27"/>
      <c r="F355" s="27"/>
      <c r="G355" s="27"/>
      <c r="H355" s="11">
        <v>2</v>
      </c>
      <c r="I355" s="11">
        <v>127</v>
      </c>
      <c r="J355" s="11" t="s">
        <v>126</v>
      </c>
      <c r="K355" s="11" t="s">
        <v>78</v>
      </c>
      <c r="L355" s="8" t="s">
        <v>71</v>
      </c>
      <c r="M355" s="8">
        <v>1</v>
      </c>
      <c r="N355" s="8" t="s">
        <v>509</v>
      </c>
      <c r="O355" s="8">
        <v>1</v>
      </c>
      <c r="P355" s="8">
        <v>30</v>
      </c>
      <c r="Q355" s="81"/>
      <c r="R355" s="238"/>
      <c r="S355" s="238"/>
      <c r="T355" s="238"/>
      <c r="U355" s="238"/>
    </row>
    <row r="356" spans="1:21" hidden="1">
      <c r="A356" s="11"/>
      <c r="B356" s="11"/>
      <c r="C356" s="11"/>
      <c r="D356" s="11"/>
      <c r="E356" s="11"/>
      <c r="F356" s="11"/>
      <c r="G356" s="11"/>
      <c r="H356" s="11">
        <v>3</v>
      </c>
      <c r="I356" s="11">
        <v>352</v>
      </c>
      <c r="J356" s="11" t="s">
        <v>3</v>
      </c>
      <c r="K356" s="11" t="s">
        <v>78</v>
      </c>
      <c r="L356" s="8" t="s">
        <v>71</v>
      </c>
      <c r="M356" s="8">
        <v>1</v>
      </c>
      <c r="N356" s="8" t="s">
        <v>509</v>
      </c>
      <c r="O356" s="8">
        <v>1</v>
      </c>
      <c r="P356" s="8">
        <v>80</v>
      </c>
      <c r="Q356" s="18"/>
      <c r="R356" s="238"/>
      <c r="S356" s="238"/>
      <c r="T356" s="238"/>
      <c r="U356" s="238"/>
    </row>
    <row r="357" spans="1:21" hidden="1">
      <c r="A357" s="17"/>
      <c r="B357" s="17"/>
      <c r="C357" s="17" t="s">
        <v>130</v>
      </c>
      <c r="D357" s="17" t="s">
        <v>126</v>
      </c>
      <c r="E357" s="17"/>
      <c r="F357" s="17"/>
      <c r="G357" s="17"/>
      <c r="H357" s="17"/>
      <c r="I357" s="17"/>
      <c r="J357" s="17"/>
      <c r="K357" s="17" t="s">
        <v>17</v>
      </c>
      <c r="L357" s="17" t="s">
        <v>71</v>
      </c>
      <c r="M357" s="17" t="s">
        <v>525</v>
      </c>
      <c r="N357" s="17"/>
      <c r="O357" s="17"/>
      <c r="P357" s="17"/>
      <c r="Q357" s="138"/>
      <c r="R357" s="238"/>
      <c r="S357" s="238"/>
      <c r="T357" s="238"/>
      <c r="U357" s="238"/>
    </row>
    <row r="358" spans="1:21" hidden="1">
      <c r="A358" s="24"/>
      <c r="B358" s="24"/>
      <c r="C358" s="24"/>
      <c r="D358" s="24"/>
      <c r="E358" s="24"/>
      <c r="F358" s="24"/>
      <c r="G358" s="24"/>
      <c r="H358" s="11">
        <v>1</v>
      </c>
      <c r="I358" s="11">
        <v>128</v>
      </c>
      <c r="J358" s="11" t="s">
        <v>128</v>
      </c>
      <c r="K358" s="11" t="s">
        <v>66</v>
      </c>
      <c r="L358" s="8" t="s">
        <v>65</v>
      </c>
      <c r="M358" s="8">
        <v>1</v>
      </c>
      <c r="N358" s="8" t="s">
        <v>514</v>
      </c>
      <c r="O358" s="8">
        <v>2</v>
      </c>
      <c r="P358" s="8">
        <v>3</v>
      </c>
      <c r="Q358" s="11" t="s">
        <v>643</v>
      </c>
      <c r="R358" s="238"/>
      <c r="S358" s="238"/>
      <c r="T358" s="238"/>
      <c r="U358" s="238"/>
    </row>
    <row r="359" spans="1:21" hidden="1">
      <c r="A359" s="24"/>
      <c r="B359" s="24"/>
      <c r="C359" s="24"/>
      <c r="D359" s="24"/>
      <c r="E359" s="24"/>
      <c r="F359" s="24"/>
      <c r="G359" s="24"/>
      <c r="H359" s="11">
        <v>2</v>
      </c>
      <c r="I359" s="11">
        <v>127</v>
      </c>
      <c r="J359" s="11" t="s">
        <v>126</v>
      </c>
      <c r="K359" s="11" t="s">
        <v>78</v>
      </c>
      <c r="L359" s="8" t="s">
        <v>71</v>
      </c>
      <c r="M359" s="8">
        <v>1</v>
      </c>
      <c r="N359" s="8" t="s">
        <v>509</v>
      </c>
      <c r="O359" s="8">
        <v>1</v>
      </c>
      <c r="P359" s="8">
        <v>30</v>
      </c>
      <c r="Q359" s="18"/>
      <c r="R359" s="238"/>
      <c r="S359" s="238"/>
      <c r="T359" s="238"/>
      <c r="U359" s="238"/>
    </row>
    <row r="360" spans="1:21" hidden="1">
      <c r="A360" s="24"/>
      <c r="B360" s="24"/>
      <c r="C360" s="24"/>
      <c r="D360" s="24"/>
      <c r="E360" s="24"/>
      <c r="F360" s="24"/>
      <c r="G360" s="24"/>
      <c r="H360" s="11">
        <v>3</v>
      </c>
      <c r="I360" s="11">
        <v>352</v>
      </c>
      <c r="J360" s="11" t="s">
        <v>3</v>
      </c>
      <c r="K360" s="11" t="s">
        <v>78</v>
      </c>
      <c r="L360" s="8" t="s">
        <v>71</v>
      </c>
      <c r="M360" s="8">
        <v>1</v>
      </c>
      <c r="N360" s="8" t="s">
        <v>509</v>
      </c>
      <c r="O360" s="8">
        <v>1</v>
      </c>
      <c r="P360" s="8">
        <v>80</v>
      </c>
      <c r="Q360" s="18"/>
      <c r="R360" s="238"/>
      <c r="S360" s="238"/>
      <c r="T360" s="238"/>
      <c r="U360" s="238"/>
    </row>
    <row r="361" spans="1:21">
      <c r="A361" s="17"/>
      <c r="B361" s="17"/>
      <c r="C361" s="17" t="s">
        <v>84</v>
      </c>
      <c r="D361" s="17" t="s">
        <v>428</v>
      </c>
      <c r="E361" s="17"/>
      <c r="F361" s="17"/>
      <c r="G361" s="17"/>
      <c r="H361" s="17"/>
      <c r="I361" s="17"/>
      <c r="J361" s="17"/>
      <c r="K361" s="17" t="s">
        <v>17</v>
      </c>
      <c r="L361" s="17" t="s">
        <v>71</v>
      </c>
      <c r="M361" s="17">
        <v>10</v>
      </c>
      <c r="N361" s="17"/>
      <c r="O361" s="17"/>
      <c r="P361" s="17"/>
      <c r="Q361" s="138"/>
      <c r="R361" s="238" t="s">
        <v>1141</v>
      </c>
      <c r="S361" s="238" t="s">
        <v>1307</v>
      </c>
      <c r="T361" s="238" t="s">
        <v>17</v>
      </c>
      <c r="U361" s="238" t="s">
        <v>17</v>
      </c>
    </row>
    <row r="362" spans="1:21" hidden="1" outlineLevel="1">
      <c r="H362" s="8">
        <v>1</v>
      </c>
      <c r="I362" s="8">
        <v>374</v>
      </c>
      <c r="J362" s="8" t="s">
        <v>82</v>
      </c>
      <c r="K362" s="8" t="s">
        <v>66</v>
      </c>
      <c r="L362" s="8" t="s">
        <v>65</v>
      </c>
      <c r="M362" s="8">
        <v>1</v>
      </c>
      <c r="N362" s="8" t="s">
        <v>514</v>
      </c>
      <c r="O362" s="8">
        <v>3</v>
      </c>
      <c r="P362" s="8">
        <v>3</v>
      </c>
      <c r="Q362" s="8" t="s">
        <v>659</v>
      </c>
      <c r="R362" s="238"/>
      <c r="S362" s="238"/>
      <c r="T362" s="238"/>
      <c r="U362" s="238"/>
    </row>
    <row r="363" spans="1:21" hidden="1" outlineLevel="1">
      <c r="H363" s="8">
        <v>2</v>
      </c>
      <c r="I363" s="8">
        <v>373</v>
      </c>
      <c r="J363" s="8" t="s">
        <v>1</v>
      </c>
      <c r="K363" s="8" t="s">
        <v>78</v>
      </c>
      <c r="L363" s="8" t="s">
        <v>71</v>
      </c>
      <c r="M363" s="8">
        <v>1</v>
      </c>
      <c r="N363" s="8" t="s">
        <v>519</v>
      </c>
      <c r="O363" s="8">
        <v>8</v>
      </c>
      <c r="P363" s="8">
        <v>8</v>
      </c>
      <c r="Q363" s="72"/>
      <c r="R363" s="238"/>
      <c r="S363" s="238"/>
      <c r="T363" s="238"/>
      <c r="U363" s="238"/>
    </row>
    <row r="364" spans="1:21" hidden="1" outlineLevel="1">
      <c r="H364" s="8">
        <v>3</v>
      </c>
      <c r="I364" s="8">
        <v>337</v>
      </c>
      <c r="J364" s="8" t="s">
        <v>79</v>
      </c>
      <c r="K364" s="8" t="s">
        <v>78</v>
      </c>
      <c r="L364" s="8" t="s">
        <v>71</v>
      </c>
      <c r="M364" s="8">
        <v>1</v>
      </c>
      <c r="N364" s="8" t="s">
        <v>518</v>
      </c>
      <c r="O364" s="8">
        <v>4</v>
      </c>
      <c r="P364" s="8">
        <v>8</v>
      </c>
      <c r="Q364" s="72"/>
      <c r="R364" s="238"/>
      <c r="S364" s="238"/>
      <c r="T364" s="238"/>
      <c r="U364" s="238"/>
    </row>
    <row r="365" spans="1:21" ht="28" hidden="1" outlineLevel="1">
      <c r="H365" s="8">
        <v>4</v>
      </c>
      <c r="I365" s="8">
        <v>623</v>
      </c>
      <c r="J365" s="8" t="s">
        <v>76</v>
      </c>
      <c r="K365" s="8" t="s">
        <v>17</v>
      </c>
      <c r="L365" s="8" t="s">
        <v>71</v>
      </c>
      <c r="M365" s="8">
        <v>1</v>
      </c>
      <c r="N365" s="8" t="s">
        <v>514</v>
      </c>
      <c r="O365" s="8">
        <v>2</v>
      </c>
      <c r="P365" s="8">
        <v>2</v>
      </c>
      <c r="Q365" s="70" t="s">
        <v>624</v>
      </c>
      <c r="R365" s="238"/>
      <c r="S365" s="238"/>
      <c r="T365" s="238"/>
      <c r="U365" s="238"/>
    </row>
    <row r="366" spans="1:21" hidden="1" collapsed="1">
      <c r="A366" s="17"/>
      <c r="B366" s="17"/>
      <c r="C366" s="17" t="s">
        <v>84</v>
      </c>
      <c r="D366" s="17" t="s">
        <v>428</v>
      </c>
      <c r="E366" s="17"/>
      <c r="F366" s="17"/>
      <c r="G366" s="17"/>
      <c r="H366" s="17"/>
      <c r="I366" s="17"/>
      <c r="J366" s="17"/>
      <c r="K366" s="17" t="s">
        <v>17</v>
      </c>
      <c r="L366" s="17" t="s">
        <v>71</v>
      </c>
      <c r="M366" s="17">
        <v>10</v>
      </c>
      <c r="N366" s="17"/>
      <c r="O366" s="17"/>
      <c r="P366" s="17"/>
      <c r="Q366" s="138"/>
      <c r="R366" s="238"/>
      <c r="S366" s="238"/>
      <c r="T366" s="238"/>
      <c r="U366" s="238"/>
    </row>
    <row r="367" spans="1:21" hidden="1">
      <c r="H367" s="8">
        <v>1</v>
      </c>
      <c r="I367" s="8">
        <v>374</v>
      </c>
      <c r="J367" s="8" t="s">
        <v>82</v>
      </c>
      <c r="K367" s="8" t="s">
        <v>66</v>
      </c>
      <c r="L367" s="8" t="s">
        <v>65</v>
      </c>
      <c r="M367" s="8">
        <v>1</v>
      </c>
      <c r="N367" s="8" t="s">
        <v>514</v>
      </c>
      <c r="O367" s="8">
        <v>3</v>
      </c>
      <c r="P367" s="8">
        <v>3</v>
      </c>
      <c r="Q367" s="8" t="s">
        <v>732</v>
      </c>
      <c r="R367" s="238"/>
      <c r="S367" s="238"/>
      <c r="T367" s="238"/>
      <c r="U367" s="238"/>
    </row>
    <row r="368" spans="1:21" hidden="1">
      <c r="H368" s="8">
        <v>2</v>
      </c>
      <c r="I368" s="8">
        <v>373</v>
      </c>
      <c r="J368" s="8" t="s">
        <v>1</v>
      </c>
      <c r="K368" s="8" t="s">
        <v>78</v>
      </c>
      <c r="L368" s="8" t="s">
        <v>71</v>
      </c>
      <c r="M368" s="8">
        <v>1</v>
      </c>
      <c r="N368" s="8" t="s">
        <v>519</v>
      </c>
      <c r="O368" s="8">
        <v>8</v>
      </c>
      <c r="P368" s="8">
        <v>8</v>
      </c>
      <c r="Q368" s="72"/>
      <c r="R368" s="238"/>
      <c r="S368" s="238"/>
      <c r="T368" s="238"/>
      <c r="U368" s="238"/>
    </row>
    <row r="369" spans="1:21" hidden="1">
      <c r="H369" s="8">
        <v>3</v>
      </c>
      <c r="I369" s="8">
        <v>337</v>
      </c>
      <c r="J369" s="8" t="s">
        <v>79</v>
      </c>
      <c r="K369" s="8" t="s">
        <v>78</v>
      </c>
      <c r="L369" s="8" t="s">
        <v>71</v>
      </c>
      <c r="M369" s="8">
        <v>1</v>
      </c>
      <c r="N369" s="8" t="s">
        <v>518</v>
      </c>
      <c r="O369" s="8">
        <v>4</v>
      </c>
      <c r="P369" s="8">
        <v>8</v>
      </c>
      <c r="Q369" s="72"/>
      <c r="R369" s="238"/>
      <c r="S369" s="238"/>
      <c r="T369" s="238"/>
      <c r="U369" s="238"/>
    </row>
    <row r="370" spans="1:21" ht="28" hidden="1">
      <c r="H370" s="8">
        <v>4</v>
      </c>
      <c r="I370" s="8">
        <v>623</v>
      </c>
      <c r="J370" s="8" t="s">
        <v>76</v>
      </c>
      <c r="K370" s="8" t="s">
        <v>17</v>
      </c>
      <c r="L370" s="8" t="s">
        <v>71</v>
      </c>
      <c r="M370" s="8">
        <v>1</v>
      </c>
      <c r="N370" s="8" t="s">
        <v>514</v>
      </c>
      <c r="O370" s="8">
        <v>2</v>
      </c>
      <c r="P370" s="8">
        <v>2</v>
      </c>
      <c r="Q370" s="70" t="s">
        <v>624</v>
      </c>
      <c r="R370" s="238"/>
      <c r="S370" s="238"/>
      <c r="T370" s="238"/>
      <c r="U370" s="238"/>
    </row>
    <row r="371" spans="1:21" hidden="1">
      <c r="A371" s="17" t="s">
        <v>158</v>
      </c>
      <c r="B371" s="17"/>
      <c r="C371" s="17"/>
      <c r="D371" s="17"/>
      <c r="E371" s="17"/>
      <c r="F371" s="17"/>
      <c r="G371" s="17"/>
      <c r="H371" s="17"/>
      <c r="I371" s="17"/>
      <c r="J371" s="17"/>
      <c r="K371" s="17" t="s">
        <v>17</v>
      </c>
      <c r="L371" s="17" t="s">
        <v>71</v>
      </c>
      <c r="M371" s="17">
        <v>200</v>
      </c>
      <c r="N371" s="17"/>
      <c r="O371" s="17"/>
      <c r="P371" s="17"/>
      <c r="Q371" s="17"/>
      <c r="R371" s="238"/>
      <c r="S371" s="238"/>
      <c r="T371" s="238"/>
      <c r="U371" s="238"/>
    </row>
    <row r="372" spans="1:21" hidden="1">
      <c r="A372" s="17"/>
      <c r="B372" s="17"/>
      <c r="C372" s="17" t="s">
        <v>158</v>
      </c>
      <c r="D372" s="17" t="s">
        <v>120</v>
      </c>
      <c r="E372" s="17"/>
      <c r="F372" s="17"/>
      <c r="G372" s="17"/>
      <c r="H372" s="17"/>
      <c r="I372" s="17"/>
      <c r="J372" s="17"/>
      <c r="K372" s="17" t="s">
        <v>17</v>
      </c>
      <c r="L372" s="17" t="s">
        <v>71</v>
      </c>
      <c r="M372" s="17">
        <v>1</v>
      </c>
      <c r="N372" s="17"/>
      <c r="O372" s="17"/>
      <c r="P372" s="17"/>
      <c r="Q372" s="17"/>
      <c r="R372" s="238"/>
      <c r="S372" s="238"/>
      <c r="T372" s="238"/>
      <c r="U372" s="238"/>
    </row>
    <row r="373" spans="1:21" ht="28" hidden="1">
      <c r="H373" s="8">
        <v>1</v>
      </c>
      <c r="I373" s="8">
        <v>98</v>
      </c>
      <c r="J373" s="8" t="s">
        <v>156</v>
      </c>
      <c r="K373" s="8" t="s">
        <v>66</v>
      </c>
      <c r="L373" s="8" t="s">
        <v>65</v>
      </c>
      <c r="M373" s="8">
        <v>1</v>
      </c>
      <c r="N373" s="8" t="s">
        <v>514</v>
      </c>
      <c r="O373" s="8">
        <v>2</v>
      </c>
      <c r="P373" s="8">
        <v>3</v>
      </c>
      <c r="Q373" s="70" t="s">
        <v>624</v>
      </c>
      <c r="R373" s="238"/>
      <c r="S373" s="238"/>
      <c r="T373" s="238"/>
      <c r="U373" s="238"/>
    </row>
    <row r="374" spans="1:21" hidden="1">
      <c r="H374" s="8">
        <v>2</v>
      </c>
      <c r="I374" s="8">
        <v>93</v>
      </c>
      <c r="J374" s="8" t="s">
        <v>120</v>
      </c>
      <c r="K374" s="8" t="s">
        <v>78</v>
      </c>
      <c r="L374" s="8" t="s">
        <v>71</v>
      </c>
      <c r="M374" s="8">
        <v>1</v>
      </c>
      <c r="N374" s="8" t="s">
        <v>509</v>
      </c>
      <c r="O374" s="8">
        <v>1</v>
      </c>
      <c r="P374" s="8">
        <v>60</v>
      </c>
      <c r="Q374" s="72"/>
      <c r="R374" s="238"/>
      <c r="S374" s="238"/>
      <c r="T374" s="238"/>
      <c r="U374" s="238"/>
    </row>
    <row r="375" spans="1:21" ht="28" hidden="1">
      <c r="H375" s="8">
        <v>3</v>
      </c>
      <c r="I375" s="8">
        <v>66</v>
      </c>
      <c r="J375" s="8" t="s">
        <v>153</v>
      </c>
      <c r="K375" s="8" t="s">
        <v>78</v>
      </c>
      <c r="L375" s="8" t="s">
        <v>71</v>
      </c>
      <c r="M375" s="8">
        <v>1</v>
      </c>
      <c r="N375" s="8" t="s">
        <v>514</v>
      </c>
      <c r="O375" s="8">
        <v>1</v>
      </c>
      <c r="P375" s="8">
        <v>2</v>
      </c>
      <c r="Q375" s="70" t="s">
        <v>624</v>
      </c>
      <c r="R375" s="238"/>
      <c r="S375" s="238"/>
      <c r="T375" s="238"/>
      <c r="U375" s="238"/>
    </row>
    <row r="376" spans="1:21" hidden="1">
      <c r="H376" s="8">
        <v>4</v>
      </c>
      <c r="I376" s="8">
        <v>67</v>
      </c>
      <c r="J376" s="8" t="s">
        <v>151</v>
      </c>
      <c r="K376" s="8" t="s">
        <v>78</v>
      </c>
      <c r="L376" s="8" t="s">
        <v>71</v>
      </c>
      <c r="M376" s="8">
        <v>1</v>
      </c>
      <c r="N376" s="8" t="s">
        <v>509</v>
      </c>
      <c r="O376" s="8">
        <v>2</v>
      </c>
      <c r="P376" s="8">
        <v>80</v>
      </c>
      <c r="Q376" s="72"/>
      <c r="R376" s="238"/>
      <c r="S376" s="238"/>
      <c r="T376" s="238"/>
      <c r="U376" s="238"/>
    </row>
    <row r="377" spans="1:21" hidden="1">
      <c r="A377" s="17"/>
      <c r="B377" s="17"/>
      <c r="C377" s="17" t="s">
        <v>150</v>
      </c>
      <c r="D377" s="17" t="s">
        <v>473</v>
      </c>
      <c r="E377" s="17"/>
      <c r="F377" s="17"/>
      <c r="G377" s="17"/>
      <c r="H377" s="17"/>
      <c r="I377" s="17"/>
      <c r="J377" s="17"/>
      <c r="K377" s="17" t="s">
        <v>17</v>
      </c>
      <c r="L377" s="17" t="s">
        <v>71</v>
      </c>
      <c r="M377" s="17">
        <v>2</v>
      </c>
      <c r="N377" s="17"/>
      <c r="O377" s="17"/>
      <c r="P377" s="17"/>
      <c r="Q377" s="138"/>
      <c r="R377" s="238"/>
      <c r="S377" s="238"/>
      <c r="T377" s="238"/>
      <c r="U377" s="238"/>
    </row>
    <row r="378" spans="1:21" hidden="1">
      <c r="H378" s="8">
        <v>1</v>
      </c>
      <c r="I378" s="8">
        <v>93</v>
      </c>
      <c r="J378" s="8" t="s">
        <v>120</v>
      </c>
      <c r="K378" s="8" t="s">
        <v>66</v>
      </c>
      <c r="L378" s="8" t="s">
        <v>65</v>
      </c>
      <c r="M378" s="8">
        <v>1</v>
      </c>
      <c r="N378" s="8" t="s">
        <v>509</v>
      </c>
      <c r="O378" s="8">
        <v>1</v>
      </c>
      <c r="P378" s="8">
        <v>60</v>
      </c>
      <c r="Q378" s="72"/>
      <c r="R378" s="238"/>
      <c r="S378" s="238"/>
      <c r="T378" s="238"/>
      <c r="U378" s="238"/>
    </row>
    <row r="379" spans="1:21" hidden="1">
      <c r="H379" s="8">
        <v>2</v>
      </c>
      <c r="I379" s="8">
        <v>93</v>
      </c>
      <c r="J379" s="8" t="s">
        <v>120</v>
      </c>
      <c r="K379" s="8" t="s">
        <v>17</v>
      </c>
      <c r="L379" s="8" t="s">
        <v>71</v>
      </c>
      <c r="M379" s="8">
        <v>1</v>
      </c>
      <c r="N379" s="8" t="s">
        <v>509</v>
      </c>
      <c r="O379" s="8">
        <v>1</v>
      </c>
      <c r="P379" s="8">
        <v>60</v>
      </c>
      <c r="Q379" s="72"/>
      <c r="R379" s="238"/>
      <c r="S379" s="238"/>
      <c r="T379" s="238"/>
      <c r="U379" s="238"/>
    </row>
    <row r="380" spans="1:21" hidden="1">
      <c r="A380" s="17"/>
      <c r="B380" s="17"/>
      <c r="C380" s="17" t="s">
        <v>150</v>
      </c>
      <c r="D380" s="17" t="s">
        <v>473</v>
      </c>
      <c r="E380" s="17"/>
      <c r="F380" s="17"/>
      <c r="G380" s="17"/>
      <c r="H380" s="17"/>
      <c r="I380" s="17"/>
      <c r="J380" s="17"/>
      <c r="K380" s="17" t="s">
        <v>17</v>
      </c>
      <c r="L380" s="17" t="s">
        <v>71</v>
      </c>
      <c r="M380" s="17">
        <v>2</v>
      </c>
      <c r="N380" s="17"/>
      <c r="O380" s="17"/>
      <c r="P380" s="17"/>
      <c r="Q380" s="17"/>
      <c r="R380" s="238"/>
      <c r="S380" s="238"/>
      <c r="T380" s="238"/>
      <c r="U380" s="238"/>
    </row>
    <row r="381" spans="1:21" hidden="1">
      <c r="H381" s="8">
        <v>1</v>
      </c>
      <c r="I381" s="8">
        <v>93</v>
      </c>
      <c r="J381" s="8" t="s">
        <v>120</v>
      </c>
      <c r="K381" s="8" t="s">
        <v>66</v>
      </c>
      <c r="L381" s="8" t="s">
        <v>65</v>
      </c>
      <c r="M381" s="8">
        <v>1</v>
      </c>
      <c r="N381" s="8" t="s">
        <v>509</v>
      </c>
      <c r="O381" s="8">
        <v>1</v>
      </c>
      <c r="P381" s="8">
        <v>60</v>
      </c>
      <c r="Q381" s="72"/>
      <c r="R381" s="238"/>
      <c r="S381" s="238"/>
      <c r="T381" s="238"/>
      <c r="U381" s="238"/>
    </row>
    <row r="382" spans="1:21" hidden="1">
      <c r="H382" s="8">
        <v>2</v>
      </c>
      <c r="I382" s="8">
        <v>93</v>
      </c>
      <c r="J382" s="8" t="s">
        <v>120</v>
      </c>
      <c r="K382" s="8" t="s">
        <v>17</v>
      </c>
      <c r="L382" s="8" t="s">
        <v>71</v>
      </c>
      <c r="M382" s="8">
        <v>1</v>
      </c>
      <c r="N382" s="8" t="s">
        <v>509</v>
      </c>
      <c r="O382" s="8">
        <v>1</v>
      </c>
      <c r="P382" s="8">
        <v>60</v>
      </c>
      <c r="Q382" s="72"/>
      <c r="R382" s="238"/>
      <c r="S382" s="238"/>
      <c r="T382" s="238"/>
      <c r="U382" s="238"/>
    </row>
    <row r="383" spans="1:21" hidden="1">
      <c r="A383" s="17"/>
      <c r="B383" s="17"/>
      <c r="C383" s="17" t="s">
        <v>147</v>
      </c>
      <c r="D383" s="17" t="s">
        <v>144</v>
      </c>
      <c r="E383" s="17"/>
      <c r="F383" s="17"/>
      <c r="G383" s="17"/>
      <c r="H383" s="17"/>
      <c r="I383" s="17"/>
      <c r="J383" s="17"/>
      <c r="K383" s="17" t="s">
        <v>17</v>
      </c>
      <c r="L383" s="17" t="s">
        <v>71</v>
      </c>
      <c r="M383" s="17">
        <v>2</v>
      </c>
      <c r="N383" s="17"/>
      <c r="O383" s="17"/>
      <c r="P383" s="17"/>
      <c r="Q383" s="17"/>
      <c r="R383" s="238"/>
      <c r="S383" s="238"/>
      <c r="T383" s="238"/>
      <c r="U383" s="238"/>
    </row>
    <row r="384" spans="1:21" hidden="1">
      <c r="H384" s="8">
        <v>1</v>
      </c>
      <c r="I384" s="8">
        <v>166</v>
      </c>
      <c r="J384" s="8" t="s">
        <v>144</v>
      </c>
      <c r="K384" s="8" t="s">
        <v>66</v>
      </c>
      <c r="L384" s="8" t="s">
        <v>65</v>
      </c>
      <c r="M384" s="8">
        <v>1</v>
      </c>
      <c r="N384" s="8" t="s">
        <v>509</v>
      </c>
      <c r="O384" s="8">
        <v>1</v>
      </c>
      <c r="P384" s="8">
        <v>55</v>
      </c>
      <c r="Q384" s="72"/>
      <c r="R384" s="238"/>
      <c r="S384" s="238"/>
      <c r="T384" s="238"/>
      <c r="U384" s="238"/>
    </row>
    <row r="385" spans="1:21" hidden="1">
      <c r="H385" s="8">
        <v>2</v>
      </c>
      <c r="I385" s="8">
        <v>166</v>
      </c>
      <c r="J385" s="8" t="s">
        <v>144</v>
      </c>
      <c r="K385" s="8" t="s">
        <v>17</v>
      </c>
      <c r="L385" s="8" t="s">
        <v>71</v>
      </c>
      <c r="M385" s="8">
        <v>1</v>
      </c>
      <c r="N385" s="8" t="s">
        <v>509</v>
      </c>
      <c r="O385" s="8">
        <v>1</v>
      </c>
      <c r="P385" s="8">
        <v>55</v>
      </c>
      <c r="Q385" s="72"/>
      <c r="R385" s="238"/>
      <c r="S385" s="238"/>
      <c r="T385" s="238"/>
      <c r="U385" s="238"/>
    </row>
    <row r="386" spans="1:21" hidden="1">
      <c r="A386" s="17"/>
      <c r="B386" s="17"/>
      <c r="C386" s="17" t="s">
        <v>147</v>
      </c>
      <c r="D386" s="17" t="s">
        <v>144</v>
      </c>
      <c r="E386" s="17"/>
      <c r="F386" s="17"/>
      <c r="G386" s="17"/>
      <c r="H386" s="17"/>
      <c r="I386" s="17"/>
      <c r="J386" s="17"/>
      <c r="K386" s="17" t="s">
        <v>17</v>
      </c>
      <c r="L386" s="17" t="s">
        <v>71</v>
      </c>
      <c r="M386" s="17">
        <v>2</v>
      </c>
      <c r="N386" s="17"/>
      <c r="O386" s="17"/>
      <c r="P386" s="17"/>
      <c r="Q386" s="17"/>
      <c r="R386" s="238"/>
      <c r="S386" s="238"/>
      <c r="T386" s="238"/>
      <c r="U386" s="238"/>
    </row>
    <row r="387" spans="1:21" hidden="1">
      <c r="H387" s="8">
        <v>1</v>
      </c>
      <c r="I387" s="8">
        <v>166</v>
      </c>
      <c r="J387" s="8" t="s">
        <v>144</v>
      </c>
      <c r="K387" s="8" t="s">
        <v>66</v>
      </c>
      <c r="L387" s="8" t="s">
        <v>65</v>
      </c>
      <c r="M387" s="8">
        <v>1</v>
      </c>
      <c r="N387" s="8" t="s">
        <v>509</v>
      </c>
      <c r="O387" s="8">
        <v>1</v>
      </c>
      <c r="P387" s="8">
        <v>55</v>
      </c>
      <c r="Q387" s="72"/>
      <c r="R387" s="238"/>
      <c r="S387" s="238"/>
      <c r="T387" s="238"/>
      <c r="U387" s="238"/>
    </row>
    <row r="388" spans="1:21" hidden="1">
      <c r="H388" s="8">
        <v>2</v>
      </c>
      <c r="I388" s="8">
        <v>166</v>
      </c>
      <c r="J388" s="8" t="s">
        <v>144</v>
      </c>
      <c r="K388" s="8" t="s">
        <v>17</v>
      </c>
      <c r="L388" s="8" t="s">
        <v>71</v>
      </c>
      <c r="M388" s="8">
        <v>1</v>
      </c>
      <c r="N388" s="8" t="s">
        <v>509</v>
      </c>
      <c r="O388" s="8">
        <v>1</v>
      </c>
      <c r="P388" s="8">
        <v>55</v>
      </c>
      <c r="Q388" s="72"/>
      <c r="R388" s="238"/>
      <c r="S388" s="238"/>
      <c r="T388" s="238"/>
      <c r="U388" s="238"/>
    </row>
    <row r="389" spans="1:21" hidden="1">
      <c r="A389" s="17"/>
      <c r="B389" s="17"/>
      <c r="C389" s="17" t="s">
        <v>143</v>
      </c>
      <c r="D389" s="17" t="s">
        <v>474</v>
      </c>
      <c r="E389" s="17"/>
      <c r="F389" s="17"/>
      <c r="G389" s="17"/>
      <c r="H389" s="17"/>
      <c r="I389" s="17"/>
      <c r="J389" s="17"/>
      <c r="K389" s="17" t="s">
        <v>17</v>
      </c>
      <c r="L389" s="17" t="s">
        <v>71</v>
      </c>
      <c r="M389" s="17" t="s">
        <v>525</v>
      </c>
      <c r="N389" s="17"/>
      <c r="O389" s="17"/>
      <c r="P389" s="17"/>
      <c r="Q389" s="17"/>
      <c r="R389" s="238"/>
      <c r="S389" s="238"/>
      <c r="T389" s="238"/>
      <c r="U389" s="238"/>
    </row>
    <row r="390" spans="1:21" hidden="1">
      <c r="H390" s="8">
        <v>1</v>
      </c>
      <c r="I390" s="8">
        <v>19</v>
      </c>
      <c r="J390" s="8" t="s">
        <v>141</v>
      </c>
      <c r="K390" s="8" t="s">
        <v>17</v>
      </c>
      <c r="L390" s="8" t="s">
        <v>71</v>
      </c>
      <c r="M390" s="8">
        <v>1</v>
      </c>
      <c r="N390" s="8" t="s">
        <v>509</v>
      </c>
      <c r="O390" s="8">
        <v>2</v>
      </c>
      <c r="P390" s="8">
        <v>30</v>
      </c>
      <c r="Q390" s="72"/>
      <c r="R390" s="238"/>
      <c r="S390" s="238"/>
      <c r="T390" s="238"/>
      <c r="U390" s="238"/>
    </row>
    <row r="391" spans="1:21" ht="28" hidden="1">
      <c r="H391" s="8">
        <v>2</v>
      </c>
      <c r="I391" s="8">
        <v>156</v>
      </c>
      <c r="J391" s="8" t="s">
        <v>139</v>
      </c>
      <c r="K391" s="8" t="s">
        <v>17</v>
      </c>
      <c r="L391" s="8" t="s">
        <v>71</v>
      </c>
      <c r="M391" s="8">
        <v>1</v>
      </c>
      <c r="N391" s="8" t="s">
        <v>514</v>
      </c>
      <c r="O391" s="8">
        <v>2</v>
      </c>
      <c r="P391" s="8">
        <v>2</v>
      </c>
      <c r="Q391" s="70" t="s">
        <v>624</v>
      </c>
      <c r="R391" s="238"/>
      <c r="S391" s="238"/>
      <c r="T391" s="238"/>
      <c r="U391" s="238"/>
    </row>
    <row r="392" spans="1:21" hidden="1">
      <c r="H392" s="8">
        <v>3</v>
      </c>
      <c r="I392" s="8">
        <v>116</v>
      </c>
      <c r="J392" s="8" t="s">
        <v>137</v>
      </c>
      <c r="K392" s="8" t="s">
        <v>17</v>
      </c>
      <c r="L392" s="8" t="s">
        <v>71</v>
      </c>
      <c r="M392" s="8">
        <v>1</v>
      </c>
      <c r="N392" s="8" t="s">
        <v>514</v>
      </c>
      <c r="O392" s="8">
        <v>3</v>
      </c>
      <c r="P392" s="8">
        <v>15</v>
      </c>
      <c r="Q392" s="72"/>
      <c r="R392" s="238"/>
      <c r="S392" s="238"/>
      <c r="T392" s="238"/>
      <c r="U392" s="238"/>
    </row>
    <row r="393" spans="1:21" ht="28" hidden="1">
      <c r="H393" s="8">
        <v>4</v>
      </c>
      <c r="I393" s="8">
        <v>26</v>
      </c>
      <c r="J393" s="8" t="s">
        <v>135</v>
      </c>
      <c r="K393" s="8" t="s">
        <v>17</v>
      </c>
      <c r="L393" s="8" t="s">
        <v>71</v>
      </c>
      <c r="M393" s="8">
        <v>1</v>
      </c>
      <c r="N393" s="8" t="s">
        <v>514</v>
      </c>
      <c r="O393" s="8">
        <v>2</v>
      </c>
      <c r="P393" s="8">
        <v>3</v>
      </c>
      <c r="Q393" s="70" t="s">
        <v>624</v>
      </c>
      <c r="R393" s="238"/>
      <c r="S393" s="238"/>
      <c r="T393" s="238"/>
      <c r="U393" s="238"/>
    </row>
    <row r="394" spans="1:21" hidden="1">
      <c r="H394" s="8">
        <v>5</v>
      </c>
      <c r="I394" s="8">
        <v>309</v>
      </c>
      <c r="J394" s="8" t="s">
        <v>133</v>
      </c>
      <c r="K394" s="8" t="s">
        <v>78</v>
      </c>
      <c r="L394" s="8" t="s">
        <v>71</v>
      </c>
      <c r="M394" s="11">
        <v>1</v>
      </c>
      <c r="N394" s="11" t="s">
        <v>514</v>
      </c>
      <c r="O394" s="11">
        <v>1</v>
      </c>
      <c r="P394" s="11">
        <v>2</v>
      </c>
      <c r="Q394" s="72" t="s">
        <v>690</v>
      </c>
      <c r="R394" s="238"/>
      <c r="S394" s="238"/>
      <c r="T394" s="238"/>
      <c r="U394" s="238"/>
    </row>
    <row r="395" spans="1:21" hidden="1">
      <c r="H395" s="8">
        <v>6</v>
      </c>
      <c r="I395" s="8">
        <v>310</v>
      </c>
      <c r="J395" s="8" t="s">
        <v>131</v>
      </c>
      <c r="K395" s="8" t="s">
        <v>17</v>
      </c>
      <c r="L395" s="8" t="s">
        <v>71</v>
      </c>
      <c r="M395" s="11">
        <v>1</v>
      </c>
      <c r="N395" s="11" t="s">
        <v>509</v>
      </c>
      <c r="O395" s="11">
        <v>1</v>
      </c>
      <c r="P395" s="11">
        <v>30</v>
      </c>
      <c r="Q395" s="18"/>
      <c r="R395" s="238"/>
      <c r="S395" s="238"/>
      <c r="T395" s="238"/>
      <c r="U395" s="238"/>
    </row>
    <row r="396" spans="1:21" hidden="1">
      <c r="A396" s="17"/>
      <c r="B396" s="17"/>
      <c r="C396" s="17" t="s">
        <v>130</v>
      </c>
      <c r="D396" s="17" t="s">
        <v>126</v>
      </c>
      <c r="E396" s="17"/>
      <c r="F396" s="17"/>
      <c r="G396" s="17"/>
      <c r="H396" s="17"/>
      <c r="I396" s="17"/>
      <c r="J396" s="17"/>
      <c r="K396" s="17"/>
      <c r="L396" s="17"/>
      <c r="M396" s="17">
        <v>12</v>
      </c>
      <c r="N396" s="17"/>
      <c r="O396" s="17"/>
      <c r="P396" s="17"/>
      <c r="Q396" s="17"/>
      <c r="R396" s="238"/>
      <c r="S396" s="238"/>
      <c r="T396" s="238"/>
      <c r="U396" s="238"/>
    </row>
    <row r="397" spans="1:21" ht="28" hidden="1">
      <c r="A397" s="24"/>
      <c r="B397" s="24"/>
      <c r="C397" s="24"/>
      <c r="D397" s="24"/>
      <c r="E397" s="24"/>
      <c r="F397" s="24"/>
      <c r="G397" s="24"/>
      <c r="H397" s="11">
        <v>1</v>
      </c>
      <c r="I397" s="11">
        <v>128</v>
      </c>
      <c r="J397" s="11" t="s">
        <v>128</v>
      </c>
      <c r="K397" s="11" t="s">
        <v>66</v>
      </c>
      <c r="L397" s="11" t="s">
        <v>65</v>
      </c>
      <c r="M397" s="8">
        <v>1</v>
      </c>
      <c r="N397" s="8" t="s">
        <v>514</v>
      </c>
      <c r="O397" s="8">
        <v>2</v>
      </c>
      <c r="P397" s="8">
        <v>3</v>
      </c>
      <c r="Q397" s="70" t="s">
        <v>624</v>
      </c>
      <c r="R397" s="238"/>
      <c r="S397" s="238"/>
      <c r="T397" s="238"/>
      <c r="U397" s="238"/>
    </row>
    <row r="398" spans="1:21" hidden="1">
      <c r="A398" s="24"/>
      <c r="B398" s="24"/>
      <c r="C398" s="24"/>
      <c r="D398" s="24"/>
      <c r="E398" s="24"/>
      <c r="F398" s="24"/>
      <c r="G398" s="24"/>
      <c r="H398" s="25">
        <v>2</v>
      </c>
      <c r="I398" s="25">
        <v>127</v>
      </c>
      <c r="J398" s="19" t="s">
        <v>126</v>
      </c>
      <c r="K398" s="19" t="s">
        <v>78</v>
      </c>
      <c r="L398" s="25" t="s">
        <v>96</v>
      </c>
      <c r="M398" s="19">
        <v>1</v>
      </c>
      <c r="N398" s="19" t="s">
        <v>509</v>
      </c>
      <c r="O398" s="19">
        <v>1</v>
      </c>
      <c r="P398" s="19">
        <v>30</v>
      </c>
      <c r="Q398" s="25"/>
      <c r="R398" s="238"/>
      <c r="S398" s="238"/>
      <c r="T398" s="238"/>
      <c r="U398" s="238"/>
    </row>
    <row r="399" spans="1:21" hidden="1">
      <c r="A399" s="24"/>
      <c r="B399" s="24"/>
      <c r="C399" s="24"/>
      <c r="D399" s="24"/>
      <c r="E399" s="24"/>
      <c r="F399" s="24"/>
      <c r="G399" s="24"/>
      <c r="H399" s="11">
        <v>3</v>
      </c>
      <c r="I399" s="11">
        <v>352</v>
      </c>
      <c r="J399" s="11" t="s">
        <v>3</v>
      </c>
      <c r="K399" s="11" t="s">
        <v>78</v>
      </c>
      <c r="L399" s="11" t="s">
        <v>71</v>
      </c>
      <c r="M399" s="8">
        <v>1</v>
      </c>
      <c r="N399" s="8" t="s">
        <v>509</v>
      </c>
      <c r="O399" s="8">
        <v>1</v>
      </c>
      <c r="P399" s="8">
        <v>80</v>
      </c>
      <c r="Q399" s="18"/>
      <c r="R399" s="238"/>
      <c r="S399" s="238"/>
      <c r="T399" s="238"/>
      <c r="U399" s="238"/>
    </row>
    <row r="400" spans="1:21" hidden="1">
      <c r="A400" s="75"/>
      <c r="B400" s="75"/>
      <c r="C400" s="75" t="s">
        <v>130</v>
      </c>
      <c r="D400" s="75" t="s">
        <v>126</v>
      </c>
      <c r="E400" s="75"/>
      <c r="F400" s="75"/>
      <c r="G400" s="75"/>
      <c r="H400" s="75"/>
      <c r="I400" s="75"/>
      <c r="J400" s="75"/>
      <c r="K400" s="75"/>
      <c r="L400" s="75"/>
      <c r="M400" s="17">
        <v>12</v>
      </c>
      <c r="N400" s="17"/>
      <c r="O400" s="17"/>
      <c r="P400" s="17"/>
      <c r="Q400" s="75"/>
      <c r="R400" s="238"/>
      <c r="S400" s="238"/>
      <c r="T400" s="238"/>
      <c r="U400" s="238"/>
    </row>
    <row r="401" spans="1:21" hidden="1">
      <c r="A401" s="11"/>
      <c r="B401" s="11"/>
      <c r="C401" s="11"/>
      <c r="D401" s="11"/>
      <c r="E401" s="11"/>
      <c r="F401" s="11"/>
      <c r="G401" s="11"/>
      <c r="H401" s="11">
        <v>1</v>
      </c>
      <c r="I401" s="11">
        <v>128</v>
      </c>
      <c r="J401" s="11" t="s">
        <v>128</v>
      </c>
      <c r="K401" s="11" t="s">
        <v>66</v>
      </c>
      <c r="L401" s="8" t="s">
        <v>65</v>
      </c>
      <c r="M401" s="8">
        <v>1</v>
      </c>
      <c r="N401" s="8" t="s">
        <v>514</v>
      </c>
      <c r="O401" s="8">
        <v>2</v>
      </c>
      <c r="P401" s="8">
        <v>3</v>
      </c>
      <c r="Q401" s="18" t="s">
        <v>692</v>
      </c>
      <c r="R401" s="238"/>
      <c r="S401" s="238"/>
      <c r="T401" s="238"/>
      <c r="U401" s="238"/>
    </row>
    <row r="402" spans="1:21" hidden="1">
      <c r="A402" s="11"/>
      <c r="B402" s="11"/>
      <c r="C402" s="11"/>
      <c r="D402" s="11"/>
      <c r="E402" s="11"/>
      <c r="F402" s="11"/>
      <c r="G402" s="11"/>
      <c r="H402" s="19">
        <v>2</v>
      </c>
      <c r="I402" s="19">
        <v>127</v>
      </c>
      <c r="J402" s="19" t="s">
        <v>126</v>
      </c>
      <c r="K402" s="19" t="s">
        <v>78</v>
      </c>
      <c r="L402" s="19" t="s">
        <v>174</v>
      </c>
      <c r="M402" s="19">
        <v>1</v>
      </c>
      <c r="N402" s="19" t="s">
        <v>509</v>
      </c>
      <c r="O402" s="19">
        <v>1</v>
      </c>
      <c r="P402" s="19">
        <v>30</v>
      </c>
      <c r="Q402" s="19"/>
      <c r="R402" s="238"/>
      <c r="S402" s="238"/>
      <c r="T402" s="238"/>
      <c r="U402" s="238"/>
    </row>
    <row r="403" spans="1:21" hidden="1">
      <c r="A403" s="11"/>
      <c r="B403" s="11"/>
      <c r="C403" s="11"/>
      <c r="D403" s="11"/>
      <c r="E403" s="11"/>
      <c r="F403" s="11"/>
      <c r="G403" s="11"/>
      <c r="H403" s="11">
        <v>3</v>
      </c>
      <c r="I403" s="11">
        <v>352</v>
      </c>
      <c r="J403" s="11" t="s">
        <v>3</v>
      </c>
      <c r="K403" s="11" t="s">
        <v>78</v>
      </c>
      <c r="L403" s="8" t="s">
        <v>71</v>
      </c>
      <c r="M403" s="8">
        <v>1</v>
      </c>
      <c r="N403" s="8" t="s">
        <v>509</v>
      </c>
      <c r="O403" s="8">
        <v>1</v>
      </c>
      <c r="P403" s="8">
        <v>80</v>
      </c>
      <c r="Q403" s="18"/>
      <c r="R403" s="238"/>
      <c r="S403" s="238"/>
      <c r="T403" s="238"/>
      <c r="U403" s="238"/>
    </row>
    <row r="404" spans="1:21" hidden="1">
      <c r="A404" s="17"/>
      <c r="B404" s="17"/>
      <c r="C404" s="17" t="s">
        <v>124</v>
      </c>
      <c r="D404" s="17" t="s">
        <v>475</v>
      </c>
      <c r="E404" s="17"/>
      <c r="F404" s="17"/>
      <c r="G404" s="17"/>
      <c r="H404" s="17"/>
      <c r="I404" s="17"/>
      <c r="J404" s="17"/>
      <c r="K404" s="17" t="s">
        <v>17</v>
      </c>
      <c r="L404" s="17" t="s">
        <v>71</v>
      </c>
      <c r="M404" s="75">
        <v>3</v>
      </c>
      <c r="N404" s="75"/>
      <c r="O404" s="75"/>
      <c r="P404" s="75"/>
      <c r="Q404" s="138"/>
      <c r="R404" s="238"/>
      <c r="S404" s="238"/>
      <c r="T404" s="238"/>
      <c r="U404" s="238"/>
    </row>
    <row r="405" spans="1:21" hidden="1">
      <c r="H405" s="8">
        <v>1</v>
      </c>
      <c r="I405" s="8">
        <v>366</v>
      </c>
      <c r="J405" s="8" t="s">
        <v>122</v>
      </c>
      <c r="K405" s="8" t="s">
        <v>66</v>
      </c>
      <c r="L405" s="8" t="s">
        <v>65</v>
      </c>
      <c r="M405" s="11">
        <v>1</v>
      </c>
      <c r="N405" s="11" t="s">
        <v>514</v>
      </c>
      <c r="O405" s="11">
        <v>2</v>
      </c>
      <c r="P405" s="11">
        <v>2</v>
      </c>
      <c r="Q405" s="8" t="s">
        <v>704</v>
      </c>
      <c r="R405" s="238"/>
      <c r="S405" s="238"/>
      <c r="T405" s="238"/>
      <c r="U405" s="238"/>
    </row>
    <row r="406" spans="1:21" hidden="1">
      <c r="H406" s="8">
        <v>2</v>
      </c>
      <c r="I406" s="8">
        <v>93</v>
      </c>
      <c r="J406" s="8" t="s">
        <v>120</v>
      </c>
      <c r="K406" s="8" t="s">
        <v>17</v>
      </c>
      <c r="L406" s="8" t="s">
        <v>71</v>
      </c>
      <c r="M406" s="11">
        <v>1</v>
      </c>
      <c r="N406" s="11" t="s">
        <v>509</v>
      </c>
      <c r="O406" s="11">
        <v>1</v>
      </c>
      <c r="P406" s="11">
        <v>60</v>
      </c>
      <c r="Q406" s="72"/>
      <c r="R406" s="238"/>
      <c r="S406" s="238"/>
      <c r="T406" s="238"/>
      <c r="U406" s="238"/>
    </row>
    <row r="407" spans="1:21" ht="28" hidden="1">
      <c r="H407" s="8">
        <v>3</v>
      </c>
      <c r="I407" s="8">
        <v>365</v>
      </c>
      <c r="J407" s="8" t="s">
        <v>114</v>
      </c>
      <c r="K407" s="8" t="s">
        <v>78</v>
      </c>
      <c r="L407" s="8" t="s">
        <v>71</v>
      </c>
      <c r="M407" s="11">
        <v>1</v>
      </c>
      <c r="N407" s="11" t="s">
        <v>514</v>
      </c>
      <c r="O407" s="11">
        <v>2</v>
      </c>
      <c r="P407" s="11">
        <v>2</v>
      </c>
      <c r="Q407" s="70" t="s">
        <v>624</v>
      </c>
      <c r="R407" s="238"/>
      <c r="S407" s="238"/>
      <c r="T407" s="238"/>
      <c r="U407" s="238"/>
    </row>
    <row r="408" spans="1:21" hidden="1">
      <c r="H408" s="8">
        <v>4</v>
      </c>
      <c r="I408" s="8">
        <v>364</v>
      </c>
      <c r="J408" s="8" t="s">
        <v>112</v>
      </c>
      <c r="K408" s="8" t="s">
        <v>78</v>
      </c>
      <c r="L408" s="8" t="s">
        <v>71</v>
      </c>
      <c r="M408" s="11">
        <v>1</v>
      </c>
      <c r="N408" s="11" t="s">
        <v>509</v>
      </c>
      <c r="O408" s="11">
        <v>1</v>
      </c>
      <c r="P408" s="11">
        <v>80</v>
      </c>
      <c r="Q408" s="72"/>
      <c r="R408" s="238"/>
      <c r="S408" s="238"/>
      <c r="T408" s="238"/>
      <c r="U408" s="238"/>
    </row>
    <row r="409" spans="1:21" ht="28" hidden="1">
      <c r="H409" s="8">
        <v>5</v>
      </c>
      <c r="I409" s="8">
        <v>365</v>
      </c>
      <c r="J409" s="8" t="s">
        <v>114</v>
      </c>
      <c r="K409" s="8" t="s">
        <v>78</v>
      </c>
      <c r="L409" s="8" t="s">
        <v>71</v>
      </c>
      <c r="M409" s="11">
        <v>1</v>
      </c>
      <c r="N409" s="11" t="s">
        <v>514</v>
      </c>
      <c r="O409" s="11">
        <v>2</v>
      </c>
      <c r="P409" s="11">
        <v>2</v>
      </c>
      <c r="Q409" s="70" t="s">
        <v>624</v>
      </c>
      <c r="R409" s="238"/>
      <c r="S409" s="238"/>
      <c r="T409" s="238"/>
      <c r="U409" s="238"/>
    </row>
    <row r="410" spans="1:21" hidden="1">
      <c r="H410" s="8">
        <v>6</v>
      </c>
      <c r="I410" s="8">
        <v>364</v>
      </c>
      <c r="J410" s="8" t="s">
        <v>112</v>
      </c>
      <c r="K410" s="8" t="s">
        <v>78</v>
      </c>
      <c r="L410" s="8" t="s">
        <v>71</v>
      </c>
      <c r="M410" s="11">
        <v>1</v>
      </c>
      <c r="N410" s="11" t="s">
        <v>509</v>
      </c>
      <c r="O410" s="11">
        <v>1</v>
      </c>
      <c r="P410" s="11">
        <v>80</v>
      </c>
      <c r="Q410" s="72"/>
      <c r="R410" s="238"/>
      <c r="S410" s="238"/>
      <c r="T410" s="238"/>
      <c r="U410" s="238"/>
    </row>
    <row r="411" spans="1:21" ht="28" hidden="1">
      <c r="H411" s="8">
        <v>7</v>
      </c>
      <c r="I411" s="8">
        <v>365</v>
      </c>
      <c r="J411" s="8" t="s">
        <v>114</v>
      </c>
      <c r="K411" s="8" t="s">
        <v>78</v>
      </c>
      <c r="L411" s="8" t="s">
        <v>71</v>
      </c>
      <c r="M411" s="11">
        <v>1</v>
      </c>
      <c r="N411" s="11" t="s">
        <v>514</v>
      </c>
      <c r="O411" s="11">
        <v>2</v>
      </c>
      <c r="P411" s="11">
        <v>2</v>
      </c>
      <c r="Q411" s="70" t="s">
        <v>624</v>
      </c>
      <c r="R411" s="238"/>
      <c r="S411" s="238"/>
      <c r="T411" s="238"/>
      <c r="U411" s="238"/>
    </row>
    <row r="412" spans="1:21" hidden="1">
      <c r="H412" s="8">
        <v>8</v>
      </c>
      <c r="I412" s="8">
        <v>364</v>
      </c>
      <c r="J412" s="8" t="s">
        <v>112</v>
      </c>
      <c r="K412" s="8" t="s">
        <v>78</v>
      </c>
      <c r="L412" s="8" t="s">
        <v>71</v>
      </c>
      <c r="M412" s="11">
        <v>1</v>
      </c>
      <c r="N412" s="11" t="s">
        <v>509</v>
      </c>
      <c r="O412" s="11">
        <v>1</v>
      </c>
      <c r="P412" s="11">
        <v>80</v>
      </c>
      <c r="Q412" s="72"/>
      <c r="R412" s="238"/>
      <c r="S412" s="238"/>
      <c r="T412" s="238"/>
      <c r="U412" s="238"/>
    </row>
    <row r="413" spans="1:21" hidden="1">
      <c r="A413" s="17"/>
      <c r="B413" s="17"/>
      <c r="C413" s="17" t="s">
        <v>252</v>
      </c>
      <c r="D413" s="17" t="s">
        <v>476</v>
      </c>
      <c r="E413" s="17"/>
      <c r="F413" s="17"/>
      <c r="G413" s="17"/>
      <c r="H413" s="17"/>
      <c r="I413" s="17"/>
      <c r="J413" s="17"/>
      <c r="K413" s="17" t="s">
        <v>17</v>
      </c>
      <c r="L413" s="17" t="s">
        <v>71</v>
      </c>
      <c r="M413" s="17">
        <v>1</v>
      </c>
      <c r="N413" s="17"/>
      <c r="O413" s="17"/>
      <c r="P413" s="17"/>
      <c r="Q413" s="138"/>
      <c r="R413" s="238"/>
      <c r="S413" s="238"/>
      <c r="T413" s="238"/>
      <c r="U413" s="238"/>
    </row>
    <row r="414" spans="1:21" ht="28" hidden="1">
      <c r="H414" s="8">
        <v>1</v>
      </c>
      <c r="I414" s="8">
        <v>98</v>
      </c>
      <c r="J414" s="8" t="s">
        <v>156</v>
      </c>
      <c r="K414" s="8" t="s">
        <v>66</v>
      </c>
      <c r="L414" s="8" t="s">
        <v>65</v>
      </c>
      <c r="M414" s="8">
        <v>1</v>
      </c>
      <c r="N414" s="8" t="s">
        <v>514</v>
      </c>
      <c r="O414" s="8">
        <v>2</v>
      </c>
      <c r="P414" s="8">
        <v>3</v>
      </c>
      <c r="Q414" s="70" t="s">
        <v>624</v>
      </c>
      <c r="R414" s="238"/>
      <c r="S414" s="238"/>
      <c r="T414" s="238"/>
      <c r="U414" s="238"/>
    </row>
    <row r="415" spans="1:21" hidden="1">
      <c r="H415" s="8">
        <v>2</v>
      </c>
      <c r="I415" s="8">
        <v>100</v>
      </c>
      <c r="J415" s="8" t="s">
        <v>249</v>
      </c>
      <c r="K415" s="8" t="s">
        <v>66</v>
      </c>
      <c r="L415" s="8" t="s">
        <v>65</v>
      </c>
      <c r="M415" s="8">
        <v>1</v>
      </c>
      <c r="N415" s="8" t="s">
        <v>514</v>
      </c>
      <c r="O415" s="8">
        <v>3</v>
      </c>
      <c r="P415" s="8">
        <v>3</v>
      </c>
      <c r="Q415" s="72"/>
      <c r="R415" s="238"/>
      <c r="S415" s="238"/>
      <c r="T415" s="238"/>
      <c r="U415" s="238"/>
    </row>
    <row r="416" spans="1:21" hidden="1">
      <c r="A416" s="36" t="s">
        <v>503</v>
      </c>
      <c r="B416" s="36"/>
      <c r="C416" s="36"/>
      <c r="D416" s="36"/>
      <c r="E416" s="36"/>
      <c r="F416" s="36"/>
      <c r="G416" s="36"/>
      <c r="H416" s="36"/>
      <c r="I416" s="36"/>
      <c r="J416" s="36"/>
      <c r="K416" s="36"/>
      <c r="L416" s="36"/>
      <c r="M416" s="36"/>
      <c r="N416" s="36"/>
      <c r="O416" s="36"/>
      <c r="P416" s="36"/>
      <c r="Q416" s="36"/>
      <c r="R416" s="238"/>
      <c r="S416" s="238"/>
      <c r="T416" s="238"/>
      <c r="U416" s="238"/>
    </row>
    <row r="417" spans="1:21" s="8" customFormat="1" ht="70" hidden="1" customHeight="1">
      <c r="A417" s="405" t="s">
        <v>504</v>
      </c>
      <c r="B417" s="405"/>
      <c r="C417" s="405"/>
      <c r="D417" s="405"/>
      <c r="E417" s="405"/>
      <c r="F417" s="405"/>
      <c r="G417" s="405"/>
      <c r="H417" s="405"/>
      <c r="I417" s="405"/>
      <c r="J417" s="405"/>
      <c r="K417" s="405"/>
      <c r="L417" s="405"/>
      <c r="M417" s="294"/>
      <c r="N417" s="294"/>
      <c r="O417" s="294"/>
      <c r="P417" s="294"/>
      <c r="Q417" s="82" t="s">
        <v>624</v>
      </c>
      <c r="R417" s="238"/>
      <c r="S417" s="238"/>
      <c r="T417" s="238"/>
      <c r="U417" s="238"/>
    </row>
    <row r="418" spans="1:21" s="8" customFormat="1" ht="84" hidden="1" customHeight="1">
      <c r="A418" s="406" t="s">
        <v>505</v>
      </c>
      <c r="B418" s="406"/>
      <c r="C418" s="406"/>
      <c r="D418" s="406"/>
      <c r="E418" s="406"/>
      <c r="F418" s="406"/>
      <c r="G418" s="406"/>
      <c r="H418" s="406"/>
      <c r="I418" s="406"/>
      <c r="J418" s="406"/>
      <c r="K418" s="406"/>
      <c r="L418" s="406"/>
      <c r="M418" s="295"/>
      <c r="N418" s="295"/>
      <c r="O418" s="295"/>
      <c r="P418" s="295"/>
      <c r="Q418" s="37" t="s">
        <v>624</v>
      </c>
      <c r="R418" s="238"/>
      <c r="S418" s="238"/>
      <c r="T418" s="238"/>
      <c r="U418" s="238"/>
    </row>
    <row r="419" spans="1:21" s="8" customFormat="1" hidden="1">
      <c r="A419" s="17" t="s">
        <v>440</v>
      </c>
      <c r="B419" s="17" t="s">
        <v>441</v>
      </c>
      <c r="C419" s="17"/>
      <c r="D419" s="17"/>
      <c r="E419" s="17"/>
      <c r="F419" s="17"/>
      <c r="G419" s="17"/>
      <c r="H419" s="17"/>
      <c r="I419" s="17"/>
      <c r="J419" s="17"/>
      <c r="K419" s="17" t="s">
        <v>66</v>
      </c>
      <c r="L419" s="17" t="s">
        <v>65</v>
      </c>
      <c r="M419" s="17">
        <v>200000</v>
      </c>
      <c r="N419" s="17"/>
      <c r="O419" s="17"/>
      <c r="P419" s="17"/>
      <c r="Q419" s="17"/>
      <c r="R419" s="238" t="s">
        <v>1034</v>
      </c>
      <c r="S419" s="238" t="s">
        <v>1488</v>
      </c>
      <c r="T419" s="238" t="s">
        <v>1489</v>
      </c>
      <c r="U419" s="238" t="s">
        <v>17</v>
      </c>
    </row>
    <row r="420" spans="1:21" s="8" customFormat="1" hidden="1">
      <c r="A420" s="17"/>
      <c r="B420" s="17"/>
      <c r="C420" s="17" t="s">
        <v>440</v>
      </c>
      <c r="D420" s="17" t="s">
        <v>441</v>
      </c>
      <c r="E420" s="17"/>
      <c r="F420" s="17"/>
      <c r="G420" s="17"/>
      <c r="H420" s="17"/>
      <c r="I420" s="17"/>
      <c r="J420" s="17"/>
      <c r="K420" s="17" t="s">
        <v>66</v>
      </c>
      <c r="L420" s="17" t="s">
        <v>65</v>
      </c>
      <c r="M420" s="17">
        <v>1</v>
      </c>
      <c r="N420" s="17"/>
      <c r="O420" s="17"/>
      <c r="P420" s="17"/>
      <c r="Q420" s="17"/>
      <c r="R420" s="238"/>
      <c r="S420" s="238"/>
      <c r="T420" s="238"/>
      <c r="U420" s="238"/>
    </row>
    <row r="421" spans="1:21" s="8" customFormat="1" ht="42" hidden="1" outlineLevel="1">
      <c r="H421" s="8">
        <v>1</v>
      </c>
      <c r="I421" s="8">
        <v>628</v>
      </c>
      <c r="J421" s="8" t="s">
        <v>442</v>
      </c>
      <c r="K421" s="8" t="s">
        <v>66</v>
      </c>
      <c r="L421" s="8" t="s">
        <v>65</v>
      </c>
      <c r="M421" s="8">
        <v>1</v>
      </c>
      <c r="N421" s="8" t="s">
        <v>509</v>
      </c>
      <c r="O421" s="8">
        <v>1</v>
      </c>
      <c r="P421" s="8">
        <v>12</v>
      </c>
      <c r="Q421" s="18" t="s">
        <v>776</v>
      </c>
      <c r="R421" s="238"/>
      <c r="S421" s="238"/>
      <c r="T421" s="238"/>
      <c r="U421" s="238"/>
    </row>
    <row r="422" spans="1:21" s="8" customFormat="1" ht="140" hidden="1" outlineLevel="1">
      <c r="H422" s="8">
        <v>2</v>
      </c>
      <c r="I422" s="8">
        <v>734</v>
      </c>
      <c r="J422" s="8" t="s">
        <v>443</v>
      </c>
      <c r="K422" s="8" t="s">
        <v>17</v>
      </c>
      <c r="L422" s="8" t="s">
        <v>71</v>
      </c>
      <c r="M422" s="8">
        <v>1</v>
      </c>
      <c r="N422" s="8" t="s">
        <v>509</v>
      </c>
      <c r="O422" s="8">
        <v>1</v>
      </c>
      <c r="P422" s="8">
        <v>12</v>
      </c>
      <c r="Q422" s="18" t="s">
        <v>795</v>
      </c>
      <c r="R422" s="238"/>
      <c r="S422" s="238"/>
      <c r="T422" s="238"/>
      <c r="U422" s="238"/>
    </row>
    <row r="423" spans="1:21" s="8" customFormat="1" ht="126" hidden="1" outlineLevel="1">
      <c r="H423" s="8">
        <v>3</v>
      </c>
      <c r="I423" s="8">
        <v>735</v>
      </c>
      <c r="J423" s="8" t="s">
        <v>444</v>
      </c>
      <c r="K423" s="8" t="s">
        <v>66</v>
      </c>
      <c r="L423" s="8" t="s">
        <v>65</v>
      </c>
      <c r="M423" s="8">
        <v>1</v>
      </c>
      <c r="N423" s="8" t="s">
        <v>514</v>
      </c>
      <c r="O423" s="8">
        <v>1</v>
      </c>
      <c r="P423" s="8">
        <v>2</v>
      </c>
      <c r="Q423" s="72" t="s">
        <v>796</v>
      </c>
      <c r="R423" s="238"/>
      <c r="S423" s="238"/>
      <c r="T423" s="238"/>
      <c r="U423" s="238"/>
    </row>
    <row r="424" spans="1:21" s="8" customFormat="1" hidden="1" outlineLevel="1">
      <c r="H424" s="8">
        <v>4</v>
      </c>
      <c r="I424" s="8">
        <v>736</v>
      </c>
      <c r="J424" s="8" t="s">
        <v>445</v>
      </c>
      <c r="K424" s="8" t="s">
        <v>17</v>
      </c>
      <c r="L424" s="8" t="s">
        <v>71</v>
      </c>
      <c r="M424" s="8">
        <v>1</v>
      </c>
      <c r="N424" s="8" t="s">
        <v>514</v>
      </c>
      <c r="O424" s="8">
        <v>1</v>
      </c>
      <c r="P424" s="8">
        <v>1</v>
      </c>
      <c r="Q424" s="18" t="s">
        <v>797</v>
      </c>
      <c r="R424" s="238"/>
      <c r="S424" s="238"/>
      <c r="T424" s="238"/>
      <c r="U424" s="238"/>
    </row>
    <row r="425" spans="1:21" hidden="1" collapsed="1">
      <c r="A425" s="17"/>
      <c r="B425" s="17"/>
      <c r="C425" s="17" t="s">
        <v>488</v>
      </c>
      <c r="D425" s="17" t="s">
        <v>489</v>
      </c>
      <c r="E425" s="17"/>
      <c r="F425" s="17"/>
      <c r="G425" s="17"/>
      <c r="H425" s="17"/>
      <c r="I425" s="17"/>
      <c r="J425" s="17"/>
      <c r="K425" s="17" t="s">
        <v>17</v>
      </c>
      <c r="L425" s="17" t="s">
        <v>71</v>
      </c>
      <c r="M425" s="17">
        <v>1</v>
      </c>
      <c r="N425" s="17"/>
      <c r="O425" s="17"/>
      <c r="P425" s="17"/>
      <c r="Q425" s="83"/>
      <c r="R425" s="238" t="s">
        <v>1142</v>
      </c>
      <c r="S425" s="238" t="s">
        <v>1490</v>
      </c>
      <c r="T425" s="238" t="s">
        <v>1491</v>
      </c>
      <c r="U425" s="238" t="s">
        <v>17</v>
      </c>
    </row>
    <row r="426" spans="1:21" hidden="1" outlineLevel="1">
      <c r="H426" s="19">
        <v>1</v>
      </c>
      <c r="I426" s="19">
        <v>356</v>
      </c>
      <c r="J426" s="19" t="s">
        <v>490</v>
      </c>
      <c r="K426" s="19" t="s">
        <v>17</v>
      </c>
      <c r="L426" s="19" t="s">
        <v>174</v>
      </c>
      <c r="M426" s="19">
        <v>1</v>
      </c>
      <c r="N426" s="19" t="s">
        <v>510</v>
      </c>
      <c r="O426" s="19">
        <v>1</v>
      </c>
      <c r="P426" s="19">
        <v>6</v>
      </c>
      <c r="Q426" s="19"/>
      <c r="R426" s="238"/>
      <c r="S426" s="238"/>
      <c r="T426" s="238"/>
      <c r="U426" s="238"/>
    </row>
    <row r="427" spans="1:21" hidden="1" outlineLevel="1">
      <c r="H427" s="19">
        <v>2</v>
      </c>
      <c r="I427" s="19">
        <v>357</v>
      </c>
      <c r="J427" s="19" t="s">
        <v>491</v>
      </c>
      <c r="K427" s="19" t="s">
        <v>78</v>
      </c>
      <c r="L427" s="19" t="s">
        <v>174</v>
      </c>
      <c r="M427" s="19">
        <v>1</v>
      </c>
      <c r="N427" s="19" t="s">
        <v>438</v>
      </c>
      <c r="O427" s="19">
        <v>1</v>
      </c>
      <c r="P427" s="19">
        <v>8</v>
      </c>
      <c r="Q427" s="19"/>
      <c r="R427" s="238"/>
      <c r="S427" s="238"/>
      <c r="T427" s="238"/>
      <c r="U427" s="238"/>
    </row>
    <row r="428" spans="1:21" hidden="1" outlineLevel="1">
      <c r="H428" s="19">
        <v>3</v>
      </c>
      <c r="I428" s="19">
        <v>355</v>
      </c>
      <c r="J428" s="19" t="s">
        <v>103</v>
      </c>
      <c r="K428" s="19" t="s">
        <v>78</v>
      </c>
      <c r="L428" s="19" t="s">
        <v>174</v>
      </c>
      <c r="M428" s="19">
        <v>1</v>
      </c>
      <c r="N428" s="19" t="s">
        <v>514</v>
      </c>
      <c r="O428" s="19">
        <v>2</v>
      </c>
      <c r="P428" s="19">
        <v>2</v>
      </c>
      <c r="Q428" s="19"/>
      <c r="R428" s="238"/>
      <c r="S428" s="238"/>
      <c r="T428" s="238"/>
      <c r="U428" s="238"/>
    </row>
    <row r="429" spans="1:21" ht="28" hidden="1" outlineLevel="1">
      <c r="H429" s="8">
        <v>4</v>
      </c>
      <c r="I429" s="8">
        <v>103</v>
      </c>
      <c r="J429" s="8" t="s">
        <v>448</v>
      </c>
      <c r="K429" s="8" t="s">
        <v>78</v>
      </c>
      <c r="L429" s="8" t="s">
        <v>71</v>
      </c>
      <c r="M429" s="8">
        <v>1</v>
      </c>
      <c r="N429" s="8" t="s">
        <v>509</v>
      </c>
      <c r="O429" s="8">
        <v>3</v>
      </c>
      <c r="P429" s="8">
        <v>5</v>
      </c>
      <c r="Q429" s="72" t="s">
        <v>624</v>
      </c>
      <c r="R429" s="238"/>
      <c r="S429" s="238"/>
      <c r="T429" s="238"/>
      <c r="U429" s="238"/>
    </row>
    <row r="430" spans="1:21" hidden="1" outlineLevel="1">
      <c r="H430" s="19">
        <v>5</v>
      </c>
      <c r="I430" s="19">
        <v>187</v>
      </c>
      <c r="J430" s="19" t="s">
        <v>453</v>
      </c>
      <c r="K430" s="19" t="s">
        <v>17</v>
      </c>
      <c r="L430" s="19" t="s">
        <v>174</v>
      </c>
      <c r="M430" s="19">
        <v>1</v>
      </c>
      <c r="N430" s="19" t="s">
        <v>514</v>
      </c>
      <c r="O430" s="19">
        <v>1</v>
      </c>
      <c r="P430" s="19">
        <v>2</v>
      </c>
      <c r="Q430" s="19"/>
      <c r="R430" s="238"/>
      <c r="S430" s="238"/>
      <c r="T430" s="238"/>
      <c r="U430" s="238"/>
    </row>
    <row r="431" spans="1:21" hidden="1" outlineLevel="1">
      <c r="H431" s="8">
        <v>6</v>
      </c>
      <c r="I431" s="8">
        <v>384</v>
      </c>
      <c r="J431" s="8" t="s">
        <v>492</v>
      </c>
      <c r="K431" s="8" t="s">
        <v>78</v>
      </c>
      <c r="L431" s="8" t="s">
        <v>71</v>
      </c>
      <c r="M431" s="8">
        <v>1</v>
      </c>
      <c r="N431" s="8" t="s">
        <v>438</v>
      </c>
      <c r="O431" s="8">
        <v>1</v>
      </c>
      <c r="P431" s="8">
        <v>9</v>
      </c>
      <c r="Q431" s="72"/>
      <c r="R431" s="238"/>
      <c r="S431" s="238"/>
      <c r="T431" s="238"/>
      <c r="U431" s="238"/>
    </row>
    <row r="432" spans="1:21" ht="28" hidden="1" outlineLevel="1">
      <c r="H432" s="8">
        <v>7</v>
      </c>
      <c r="I432" s="8">
        <v>355</v>
      </c>
      <c r="J432" s="8" t="s">
        <v>103</v>
      </c>
      <c r="K432" s="8" t="s">
        <v>78</v>
      </c>
      <c r="L432" s="8" t="s">
        <v>71</v>
      </c>
      <c r="M432" s="8">
        <v>1</v>
      </c>
      <c r="N432" s="8" t="s">
        <v>514</v>
      </c>
      <c r="O432" s="8">
        <v>2</v>
      </c>
      <c r="P432" s="8">
        <v>2</v>
      </c>
      <c r="Q432" s="72" t="s">
        <v>624</v>
      </c>
      <c r="R432" s="238"/>
      <c r="S432" s="238"/>
      <c r="T432" s="238"/>
      <c r="U432" s="238"/>
    </row>
    <row r="433" spans="1:21" hidden="1" outlineLevel="1">
      <c r="H433" s="8">
        <v>8</v>
      </c>
      <c r="I433" s="8">
        <v>385</v>
      </c>
      <c r="J433" s="8" t="s">
        <v>493</v>
      </c>
      <c r="K433" s="8" t="s">
        <v>78</v>
      </c>
      <c r="L433" s="8" t="s">
        <v>71</v>
      </c>
      <c r="M433" s="8">
        <v>1</v>
      </c>
      <c r="N433" s="8" t="s">
        <v>438</v>
      </c>
      <c r="O433" s="8">
        <v>1</v>
      </c>
      <c r="P433" s="8">
        <v>9</v>
      </c>
      <c r="Q433" s="72"/>
      <c r="R433" s="238"/>
      <c r="S433" s="238"/>
      <c r="T433" s="238"/>
      <c r="U433" s="238"/>
    </row>
    <row r="434" spans="1:21" ht="28" hidden="1" outlineLevel="1">
      <c r="H434" s="8">
        <v>9</v>
      </c>
      <c r="I434" s="8">
        <v>355</v>
      </c>
      <c r="J434" s="8" t="s">
        <v>103</v>
      </c>
      <c r="K434" s="8" t="s">
        <v>78</v>
      </c>
      <c r="L434" s="8" t="s">
        <v>71</v>
      </c>
      <c r="M434" s="8">
        <v>1</v>
      </c>
      <c r="N434" s="8" t="s">
        <v>514</v>
      </c>
      <c r="O434" s="8">
        <v>2</v>
      </c>
      <c r="P434" s="8">
        <v>2</v>
      </c>
      <c r="Q434" s="72" t="s">
        <v>624</v>
      </c>
      <c r="R434" s="238"/>
      <c r="S434" s="238"/>
      <c r="T434" s="238"/>
      <c r="U434" s="238"/>
    </row>
    <row r="435" spans="1:21" hidden="1" outlineLevel="1">
      <c r="H435" s="8">
        <v>10</v>
      </c>
      <c r="I435" s="8">
        <v>82</v>
      </c>
      <c r="J435" s="8" t="s">
        <v>494</v>
      </c>
      <c r="K435" s="8" t="s">
        <v>78</v>
      </c>
      <c r="L435" s="8" t="s">
        <v>71</v>
      </c>
      <c r="M435" s="8">
        <v>1</v>
      </c>
      <c r="N435" s="8" t="s">
        <v>438</v>
      </c>
      <c r="O435" s="8">
        <v>1</v>
      </c>
      <c r="P435" s="8">
        <v>8</v>
      </c>
      <c r="Q435" s="72"/>
      <c r="R435" s="238"/>
      <c r="S435" s="238"/>
      <c r="T435" s="238"/>
      <c r="U435" s="238"/>
    </row>
    <row r="436" spans="1:21" hidden="1" outlineLevel="1">
      <c r="H436" s="8">
        <v>11</v>
      </c>
      <c r="I436" s="8">
        <v>189</v>
      </c>
      <c r="J436" s="8" t="s">
        <v>495</v>
      </c>
      <c r="K436" s="8" t="s">
        <v>78</v>
      </c>
      <c r="L436" s="8" t="s">
        <v>71</v>
      </c>
      <c r="M436" s="8">
        <v>1</v>
      </c>
      <c r="N436" s="8" t="s">
        <v>438</v>
      </c>
      <c r="O436" s="8">
        <v>1</v>
      </c>
      <c r="P436" s="8">
        <v>8</v>
      </c>
      <c r="Q436" s="72"/>
      <c r="R436" s="238"/>
      <c r="S436" s="238"/>
      <c r="T436" s="238"/>
      <c r="U436" s="238"/>
    </row>
    <row r="437" spans="1:21" hidden="1" outlineLevel="1">
      <c r="H437" s="8">
        <v>12</v>
      </c>
      <c r="I437" s="8">
        <v>65</v>
      </c>
      <c r="J437" s="8" t="s">
        <v>496</v>
      </c>
      <c r="K437" s="8" t="s">
        <v>78</v>
      </c>
      <c r="L437" s="8" t="s">
        <v>71</v>
      </c>
      <c r="M437" s="8">
        <v>1</v>
      </c>
      <c r="N437" s="8" t="s">
        <v>438</v>
      </c>
      <c r="O437" s="8">
        <v>1</v>
      </c>
      <c r="P437" s="8">
        <v>8</v>
      </c>
      <c r="Q437" s="72"/>
      <c r="R437" s="238"/>
      <c r="S437" s="238"/>
      <c r="T437" s="238"/>
      <c r="U437" s="238"/>
    </row>
    <row r="438" spans="1:21" ht="28" hidden="1" outlineLevel="1">
      <c r="H438" s="8">
        <v>13</v>
      </c>
      <c r="I438" s="8">
        <v>355</v>
      </c>
      <c r="J438" s="8" t="s">
        <v>103</v>
      </c>
      <c r="K438" s="8" t="s">
        <v>78</v>
      </c>
      <c r="L438" s="8" t="s">
        <v>71</v>
      </c>
      <c r="M438" s="8">
        <v>1</v>
      </c>
      <c r="N438" s="8" t="s">
        <v>514</v>
      </c>
      <c r="O438" s="8">
        <v>2</v>
      </c>
      <c r="P438" s="8">
        <v>2</v>
      </c>
      <c r="Q438" s="72" t="s">
        <v>624</v>
      </c>
      <c r="R438" s="238"/>
      <c r="S438" s="238"/>
      <c r="T438" s="238"/>
      <c r="U438" s="238"/>
    </row>
    <row r="439" spans="1:21" s="8" customFormat="1" hidden="1" collapsed="1">
      <c r="A439" s="17"/>
      <c r="B439" s="17"/>
      <c r="C439" s="17" t="s">
        <v>498</v>
      </c>
      <c r="D439" s="17" t="s">
        <v>499</v>
      </c>
      <c r="E439" s="17"/>
      <c r="F439" s="17"/>
      <c r="G439" s="17"/>
      <c r="H439" s="17"/>
      <c r="I439" s="17"/>
      <c r="J439" s="17"/>
      <c r="K439" s="17" t="s">
        <v>66</v>
      </c>
      <c r="L439" s="17" t="s">
        <v>65</v>
      </c>
      <c r="M439" s="17" t="s">
        <v>525</v>
      </c>
      <c r="N439" s="17"/>
      <c r="O439" s="17"/>
      <c r="P439" s="17"/>
      <c r="Q439" s="17"/>
      <c r="R439" s="238" t="s">
        <v>1143</v>
      </c>
      <c r="S439" s="238" t="s">
        <v>1492</v>
      </c>
      <c r="T439" s="238" t="s">
        <v>2</v>
      </c>
      <c r="U439" s="238" t="s">
        <v>17</v>
      </c>
    </row>
    <row r="440" spans="1:21" hidden="1">
      <c r="H440" s="8">
        <v>1</v>
      </c>
      <c r="I440" s="8">
        <v>88</v>
      </c>
      <c r="J440" s="8" t="s">
        <v>500</v>
      </c>
      <c r="K440" s="8" t="s">
        <v>66</v>
      </c>
      <c r="L440" s="8" t="s">
        <v>65</v>
      </c>
      <c r="M440" s="8">
        <v>1</v>
      </c>
      <c r="N440" s="8" t="s">
        <v>514</v>
      </c>
      <c r="O440" s="8">
        <v>1</v>
      </c>
      <c r="P440" s="8">
        <v>2</v>
      </c>
      <c r="Q440" s="8" t="s">
        <v>798</v>
      </c>
      <c r="R440" s="238"/>
      <c r="S440" s="238"/>
      <c r="T440" s="238"/>
      <c r="U440" s="238"/>
    </row>
    <row r="441" spans="1:21" hidden="1">
      <c r="H441" s="8">
        <v>2</v>
      </c>
      <c r="I441" s="8">
        <v>87</v>
      </c>
      <c r="J441" s="8" t="s">
        <v>499</v>
      </c>
      <c r="K441" s="8" t="s">
        <v>66</v>
      </c>
      <c r="L441" s="8" t="s">
        <v>65</v>
      </c>
      <c r="M441" s="8">
        <v>1</v>
      </c>
      <c r="N441" s="8" t="s">
        <v>509</v>
      </c>
      <c r="O441" s="8">
        <v>1</v>
      </c>
      <c r="P441" s="8">
        <v>48</v>
      </c>
      <c r="Q441" s="72"/>
      <c r="R441" s="238"/>
      <c r="S441" s="238"/>
      <c r="T441" s="238"/>
      <c r="U441" s="238"/>
    </row>
    <row r="442" spans="1:21" s="8" customFormat="1" hidden="1">
      <c r="A442" s="17"/>
      <c r="B442" s="17"/>
      <c r="C442" s="17" t="s">
        <v>498</v>
      </c>
      <c r="D442" s="17" t="s">
        <v>499</v>
      </c>
      <c r="E442" s="17"/>
      <c r="F442" s="17"/>
      <c r="G442" s="17"/>
      <c r="H442" s="17"/>
      <c r="I442" s="17"/>
      <c r="J442" s="17"/>
      <c r="K442" s="17" t="s">
        <v>66</v>
      </c>
      <c r="L442" s="17" t="s">
        <v>65</v>
      </c>
      <c r="M442" s="17" t="s">
        <v>525</v>
      </c>
      <c r="N442" s="17"/>
      <c r="O442" s="17"/>
      <c r="P442" s="17"/>
      <c r="Q442" s="17"/>
      <c r="R442" s="238"/>
      <c r="S442" s="238"/>
      <c r="T442" s="238"/>
      <c r="U442" s="238"/>
    </row>
    <row r="443" spans="1:21" hidden="1">
      <c r="H443" s="8">
        <v>1</v>
      </c>
      <c r="I443" s="8">
        <v>88</v>
      </c>
      <c r="J443" s="8" t="s">
        <v>500</v>
      </c>
      <c r="K443" s="8" t="s">
        <v>66</v>
      </c>
      <c r="L443" s="8" t="s">
        <v>65</v>
      </c>
      <c r="M443" s="8">
        <v>1</v>
      </c>
      <c r="N443" s="8" t="s">
        <v>514</v>
      </c>
      <c r="O443" s="8">
        <v>1</v>
      </c>
      <c r="P443" s="8">
        <v>2</v>
      </c>
      <c r="Q443" s="8" t="s">
        <v>799</v>
      </c>
      <c r="R443" s="238"/>
      <c r="S443" s="238"/>
      <c r="T443" s="238"/>
      <c r="U443" s="238"/>
    </row>
    <row r="444" spans="1:21" hidden="1">
      <c r="H444" s="8">
        <v>2</v>
      </c>
      <c r="I444" s="8">
        <v>87</v>
      </c>
      <c r="J444" s="8" t="s">
        <v>499</v>
      </c>
      <c r="K444" s="8" t="s">
        <v>66</v>
      </c>
      <c r="L444" s="8" t="s">
        <v>65</v>
      </c>
      <c r="M444" s="8">
        <v>1</v>
      </c>
      <c r="N444" s="8" t="s">
        <v>509</v>
      </c>
      <c r="O444" s="8">
        <v>1</v>
      </c>
      <c r="P444" s="8">
        <v>48</v>
      </c>
      <c r="Q444" s="72"/>
      <c r="R444" s="238"/>
      <c r="S444" s="238"/>
      <c r="T444" s="238"/>
      <c r="U444" s="238"/>
    </row>
    <row r="445" spans="1:21" s="8" customFormat="1" hidden="1">
      <c r="A445" s="17"/>
      <c r="B445" s="17"/>
      <c r="C445" s="17" t="s">
        <v>498</v>
      </c>
      <c r="D445" s="17" t="s">
        <v>499</v>
      </c>
      <c r="E445" s="17"/>
      <c r="F445" s="17"/>
      <c r="G445" s="17"/>
      <c r="H445" s="17"/>
      <c r="I445" s="17"/>
      <c r="J445" s="17"/>
      <c r="K445" s="17" t="s">
        <v>66</v>
      </c>
      <c r="L445" s="17" t="s">
        <v>65</v>
      </c>
      <c r="M445" s="17" t="s">
        <v>525</v>
      </c>
      <c r="N445" s="17"/>
      <c r="O445" s="17"/>
      <c r="P445" s="17"/>
      <c r="Q445" s="17"/>
      <c r="R445" s="238" t="s">
        <v>1144</v>
      </c>
      <c r="S445" s="238"/>
      <c r="T445" s="238"/>
      <c r="U445" s="238"/>
    </row>
    <row r="446" spans="1:21" hidden="1">
      <c r="H446" s="8">
        <v>1</v>
      </c>
      <c r="I446" s="8">
        <v>88</v>
      </c>
      <c r="J446" s="8" t="s">
        <v>500</v>
      </c>
      <c r="K446" s="8" t="s">
        <v>66</v>
      </c>
      <c r="L446" s="8" t="s">
        <v>65</v>
      </c>
      <c r="M446" s="8">
        <v>1</v>
      </c>
      <c r="N446" s="8" t="s">
        <v>514</v>
      </c>
      <c r="O446" s="8">
        <v>1</v>
      </c>
      <c r="P446" s="8">
        <v>2</v>
      </c>
      <c r="Q446" s="8" t="s">
        <v>643</v>
      </c>
      <c r="R446" s="238"/>
      <c r="S446" s="238"/>
      <c r="T446" s="238"/>
      <c r="U446" s="238"/>
    </row>
    <row r="447" spans="1:21" hidden="1">
      <c r="H447" s="8">
        <v>2</v>
      </c>
      <c r="I447" s="8">
        <v>87</v>
      </c>
      <c r="J447" s="8" t="s">
        <v>499</v>
      </c>
      <c r="K447" s="8" t="s">
        <v>66</v>
      </c>
      <c r="L447" s="8" t="s">
        <v>65</v>
      </c>
      <c r="M447" s="8">
        <v>1</v>
      </c>
      <c r="N447" s="8" t="s">
        <v>509</v>
      </c>
      <c r="O447" s="8">
        <v>1</v>
      </c>
      <c r="P447" s="8">
        <v>48</v>
      </c>
      <c r="Q447" s="72" t="s">
        <v>800</v>
      </c>
      <c r="R447" s="238"/>
      <c r="S447" s="238"/>
      <c r="T447" s="238"/>
      <c r="U447" s="238"/>
    </row>
    <row r="448" spans="1:21" hidden="1">
      <c r="H448" s="8">
        <v>3</v>
      </c>
      <c r="I448" s="8">
        <v>87</v>
      </c>
      <c r="J448" s="8" t="s">
        <v>499</v>
      </c>
      <c r="K448" s="8" t="s">
        <v>17</v>
      </c>
      <c r="L448" s="8" t="s">
        <v>71</v>
      </c>
      <c r="M448" s="8">
        <v>1</v>
      </c>
      <c r="N448" s="8" t="s">
        <v>509</v>
      </c>
      <c r="O448" s="8">
        <v>1</v>
      </c>
      <c r="P448" s="8">
        <v>48</v>
      </c>
      <c r="Q448" s="72"/>
      <c r="R448" s="238"/>
      <c r="S448" s="238"/>
      <c r="T448" s="238"/>
      <c r="U448" s="238"/>
    </row>
    <row r="449" spans="1:21" hidden="1">
      <c r="A449" s="38" t="s">
        <v>503</v>
      </c>
      <c r="B449" s="39"/>
      <c r="C449" s="39"/>
      <c r="D449" s="39"/>
      <c r="E449" s="39"/>
      <c r="F449" s="39"/>
      <c r="G449" s="39"/>
      <c r="H449" s="39"/>
      <c r="I449" s="39"/>
      <c r="J449" s="39"/>
      <c r="K449" s="39"/>
      <c r="L449" s="39"/>
      <c r="M449" s="39"/>
      <c r="N449" s="39"/>
      <c r="O449" s="39"/>
      <c r="P449" s="39"/>
      <c r="Q449" s="39"/>
      <c r="R449" s="238"/>
      <c r="S449" s="238"/>
      <c r="T449" s="238"/>
      <c r="U449" s="238"/>
    </row>
    <row r="450" spans="1:21" ht="84" hidden="1" customHeight="1">
      <c r="A450" s="405" t="s">
        <v>506</v>
      </c>
      <c r="B450" s="405"/>
      <c r="C450" s="405"/>
      <c r="D450" s="405"/>
      <c r="E450" s="405"/>
      <c r="F450" s="405"/>
      <c r="G450" s="405"/>
      <c r="H450" s="405"/>
      <c r="I450" s="405"/>
      <c r="J450" s="405"/>
      <c r="K450" s="405"/>
      <c r="L450" s="294"/>
      <c r="M450" s="294"/>
      <c r="N450" s="294"/>
      <c r="O450" s="294"/>
      <c r="P450" s="294"/>
      <c r="Q450" s="82" t="s">
        <v>624</v>
      </c>
      <c r="R450" s="238"/>
      <c r="S450" s="238"/>
      <c r="T450" s="238"/>
      <c r="U450" s="238"/>
    </row>
    <row r="451" spans="1:21" ht="70" hidden="1" customHeight="1">
      <c r="A451" s="406" t="s">
        <v>507</v>
      </c>
      <c r="B451" s="406"/>
      <c r="C451" s="406"/>
      <c r="D451" s="406"/>
      <c r="E451" s="406"/>
      <c r="F451" s="406"/>
      <c r="G451" s="406"/>
      <c r="H451" s="406"/>
      <c r="I451" s="406"/>
      <c r="J451" s="406"/>
      <c r="K451" s="406"/>
      <c r="L451" s="37"/>
      <c r="M451" s="37"/>
      <c r="N451" s="37"/>
      <c r="O451" s="37"/>
      <c r="P451" s="37"/>
      <c r="Q451" s="37" t="s">
        <v>624</v>
      </c>
      <c r="R451" s="238"/>
      <c r="S451" s="238"/>
      <c r="T451" s="238"/>
      <c r="U451" s="238"/>
    </row>
    <row r="452" spans="1:21" s="8" customFormat="1" hidden="1">
      <c r="A452" s="17" t="s">
        <v>440</v>
      </c>
      <c r="B452" s="17" t="s">
        <v>441</v>
      </c>
      <c r="C452" s="17"/>
      <c r="D452" s="17"/>
      <c r="E452" s="17"/>
      <c r="F452" s="17"/>
      <c r="G452" s="17"/>
      <c r="H452" s="17"/>
      <c r="I452" s="17"/>
      <c r="J452" s="17"/>
      <c r="K452" s="17" t="s">
        <v>66</v>
      </c>
      <c r="L452" s="17" t="s">
        <v>65</v>
      </c>
      <c r="M452" s="17">
        <v>200000</v>
      </c>
      <c r="N452" s="17"/>
      <c r="O452" s="17"/>
      <c r="P452" s="17"/>
      <c r="Q452" s="17"/>
      <c r="R452" s="238"/>
      <c r="S452" s="238"/>
      <c r="T452" s="238"/>
      <c r="U452" s="238"/>
    </row>
    <row r="453" spans="1:21" s="8" customFormat="1" hidden="1">
      <c r="A453" s="17"/>
      <c r="B453" s="17"/>
      <c r="C453" s="17" t="s">
        <v>440</v>
      </c>
      <c r="D453" s="17" t="s">
        <v>441</v>
      </c>
      <c r="E453" s="17"/>
      <c r="F453" s="17"/>
      <c r="G453" s="17"/>
      <c r="H453" s="17"/>
      <c r="I453" s="17"/>
      <c r="J453" s="17"/>
      <c r="K453" s="17" t="s">
        <v>66</v>
      </c>
      <c r="L453" s="17" t="s">
        <v>65</v>
      </c>
      <c r="M453" s="17">
        <v>1</v>
      </c>
      <c r="N453" s="17"/>
      <c r="O453" s="17"/>
      <c r="P453" s="17"/>
      <c r="Q453" s="17"/>
      <c r="R453" s="238"/>
      <c r="S453" s="238"/>
      <c r="T453" s="238"/>
      <c r="U453" s="238"/>
    </row>
    <row r="454" spans="1:21" s="8" customFormat="1" ht="42" hidden="1">
      <c r="H454" s="8">
        <v>1</v>
      </c>
      <c r="I454" s="8">
        <v>628</v>
      </c>
      <c r="J454" s="8" t="s">
        <v>442</v>
      </c>
      <c r="K454" s="8" t="s">
        <v>66</v>
      </c>
      <c r="L454" s="8" t="s">
        <v>65</v>
      </c>
      <c r="M454" s="8">
        <v>1</v>
      </c>
      <c r="N454" s="8" t="s">
        <v>509</v>
      </c>
      <c r="O454" s="8">
        <v>1</v>
      </c>
      <c r="P454" s="8">
        <v>12</v>
      </c>
      <c r="Q454" s="18" t="s">
        <v>776</v>
      </c>
      <c r="R454" s="238"/>
      <c r="S454" s="238"/>
      <c r="T454" s="238"/>
      <c r="U454" s="238"/>
    </row>
    <row r="455" spans="1:21" s="8" customFormat="1" ht="140" hidden="1">
      <c r="H455" s="8">
        <v>2</v>
      </c>
      <c r="I455" s="8">
        <v>734</v>
      </c>
      <c r="J455" s="8" t="s">
        <v>443</v>
      </c>
      <c r="K455" s="8" t="s">
        <v>17</v>
      </c>
      <c r="L455" s="8" t="s">
        <v>71</v>
      </c>
      <c r="M455" s="8">
        <v>1</v>
      </c>
      <c r="N455" s="8" t="s">
        <v>509</v>
      </c>
      <c r="O455" s="8">
        <v>1</v>
      </c>
      <c r="P455" s="8">
        <v>12</v>
      </c>
      <c r="Q455" s="18" t="s">
        <v>801</v>
      </c>
      <c r="R455" s="238"/>
      <c r="S455" s="238"/>
      <c r="T455" s="238"/>
      <c r="U455" s="238"/>
    </row>
    <row r="456" spans="1:21" s="8" customFormat="1" hidden="1">
      <c r="H456" s="8">
        <v>3</v>
      </c>
      <c r="I456" s="8">
        <v>735</v>
      </c>
      <c r="J456" s="8" t="s">
        <v>444</v>
      </c>
      <c r="K456" s="8" t="s">
        <v>66</v>
      </c>
      <c r="L456" s="8" t="s">
        <v>65</v>
      </c>
      <c r="M456" s="8">
        <v>1</v>
      </c>
      <c r="N456" s="8" t="s">
        <v>514</v>
      </c>
      <c r="O456" s="8">
        <v>1</v>
      </c>
      <c r="P456" s="8">
        <v>2</v>
      </c>
      <c r="Q456" s="72" t="s">
        <v>802</v>
      </c>
      <c r="R456" s="238"/>
      <c r="S456" s="238"/>
      <c r="T456" s="238"/>
      <c r="U456" s="238"/>
    </row>
    <row r="457" spans="1:21" s="8" customFormat="1" ht="70" hidden="1">
      <c r="H457" s="8">
        <v>4</v>
      </c>
      <c r="I457" s="8">
        <v>736</v>
      </c>
      <c r="J457" s="8" t="s">
        <v>445</v>
      </c>
      <c r="K457" s="8" t="s">
        <v>17</v>
      </c>
      <c r="L457" s="8" t="s">
        <v>71</v>
      </c>
      <c r="M457" s="8">
        <v>1</v>
      </c>
      <c r="N457" s="8" t="s">
        <v>514</v>
      </c>
      <c r="O457" s="8">
        <v>1</v>
      </c>
      <c r="P457" s="8">
        <v>1</v>
      </c>
      <c r="Q457" s="72" t="s">
        <v>803</v>
      </c>
      <c r="R457" s="238"/>
      <c r="S457" s="238"/>
      <c r="T457" s="238"/>
      <c r="U457" s="238"/>
    </row>
    <row r="458" spans="1:21" hidden="1">
      <c r="A458" s="17"/>
      <c r="B458" s="17"/>
      <c r="C458" s="17" t="s">
        <v>488</v>
      </c>
      <c r="D458" s="17" t="s">
        <v>489</v>
      </c>
      <c r="E458" s="17"/>
      <c r="F458" s="17"/>
      <c r="G458" s="17"/>
      <c r="H458" s="17"/>
      <c r="I458" s="17"/>
      <c r="J458" s="17"/>
      <c r="K458" s="17" t="s">
        <v>17</v>
      </c>
      <c r="L458" s="17" t="s">
        <v>71</v>
      </c>
      <c r="M458" s="17">
        <v>1</v>
      </c>
      <c r="N458" s="17"/>
      <c r="O458" s="17"/>
      <c r="P458" s="17"/>
      <c r="Q458" s="83"/>
      <c r="R458" s="238"/>
      <c r="S458" s="238"/>
      <c r="T458" s="238"/>
      <c r="U458" s="238"/>
    </row>
    <row r="459" spans="1:21" hidden="1">
      <c r="H459" s="8">
        <v>1</v>
      </c>
      <c r="I459" s="8">
        <v>356</v>
      </c>
      <c r="J459" s="8" t="s">
        <v>490</v>
      </c>
      <c r="K459" s="8" t="s">
        <v>17</v>
      </c>
      <c r="L459" s="8" t="s">
        <v>71</v>
      </c>
      <c r="M459" s="8">
        <v>1</v>
      </c>
      <c r="N459" s="8" t="s">
        <v>510</v>
      </c>
      <c r="O459" s="8">
        <v>1</v>
      </c>
      <c r="P459" s="8">
        <v>6</v>
      </c>
      <c r="Q459" s="72"/>
      <c r="R459" s="238"/>
      <c r="S459" s="238"/>
      <c r="T459" s="238"/>
      <c r="U459" s="238"/>
    </row>
    <row r="460" spans="1:21" hidden="1">
      <c r="H460" s="11">
        <v>2</v>
      </c>
      <c r="I460" s="11">
        <v>357</v>
      </c>
      <c r="J460" s="11" t="s">
        <v>491</v>
      </c>
      <c r="K460" s="11" t="s">
        <v>78</v>
      </c>
      <c r="L460" s="8" t="s">
        <v>71</v>
      </c>
      <c r="M460" s="8">
        <v>1</v>
      </c>
      <c r="N460" s="8" t="s">
        <v>438</v>
      </c>
      <c r="O460" s="8">
        <v>1</v>
      </c>
      <c r="P460" s="8">
        <v>8</v>
      </c>
      <c r="Q460" s="72"/>
      <c r="R460" s="238"/>
      <c r="S460" s="238"/>
      <c r="T460" s="238"/>
      <c r="U460" s="238"/>
    </row>
    <row r="461" spans="1:21" ht="28" hidden="1">
      <c r="H461" s="8">
        <v>3</v>
      </c>
      <c r="I461" s="8">
        <v>355</v>
      </c>
      <c r="J461" s="8" t="s">
        <v>103</v>
      </c>
      <c r="K461" s="8" t="s">
        <v>78</v>
      </c>
      <c r="L461" s="8" t="s">
        <v>71</v>
      </c>
      <c r="M461" s="8">
        <v>1</v>
      </c>
      <c r="N461" s="8" t="s">
        <v>514</v>
      </c>
      <c r="O461" s="8">
        <v>2</v>
      </c>
      <c r="P461" s="8">
        <v>2</v>
      </c>
      <c r="Q461" s="72" t="s">
        <v>624</v>
      </c>
      <c r="R461" s="238"/>
      <c r="S461" s="238"/>
      <c r="T461" s="238"/>
      <c r="U461" s="238"/>
    </row>
    <row r="462" spans="1:21" ht="28" hidden="1">
      <c r="H462" s="8">
        <v>4</v>
      </c>
      <c r="I462" s="8">
        <v>103</v>
      </c>
      <c r="J462" s="8" t="s">
        <v>448</v>
      </c>
      <c r="K462" s="8" t="s">
        <v>78</v>
      </c>
      <c r="L462" s="8" t="s">
        <v>71</v>
      </c>
      <c r="M462" s="8">
        <v>1</v>
      </c>
      <c r="N462" s="8" t="s">
        <v>509</v>
      </c>
      <c r="O462" s="8">
        <v>3</v>
      </c>
      <c r="P462" s="8">
        <v>5</v>
      </c>
      <c r="Q462" s="72" t="s">
        <v>624</v>
      </c>
      <c r="R462" s="238"/>
      <c r="S462" s="238"/>
      <c r="T462" s="238"/>
      <c r="U462" s="238"/>
    </row>
    <row r="463" spans="1:21" hidden="1">
      <c r="H463" s="19">
        <v>5</v>
      </c>
      <c r="I463" s="19">
        <v>187</v>
      </c>
      <c r="J463" s="19" t="s">
        <v>453</v>
      </c>
      <c r="K463" s="19" t="s">
        <v>17</v>
      </c>
      <c r="L463" s="19" t="s">
        <v>174</v>
      </c>
      <c r="M463" s="19">
        <v>1</v>
      </c>
      <c r="N463" s="19" t="s">
        <v>514</v>
      </c>
      <c r="O463" s="19">
        <v>1</v>
      </c>
      <c r="P463" s="19">
        <v>2</v>
      </c>
      <c r="Q463" s="19"/>
      <c r="R463" s="238"/>
      <c r="S463" s="238"/>
      <c r="T463" s="238"/>
      <c r="U463" s="238"/>
    </row>
    <row r="464" spans="1:21" hidden="1">
      <c r="H464" s="8">
        <v>6</v>
      </c>
      <c r="I464" s="8">
        <v>384</v>
      </c>
      <c r="J464" s="8" t="s">
        <v>492</v>
      </c>
      <c r="K464" s="8" t="s">
        <v>78</v>
      </c>
      <c r="L464" s="8" t="s">
        <v>71</v>
      </c>
      <c r="M464" s="8">
        <v>1</v>
      </c>
      <c r="N464" s="8" t="s">
        <v>438</v>
      </c>
      <c r="O464" s="8">
        <v>1</v>
      </c>
      <c r="P464" s="8">
        <v>9</v>
      </c>
      <c r="Q464" s="72"/>
      <c r="R464" s="238"/>
      <c r="S464" s="238"/>
      <c r="T464" s="238"/>
      <c r="U464" s="238"/>
    </row>
    <row r="465" spans="1:21" ht="28" hidden="1">
      <c r="H465" s="8">
        <v>7</v>
      </c>
      <c r="I465" s="8">
        <v>355</v>
      </c>
      <c r="J465" s="8" t="s">
        <v>103</v>
      </c>
      <c r="K465" s="8" t="s">
        <v>78</v>
      </c>
      <c r="L465" s="8" t="s">
        <v>71</v>
      </c>
      <c r="M465" s="8">
        <v>1</v>
      </c>
      <c r="N465" s="8" t="s">
        <v>514</v>
      </c>
      <c r="O465" s="8">
        <v>2</v>
      </c>
      <c r="P465" s="8">
        <v>2</v>
      </c>
      <c r="Q465" s="72" t="s">
        <v>624</v>
      </c>
      <c r="R465" s="238"/>
      <c r="S465" s="238"/>
      <c r="T465" s="238"/>
      <c r="U465" s="238"/>
    </row>
    <row r="466" spans="1:21" hidden="1">
      <c r="H466" s="8">
        <v>8</v>
      </c>
      <c r="I466" s="8">
        <v>385</v>
      </c>
      <c r="J466" s="8" t="s">
        <v>493</v>
      </c>
      <c r="K466" s="8" t="s">
        <v>78</v>
      </c>
      <c r="L466" s="8" t="s">
        <v>71</v>
      </c>
      <c r="M466" s="8">
        <v>1</v>
      </c>
      <c r="N466" s="8" t="s">
        <v>438</v>
      </c>
      <c r="O466" s="8">
        <v>1</v>
      </c>
      <c r="P466" s="8">
        <v>9</v>
      </c>
      <c r="Q466" s="72"/>
      <c r="R466" s="238"/>
      <c r="S466" s="238"/>
      <c r="T466" s="238"/>
      <c r="U466" s="238"/>
    </row>
    <row r="467" spans="1:21" ht="28" hidden="1">
      <c r="H467" s="8">
        <v>9</v>
      </c>
      <c r="I467" s="8">
        <v>355</v>
      </c>
      <c r="J467" s="8" t="s">
        <v>103</v>
      </c>
      <c r="K467" s="8" t="s">
        <v>78</v>
      </c>
      <c r="L467" s="8" t="s">
        <v>71</v>
      </c>
      <c r="M467" s="8">
        <v>1</v>
      </c>
      <c r="N467" s="8" t="s">
        <v>514</v>
      </c>
      <c r="O467" s="8">
        <v>2</v>
      </c>
      <c r="P467" s="8">
        <v>2</v>
      </c>
      <c r="Q467" s="72" t="s">
        <v>624</v>
      </c>
      <c r="R467" s="238"/>
      <c r="S467" s="238"/>
      <c r="T467" s="238"/>
      <c r="U467" s="238"/>
    </row>
    <row r="468" spans="1:21" hidden="1">
      <c r="H468" s="8">
        <v>10</v>
      </c>
      <c r="I468" s="8">
        <v>82</v>
      </c>
      <c r="J468" s="8" t="s">
        <v>494</v>
      </c>
      <c r="K468" s="8" t="s">
        <v>78</v>
      </c>
      <c r="L468" s="8" t="s">
        <v>71</v>
      </c>
      <c r="M468" s="8">
        <v>1</v>
      </c>
      <c r="N468" s="8" t="s">
        <v>438</v>
      </c>
      <c r="O468" s="8">
        <v>1</v>
      </c>
      <c r="P468" s="8">
        <v>8</v>
      </c>
      <c r="Q468" s="72"/>
      <c r="R468" s="238"/>
      <c r="S468" s="238"/>
      <c r="T468" s="238"/>
      <c r="U468" s="238"/>
    </row>
    <row r="469" spans="1:21" hidden="1">
      <c r="H469" s="8">
        <v>11</v>
      </c>
      <c r="I469" s="8">
        <v>189</v>
      </c>
      <c r="J469" s="8" t="s">
        <v>495</v>
      </c>
      <c r="K469" s="8" t="s">
        <v>78</v>
      </c>
      <c r="L469" s="8" t="s">
        <v>71</v>
      </c>
      <c r="M469" s="8">
        <v>1</v>
      </c>
      <c r="N469" s="8" t="s">
        <v>438</v>
      </c>
      <c r="O469" s="8">
        <v>1</v>
      </c>
      <c r="P469" s="8">
        <v>8</v>
      </c>
      <c r="Q469" s="72"/>
      <c r="R469" s="238"/>
      <c r="S469" s="238"/>
      <c r="T469" s="238"/>
      <c r="U469" s="238"/>
    </row>
    <row r="470" spans="1:21" hidden="1">
      <c r="H470" s="8">
        <v>12</v>
      </c>
      <c r="I470" s="8">
        <v>65</v>
      </c>
      <c r="J470" s="8" t="s">
        <v>496</v>
      </c>
      <c r="K470" s="8" t="s">
        <v>78</v>
      </c>
      <c r="L470" s="8" t="s">
        <v>71</v>
      </c>
      <c r="M470" s="8">
        <v>1</v>
      </c>
      <c r="N470" s="8" t="s">
        <v>438</v>
      </c>
      <c r="O470" s="8">
        <v>1</v>
      </c>
      <c r="P470" s="8">
        <v>8</v>
      </c>
      <c r="Q470" s="72"/>
      <c r="R470" s="238"/>
      <c r="S470" s="238"/>
      <c r="T470" s="238"/>
      <c r="U470" s="238"/>
    </row>
    <row r="471" spans="1:21" ht="28" hidden="1">
      <c r="H471" s="8">
        <v>13</v>
      </c>
      <c r="I471" s="8">
        <v>355</v>
      </c>
      <c r="J471" s="8" t="s">
        <v>103</v>
      </c>
      <c r="K471" s="8" t="s">
        <v>78</v>
      </c>
      <c r="L471" s="8" t="s">
        <v>71</v>
      </c>
      <c r="M471" s="8">
        <v>1</v>
      </c>
      <c r="N471" s="8" t="s">
        <v>514</v>
      </c>
      <c r="O471" s="8">
        <v>2</v>
      </c>
      <c r="P471" s="8">
        <v>2</v>
      </c>
      <c r="Q471" s="72" t="s">
        <v>624</v>
      </c>
      <c r="R471" s="238"/>
      <c r="S471" s="238"/>
      <c r="T471" s="238"/>
      <c r="U471" s="238"/>
    </row>
    <row r="472" spans="1:21" s="8" customFormat="1" hidden="1">
      <c r="A472" s="17"/>
      <c r="B472" s="17"/>
      <c r="C472" s="17" t="s">
        <v>498</v>
      </c>
      <c r="D472" s="17" t="s">
        <v>499</v>
      </c>
      <c r="E472" s="17"/>
      <c r="F472" s="17"/>
      <c r="G472" s="17"/>
      <c r="H472" s="17"/>
      <c r="I472" s="17"/>
      <c r="J472" s="17"/>
      <c r="K472" s="17" t="s">
        <v>66</v>
      </c>
      <c r="L472" s="17" t="s">
        <v>65</v>
      </c>
      <c r="M472" s="17" t="s">
        <v>525</v>
      </c>
      <c r="N472" s="17"/>
      <c r="O472" s="17"/>
      <c r="P472" s="17"/>
      <c r="Q472" s="17"/>
      <c r="R472" s="238"/>
      <c r="S472" s="238"/>
      <c r="T472" s="238"/>
      <c r="U472" s="238"/>
    </row>
    <row r="473" spans="1:21" hidden="1">
      <c r="H473" s="8">
        <v>1</v>
      </c>
      <c r="I473" s="8">
        <v>88</v>
      </c>
      <c r="J473" s="8" t="s">
        <v>500</v>
      </c>
      <c r="K473" s="8" t="s">
        <v>66</v>
      </c>
      <c r="L473" s="8" t="s">
        <v>65</v>
      </c>
      <c r="M473" s="8">
        <v>1</v>
      </c>
      <c r="N473" s="8" t="s">
        <v>514</v>
      </c>
      <c r="O473" s="8">
        <v>1</v>
      </c>
      <c r="P473" s="8">
        <v>2</v>
      </c>
      <c r="Q473" s="8" t="s">
        <v>798</v>
      </c>
      <c r="R473" s="238"/>
      <c r="S473" s="238"/>
      <c r="T473" s="238"/>
      <c r="U473" s="238"/>
    </row>
    <row r="474" spans="1:21" hidden="1">
      <c r="H474" s="8">
        <v>2</v>
      </c>
      <c r="I474" s="8">
        <v>87</v>
      </c>
      <c r="J474" s="8" t="s">
        <v>499</v>
      </c>
      <c r="K474" s="8" t="s">
        <v>66</v>
      </c>
      <c r="L474" s="8" t="s">
        <v>65</v>
      </c>
      <c r="M474" s="8">
        <v>1</v>
      </c>
      <c r="N474" s="8" t="s">
        <v>509</v>
      </c>
      <c r="O474" s="8">
        <v>1</v>
      </c>
      <c r="P474" s="8">
        <v>48</v>
      </c>
      <c r="Q474" s="72"/>
      <c r="R474" s="238"/>
      <c r="S474" s="238"/>
      <c r="T474" s="238"/>
      <c r="U474" s="238"/>
    </row>
    <row r="475" spans="1:21" s="8" customFormat="1" hidden="1">
      <c r="A475" s="17"/>
      <c r="B475" s="17"/>
      <c r="C475" s="17" t="s">
        <v>498</v>
      </c>
      <c r="D475" s="17" t="s">
        <v>499</v>
      </c>
      <c r="E475" s="17"/>
      <c r="F475" s="17"/>
      <c r="G475" s="17"/>
      <c r="H475" s="17"/>
      <c r="I475" s="17"/>
      <c r="J475" s="17"/>
      <c r="K475" s="17" t="s">
        <v>66</v>
      </c>
      <c r="L475" s="17" t="s">
        <v>65</v>
      </c>
      <c r="M475" s="17" t="s">
        <v>525</v>
      </c>
      <c r="N475" s="17"/>
      <c r="O475" s="17"/>
      <c r="P475" s="17"/>
      <c r="Q475" s="17"/>
      <c r="R475" s="238"/>
      <c r="S475" s="238"/>
      <c r="T475" s="238"/>
      <c r="U475" s="238"/>
    </row>
    <row r="476" spans="1:21" hidden="1">
      <c r="H476" s="8">
        <v>1</v>
      </c>
      <c r="I476" s="8">
        <v>88</v>
      </c>
      <c r="J476" s="8" t="s">
        <v>500</v>
      </c>
      <c r="K476" s="8" t="s">
        <v>66</v>
      </c>
      <c r="L476" s="8" t="s">
        <v>65</v>
      </c>
      <c r="M476" s="8">
        <v>1</v>
      </c>
      <c r="N476" s="8" t="s">
        <v>514</v>
      </c>
      <c r="O476" s="8">
        <v>1</v>
      </c>
      <c r="P476" s="8">
        <v>2</v>
      </c>
      <c r="Q476" s="8" t="s">
        <v>799</v>
      </c>
      <c r="R476" s="238"/>
      <c r="S476" s="238"/>
      <c r="T476" s="238"/>
      <c r="U476" s="238"/>
    </row>
    <row r="477" spans="1:21" hidden="1">
      <c r="H477" s="8">
        <v>2</v>
      </c>
      <c r="I477" s="8">
        <v>87</v>
      </c>
      <c r="J477" s="8" t="s">
        <v>499</v>
      </c>
      <c r="K477" s="8" t="s">
        <v>66</v>
      </c>
      <c r="L477" s="8" t="s">
        <v>65</v>
      </c>
      <c r="M477" s="8">
        <v>1</v>
      </c>
      <c r="N477" s="8" t="s">
        <v>509</v>
      </c>
      <c r="O477" s="8">
        <v>1</v>
      </c>
      <c r="P477" s="8">
        <v>48</v>
      </c>
      <c r="Q477" s="72"/>
      <c r="R477" s="238"/>
      <c r="S477" s="238"/>
      <c r="T477" s="238"/>
      <c r="U477" s="238"/>
    </row>
    <row r="478" spans="1:21" s="8" customFormat="1" hidden="1">
      <c r="A478" s="17"/>
      <c r="B478" s="17"/>
      <c r="C478" s="17" t="s">
        <v>498</v>
      </c>
      <c r="D478" s="17" t="s">
        <v>499</v>
      </c>
      <c r="E478" s="17"/>
      <c r="F478" s="17"/>
      <c r="G478" s="17"/>
      <c r="H478" s="17"/>
      <c r="I478" s="17"/>
      <c r="J478" s="17"/>
      <c r="K478" s="17" t="s">
        <v>66</v>
      </c>
      <c r="L478" s="17" t="s">
        <v>65</v>
      </c>
      <c r="M478" s="17" t="s">
        <v>525</v>
      </c>
      <c r="N478" s="17"/>
      <c r="O478" s="17"/>
      <c r="P478" s="17"/>
      <c r="Q478" s="17"/>
      <c r="R478" s="238"/>
      <c r="S478" s="238"/>
      <c r="T478" s="238"/>
      <c r="U478" s="238"/>
    </row>
    <row r="479" spans="1:21" hidden="1">
      <c r="H479" s="8">
        <v>1</v>
      </c>
      <c r="I479" s="8">
        <v>88</v>
      </c>
      <c r="J479" s="8" t="s">
        <v>500</v>
      </c>
      <c r="K479" s="8" t="s">
        <v>66</v>
      </c>
      <c r="L479" s="8" t="s">
        <v>65</v>
      </c>
      <c r="M479" s="8">
        <v>1</v>
      </c>
      <c r="N479" s="8" t="s">
        <v>514</v>
      </c>
      <c r="O479" s="8">
        <v>1</v>
      </c>
      <c r="P479" s="8">
        <v>2</v>
      </c>
      <c r="Q479" s="8" t="s">
        <v>643</v>
      </c>
      <c r="R479" s="238"/>
      <c r="S479" s="238"/>
      <c r="T479" s="238"/>
      <c r="U479" s="238"/>
    </row>
    <row r="480" spans="1:21" hidden="1">
      <c r="H480" s="8">
        <v>2</v>
      </c>
      <c r="I480" s="8">
        <v>87</v>
      </c>
      <c r="J480" s="8" t="s">
        <v>499</v>
      </c>
      <c r="K480" s="8" t="s">
        <v>66</v>
      </c>
      <c r="L480" s="8" t="s">
        <v>65</v>
      </c>
      <c r="M480" s="8">
        <v>1</v>
      </c>
      <c r="N480" s="8" t="s">
        <v>509</v>
      </c>
      <c r="O480" s="8">
        <v>1</v>
      </c>
      <c r="P480" s="8">
        <v>48</v>
      </c>
      <c r="Q480" s="72" t="s">
        <v>800</v>
      </c>
      <c r="R480" s="238"/>
      <c r="S480" s="238"/>
      <c r="T480" s="238"/>
      <c r="U480" s="238"/>
    </row>
    <row r="481" spans="1:21" hidden="1">
      <c r="H481" s="8">
        <v>3</v>
      </c>
      <c r="I481" s="8">
        <v>87</v>
      </c>
      <c r="J481" s="8" t="s">
        <v>499</v>
      </c>
      <c r="K481" s="8" t="s">
        <v>17</v>
      </c>
      <c r="L481" s="8" t="s">
        <v>71</v>
      </c>
      <c r="M481" s="8">
        <v>1</v>
      </c>
      <c r="N481" s="8" t="s">
        <v>509</v>
      </c>
      <c r="O481" s="8">
        <v>1</v>
      </c>
      <c r="P481" s="8">
        <v>48</v>
      </c>
      <c r="Q481" s="72"/>
      <c r="R481" s="238"/>
      <c r="S481" s="238"/>
      <c r="T481" s="238"/>
      <c r="U481" s="238"/>
    </row>
    <row r="482" spans="1:21">
      <c r="A482" s="31" t="s">
        <v>482</v>
      </c>
      <c r="B482" s="32"/>
      <c r="C482" s="32"/>
      <c r="D482" s="32"/>
      <c r="E482" s="32"/>
      <c r="F482" s="32"/>
      <c r="G482" s="32"/>
      <c r="H482" s="32"/>
      <c r="I482" s="32"/>
      <c r="J482" s="32"/>
      <c r="K482" s="32"/>
      <c r="L482" s="32"/>
      <c r="M482" s="32"/>
      <c r="N482" s="32"/>
      <c r="O482" s="32"/>
      <c r="P482" s="32"/>
      <c r="Q482" s="32"/>
      <c r="R482" s="238"/>
      <c r="S482" s="238"/>
      <c r="T482" s="238"/>
      <c r="U482" s="238"/>
    </row>
    <row r="483" spans="1:21" s="8" customFormat="1" ht="98.25" customHeight="1">
      <c r="A483" s="404" t="s">
        <v>774</v>
      </c>
      <c r="B483" s="404"/>
      <c r="C483" s="404"/>
      <c r="D483" s="404"/>
      <c r="E483" s="404"/>
      <c r="F483" s="404"/>
      <c r="G483" s="404"/>
      <c r="H483" s="404"/>
      <c r="I483" s="404"/>
      <c r="J483" s="404"/>
      <c r="K483" s="404"/>
      <c r="L483" s="293"/>
      <c r="M483" s="293"/>
      <c r="N483" s="293"/>
      <c r="O483" s="293"/>
      <c r="P483" s="293"/>
      <c r="Q483" s="80" t="s">
        <v>775</v>
      </c>
      <c r="R483" s="238"/>
      <c r="S483" s="238"/>
      <c r="T483" s="238"/>
      <c r="U483" s="238"/>
    </row>
    <row r="484" spans="1:21" s="8" customFormat="1">
      <c r="A484" s="17" t="s">
        <v>440</v>
      </c>
      <c r="B484" s="17" t="s">
        <v>441</v>
      </c>
      <c r="C484" s="17"/>
      <c r="D484" s="17"/>
      <c r="E484" s="17"/>
      <c r="F484" s="17"/>
      <c r="G484" s="17"/>
      <c r="H484" s="17"/>
      <c r="I484" s="17"/>
      <c r="J484" s="17"/>
      <c r="K484" s="17" t="s">
        <v>66</v>
      </c>
      <c r="L484" s="17" t="s">
        <v>65</v>
      </c>
      <c r="M484" s="17">
        <v>200000</v>
      </c>
      <c r="N484" s="17"/>
      <c r="O484" s="17"/>
      <c r="P484" s="17"/>
      <c r="Q484" s="17"/>
      <c r="R484" s="238" t="s">
        <v>1035</v>
      </c>
      <c r="S484" s="238" t="s">
        <v>1493</v>
      </c>
      <c r="T484" s="238" t="s">
        <v>2</v>
      </c>
      <c r="U484" s="238" t="s">
        <v>2</v>
      </c>
    </row>
    <row r="485" spans="1:21" s="8" customFormat="1" hidden="1">
      <c r="A485" s="17"/>
      <c r="B485" s="17"/>
      <c r="C485" s="17" t="s">
        <v>440</v>
      </c>
      <c r="D485" s="17" t="s">
        <v>441</v>
      </c>
      <c r="E485" s="17"/>
      <c r="F485" s="17"/>
      <c r="G485" s="17"/>
      <c r="H485" s="17"/>
      <c r="I485" s="17"/>
      <c r="J485" s="17"/>
      <c r="K485" s="17" t="s">
        <v>66</v>
      </c>
      <c r="L485" s="17" t="s">
        <v>65</v>
      </c>
      <c r="M485" s="17">
        <v>1</v>
      </c>
      <c r="N485" s="17"/>
      <c r="O485" s="17"/>
      <c r="P485" s="17"/>
      <c r="Q485" s="17"/>
      <c r="R485" s="238"/>
      <c r="S485" s="238"/>
      <c r="T485" s="238"/>
      <c r="U485" s="238"/>
    </row>
    <row r="486" spans="1:21" s="8" customFormat="1" ht="42" hidden="1" outlineLevel="1">
      <c r="H486" s="8">
        <v>1</v>
      </c>
      <c r="I486" s="8">
        <v>628</v>
      </c>
      <c r="J486" s="8" t="s">
        <v>442</v>
      </c>
      <c r="K486" s="8" t="s">
        <v>66</v>
      </c>
      <c r="L486" s="8" t="s">
        <v>65</v>
      </c>
      <c r="M486" s="8">
        <v>1</v>
      </c>
      <c r="N486" s="8" t="s">
        <v>509</v>
      </c>
      <c r="O486" s="8">
        <v>1</v>
      </c>
      <c r="P486" s="8">
        <v>12</v>
      </c>
      <c r="Q486" s="18" t="s">
        <v>776</v>
      </c>
      <c r="R486" s="238"/>
      <c r="S486" s="238"/>
      <c r="T486" s="238"/>
      <c r="U486" s="238"/>
    </row>
    <row r="487" spans="1:21" s="8" customFormat="1" ht="168" hidden="1" outlineLevel="1">
      <c r="H487" s="8">
        <v>2</v>
      </c>
      <c r="I487" s="8">
        <v>734</v>
      </c>
      <c r="J487" s="8" t="s">
        <v>443</v>
      </c>
      <c r="K487" s="8" t="s">
        <v>17</v>
      </c>
      <c r="L487" s="8" t="s">
        <v>71</v>
      </c>
      <c r="M487" s="8">
        <v>1</v>
      </c>
      <c r="N487" s="8" t="s">
        <v>509</v>
      </c>
      <c r="O487" s="8">
        <v>1</v>
      </c>
      <c r="P487" s="8">
        <v>12</v>
      </c>
      <c r="Q487" s="18" t="s">
        <v>777</v>
      </c>
      <c r="R487" s="238"/>
      <c r="S487" s="238"/>
      <c r="T487" s="238"/>
      <c r="U487" s="238"/>
    </row>
    <row r="488" spans="1:21" s="8" customFormat="1" hidden="1" outlineLevel="1">
      <c r="H488" s="8">
        <v>3</v>
      </c>
      <c r="I488" s="8">
        <v>735</v>
      </c>
      <c r="J488" s="8" t="s">
        <v>444</v>
      </c>
      <c r="K488" s="8" t="s">
        <v>66</v>
      </c>
      <c r="L488" s="8" t="s">
        <v>65</v>
      </c>
      <c r="M488" s="8">
        <v>1</v>
      </c>
      <c r="N488" s="8" t="s">
        <v>514</v>
      </c>
      <c r="O488" s="8">
        <v>1</v>
      </c>
      <c r="P488" s="8">
        <v>2</v>
      </c>
      <c r="Q488" s="8" t="s">
        <v>778</v>
      </c>
      <c r="R488" s="238"/>
      <c r="S488" s="238"/>
      <c r="T488" s="238"/>
      <c r="U488" s="238"/>
    </row>
    <row r="489" spans="1:21" s="8" customFormat="1" ht="112" hidden="1" outlineLevel="1">
      <c r="H489" s="8">
        <v>4</v>
      </c>
      <c r="I489" s="8">
        <v>736</v>
      </c>
      <c r="J489" s="8" t="s">
        <v>445</v>
      </c>
      <c r="K489" s="8" t="s">
        <v>17</v>
      </c>
      <c r="L489" s="8" t="s">
        <v>71</v>
      </c>
      <c r="M489" s="8">
        <v>1</v>
      </c>
      <c r="N489" s="8" t="s">
        <v>514</v>
      </c>
      <c r="O489" s="8">
        <v>1</v>
      </c>
      <c r="P489" s="8">
        <v>1</v>
      </c>
      <c r="Q489" s="72" t="s">
        <v>779</v>
      </c>
      <c r="R489" s="238"/>
      <c r="S489" s="238"/>
      <c r="T489" s="238"/>
      <c r="U489" s="238"/>
    </row>
    <row r="490" spans="1:21" collapsed="1">
      <c r="A490" s="17"/>
      <c r="B490" s="17"/>
      <c r="C490" s="17" t="s">
        <v>424</v>
      </c>
      <c r="D490" s="17" t="s">
        <v>425</v>
      </c>
      <c r="E490" s="17"/>
      <c r="F490" s="17"/>
      <c r="G490" s="17"/>
      <c r="H490" s="17"/>
      <c r="I490" s="17"/>
      <c r="J490" s="17"/>
      <c r="K490" s="17" t="s">
        <v>17</v>
      </c>
      <c r="L490" s="17" t="s">
        <v>71</v>
      </c>
      <c r="M490" s="17">
        <v>1</v>
      </c>
      <c r="N490" s="17"/>
      <c r="O490" s="17"/>
      <c r="P490" s="17"/>
      <c r="Q490" s="17"/>
      <c r="R490" s="238" t="s">
        <v>1145</v>
      </c>
      <c r="S490" s="238" t="s">
        <v>1494</v>
      </c>
      <c r="T490" s="238"/>
      <c r="U490" s="238"/>
    </row>
    <row r="491" spans="1:21" hidden="1" outlineLevel="1">
      <c r="H491" s="8">
        <v>1</v>
      </c>
      <c r="I491" s="8">
        <v>350</v>
      </c>
      <c r="J491" s="8" t="s">
        <v>108</v>
      </c>
      <c r="K491" s="8" t="s">
        <v>17</v>
      </c>
      <c r="L491" s="8" t="s">
        <v>71</v>
      </c>
      <c r="M491" s="8">
        <v>1</v>
      </c>
      <c r="N491" s="8" t="s">
        <v>509</v>
      </c>
      <c r="O491" s="8">
        <v>1</v>
      </c>
      <c r="P491" s="8">
        <v>20</v>
      </c>
      <c r="Q491" s="72"/>
      <c r="R491" s="238"/>
      <c r="S491" s="238"/>
      <c r="T491" s="238"/>
      <c r="U491" s="238"/>
    </row>
    <row r="492" spans="1:21" ht="28" hidden="1" outlineLevel="1">
      <c r="H492" s="8">
        <v>2</v>
      </c>
      <c r="I492" s="8">
        <v>235</v>
      </c>
      <c r="J492" s="8" t="s">
        <v>90</v>
      </c>
      <c r="K492" s="8" t="s">
        <v>66</v>
      </c>
      <c r="L492" s="8" t="s">
        <v>65</v>
      </c>
      <c r="M492" s="8">
        <v>1</v>
      </c>
      <c r="N492" s="8" t="s">
        <v>514</v>
      </c>
      <c r="O492" s="8">
        <v>2</v>
      </c>
      <c r="P492" s="8">
        <v>2</v>
      </c>
      <c r="Q492" s="70" t="s">
        <v>624</v>
      </c>
      <c r="R492" s="238"/>
      <c r="S492" s="238"/>
      <c r="T492" s="238"/>
      <c r="U492" s="238"/>
    </row>
    <row r="493" spans="1:21" hidden="1" outlineLevel="1">
      <c r="H493" s="8">
        <v>3</v>
      </c>
      <c r="I493" s="8">
        <v>234</v>
      </c>
      <c r="J493" s="8" t="s">
        <v>88</v>
      </c>
      <c r="K493" s="8" t="s">
        <v>66</v>
      </c>
      <c r="L493" s="8" t="s">
        <v>65</v>
      </c>
      <c r="M493" s="8">
        <v>1</v>
      </c>
      <c r="N493" s="8" t="s">
        <v>509</v>
      </c>
      <c r="O493" s="8">
        <v>1</v>
      </c>
      <c r="P493" s="8">
        <v>48</v>
      </c>
      <c r="R493" s="238"/>
      <c r="S493" s="238"/>
      <c r="T493" s="238"/>
      <c r="U493" s="238"/>
    </row>
    <row r="494" spans="1:21" ht="28" hidden="1" outlineLevel="1">
      <c r="H494" s="11">
        <v>4</v>
      </c>
      <c r="I494" s="11">
        <v>235</v>
      </c>
      <c r="J494" s="11" t="s">
        <v>90</v>
      </c>
      <c r="K494" s="11" t="s">
        <v>78</v>
      </c>
      <c r="L494" s="8" t="s">
        <v>71</v>
      </c>
      <c r="M494" s="8">
        <v>1</v>
      </c>
      <c r="N494" s="8" t="s">
        <v>514</v>
      </c>
      <c r="O494" s="8">
        <v>2</v>
      </c>
      <c r="P494" s="8">
        <v>2</v>
      </c>
      <c r="Q494" s="70" t="s">
        <v>624</v>
      </c>
      <c r="R494" s="238"/>
      <c r="S494" s="238"/>
      <c r="T494" s="238"/>
      <c r="U494" s="238"/>
    </row>
    <row r="495" spans="1:21" hidden="1" outlineLevel="1">
      <c r="H495" s="8">
        <v>5</v>
      </c>
      <c r="I495" s="8">
        <v>234</v>
      </c>
      <c r="J495" s="8" t="s">
        <v>88</v>
      </c>
      <c r="K495" s="8" t="s">
        <v>78</v>
      </c>
      <c r="L495" s="8" t="s">
        <v>71</v>
      </c>
      <c r="M495" s="8">
        <v>1</v>
      </c>
      <c r="N495" s="8" t="s">
        <v>509</v>
      </c>
      <c r="O495" s="8">
        <v>1</v>
      </c>
      <c r="P495" s="8">
        <v>48</v>
      </c>
      <c r="R495" s="238"/>
      <c r="S495" s="238"/>
      <c r="T495" s="238"/>
      <c r="U495" s="238"/>
    </row>
    <row r="496" spans="1:21" ht="28" hidden="1" outlineLevel="1">
      <c r="H496" s="8">
        <v>6</v>
      </c>
      <c r="I496" s="8">
        <v>235</v>
      </c>
      <c r="J496" s="8" t="s">
        <v>90</v>
      </c>
      <c r="K496" s="8" t="s">
        <v>78</v>
      </c>
      <c r="L496" s="8" t="s">
        <v>71</v>
      </c>
      <c r="M496" s="8">
        <v>1</v>
      </c>
      <c r="N496" s="8" t="s">
        <v>514</v>
      </c>
      <c r="O496" s="8">
        <v>2</v>
      </c>
      <c r="P496" s="8">
        <v>2</v>
      </c>
      <c r="Q496" s="70" t="s">
        <v>624</v>
      </c>
      <c r="R496" s="238"/>
      <c r="S496" s="238"/>
      <c r="T496" s="238"/>
      <c r="U496" s="238"/>
    </row>
    <row r="497" spans="8:21" s="10" customFormat="1" hidden="1" outlineLevel="1">
      <c r="H497" s="8">
        <v>7</v>
      </c>
      <c r="I497" s="8">
        <v>234</v>
      </c>
      <c r="J497" s="8" t="s">
        <v>88</v>
      </c>
      <c r="K497" s="8" t="s">
        <v>78</v>
      </c>
      <c r="L497" s="8" t="s">
        <v>71</v>
      </c>
      <c r="M497" s="8">
        <v>1</v>
      </c>
      <c r="N497" s="8" t="s">
        <v>509</v>
      </c>
      <c r="O497" s="8">
        <v>1</v>
      </c>
      <c r="P497" s="8">
        <v>48</v>
      </c>
      <c r="Q497" s="8"/>
      <c r="R497" s="238"/>
      <c r="S497" s="238"/>
      <c r="T497" s="238"/>
      <c r="U497" s="238"/>
    </row>
    <row r="498" spans="8:21" s="10" customFormat="1" ht="28" hidden="1" outlineLevel="1">
      <c r="H498" s="8">
        <v>8</v>
      </c>
      <c r="I498" s="8">
        <v>235</v>
      </c>
      <c r="J498" s="8" t="s">
        <v>90</v>
      </c>
      <c r="K498" s="8" t="s">
        <v>78</v>
      </c>
      <c r="L498" s="8" t="s">
        <v>71</v>
      </c>
      <c r="M498" s="8">
        <v>1</v>
      </c>
      <c r="N498" s="8" t="s">
        <v>514</v>
      </c>
      <c r="O498" s="8">
        <v>2</v>
      </c>
      <c r="P498" s="8">
        <v>2</v>
      </c>
      <c r="Q498" s="70" t="s">
        <v>624</v>
      </c>
      <c r="R498" s="238"/>
      <c r="S498" s="238"/>
      <c r="T498" s="238"/>
      <c r="U498" s="238"/>
    </row>
    <row r="499" spans="8:21" s="10" customFormat="1" hidden="1" outlineLevel="1">
      <c r="H499" s="8">
        <v>9</v>
      </c>
      <c r="I499" s="8">
        <v>234</v>
      </c>
      <c r="J499" s="8" t="s">
        <v>88</v>
      </c>
      <c r="K499" s="8" t="s">
        <v>78</v>
      </c>
      <c r="L499" s="8" t="s">
        <v>71</v>
      </c>
      <c r="M499" s="8">
        <v>1</v>
      </c>
      <c r="N499" s="8" t="s">
        <v>509</v>
      </c>
      <c r="O499" s="8">
        <v>1</v>
      </c>
      <c r="P499" s="8">
        <v>48</v>
      </c>
      <c r="Q499" s="8"/>
      <c r="R499" s="238"/>
      <c r="S499" s="238"/>
      <c r="T499" s="238"/>
      <c r="U499" s="238"/>
    </row>
    <row r="500" spans="8:21" s="10" customFormat="1" ht="28" hidden="1" outlineLevel="1">
      <c r="H500" s="8">
        <v>10</v>
      </c>
      <c r="I500" s="8">
        <v>235</v>
      </c>
      <c r="J500" s="8" t="s">
        <v>90</v>
      </c>
      <c r="K500" s="8" t="s">
        <v>78</v>
      </c>
      <c r="L500" s="8" t="s">
        <v>71</v>
      </c>
      <c r="M500" s="8">
        <v>1</v>
      </c>
      <c r="N500" s="8" t="s">
        <v>514</v>
      </c>
      <c r="O500" s="8">
        <v>2</v>
      </c>
      <c r="P500" s="8">
        <v>2</v>
      </c>
      <c r="Q500" s="70" t="s">
        <v>624</v>
      </c>
      <c r="R500" s="238"/>
      <c r="S500" s="238"/>
      <c r="T500" s="238"/>
      <c r="U500" s="238"/>
    </row>
    <row r="501" spans="8:21" s="10" customFormat="1" hidden="1" outlineLevel="1">
      <c r="H501" s="8">
        <v>11</v>
      </c>
      <c r="I501" s="8">
        <v>234</v>
      </c>
      <c r="J501" s="8" t="s">
        <v>88</v>
      </c>
      <c r="K501" s="8" t="s">
        <v>78</v>
      </c>
      <c r="L501" s="8" t="s">
        <v>71</v>
      </c>
      <c r="M501" s="8">
        <v>1</v>
      </c>
      <c r="N501" s="8" t="s">
        <v>509</v>
      </c>
      <c r="O501" s="8">
        <v>1</v>
      </c>
      <c r="P501" s="8">
        <v>48</v>
      </c>
      <c r="Q501" s="8"/>
      <c r="R501" s="238"/>
      <c r="S501" s="238"/>
      <c r="T501" s="238"/>
      <c r="U501" s="238"/>
    </row>
    <row r="502" spans="8:21" s="10" customFormat="1" ht="28" hidden="1" outlineLevel="1">
      <c r="H502" s="8">
        <v>12</v>
      </c>
      <c r="I502" s="8">
        <v>235</v>
      </c>
      <c r="J502" s="8" t="s">
        <v>90</v>
      </c>
      <c r="K502" s="8" t="s">
        <v>78</v>
      </c>
      <c r="L502" s="8" t="s">
        <v>71</v>
      </c>
      <c r="M502" s="8">
        <v>1</v>
      </c>
      <c r="N502" s="8" t="s">
        <v>514</v>
      </c>
      <c r="O502" s="8">
        <v>2</v>
      </c>
      <c r="P502" s="8">
        <v>2</v>
      </c>
      <c r="Q502" s="70" t="s">
        <v>624</v>
      </c>
      <c r="R502" s="238"/>
      <c r="S502" s="238"/>
      <c r="T502" s="238"/>
      <c r="U502" s="238"/>
    </row>
    <row r="503" spans="8:21" s="10" customFormat="1" hidden="1" outlineLevel="1">
      <c r="H503" s="8">
        <v>13</v>
      </c>
      <c r="I503" s="8">
        <v>234</v>
      </c>
      <c r="J503" s="8" t="s">
        <v>88</v>
      </c>
      <c r="K503" s="8" t="s">
        <v>78</v>
      </c>
      <c r="L503" s="8" t="s">
        <v>71</v>
      </c>
      <c r="M503" s="8">
        <v>1</v>
      </c>
      <c r="N503" s="8" t="s">
        <v>509</v>
      </c>
      <c r="O503" s="8">
        <v>1</v>
      </c>
      <c r="P503" s="8">
        <v>48</v>
      </c>
      <c r="Q503" s="8"/>
      <c r="R503" s="238"/>
      <c r="S503" s="238"/>
      <c r="T503" s="238"/>
      <c r="U503" s="238"/>
    </row>
    <row r="504" spans="8:21" s="10" customFormat="1" ht="28" hidden="1" outlineLevel="1">
      <c r="H504" s="8">
        <v>14</v>
      </c>
      <c r="I504" s="8">
        <v>235</v>
      </c>
      <c r="J504" s="8" t="s">
        <v>90</v>
      </c>
      <c r="K504" s="8" t="s">
        <v>78</v>
      </c>
      <c r="L504" s="8" t="s">
        <v>71</v>
      </c>
      <c r="M504" s="8">
        <v>1</v>
      </c>
      <c r="N504" s="8" t="s">
        <v>514</v>
      </c>
      <c r="O504" s="8">
        <v>2</v>
      </c>
      <c r="P504" s="8">
        <v>2</v>
      </c>
      <c r="Q504" s="70" t="s">
        <v>624</v>
      </c>
      <c r="R504" s="238"/>
      <c r="S504" s="238"/>
      <c r="T504" s="238"/>
      <c r="U504" s="238"/>
    </row>
    <row r="505" spans="8:21" s="10" customFormat="1" hidden="1" outlineLevel="1">
      <c r="H505" s="8">
        <v>15</v>
      </c>
      <c r="I505" s="8">
        <v>234</v>
      </c>
      <c r="J505" s="8" t="s">
        <v>88</v>
      </c>
      <c r="K505" s="8" t="s">
        <v>78</v>
      </c>
      <c r="L505" s="8" t="s">
        <v>71</v>
      </c>
      <c r="M505" s="8">
        <v>1</v>
      </c>
      <c r="N505" s="8" t="s">
        <v>509</v>
      </c>
      <c r="O505" s="8">
        <v>1</v>
      </c>
      <c r="P505" s="8">
        <v>48</v>
      </c>
      <c r="Q505" s="8"/>
      <c r="R505" s="238"/>
      <c r="S505" s="238"/>
      <c r="T505" s="238"/>
      <c r="U505" s="238"/>
    </row>
    <row r="506" spans="8:21" s="10" customFormat="1" ht="28" hidden="1" outlineLevel="1">
      <c r="H506" s="8">
        <v>16</v>
      </c>
      <c r="I506" s="8">
        <v>235</v>
      </c>
      <c r="J506" s="8" t="s">
        <v>90</v>
      </c>
      <c r="K506" s="8" t="s">
        <v>78</v>
      </c>
      <c r="L506" s="8" t="s">
        <v>71</v>
      </c>
      <c r="M506" s="8">
        <v>1</v>
      </c>
      <c r="N506" s="8" t="s">
        <v>514</v>
      </c>
      <c r="O506" s="8">
        <v>2</v>
      </c>
      <c r="P506" s="8">
        <v>2</v>
      </c>
      <c r="Q506" s="70" t="s">
        <v>624</v>
      </c>
      <c r="R506" s="238"/>
      <c r="S506" s="238"/>
      <c r="T506" s="238"/>
      <c r="U506" s="238"/>
    </row>
    <row r="507" spans="8:21" s="10" customFormat="1" hidden="1" outlineLevel="1">
      <c r="H507" s="8">
        <v>17</v>
      </c>
      <c r="I507" s="8">
        <v>234</v>
      </c>
      <c r="J507" s="8" t="s">
        <v>88</v>
      </c>
      <c r="K507" s="8" t="s">
        <v>78</v>
      </c>
      <c r="L507" s="8" t="s">
        <v>71</v>
      </c>
      <c r="M507" s="8">
        <v>1</v>
      </c>
      <c r="N507" s="8" t="s">
        <v>509</v>
      </c>
      <c r="O507" s="8">
        <v>1</v>
      </c>
      <c r="P507" s="8">
        <v>48</v>
      </c>
      <c r="Q507" s="8"/>
      <c r="R507" s="238"/>
      <c r="S507" s="238"/>
      <c r="T507" s="238"/>
      <c r="U507" s="238"/>
    </row>
    <row r="508" spans="8:21" s="10" customFormat="1" ht="28" hidden="1" outlineLevel="1">
      <c r="H508" s="8">
        <v>18</v>
      </c>
      <c r="I508" s="8">
        <v>235</v>
      </c>
      <c r="J508" s="8" t="s">
        <v>90</v>
      </c>
      <c r="K508" s="8" t="s">
        <v>78</v>
      </c>
      <c r="L508" s="8" t="s">
        <v>71</v>
      </c>
      <c r="M508" s="8">
        <v>1</v>
      </c>
      <c r="N508" s="8" t="s">
        <v>514</v>
      </c>
      <c r="O508" s="8">
        <v>2</v>
      </c>
      <c r="P508" s="8">
        <v>2</v>
      </c>
      <c r="Q508" s="70" t="s">
        <v>624</v>
      </c>
      <c r="R508" s="238"/>
      <c r="S508" s="238"/>
      <c r="T508" s="238"/>
      <c r="U508" s="238"/>
    </row>
    <row r="509" spans="8:21" s="10" customFormat="1" hidden="1" outlineLevel="1">
      <c r="H509" s="8">
        <v>19</v>
      </c>
      <c r="I509" s="8">
        <v>234</v>
      </c>
      <c r="J509" s="8" t="s">
        <v>88</v>
      </c>
      <c r="K509" s="8" t="s">
        <v>78</v>
      </c>
      <c r="L509" s="8" t="s">
        <v>71</v>
      </c>
      <c r="M509" s="8">
        <v>1</v>
      </c>
      <c r="N509" s="8" t="s">
        <v>509</v>
      </c>
      <c r="O509" s="8">
        <v>1</v>
      </c>
      <c r="P509" s="8">
        <v>48</v>
      </c>
      <c r="Q509" s="8"/>
      <c r="R509" s="238"/>
      <c r="S509" s="238"/>
      <c r="T509" s="238"/>
      <c r="U509" s="238"/>
    </row>
    <row r="510" spans="8:21" s="10" customFormat="1" ht="28" hidden="1" outlineLevel="1">
      <c r="H510" s="8">
        <v>20</v>
      </c>
      <c r="I510" s="8">
        <v>235</v>
      </c>
      <c r="J510" s="8" t="s">
        <v>90</v>
      </c>
      <c r="K510" s="8" t="s">
        <v>78</v>
      </c>
      <c r="L510" s="8" t="s">
        <v>71</v>
      </c>
      <c r="M510" s="8">
        <v>1</v>
      </c>
      <c r="N510" s="8" t="s">
        <v>514</v>
      </c>
      <c r="O510" s="8">
        <v>2</v>
      </c>
      <c r="P510" s="8">
        <v>2</v>
      </c>
      <c r="Q510" s="70" t="s">
        <v>624</v>
      </c>
      <c r="R510" s="238"/>
      <c r="S510" s="238"/>
      <c r="T510" s="238"/>
      <c r="U510" s="238"/>
    </row>
    <row r="511" spans="8:21" s="10" customFormat="1" hidden="1" outlineLevel="1">
      <c r="H511" s="8">
        <v>21</v>
      </c>
      <c r="I511" s="8">
        <v>234</v>
      </c>
      <c r="J511" s="8" t="s">
        <v>88</v>
      </c>
      <c r="K511" s="8" t="s">
        <v>78</v>
      </c>
      <c r="L511" s="8" t="s">
        <v>71</v>
      </c>
      <c r="M511" s="8">
        <v>1</v>
      </c>
      <c r="N511" s="8" t="s">
        <v>509</v>
      </c>
      <c r="O511" s="8">
        <v>1</v>
      </c>
      <c r="P511" s="8">
        <v>48</v>
      </c>
      <c r="Q511" s="8"/>
      <c r="R511" s="238"/>
      <c r="S511" s="238"/>
      <c r="T511" s="238"/>
      <c r="U511" s="238"/>
    </row>
    <row r="512" spans="8:21" s="10" customFormat="1" ht="28" hidden="1" outlineLevel="1">
      <c r="H512" s="8">
        <v>22</v>
      </c>
      <c r="I512" s="8">
        <v>235</v>
      </c>
      <c r="J512" s="8" t="s">
        <v>90</v>
      </c>
      <c r="K512" s="8" t="s">
        <v>78</v>
      </c>
      <c r="L512" s="8" t="s">
        <v>71</v>
      </c>
      <c r="M512" s="8">
        <v>1</v>
      </c>
      <c r="N512" s="8" t="s">
        <v>514</v>
      </c>
      <c r="O512" s="8">
        <v>2</v>
      </c>
      <c r="P512" s="8">
        <v>2</v>
      </c>
      <c r="Q512" s="70" t="s">
        <v>624</v>
      </c>
      <c r="R512" s="238"/>
      <c r="S512" s="238"/>
      <c r="T512" s="238"/>
      <c r="U512" s="238"/>
    </row>
    <row r="513" spans="1:21" hidden="1" outlineLevel="1">
      <c r="H513" s="8">
        <v>23</v>
      </c>
      <c r="I513" s="8">
        <v>234</v>
      </c>
      <c r="J513" s="8" t="s">
        <v>88</v>
      </c>
      <c r="K513" s="8" t="s">
        <v>78</v>
      </c>
      <c r="L513" s="8" t="s">
        <v>71</v>
      </c>
      <c r="M513" s="8">
        <v>1</v>
      </c>
      <c r="N513" s="8" t="s">
        <v>509</v>
      </c>
      <c r="O513" s="8">
        <v>1</v>
      </c>
      <c r="P513" s="8">
        <v>48</v>
      </c>
      <c r="R513" s="238"/>
      <c r="S513" s="238"/>
      <c r="T513" s="238"/>
      <c r="U513" s="238"/>
    </row>
    <row r="514" spans="1:21" ht="28" hidden="1" outlineLevel="1">
      <c r="H514" s="8">
        <v>24</v>
      </c>
      <c r="I514" s="8">
        <v>235</v>
      </c>
      <c r="J514" s="8" t="s">
        <v>90</v>
      </c>
      <c r="K514" s="8" t="s">
        <v>78</v>
      </c>
      <c r="L514" s="8" t="s">
        <v>71</v>
      </c>
      <c r="M514" s="8">
        <v>1</v>
      </c>
      <c r="N514" s="8" t="s">
        <v>514</v>
      </c>
      <c r="O514" s="8">
        <v>2</v>
      </c>
      <c r="P514" s="8">
        <v>2</v>
      </c>
      <c r="Q514" s="70" t="s">
        <v>624</v>
      </c>
      <c r="R514" s="238"/>
      <c r="S514" s="238"/>
      <c r="T514" s="238"/>
      <c r="U514" s="238"/>
    </row>
    <row r="515" spans="1:21" hidden="1" outlineLevel="1">
      <c r="H515" s="8">
        <v>25</v>
      </c>
      <c r="I515" s="8">
        <v>234</v>
      </c>
      <c r="J515" s="8" t="s">
        <v>88</v>
      </c>
      <c r="K515" s="8" t="s">
        <v>78</v>
      </c>
      <c r="L515" s="8" t="s">
        <v>71</v>
      </c>
      <c r="M515" s="8">
        <v>1</v>
      </c>
      <c r="N515" s="8" t="s">
        <v>509</v>
      </c>
      <c r="O515" s="8">
        <v>1</v>
      </c>
      <c r="P515" s="8">
        <v>48</v>
      </c>
      <c r="R515" s="238"/>
      <c r="S515" s="238"/>
      <c r="T515" s="238"/>
      <c r="U515" s="238"/>
    </row>
    <row r="516" spans="1:21" ht="28" hidden="1" outlineLevel="1">
      <c r="H516" s="8">
        <v>26</v>
      </c>
      <c r="I516" s="8">
        <v>235</v>
      </c>
      <c r="J516" s="8" t="s">
        <v>90</v>
      </c>
      <c r="K516" s="8" t="s">
        <v>78</v>
      </c>
      <c r="L516" s="8" t="s">
        <v>71</v>
      </c>
      <c r="M516" s="8">
        <v>1</v>
      </c>
      <c r="N516" s="8" t="s">
        <v>514</v>
      </c>
      <c r="O516" s="8">
        <v>2</v>
      </c>
      <c r="P516" s="8">
        <v>2</v>
      </c>
      <c r="Q516" s="70" t="s">
        <v>624</v>
      </c>
      <c r="R516" s="238"/>
      <c r="S516" s="238"/>
      <c r="T516" s="238"/>
      <c r="U516" s="238"/>
    </row>
    <row r="517" spans="1:21" hidden="1" outlineLevel="1">
      <c r="H517" s="8">
        <v>27</v>
      </c>
      <c r="I517" s="8">
        <v>234</v>
      </c>
      <c r="J517" s="8" t="s">
        <v>88</v>
      </c>
      <c r="K517" s="8" t="s">
        <v>78</v>
      </c>
      <c r="L517" s="8" t="s">
        <v>71</v>
      </c>
      <c r="M517" s="8">
        <v>1</v>
      </c>
      <c r="N517" s="8" t="s">
        <v>509</v>
      </c>
      <c r="O517" s="8">
        <v>1</v>
      </c>
      <c r="P517" s="8">
        <v>48</v>
      </c>
      <c r="R517" s="238"/>
      <c r="S517" s="238"/>
      <c r="T517" s="238"/>
      <c r="U517" s="238"/>
    </row>
    <row r="518" spans="1:21" ht="28" hidden="1" outlineLevel="1">
      <c r="H518" s="8">
        <v>28</v>
      </c>
      <c r="I518" s="8">
        <v>235</v>
      </c>
      <c r="J518" s="8" t="s">
        <v>90</v>
      </c>
      <c r="K518" s="8" t="s">
        <v>78</v>
      </c>
      <c r="L518" s="8" t="s">
        <v>71</v>
      </c>
      <c r="M518" s="8">
        <v>1</v>
      </c>
      <c r="N518" s="8" t="s">
        <v>514</v>
      </c>
      <c r="O518" s="8">
        <v>2</v>
      </c>
      <c r="P518" s="8">
        <v>2</v>
      </c>
      <c r="Q518" s="70" t="s">
        <v>624</v>
      </c>
      <c r="R518" s="238"/>
      <c r="S518" s="238"/>
      <c r="T518" s="238"/>
      <c r="U518" s="238"/>
    </row>
    <row r="519" spans="1:21" hidden="1" outlineLevel="1">
      <c r="H519" s="8">
        <v>29</v>
      </c>
      <c r="I519" s="8">
        <v>234</v>
      </c>
      <c r="J519" s="8" t="s">
        <v>88</v>
      </c>
      <c r="K519" s="8" t="s">
        <v>78</v>
      </c>
      <c r="L519" s="8" t="s">
        <v>71</v>
      </c>
      <c r="M519" s="8">
        <v>1</v>
      </c>
      <c r="N519" s="8" t="s">
        <v>509</v>
      </c>
      <c r="O519" s="8">
        <v>1</v>
      </c>
      <c r="P519" s="8">
        <v>48</v>
      </c>
      <c r="R519" s="238"/>
      <c r="S519" s="238"/>
      <c r="T519" s="238"/>
      <c r="U519" s="238"/>
    </row>
    <row r="520" spans="1:21" ht="28" hidden="1" outlineLevel="1">
      <c r="C520" s="11"/>
      <c r="D520" s="11"/>
      <c r="E520" s="11"/>
      <c r="F520" s="11"/>
      <c r="G520" s="11"/>
      <c r="H520" s="11">
        <v>30</v>
      </c>
      <c r="I520" s="11">
        <v>235</v>
      </c>
      <c r="J520" s="11" t="s">
        <v>90</v>
      </c>
      <c r="K520" s="11" t="s">
        <v>78</v>
      </c>
      <c r="L520" s="8" t="s">
        <v>71</v>
      </c>
      <c r="M520" s="8">
        <v>1</v>
      </c>
      <c r="N520" s="8" t="s">
        <v>514</v>
      </c>
      <c r="O520" s="8">
        <v>2</v>
      </c>
      <c r="P520" s="8">
        <v>2</v>
      </c>
      <c r="Q520" s="70" t="s">
        <v>624</v>
      </c>
      <c r="R520" s="238"/>
      <c r="S520" s="238"/>
      <c r="T520" s="238"/>
      <c r="U520" s="238"/>
    </row>
    <row r="521" spans="1:21" hidden="1" outlineLevel="1">
      <c r="C521" s="11"/>
      <c r="D521" s="11"/>
      <c r="E521" s="11"/>
      <c r="F521" s="11"/>
      <c r="G521" s="11"/>
      <c r="H521" s="11">
        <v>31</v>
      </c>
      <c r="I521" s="11">
        <v>234</v>
      </c>
      <c r="J521" s="11" t="s">
        <v>88</v>
      </c>
      <c r="K521" s="11" t="s">
        <v>78</v>
      </c>
      <c r="L521" s="8" t="s">
        <v>71</v>
      </c>
      <c r="M521" s="8">
        <v>1</v>
      </c>
      <c r="N521" s="11" t="s">
        <v>509</v>
      </c>
      <c r="O521" s="8">
        <v>1</v>
      </c>
      <c r="P521" s="8">
        <v>48</v>
      </c>
      <c r="R521" s="238"/>
      <c r="S521" s="238"/>
      <c r="T521" s="238"/>
      <c r="U521" s="238"/>
    </row>
    <row r="522" spans="1:21" collapsed="1">
      <c r="A522" s="17"/>
      <c r="B522" s="17"/>
      <c r="C522" s="17" t="s">
        <v>483</v>
      </c>
      <c r="D522" s="17" t="s">
        <v>484</v>
      </c>
      <c r="E522" s="17"/>
      <c r="F522" s="17"/>
      <c r="G522" s="17"/>
      <c r="H522" s="17"/>
      <c r="I522" s="17"/>
      <c r="J522" s="17"/>
      <c r="K522" s="17" t="s">
        <v>17</v>
      </c>
      <c r="L522" s="17" t="s">
        <v>71</v>
      </c>
      <c r="M522" s="17">
        <v>1</v>
      </c>
      <c r="N522" s="17"/>
      <c r="O522" s="17"/>
      <c r="P522" s="17"/>
      <c r="Q522" s="17"/>
      <c r="R522" s="238" t="s">
        <v>1036</v>
      </c>
      <c r="S522" s="238" t="s">
        <v>1495</v>
      </c>
      <c r="T522" s="238" t="s">
        <v>2</v>
      </c>
      <c r="U522" s="238" t="s">
        <v>2</v>
      </c>
    </row>
    <row r="523" spans="1:21" hidden="1" outlineLevel="1">
      <c r="H523" s="8">
        <v>1</v>
      </c>
      <c r="I523" s="8">
        <v>350</v>
      </c>
      <c r="J523" s="8" t="s">
        <v>108</v>
      </c>
      <c r="K523" s="8" t="s">
        <v>17</v>
      </c>
      <c r="L523" s="8" t="s">
        <v>71</v>
      </c>
      <c r="M523" s="8">
        <v>1</v>
      </c>
      <c r="N523" s="8" t="s">
        <v>509</v>
      </c>
      <c r="O523" s="8">
        <v>1</v>
      </c>
      <c r="P523" s="8">
        <v>20</v>
      </c>
      <c r="Q523" s="72" t="s">
        <v>780</v>
      </c>
      <c r="R523" s="238"/>
      <c r="S523" s="238"/>
      <c r="T523" s="238"/>
      <c r="U523" s="238"/>
    </row>
    <row r="524" spans="1:21" hidden="1" outlineLevel="1">
      <c r="H524" s="8">
        <v>2</v>
      </c>
      <c r="I524" s="8">
        <v>382</v>
      </c>
      <c r="J524" s="8" t="s">
        <v>485</v>
      </c>
      <c r="K524" s="8" t="s">
        <v>66</v>
      </c>
      <c r="L524" s="8" t="s">
        <v>65</v>
      </c>
      <c r="M524" s="8">
        <v>1</v>
      </c>
      <c r="N524" s="8" t="s">
        <v>438</v>
      </c>
      <c r="O524" s="8">
        <v>1</v>
      </c>
      <c r="P524" s="8">
        <v>10</v>
      </c>
      <c r="Q524" s="72"/>
      <c r="R524" s="238"/>
      <c r="S524" s="238"/>
      <c r="T524" s="238"/>
      <c r="U524" s="238"/>
    </row>
    <row r="525" spans="1:21" ht="28" hidden="1" outlineLevel="1">
      <c r="H525" s="8">
        <v>3</v>
      </c>
      <c r="I525" s="8">
        <v>355</v>
      </c>
      <c r="J525" s="8" t="s">
        <v>103</v>
      </c>
      <c r="K525" s="8" t="s">
        <v>66</v>
      </c>
      <c r="L525" s="8" t="s">
        <v>65</v>
      </c>
      <c r="M525" s="8">
        <v>1</v>
      </c>
      <c r="N525" s="8" t="s">
        <v>514</v>
      </c>
      <c r="O525" s="8">
        <v>2</v>
      </c>
      <c r="P525" s="8">
        <v>2</v>
      </c>
      <c r="Q525" s="70" t="s">
        <v>624</v>
      </c>
      <c r="R525" s="238"/>
      <c r="S525" s="238"/>
      <c r="T525" s="238"/>
      <c r="U525" s="238"/>
    </row>
    <row r="526" spans="1:21" hidden="1" outlineLevel="1">
      <c r="H526" s="19">
        <v>4</v>
      </c>
      <c r="I526" s="19">
        <v>646</v>
      </c>
      <c r="J526" s="19" t="s">
        <v>486</v>
      </c>
      <c r="K526" s="19" t="s">
        <v>17</v>
      </c>
      <c r="L526" s="19" t="s">
        <v>174</v>
      </c>
      <c r="M526" s="19">
        <v>1</v>
      </c>
      <c r="N526" s="19" t="s">
        <v>438</v>
      </c>
      <c r="O526" s="19">
        <v>1</v>
      </c>
      <c r="P526" s="19">
        <v>15</v>
      </c>
      <c r="Q526" s="19"/>
      <c r="R526" s="238"/>
      <c r="S526" s="238"/>
      <c r="T526" s="238"/>
      <c r="U526" s="238"/>
    </row>
    <row r="527" spans="1:21" hidden="1" outlineLevel="1">
      <c r="H527" s="8">
        <v>5</v>
      </c>
      <c r="I527" s="8">
        <v>330</v>
      </c>
      <c r="J527" s="8" t="s">
        <v>351</v>
      </c>
      <c r="K527" s="8" t="s">
        <v>78</v>
      </c>
      <c r="L527" s="8" t="s">
        <v>71</v>
      </c>
      <c r="M527" s="8">
        <v>1</v>
      </c>
      <c r="N527" s="8" t="s">
        <v>438</v>
      </c>
      <c r="O527" s="8">
        <v>1</v>
      </c>
      <c r="P527" s="8">
        <v>15</v>
      </c>
      <c r="Q527" s="72"/>
      <c r="R527" s="238"/>
      <c r="S527" s="238"/>
      <c r="T527" s="238"/>
      <c r="U527" s="238"/>
    </row>
    <row r="528" spans="1:21" ht="28" hidden="1" outlineLevel="1">
      <c r="H528" s="8">
        <v>6</v>
      </c>
      <c r="I528" s="8">
        <v>355</v>
      </c>
      <c r="J528" s="8" t="s">
        <v>103</v>
      </c>
      <c r="K528" s="8" t="s">
        <v>78</v>
      </c>
      <c r="L528" s="8" t="s">
        <v>71</v>
      </c>
      <c r="M528" s="8">
        <v>1</v>
      </c>
      <c r="N528" s="8" t="s">
        <v>514</v>
      </c>
      <c r="O528" s="8">
        <v>2</v>
      </c>
      <c r="P528" s="8">
        <v>2</v>
      </c>
      <c r="Q528" s="70" t="s">
        <v>624</v>
      </c>
      <c r="R528" s="238"/>
      <c r="S528" s="238"/>
      <c r="T528" s="238"/>
      <c r="U528" s="238"/>
    </row>
    <row r="529" spans="1:21" hidden="1" collapsed="1">
      <c r="A529" s="17"/>
      <c r="B529" s="17"/>
      <c r="C529" s="17" t="s">
        <v>111</v>
      </c>
      <c r="D529" s="17" t="s">
        <v>487</v>
      </c>
      <c r="E529" s="17"/>
      <c r="F529" s="17"/>
      <c r="G529" s="17"/>
      <c r="H529" s="17"/>
      <c r="I529" s="17"/>
      <c r="J529" s="17"/>
      <c r="K529" s="17" t="s">
        <v>17</v>
      </c>
      <c r="L529" s="17" t="s">
        <v>71</v>
      </c>
      <c r="M529" s="17">
        <v>1000</v>
      </c>
      <c r="N529" s="17"/>
      <c r="O529" s="17"/>
      <c r="P529" s="17"/>
      <c r="Q529" s="138"/>
      <c r="R529" s="238"/>
      <c r="S529" s="238"/>
      <c r="T529" s="238"/>
      <c r="U529" s="238"/>
    </row>
    <row r="530" spans="1:21" hidden="1">
      <c r="H530" s="8">
        <v>1</v>
      </c>
      <c r="I530" s="8">
        <v>350</v>
      </c>
      <c r="J530" s="8" t="s">
        <v>108</v>
      </c>
      <c r="K530" s="8" t="s">
        <v>66</v>
      </c>
      <c r="L530" s="8" t="s">
        <v>65</v>
      </c>
      <c r="M530" s="8">
        <v>1</v>
      </c>
      <c r="N530" s="8" t="s">
        <v>509</v>
      </c>
      <c r="O530" s="8">
        <v>1</v>
      </c>
      <c r="P530" s="8">
        <v>20</v>
      </c>
      <c r="Q530" s="72"/>
      <c r="R530" s="238"/>
      <c r="S530" s="238"/>
      <c r="T530" s="238"/>
      <c r="U530" s="238"/>
    </row>
    <row r="531" spans="1:21" hidden="1">
      <c r="H531" s="19">
        <v>2</v>
      </c>
      <c r="I531" s="19">
        <v>350</v>
      </c>
      <c r="J531" s="19" t="s">
        <v>108</v>
      </c>
      <c r="K531" s="19" t="s">
        <v>17</v>
      </c>
      <c r="L531" s="19" t="s">
        <v>174</v>
      </c>
      <c r="M531" s="19">
        <v>1</v>
      </c>
      <c r="N531" s="19" t="s">
        <v>509</v>
      </c>
      <c r="O531" s="19">
        <v>1</v>
      </c>
      <c r="P531" s="19">
        <v>20</v>
      </c>
      <c r="Q531" s="19"/>
      <c r="R531" s="238"/>
      <c r="S531" s="238"/>
      <c r="T531" s="238"/>
      <c r="U531" s="238"/>
    </row>
    <row r="532" spans="1:21" hidden="1">
      <c r="H532" s="8">
        <v>3</v>
      </c>
      <c r="I532" s="8">
        <v>662</v>
      </c>
      <c r="J532" s="8" t="s">
        <v>97</v>
      </c>
      <c r="K532" s="8" t="s">
        <v>66</v>
      </c>
      <c r="L532" s="8" t="s">
        <v>65</v>
      </c>
      <c r="M532" s="8">
        <v>1</v>
      </c>
      <c r="N532" s="8" t="s">
        <v>514</v>
      </c>
      <c r="O532" s="8">
        <v>1</v>
      </c>
      <c r="P532" s="8">
        <v>1</v>
      </c>
      <c r="Q532" s="8" t="s">
        <v>744</v>
      </c>
      <c r="R532" s="238"/>
      <c r="S532" s="238"/>
      <c r="T532" s="238"/>
      <c r="U532" s="238"/>
    </row>
    <row r="533" spans="1:21" hidden="1">
      <c r="H533" s="19">
        <v>4</v>
      </c>
      <c r="I533" s="19">
        <v>380</v>
      </c>
      <c r="J533" s="19" t="s">
        <v>105</v>
      </c>
      <c r="K533" s="19" t="s">
        <v>17</v>
      </c>
      <c r="L533" s="19" t="s">
        <v>174</v>
      </c>
      <c r="M533" s="19">
        <v>1</v>
      </c>
      <c r="N533" s="19" t="s">
        <v>438</v>
      </c>
      <c r="O533" s="19">
        <v>1</v>
      </c>
      <c r="P533" s="19">
        <v>15</v>
      </c>
      <c r="Q533" s="19"/>
      <c r="R533" s="238"/>
      <c r="S533" s="238"/>
      <c r="T533" s="238"/>
      <c r="U533" s="238"/>
    </row>
    <row r="534" spans="1:21" customFormat="1" hidden="1">
      <c r="D534" s="8"/>
      <c r="E534" s="11">
        <v>5</v>
      </c>
      <c r="F534" s="11" t="s">
        <v>186</v>
      </c>
      <c r="G534" s="11" t="s">
        <v>427</v>
      </c>
      <c r="H534" s="11"/>
      <c r="I534" s="11"/>
      <c r="J534" s="11"/>
      <c r="K534" s="11" t="s">
        <v>78</v>
      </c>
      <c r="L534" s="11" t="s">
        <v>71</v>
      </c>
      <c r="M534" s="11">
        <v>1</v>
      </c>
      <c r="N534" s="11"/>
      <c r="O534" s="11"/>
      <c r="P534" s="11"/>
      <c r="R534" s="238"/>
      <c r="S534" s="238"/>
      <c r="T534" s="238"/>
      <c r="U534" s="238"/>
    </row>
    <row r="535" spans="1:21" hidden="1">
      <c r="H535" s="19">
        <v>1</v>
      </c>
      <c r="I535" s="19">
        <v>355</v>
      </c>
      <c r="J535" s="19" t="s">
        <v>103</v>
      </c>
      <c r="K535" s="19" t="s">
        <v>78</v>
      </c>
      <c r="L535" s="19" t="s">
        <v>174</v>
      </c>
      <c r="M535" s="19">
        <v>1</v>
      </c>
      <c r="N535" s="19" t="s">
        <v>514</v>
      </c>
      <c r="O535" s="19">
        <v>2</v>
      </c>
      <c r="P535" s="19">
        <v>2</v>
      </c>
      <c r="Q535" s="19"/>
      <c r="R535" s="238"/>
      <c r="S535" s="238"/>
      <c r="T535" s="238"/>
      <c r="U535" s="238"/>
    </row>
    <row r="536" spans="1:21" hidden="1">
      <c r="H536" s="8">
        <v>6</v>
      </c>
      <c r="I536" s="8">
        <v>212</v>
      </c>
      <c r="J536" s="8" t="s">
        <v>101</v>
      </c>
      <c r="K536" s="8" t="s">
        <v>78</v>
      </c>
      <c r="L536" s="8" t="s">
        <v>71</v>
      </c>
      <c r="M536" s="11">
        <v>1</v>
      </c>
      <c r="N536" s="11" t="s">
        <v>438</v>
      </c>
      <c r="O536" s="11">
        <v>1</v>
      </c>
      <c r="P536" s="11">
        <v>17</v>
      </c>
      <c r="Q536" s="72"/>
      <c r="R536" s="238"/>
      <c r="S536" s="238"/>
      <c r="T536" s="238"/>
      <c r="U536" s="238"/>
    </row>
    <row r="537" spans="1:21" hidden="1">
      <c r="A537" s="17"/>
      <c r="B537" s="17"/>
      <c r="C537" s="17" t="s">
        <v>488</v>
      </c>
      <c r="D537" s="17" t="s">
        <v>489</v>
      </c>
      <c r="E537" s="17"/>
      <c r="F537" s="17"/>
      <c r="G537" s="17"/>
      <c r="H537" s="17"/>
      <c r="I537" s="17"/>
      <c r="J537" s="17"/>
      <c r="K537" s="17" t="s">
        <v>17</v>
      </c>
      <c r="L537" s="17" t="s">
        <v>71</v>
      </c>
      <c r="M537" s="17">
        <v>1</v>
      </c>
      <c r="N537" s="17"/>
      <c r="O537" s="17"/>
      <c r="P537" s="17"/>
      <c r="Q537" s="74"/>
      <c r="R537" s="238"/>
      <c r="S537" s="238"/>
      <c r="T537" s="238"/>
      <c r="U537" s="238"/>
    </row>
    <row r="538" spans="1:21" hidden="1">
      <c r="H538" s="8">
        <v>1</v>
      </c>
      <c r="I538" s="8">
        <v>356</v>
      </c>
      <c r="J538" s="8" t="s">
        <v>490</v>
      </c>
      <c r="K538" s="8" t="s">
        <v>17</v>
      </c>
      <c r="L538" s="8" t="s">
        <v>71</v>
      </c>
      <c r="M538" s="8">
        <v>1</v>
      </c>
      <c r="N538" s="8" t="s">
        <v>510</v>
      </c>
      <c r="O538" s="8">
        <v>1</v>
      </c>
      <c r="P538" s="8">
        <v>6</v>
      </c>
      <c r="Q538" s="72"/>
      <c r="R538" s="238"/>
      <c r="S538" s="238"/>
      <c r="T538" s="238"/>
      <c r="U538" s="238"/>
    </row>
    <row r="539" spans="1:21" hidden="1">
      <c r="H539" s="8">
        <v>2</v>
      </c>
      <c r="I539" s="8">
        <v>357</v>
      </c>
      <c r="J539" s="8" t="s">
        <v>491</v>
      </c>
      <c r="K539" s="8" t="s">
        <v>78</v>
      </c>
      <c r="L539" s="8" t="s">
        <v>71</v>
      </c>
      <c r="M539" s="8">
        <v>1</v>
      </c>
      <c r="N539" s="8" t="s">
        <v>438</v>
      </c>
      <c r="O539" s="8">
        <v>1</v>
      </c>
      <c r="P539" s="8">
        <v>8</v>
      </c>
      <c r="Q539" s="72"/>
      <c r="R539" s="238"/>
      <c r="S539" s="238"/>
      <c r="T539" s="238"/>
      <c r="U539" s="238"/>
    </row>
    <row r="540" spans="1:21" ht="28" hidden="1">
      <c r="H540" s="8">
        <v>3</v>
      </c>
      <c r="I540" s="8">
        <v>355</v>
      </c>
      <c r="J540" s="8" t="s">
        <v>103</v>
      </c>
      <c r="K540" s="8" t="s">
        <v>78</v>
      </c>
      <c r="L540" s="8" t="s">
        <v>71</v>
      </c>
      <c r="M540" s="8">
        <v>1</v>
      </c>
      <c r="N540" s="8" t="s">
        <v>514</v>
      </c>
      <c r="O540" s="8">
        <v>2</v>
      </c>
      <c r="P540" s="8">
        <v>2</v>
      </c>
      <c r="Q540" s="70" t="s">
        <v>624</v>
      </c>
      <c r="R540" s="238"/>
      <c r="S540" s="238"/>
      <c r="T540" s="238"/>
      <c r="U540" s="238"/>
    </row>
    <row r="541" spans="1:21" ht="28" hidden="1">
      <c r="H541" s="8">
        <v>4</v>
      </c>
      <c r="I541" s="8">
        <v>103</v>
      </c>
      <c r="J541" s="8" t="s">
        <v>448</v>
      </c>
      <c r="K541" s="8" t="s">
        <v>78</v>
      </c>
      <c r="L541" s="8" t="s">
        <v>71</v>
      </c>
      <c r="M541" s="8">
        <v>1</v>
      </c>
      <c r="N541" s="8" t="s">
        <v>509</v>
      </c>
      <c r="O541" s="8">
        <v>3</v>
      </c>
      <c r="P541" s="8">
        <v>5</v>
      </c>
      <c r="Q541" s="70" t="s">
        <v>624</v>
      </c>
      <c r="R541" s="238"/>
      <c r="S541" s="238"/>
      <c r="T541" s="238"/>
      <c r="U541" s="238"/>
    </row>
    <row r="542" spans="1:21" hidden="1">
      <c r="H542" s="19">
        <v>5</v>
      </c>
      <c r="I542" s="19">
        <v>187</v>
      </c>
      <c r="J542" s="19" t="s">
        <v>453</v>
      </c>
      <c r="K542" s="19" t="s">
        <v>17</v>
      </c>
      <c r="L542" s="19" t="s">
        <v>174</v>
      </c>
      <c r="M542" s="19">
        <v>1</v>
      </c>
      <c r="N542" s="19" t="s">
        <v>514</v>
      </c>
      <c r="O542" s="19">
        <v>1</v>
      </c>
      <c r="P542" s="19">
        <v>2</v>
      </c>
      <c r="Q542" s="19"/>
      <c r="R542" s="238"/>
      <c r="S542" s="238"/>
      <c r="T542" s="238"/>
      <c r="U542" s="238"/>
    </row>
    <row r="543" spans="1:21" hidden="1">
      <c r="H543" s="8">
        <v>6</v>
      </c>
      <c r="I543" s="8">
        <v>384</v>
      </c>
      <c r="J543" s="8" t="s">
        <v>492</v>
      </c>
      <c r="K543" s="8" t="s">
        <v>78</v>
      </c>
      <c r="L543" s="8" t="s">
        <v>71</v>
      </c>
      <c r="M543" s="8">
        <v>1</v>
      </c>
      <c r="N543" s="8" t="s">
        <v>438</v>
      </c>
      <c r="O543" s="8">
        <v>1</v>
      </c>
      <c r="P543" s="8">
        <v>9</v>
      </c>
      <c r="Q543" s="72"/>
      <c r="R543" s="238"/>
      <c r="S543" s="238"/>
      <c r="T543" s="238"/>
      <c r="U543" s="238"/>
    </row>
    <row r="544" spans="1:21" ht="28" hidden="1">
      <c r="H544" s="8">
        <v>7</v>
      </c>
      <c r="I544" s="8">
        <v>355</v>
      </c>
      <c r="J544" s="8" t="s">
        <v>103</v>
      </c>
      <c r="K544" s="8" t="s">
        <v>78</v>
      </c>
      <c r="L544" s="8" t="s">
        <v>71</v>
      </c>
      <c r="M544" s="8">
        <v>1</v>
      </c>
      <c r="N544" s="8" t="s">
        <v>514</v>
      </c>
      <c r="O544" s="8">
        <v>2</v>
      </c>
      <c r="P544" s="8">
        <v>2</v>
      </c>
      <c r="Q544" s="70" t="s">
        <v>624</v>
      </c>
      <c r="R544" s="238"/>
      <c r="S544" s="238"/>
      <c r="T544" s="238"/>
      <c r="U544" s="238"/>
    </row>
    <row r="545" spans="1:21" hidden="1">
      <c r="H545" s="8">
        <v>8</v>
      </c>
      <c r="I545" s="8">
        <v>385</v>
      </c>
      <c r="J545" s="8" t="s">
        <v>493</v>
      </c>
      <c r="K545" s="8" t="s">
        <v>78</v>
      </c>
      <c r="L545" s="8" t="s">
        <v>71</v>
      </c>
      <c r="M545" s="8">
        <v>1</v>
      </c>
      <c r="N545" s="8" t="s">
        <v>438</v>
      </c>
      <c r="O545" s="8">
        <v>1</v>
      </c>
      <c r="P545" s="8">
        <v>9</v>
      </c>
      <c r="Q545" s="72"/>
      <c r="R545" s="238"/>
      <c r="S545" s="238"/>
      <c r="T545" s="238"/>
      <c r="U545" s="238"/>
    </row>
    <row r="546" spans="1:21" ht="28" hidden="1">
      <c r="H546" s="8">
        <v>9</v>
      </c>
      <c r="I546" s="8">
        <v>355</v>
      </c>
      <c r="J546" s="8" t="s">
        <v>103</v>
      </c>
      <c r="K546" s="8" t="s">
        <v>78</v>
      </c>
      <c r="L546" s="8" t="s">
        <v>71</v>
      </c>
      <c r="M546" s="8">
        <v>1</v>
      </c>
      <c r="N546" s="8" t="s">
        <v>514</v>
      </c>
      <c r="O546" s="8">
        <v>2</v>
      </c>
      <c r="P546" s="8">
        <v>2</v>
      </c>
      <c r="Q546" s="70" t="s">
        <v>624</v>
      </c>
      <c r="R546" s="238"/>
      <c r="S546" s="238"/>
      <c r="T546" s="238"/>
      <c r="U546" s="238"/>
    </row>
    <row r="547" spans="1:21" hidden="1">
      <c r="H547" s="8">
        <v>10</v>
      </c>
      <c r="I547" s="8">
        <v>82</v>
      </c>
      <c r="J547" s="8" t="s">
        <v>494</v>
      </c>
      <c r="K547" s="8" t="s">
        <v>78</v>
      </c>
      <c r="L547" s="8" t="s">
        <v>71</v>
      </c>
      <c r="M547" s="8">
        <v>1</v>
      </c>
      <c r="N547" s="8" t="s">
        <v>438</v>
      </c>
      <c r="O547" s="8">
        <v>1</v>
      </c>
      <c r="P547" s="8">
        <v>8</v>
      </c>
      <c r="Q547" s="72"/>
      <c r="R547" s="238"/>
      <c r="S547" s="238"/>
      <c r="T547" s="238"/>
      <c r="U547" s="238"/>
    </row>
    <row r="548" spans="1:21" hidden="1">
      <c r="H548" s="8">
        <v>11</v>
      </c>
      <c r="I548" s="8">
        <v>189</v>
      </c>
      <c r="J548" s="8" t="s">
        <v>495</v>
      </c>
      <c r="K548" s="8" t="s">
        <v>78</v>
      </c>
      <c r="L548" s="8" t="s">
        <v>71</v>
      </c>
      <c r="M548" s="8">
        <v>1</v>
      </c>
      <c r="N548" s="8" t="s">
        <v>438</v>
      </c>
      <c r="O548" s="8">
        <v>1</v>
      </c>
      <c r="P548" s="8">
        <v>8</v>
      </c>
      <c r="Q548" s="72"/>
      <c r="R548" s="238"/>
      <c r="S548" s="238"/>
      <c r="T548" s="238"/>
      <c r="U548" s="238"/>
    </row>
    <row r="549" spans="1:21" hidden="1">
      <c r="H549" s="8">
        <v>12</v>
      </c>
      <c r="I549" s="8">
        <v>65</v>
      </c>
      <c r="J549" s="8" t="s">
        <v>496</v>
      </c>
      <c r="K549" s="8" t="s">
        <v>78</v>
      </c>
      <c r="L549" s="8" t="s">
        <v>71</v>
      </c>
      <c r="M549" s="8">
        <v>1</v>
      </c>
      <c r="N549" s="8" t="s">
        <v>438</v>
      </c>
      <c r="O549" s="8">
        <v>1</v>
      </c>
      <c r="P549" s="8">
        <v>8</v>
      </c>
      <c r="Q549" s="72"/>
      <c r="R549" s="238"/>
      <c r="S549" s="238"/>
      <c r="T549" s="238"/>
      <c r="U549" s="238"/>
    </row>
    <row r="550" spans="1:21" ht="28" hidden="1">
      <c r="H550" s="8">
        <v>13</v>
      </c>
      <c r="I550" s="8">
        <v>355</v>
      </c>
      <c r="J550" s="8" t="s">
        <v>103</v>
      </c>
      <c r="K550" s="8" t="s">
        <v>78</v>
      </c>
      <c r="L550" s="8" t="s">
        <v>71</v>
      </c>
      <c r="M550" s="8">
        <v>1</v>
      </c>
      <c r="N550" s="8" t="s">
        <v>514</v>
      </c>
      <c r="O550" s="8">
        <v>2</v>
      </c>
      <c r="P550" s="8">
        <v>2</v>
      </c>
      <c r="Q550" s="70" t="s">
        <v>624</v>
      </c>
      <c r="R550" s="238"/>
      <c r="S550" s="238"/>
      <c r="T550" s="238"/>
      <c r="U550" s="238"/>
    </row>
    <row r="551" spans="1:21">
      <c r="A551" s="17"/>
      <c r="B551" s="17"/>
      <c r="C551" s="17" t="s">
        <v>298</v>
      </c>
      <c r="D551" s="17" t="s">
        <v>426</v>
      </c>
      <c r="E551" s="17"/>
      <c r="F551" s="17"/>
      <c r="G551" s="17"/>
      <c r="H551" s="17"/>
      <c r="I551" s="17"/>
      <c r="J551" s="17"/>
      <c r="K551" s="17" t="s">
        <v>17</v>
      </c>
      <c r="L551" s="17" t="s">
        <v>71</v>
      </c>
      <c r="M551" s="17">
        <v>200</v>
      </c>
      <c r="N551" s="17"/>
      <c r="O551" s="17"/>
      <c r="P551" s="17"/>
      <c r="Q551" s="138"/>
      <c r="R551" s="238" t="s">
        <v>1700</v>
      </c>
      <c r="S551" s="238" t="s">
        <v>1084</v>
      </c>
      <c r="T551" s="238" t="s">
        <v>17</v>
      </c>
      <c r="U551" s="238" t="s">
        <v>17</v>
      </c>
    </row>
    <row r="552" spans="1:21" hidden="1" outlineLevel="1">
      <c r="H552" s="8">
        <v>1</v>
      </c>
      <c r="I552" s="8">
        <v>349</v>
      </c>
      <c r="J552" s="8" t="s">
        <v>201</v>
      </c>
      <c r="K552" s="8" t="s">
        <v>66</v>
      </c>
      <c r="L552" s="8" t="s">
        <v>65</v>
      </c>
      <c r="M552" s="8">
        <v>1</v>
      </c>
      <c r="N552" s="8" t="s">
        <v>514</v>
      </c>
      <c r="O552" s="8">
        <v>1</v>
      </c>
      <c r="P552" s="8">
        <v>1</v>
      </c>
      <c r="Q552" s="72" t="s">
        <v>666</v>
      </c>
      <c r="R552" s="238"/>
      <c r="S552" s="238"/>
      <c r="T552" s="238"/>
      <c r="U552" s="238"/>
    </row>
    <row r="553" spans="1:21" hidden="1" outlineLevel="1">
      <c r="H553" s="8">
        <v>2</v>
      </c>
      <c r="I553" s="8">
        <v>750</v>
      </c>
      <c r="J553" s="8" t="s">
        <v>295</v>
      </c>
      <c r="K553" s="8" t="s">
        <v>17</v>
      </c>
      <c r="L553" s="8" t="s">
        <v>71</v>
      </c>
      <c r="M553" s="8">
        <v>1</v>
      </c>
      <c r="N553" s="8" t="s">
        <v>514</v>
      </c>
      <c r="O553" s="8">
        <v>2</v>
      </c>
      <c r="P553" s="8">
        <v>3</v>
      </c>
      <c r="Q553" s="72" t="s">
        <v>712</v>
      </c>
      <c r="R553" s="238"/>
      <c r="S553" s="238"/>
      <c r="T553" s="238"/>
      <c r="U553" s="238"/>
    </row>
    <row r="554" spans="1:21" hidden="1" outlineLevel="1">
      <c r="H554" s="19">
        <v>3</v>
      </c>
      <c r="I554" s="19">
        <v>559</v>
      </c>
      <c r="J554" s="19" t="s">
        <v>197</v>
      </c>
      <c r="K554" s="19" t="s">
        <v>17</v>
      </c>
      <c r="L554" s="19" t="s">
        <v>174</v>
      </c>
      <c r="M554" s="19">
        <v>1</v>
      </c>
      <c r="N554" s="19" t="s">
        <v>514</v>
      </c>
      <c r="O554" s="19">
        <v>2</v>
      </c>
      <c r="P554" s="19">
        <v>2</v>
      </c>
      <c r="Q554" s="25"/>
      <c r="R554" s="238"/>
      <c r="S554" s="238"/>
      <c r="T554" s="238"/>
      <c r="U554" s="238"/>
    </row>
    <row r="555" spans="1:21" hidden="1" outlineLevel="1">
      <c r="H555" s="19">
        <v>4</v>
      </c>
      <c r="I555" s="19">
        <v>751</v>
      </c>
      <c r="J555" s="19" t="s">
        <v>292</v>
      </c>
      <c r="K555" s="19" t="s">
        <v>17</v>
      </c>
      <c r="L555" s="19" t="s">
        <v>174</v>
      </c>
      <c r="M555" s="19">
        <v>1</v>
      </c>
      <c r="N555" s="19" t="s">
        <v>509</v>
      </c>
      <c r="O555" s="19">
        <v>1</v>
      </c>
      <c r="P555" s="19">
        <v>12</v>
      </c>
      <c r="Q555" s="25"/>
      <c r="R555" s="238"/>
      <c r="S555" s="238"/>
      <c r="T555" s="238"/>
      <c r="U555" s="238"/>
    </row>
    <row r="556" spans="1:21" hidden="1" outlineLevel="1">
      <c r="H556" s="11">
        <v>5</v>
      </c>
      <c r="I556" s="11">
        <v>352</v>
      </c>
      <c r="J556" s="11" t="s">
        <v>3</v>
      </c>
      <c r="K556" s="11" t="s">
        <v>78</v>
      </c>
      <c r="L556" s="8" t="s">
        <v>71</v>
      </c>
      <c r="M556" s="8">
        <v>1</v>
      </c>
      <c r="N556" s="8" t="s">
        <v>509</v>
      </c>
      <c r="O556" s="8">
        <v>1</v>
      </c>
      <c r="P556" s="8">
        <v>80</v>
      </c>
      <c r="Q556" s="18"/>
      <c r="R556" s="238"/>
      <c r="S556" s="238"/>
      <c r="T556" s="238"/>
      <c r="U556" s="238"/>
    </row>
    <row r="557" spans="1:21" hidden="1" outlineLevel="1">
      <c r="H557" s="19">
        <v>6</v>
      </c>
      <c r="I557" s="19">
        <v>752</v>
      </c>
      <c r="J557" s="19" t="s">
        <v>304</v>
      </c>
      <c r="K557" s="19" t="s">
        <v>17</v>
      </c>
      <c r="L557" s="19" t="s">
        <v>174</v>
      </c>
      <c r="M557" s="19">
        <v>1</v>
      </c>
      <c r="N557" s="19" t="s">
        <v>514</v>
      </c>
      <c r="O557" s="19">
        <v>2</v>
      </c>
      <c r="P557" s="19">
        <v>2</v>
      </c>
      <c r="Q557" s="19"/>
      <c r="R557" s="238"/>
      <c r="S557" s="238"/>
      <c r="T557" s="238"/>
      <c r="U557" s="238"/>
    </row>
    <row r="558" spans="1:21" hidden="1" outlineLevel="1">
      <c r="H558" s="19">
        <v>7</v>
      </c>
      <c r="I558" s="19">
        <v>822</v>
      </c>
      <c r="J558" s="19" t="s">
        <v>302</v>
      </c>
      <c r="K558" s="19" t="s">
        <v>17</v>
      </c>
      <c r="L558" s="19" t="s">
        <v>174</v>
      </c>
      <c r="M558" s="19">
        <v>1</v>
      </c>
      <c r="N558" s="19" t="s">
        <v>509</v>
      </c>
      <c r="O558" s="19">
        <v>1</v>
      </c>
      <c r="P558" s="19">
        <v>15</v>
      </c>
      <c r="Q558" s="19"/>
      <c r="R558" s="238"/>
      <c r="S558" s="238"/>
      <c r="T558" s="238"/>
      <c r="U558" s="238"/>
    </row>
    <row r="559" spans="1:21" hidden="1" outlineLevel="1">
      <c r="H559" s="19">
        <v>8</v>
      </c>
      <c r="I559" s="19">
        <v>1073</v>
      </c>
      <c r="J559" s="19" t="s">
        <v>300</v>
      </c>
      <c r="K559" s="19" t="s">
        <v>17</v>
      </c>
      <c r="L559" s="19" t="s">
        <v>174</v>
      </c>
      <c r="M559" s="19">
        <v>1</v>
      </c>
      <c r="N559" s="19" t="s">
        <v>514</v>
      </c>
      <c r="O559" s="19">
        <v>1</v>
      </c>
      <c r="P559" s="19">
        <v>1</v>
      </c>
      <c r="Q559" s="19"/>
      <c r="R559" s="238"/>
      <c r="S559" s="238"/>
      <c r="T559" s="238"/>
      <c r="U559" s="238"/>
    </row>
    <row r="560" spans="1:21" ht="28" hidden="1" outlineLevel="1">
      <c r="H560" s="8">
        <v>9</v>
      </c>
      <c r="I560" s="8">
        <v>819</v>
      </c>
      <c r="J560" s="8" t="s">
        <v>253</v>
      </c>
      <c r="K560" s="8" t="s">
        <v>17</v>
      </c>
      <c r="L560" s="8" t="s">
        <v>71</v>
      </c>
      <c r="M560" s="8">
        <v>1</v>
      </c>
      <c r="N560" s="8" t="s">
        <v>514</v>
      </c>
      <c r="O560" s="8">
        <v>2</v>
      </c>
      <c r="P560" s="8">
        <v>3</v>
      </c>
      <c r="Q560" s="70" t="s">
        <v>624</v>
      </c>
      <c r="R560" s="238"/>
      <c r="S560" s="238"/>
      <c r="T560" s="238"/>
      <c r="U560" s="238"/>
    </row>
    <row r="561" spans="1:21" hidden="1" collapsed="1">
      <c r="A561" s="75"/>
      <c r="B561" s="75"/>
      <c r="C561" s="75" t="s">
        <v>193</v>
      </c>
      <c r="D561" s="75" t="s">
        <v>497</v>
      </c>
      <c r="E561" s="75"/>
      <c r="F561" s="75"/>
      <c r="G561" s="75"/>
      <c r="H561" s="75"/>
      <c r="I561" s="75"/>
      <c r="J561" s="75"/>
      <c r="K561" s="75" t="s">
        <v>17</v>
      </c>
      <c r="L561" s="17" t="s">
        <v>71</v>
      </c>
      <c r="M561" s="17">
        <v>40</v>
      </c>
      <c r="N561" s="17"/>
      <c r="O561" s="17"/>
      <c r="P561" s="17"/>
      <c r="Q561" s="78"/>
      <c r="R561" s="238"/>
      <c r="S561" s="238"/>
      <c r="T561" s="238"/>
      <c r="U561" s="238"/>
    </row>
    <row r="562" spans="1:21" hidden="1">
      <c r="A562" s="11"/>
      <c r="B562" s="11"/>
      <c r="C562" s="11"/>
      <c r="D562" s="11"/>
      <c r="E562" s="11"/>
      <c r="F562" s="11"/>
      <c r="G562" s="11"/>
      <c r="H562" s="11">
        <v>1</v>
      </c>
      <c r="I562" s="11">
        <v>737</v>
      </c>
      <c r="J562" s="11" t="s">
        <v>191</v>
      </c>
      <c r="K562" s="11" t="s">
        <v>17</v>
      </c>
      <c r="L562" s="8" t="s">
        <v>71</v>
      </c>
      <c r="M562" s="8">
        <v>1</v>
      </c>
      <c r="N562" s="8" t="s">
        <v>514</v>
      </c>
      <c r="O562" s="8">
        <v>2</v>
      </c>
      <c r="P562" s="8">
        <v>2</v>
      </c>
      <c r="Q562" s="11" t="s">
        <v>646</v>
      </c>
      <c r="R562" s="238"/>
      <c r="S562" s="238"/>
      <c r="T562" s="238"/>
      <c r="U562" s="238"/>
    </row>
    <row r="563" spans="1:21" ht="28" hidden="1">
      <c r="A563" s="11"/>
      <c r="B563" s="11"/>
      <c r="C563" s="11"/>
      <c r="D563" s="11"/>
      <c r="E563" s="11"/>
      <c r="F563" s="11"/>
      <c r="G563" s="11"/>
      <c r="H563" s="11">
        <v>2</v>
      </c>
      <c r="I563" s="11">
        <v>738</v>
      </c>
      <c r="J563" s="11" t="s">
        <v>189</v>
      </c>
      <c r="K563" s="11" t="s">
        <v>17</v>
      </c>
      <c r="L563" s="8" t="s">
        <v>71</v>
      </c>
      <c r="M563" s="8">
        <v>1</v>
      </c>
      <c r="N563" s="8" t="s">
        <v>514</v>
      </c>
      <c r="O563" s="8">
        <v>1</v>
      </c>
      <c r="P563" s="8">
        <v>3</v>
      </c>
      <c r="Q563" s="70" t="s">
        <v>624</v>
      </c>
      <c r="R563" s="238"/>
      <c r="S563" s="238"/>
      <c r="T563" s="238"/>
      <c r="U563" s="238"/>
    </row>
    <row r="564" spans="1:21" hidden="1">
      <c r="A564" s="11"/>
      <c r="B564" s="11"/>
      <c r="C564" s="11"/>
      <c r="D564" s="11"/>
      <c r="E564" s="11"/>
      <c r="F564" s="11"/>
      <c r="G564" s="11"/>
      <c r="H564" s="11">
        <v>3</v>
      </c>
      <c r="I564" s="11">
        <v>739</v>
      </c>
      <c r="J564" s="11" t="s">
        <v>187</v>
      </c>
      <c r="K564" s="11" t="s">
        <v>78</v>
      </c>
      <c r="L564" s="8" t="s">
        <v>71</v>
      </c>
      <c r="M564" s="8">
        <v>1</v>
      </c>
      <c r="N564" s="8" t="s">
        <v>438</v>
      </c>
      <c r="O564" s="8">
        <v>1</v>
      </c>
      <c r="P564" s="8">
        <v>20</v>
      </c>
      <c r="Q564" s="18"/>
      <c r="R564" s="238"/>
      <c r="S564" s="238"/>
      <c r="T564" s="238"/>
      <c r="U564" s="238"/>
    </row>
    <row r="565" spans="1:21" customFormat="1" hidden="1">
      <c r="A565" s="14"/>
      <c r="B565" s="14"/>
      <c r="C565" s="14"/>
      <c r="D565" s="11"/>
      <c r="E565" s="11">
        <v>4</v>
      </c>
      <c r="F565" s="11" t="s">
        <v>186</v>
      </c>
      <c r="G565" s="11" t="s">
        <v>427</v>
      </c>
      <c r="H565" s="11"/>
      <c r="I565" s="11"/>
      <c r="J565" s="11"/>
      <c r="K565" s="11" t="s">
        <v>78</v>
      </c>
      <c r="L565" s="8" t="s">
        <v>71</v>
      </c>
      <c r="M565" s="8">
        <v>1</v>
      </c>
      <c r="N565" s="8"/>
      <c r="O565" s="8"/>
      <c r="P565" s="8"/>
      <c r="Q565" s="14"/>
      <c r="R565" s="238"/>
      <c r="S565" s="238"/>
      <c r="T565" s="238"/>
      <c r="U565" s="238"/>
    </row>
    <row r="566" spans="1:21" ht="28" hidden="1">
      <c r="A566" s="11"/>
      <c r="B566" s="11"/>
      <c r="C566" s="11"/>
      <c r="D566" s="11"/>
      <c r="E566" s="11"/>
      <c r="F566" s="11"/>
      <c r="G566" s="11"/>
      <c r="H566" s="11">
        <v>1</v>
      </c>
      <c r="I566" s="11">
        <v>355</v>
      </c>
      <c r="J566" s="11" t="s">
        <v>103</v>
      </c>
      <c r="K566" s="11" t="s">
        <v>78</v>
      </c>
      <c r="L566" s="8" t="s">
        <v>71</v>
      </c>
      <c r="M566" s="8">
        <v>1</v>
      </c>
      <c r="N566" s="8" t="s">
        <v>514</v>
      </c>
      <c r="O566" s="8">
        <v>2</v>
      </c>
      <c r="P566" s="8">
        <v>2</v>
      </c>
      <c r="Q566" s="70" t="s">
        <v>624</v>
      </c>
      <c r="R566" s="238"/>
      <c r="S566" s="238"/>
      <c r="T566" s="238"/>
      <c r="U566" s="238"/>
    </row>
    <row r="567" spans="1:21">
      <c r="A567" s="17"/>
      <c r="B567" s="17"/>
      <c r="C567" s="17" t="s">
        <v>165</v>
      </c>
      <c r="D567" s="17" t="s">
        <v>469</v>
      </c>
      <c r="E567" s="17"/>
      <c r="F567" s="17"/>
      <c r="G567" s="17"/>
      <c r="H567" s="17"/>
      <c r="I567" s="17"/>
      <c r="J567" s="17"/>
      <c r="K567" s="17" t="s">
        <v>17</v>
      </c>
      <c r="L567" s="17" t="s">
        <v>71</v>
      </c>
      <c r="M567" s="75">
        <v>5</v>
      </c>
      <c r="N567" s="75"/>
      <c r="O567" s="75"/>
      <c r="P567" s="75"/>
      <c r="Q567" s="74"/>
      <c r="R567" s="238" t="s">
        <v>1037</v>
      </c>
      <c r="S567" s="238" t="s">
        <v>1496</v>
      </c>
      <c r="T567" s="238" t="s">
        <v>1497</v>
      </c>
      <c r="U567" s="238" t="s">
        <v>1497</v>
      </c>
    </row>
    <row r="568" spans="1:21" hidden="1">
      <c r="G568" s="19"/>
      <c r="H568" s="19">
        <v>1</v>
      </c>
      <c r="I568" s="19">
        <v>152</v>
      </c>
      <c r="J568" s="19" t="s">
        <v>164</v>
      </c>
      <c r="K568" s="19" t="s">
        <v>78</v>
      </c>
      <c r="L568" s="19" t="s">
        <v>174</v>
      </c>
      <c r="M568" s="19">
        <v>1</v>
      </c>
      <c r="N568" s="19" t="s">
        <v>514</v>
      </c>
      <c r="O568" s="19">
        <v>2</v>
      </c>
      <c r="P568" s="19">
        <v>3</v>
      </c>
      <c r="Q568" s="19"/>
      <c r="R568" s="238"/>
      <c r="S568" s="238"/>
      <c r="T568" s="238"/>
      <c r="U568" s="238"/>
    </row>
    <row r="569" spans="1:21" ht="28" hidden="1">
      <c r="H569" s="11">
        <v>2</v>
      </c>
      <c r="I569" s="11">
        <v>208</v>
      </c>
      <c r="J569" s="11" t="s">
        <v>470</v>
      </c>
      <c r="K569" s="11" t="s">
        <v>78</v>
      </c>
      <c r="L569" s="8" t="s">
        <v>71</v>
      </c>
      <c r="M569" s="18">
        <v>1</v>
      </c>
      <c r="N569" s="18" t="s">
        <v>514</v>
      </c>
      <c r="O569" s="18">
        <v>1</v>
      </c>
      <c r="P569" s="18">
        <v>1</v>
      </c>
      <c r="Q569" s="70" t="s">
        <v>624</v>
      </c>
      <c r="R569" s="238"/>
      <c r="S569" s="238"/>
      <c r="T569" s="238"/>
      <c r="U569" s="238"/>
    </row>
    <row r="570" spans="1:21" ht="26.75" hidden="1" customHeight="1">
      <c r="H570" s="11">
        <v>3</v>
      </c>
      <c r="I570" s="11">
        <v>209</v>
      </c>
      <c r="J570" s="11" t="s">
        <v>471</v>
      </c>
      <c r="K570" s="11" t="s">
        <v>78</v>
      </c>
      <c r="L570" s="8" t="s">
        <v>71</v>
      </c>
      <c r="M570" s="18">
        <v>1</v>
      </c>
      <c r="N570" s="18" t="s">
        <v>509</v>
      </c>
      <c r="O570" s="18">
        <v>1</v>
      </c>
      <c r="P570" s="18">
        <v>4</v>
      </c>
      <c r="Q570" s="70" t="s">
        <v>624</v>
      </c>
      <c r="R570" s="238"/>
      <c r="S570" s="238"/>
      <c r="T570" s="238"/>
      <c r="U570" s="238"/>
    </row>
    <row r="571" spans="1:21" hidden="1">
      <c r="H571" s="8">
        <v>4</v>
      </c>
      <c r="I571" s="8">
        <v>352</v>
      </c>
      <c r="J571" s="8" t="s">
        <v>3</v>
      </c>
      <c r="K571" s="8" t="s">
        <v>78</v>
      </c>
      <c r="L571" s="11" t="s">
        <v>71</v>
      </c>
      <c r="M571" s="11">
        <v>1</v>
      </c>
      <c r="N571" s="11" t="s">
        <v>509</v>
      </c>
      <c r="O571" s="11">
        <v>1</v>
      </c>
      <c r="P571" s="11">
        <v>80</v>
      </c>
      <c r="Q571" s="72"/>
      <c r="R571" s="238"/>
      <c r="S571" s="238"/>
      <c r="T571" s="238"/>
      <c r="U571" s="238"/>
    </row>
    <row r="572" spans="1:21" hidden="1">
      <c r="A572" s="75"/>
      <c r="B572" s="75"/>
      <c r="C572" s="75" t="s">
        <v>130</v>
      </c>
      <c r="D572" s="75" t="s">
        <v>126</v>
      </c>
      <c r="E572" s="75"/>
      <c r="F572" s="75"/>
      <c r="G572" s="75"/>
      <c r="H572" s="75"/>
      <c r="I572" s="75"/>
      <c r="J572" s="75"/>
      <c r="K572" s="75" t="s">
        <v>17</v>
      </c>
      <c r="L572" s="17" t="s">
        <v>71</v>
      </c>
      <c r="M572" s="75" t="s">
        <v>525</v>
      </c>
      <c r="N572" s="75"/>
      <c r="O572" s="75"/>
      <c r="P572" s="75"/>
      <c r="Q572" s="78"/>
      <c r="R572" s="238"/>
      <c r="S572" s="238"/>
      <c r="T572" s="238"/>
      <c r="U572" s="238"/>
    </row>
    <row r="573" spans="1:21" hidden="1">
      <c r="A573" s="11"/>
      <c r="B573" s="11"/>
      <c r="C573" s="11"/>
      <c r="D573" s="11"/>
      <c r="E573" s="11"/>
      <c r="F573" s="11"/>
      <c r="G573" s="11"/>
      <c r="H573" s="11">
        <v>1</v>
      </c>
      <c r="I573" s="11">
        <v>128</v>
      </c>
      <c r="J573" s="11" t="s">
        <v>128</v>
      </c>
      <c r="K573" s="11" t="s">
        <v>66</v>
      </c>
      <c r="L573" s="8" t="s">
        <v>65</v>
      </c>
      <c r="M573" s="11">
        <v>1</v>
      </c>
      <c r="N573" s="11" t="s">
        <v>514</v>
      </c>
      <c r="O573" s="11">
        <v>2</v>
      </c>
      <c r="P573" s="11">
        <v>3</v>
      </c>
      <c r="Q573" s="11" t="s">
        <v>718</v>
      </c>
      <c r="R573" s="238"/>
      <c r="S573" s="238"/>
      <c r="T573" s="238"/>
      <c r="U573" s="238"/>
    </row>
    <row r="574" spans="1:21" hidden="1">
      <c r="A574" s="11"/>
      <c r="B574" s="11"/>
      <c r="C574" s="11"/>
      <c r="D574" s="11"/>
      <c r="E574" s="11"/>
      <c r="F574" s="11"/>
      <c r="G574" s="11"/>
      <c r="H574" s="11">
        <v>2</v>
      </c>
      <c r="I574" s="11">
        <v>127</v>
      </c>
      <c r="J574" s="11" t="s">
        <v>126</v>
      </c>
      <c r="K574" s="11" t="s">
        <v>78</v>
      </c>
      <c r="L574" s="8" t="s">
        <v>71</v>
      </c>
      <c r="M574" s="11">
        <v>1</v>
      </c>
      <c r="N574" s="11" t="s">
        <v>509</v>
      </c>
      <c r="O574" s="11">
        <v>1</v>
      </c>
      <c r="P574" s="11">
        <v>30</v>
      </c>
      <c r="Q574" s="18"/>
      <c r="R574" s="238"/>
      <c r="S574" s="238"/>
      <c r="T574" s="238"/>
      <c r="U574" s="238"/>
    </row>
    <row r="575" spans="1:21" ht="28" hidden="1">
      <c r="A575" s="11"/>
      <c r="B575" s="11"/>
      <c r="C575" s="11"/>
      <c r="D575" s="11"/>
      <c r="E575" s="11"/>
      <c r="F575" s="11"/>
      <c r="G575" s="11"/>
      <c r="H575" s="11">
        <v>3</v>
      </c>
      <c r="I575" s="11">
        <v>352</v>
      </c>
      <c r="J575" s="11" t="s">
        <v>3</v>
      </c>
      <c r="K575" s="11" t="s">
        <v>78</v>
      </c>
      <c r="L575" s="8" t="s">
        <v>71</v>
      </c>
      <c r="M575" s="11">
        <v>1</v>
      </c>
      <c r="N575" s="11" t="s">
        <v>509</v>
      </c>
      <c r="O575" s="11">
        <v>1</v>
      </c>
      <c r="P575" s="11">
        <v>80</v>
      </c>
      <c r="Q575" s="70" t="s">
        <v>624</v>
      </c>
      <c r="R575" s="238"/>
      <c r="S575" s="238"/>
      <c r="T575" s="238"/>
      <c r="U575" s="238"/>
    </row>
    <row r="576" spans="1:21" customFormat="1" hidden="1">
      <c r="A576" s="14"/>
      <c r="B576" s="14"/>
      <c r="C576" s="14"/>
      <c r="D576" s="11"/>
      <c r="E576" s="11">
        <v>4</v>
      </c>
      <c r="F576" s="11" t="s">
        <v>181</v>
      </c>
      <c r="G576" s="11" t="s">
        <v>180</v>
      </c>
      <c r="H576" s="11"/>
      <c r="I576" s="11"/>
      <c r="J576" s="11"/>
      <c r="K576" s="11" t="s">
        <v>78</v>
      </c>
      <c r="L576" s="8" t="s">
        <v>71</v>
      </c>
      <c r="M576" s="8"/>
      <c r="N576" s="8"/>
      <c r="O576" s="8"/>
      <c r="P576" s="8"/>
      <c r="Q576" s="14"/>
      <c r="R576" s="238"/>
      <c r="S576" s="238"/>
      <c r="T576" s="238"/>
      <c r="U576" s="238"/>
    </row>
    <row r="577" spans="1:21" hidden="1">
      <c r="A577" s="11"/>
      <c r="B577" s="11"/>
      <c r="C577" s="11"/>
      <c r="D577" s="11"/>
      <c r="E577" s="11"/>
      <c r="F577" s="11"/>
      <c r="G577" s="11"/>
      <c r="H577" s="11">
        <v>1</v>
      </c>
      <c r="I577" s="11">
        <v>128</v>
      </c>
      <c r="J577" s="11" t="s">
        <v>128</v>
      </c>
      <c r="K577" s="11" t="s">
        <v>66</v>
      </c>
      <c r="L577" s="8" t="s">
        <v>65</v>
      </c>
      <c r="M577" s="8">
        <v>1</v>
      </c>
      <c r="N577" s="8" t="s">
        <v>514</v>
      </c>
      <c r="O577" s="11">
        <v>2</v>
      </c>
      <c r="P577" s="11">
        <v>3</v>
      </c>
      <c r="Q577" s="11" t="s">
        <v>718</v>
      </c>
      <c r="R577" s="238"/>
      <c r="S577" s="238"/>
      <c r="T577" s="238"/>
      <c r="U577" s="238"/>
    </row>
    <row r="578" spans="1:21" s="33" customFormat="1" ht="28" hidden="1">
      <c r="A578" s="11"/>
      <c r="B578" s="11"/>
      <c r="C578" s="11"/>
      <c r="D578" s="11"/>
      <c r="E578" s="11"/>
      <c r="F578" s="11"/>
      <c r="G578" s="11"/>
      <c r="H578" s="11">
        <v>2</v>
      </c>
      <c r="I578" s="11">
        <v>127</v>
      </c>
      <c r="J578" s="11" t="s">
        <v>126</v>
      </c>
      <c r="K578" s="11" t="s">
        <v>66</v>
      </c>
      <c r="L578" s="8" t="s">
        <v>65</v>
      </c>
      <c r="M578" s="8">
        <v>1</v>
      </c>
      <c r="N578" s="8" t="s">
        <v>509</v>
      </c>
      <c r="O578" s="11">
        <v>1</v>
      </c>
      <c r="P578" s="11">
        <v>30</v>
      </c>
      <c r="Q578" s="70" t="s">
        <v>624</v>
      </c>
      <c r="R578" s="238"/>
      <c r="S578" s="238"/>
      <c r="T578" s="238"/>
      <c r="U578" s="238"/>
    </row>
    <row r="579" spans="1:21" hidden="1">
      <c r="A579" s="17"/>
      <c r="B579" s="17"/>
      <c r="C579" s="17" t="s">
        <v>130</v>
      </c>
      <c r="D579" s="17" t="s">
        <v>126</v>
      </c>
      <c r="E579" s="17"/>
      <c r="F579" s="17"/>
      <c r="G579" s="17"/>
      <c r="H579" s="17"/>
      <c r="I579" s="17"/>
      <c r="J579" s="17"/>
      <c r="K579" s="17" t="s">
        <v>17</v>
      </c>
      <c r="L579" s="17" t="s">
        <v>71</v>
      </c>
      <c r="M579" s="17" t="s">
        <v>525</v>
      </c>
      <c r="N579" s="17"/>
      <c r="O579" s="17"/>
      <c r="P579" s="17"/>
      <c r="Q579" s="138"/>
      <c r="R579" s="238"/>
      <c r="S579" s="238"/>
      <c r="T579" s="238"/>
      <c r="U579" s="238"/>
    </row>
    <row r="580" spans="1:21" hidden="1">
      <c r="H580" s="8">
        <v>1</v>
      </c>
      <c r="I580" s="8">
        <v>128</v>
      </c>
      <c r="J580" s="8" t="s">
        <v>128</v>
      </c>
      <c r="K580" s="8" t="s">
        <v>66</v>
      </c>
      <c r="L580" s="8" t="s">
        <v>65</v>
      </c>
      <c r="M580" s="8">
        <v>1</v>
      </c>
      <c r="N580" s="8" t="s">
        <v>514</v>
      </c>
      <c r="O580" s="8">
        <v>2</v>
      </c>
      <c r="P580" s="8">
        <v>3</v>
      </c>
      <c r="Q580" s="8" t="s">
        <v>646</v>
      </c>
      <c r="R580" s="238"/>
      <c r="S580" s="238"/>
      <c r="T580" s="238"/>
      <c r="U580" s="238"/>
    </row>
    <row r="581" spans="1:21" hidden="1">
      <c r="H581" s="19">
        <v>2</v>
      </c>
      <c r="I581" s="19">
        <v>127</v>
      </c>
      <c r="J581" s="19" t="s">
        <v>126</v>
      </c>
      <c r="K581" s="19" t="s">
        <v>78</v>
      </c>
      <c r="L581" s="19" t="s">
        <v>174</v>
      </c>
      <c r="M581" s="19">
        <v>1</v>
      </c>
      <c r="N581" s="19" t="s">
        <v>509</v>
      </c>
      <c r="O581" s="19">
        <v>1</v>
      </c>
      <c r="P581" s="19">
        <v>30</v>
      </c>
      <c r="Q581" s="19"/>
      <c r="R581" s="238"/>
      <c r="S581" s="238"/>
      <c r="T581" s="238"/>
      <c r="U581" s="238"/>
    </row>
    <row r="582" spans="1:21" hidden="1">
      <c r="H582" s="8">
        <v>3</v>
      </c>
      <c r="I582" s="8">
        <v>352</v>
      </c>
      <c r="J582" s="8" t="s">
        <v>3</v>
      </c>
      <c r="K582" s="8" t="s">
        <v>78</v>
      </c>
      <c r="L582" s="8" t="s">
        <v>71</v>
      </c>
      <c r="M582" s="8">
        <v>1</v>
      </c>
      <c r="N582" s="8" t="s">
        <v>509</v>
      </c>
      <c r="O582" s="8">
        <v>1</v>
      </c>
      <c r="P582" s="8">
        <v>80</v>
      </c>
      <c r="Q582" s="72"/>
      <c r="R582" s="238"/>
      <c r="S582" s="238"/>
      <c r="T582" s="238"/>
      <c r="U582" s="238"/>
    </row>
    <row r="583" spans="1:21" hidden="1">
      <c r="A583" s="17"/>
      <c r="B583" s="17"/>
      <c r="C583" s="17" t="s">
        <v>130</v>
      </c>
      <c r="D583" s="17" t="s">
        <v>126</v>
      </c>
      <c r="E583" s="17"/>
      <c r="F583" s="17"/>
      <c r="G583" s="17"/>
      <c r="H583" s="17"/>
      <c r="I583" s="17"/>
      <c r="J583" s="17"/>
      <c r="K583" s="17" t="s">
        <v>17</v>
      </c>
      <c r="L583" s="17" t="s">
        <v>71</v>
      </c>
      <c r="M583" s="17" t="s">
        <v>525</v>
      </c>
      <c r="N583" s="17"/>
      <c r="O583" s="17"/>
      <c r="P583" s="17"/>
      <c r="Q583" s="138"/>
      <c r="R583" s="238"/>
      <c r="S583" s="238"/>
      <c r="T583" s="238"/>
      <c r="U583" s="238"/>
    </row>
    <row r="584" spans="1:21" hidden="1">
      <c r="H584" s="8">
        <v>1</v>
      </c>
      <c r="I584" s="8">
        <v>128</v>
      </c>
      <c r="J584" s="8" t="s">
        <v>128</v>
      </c>
      <c r="K584" s="8" t="s">
        <v>66</v>
      </c>
      <c r="L584" s="8" t="s">
        <v>65</v>
      </c>
      <c r="M584" s="8">
        <v>1</v>
      </c>
      <c r="N584" s="8" t="s">
        <v>514</v>
      </c>
      <c r="O584" s="8">
        <v>2</v>
      </c>
      <c r="P584" s="8">
        <v>3</v>
      </c>
      <c r="Q584" s="8" t="s">
        <v>689</v>
      </c>
      <c r="R584" s="238"/>
      <c r="S584" s="238"/>
      <c r="T584" s="238"/>
      <c r="U584" s="238"/>
    </row>
    <row r="585" spans="1:21" hidden="1">
      <c r="H585" s="8">
        <v>2</v>
      </c>
      <c r="I585" s="8">
        <v>127</v>
      </c>
      <c r="J585" s="8" t="s">
        <v>126</v>
      </c>
      <c r="K585" s="8" t="s">
        <v>78</v>
      </c>
      <c r="L585" s="8" t="s">
        <v>71</v>
      </c>
      <c r="M585" s="8">
        <v>1</v>
      </c>
      <c r="N585" s="8" t="s">
        <v>509</v>
      </c>
      <c r="O585" s="8">
        <v>1</v>
      </c>
      <c r="P585" s="8">
        <v>30</v>
      </c>
      <c r="Q585" s="8" t="s">
        <v>781</v>
      </c>
      <c r="R585" s="238"/>
      <c r="S585" s="238"/>
      <c r="T585" s="238"/>
      <c r="U585" s="238"/>
    </row>
    <row r="586" spans="1:21" hidden="1">
      <c r="H586" s="8">
        <v>3</v>
      </c>
      <c r="I586" s="8">
        <v>352</v>
      </c>
      <c r="J586" s="8" t="s">
        <v>3</v>
      </c>
      <c r="K586" s="8" t="s">
        <v>78</v>
      </c>
      <c r="L586" s="8" t="s">
        <v>71</v>
      </c>
      <c r="M586" s="8">
        <v>1</v>
      </c>
      <c r="N586" s="8" t="s">
        <v>509</v>
      </c>
      <c r="O586" s="8">
        <v>1</v>
      </c>
      <c r="P586" s="8">
        <v>80</v>
      </c>
      <c r="Q586" s="72" t="s">
        <v>782</v>
      </c>
      <c r="R586" s="238"/>
      <c r="S586" s="238"/>
      <c r="T586" s="238"/>
      <c r="U586" s="238"/>
    </row>
    <row r="587" spans="1:21" hidden="1">
      <c r="A587" s="75"/>
      <c r="B587" s="75"/>
      <c r="C587" s="75" t="s">
        <v>130</v>
      </c>
      <c r="D587" s="75" t="s">
        <v>126</v>
      </c>
      <c r="E587" s="75"/>
      <c r="F587" s="75"/>
      <c r="G587" s="75"/>
      <c r="H587" s="75"/>
      <c r="I587" s="75"/>
      <c r="J587" s="75"/>
      <c r="K587" s="75" t="s">
        <v>17</v>
      </c>
      <c r="L587" s="17" t="s">
        <v>71</v>
      </c>
      <c r="M587" s="17" t="s">
        <v>525</v>
      </c>
      <c r="N587" s="17"/>
      <c r="O587" s="17"/>
      <c r="P587" s="17"/>
      <c r="Q587" s="78"/>
      <c r="R587" s="238"/>
      <c r="S587" s="238"/>
      <c r="T587" s="238"/>
      <c r="U587" s="238"/>
    </row>
    <row r="588" spans="1:21" hidden="1">
      <c r="A588" s="11"/>
      <c r="B588" s="11"/>
      <c r="C588" s="11"/>
      <c r="D588" s="11"/>
      <c r="E588" s="11"/>
      <c r="F588" s="11"/>
      <c r="G588" s="11"/>
      <c r="H588" s="11">
        <v>1</v>
      </c>
      <c r="I588" s="11">
        <v>128</v>
      </c>
      <c r="J588" s="11" t="s">
        <v>128</v>
      </c>
      <c r="K588" s="11" t="s">
        <v>66</v>
      </c>
      <c r="L588" s="8" t="s">
        <v>65</v>
      </c>
      <c r="M588" s="8">
        <v>1</v>
      </c>
      <c r="N588" s="8" t="s">
        <v>514</v>
      </c>
      <c r="O588" s="8">
        <v>2</v>
      </c>
      <c r="P588" s="8">
        <v>3</v>
      </c>
      <c r="Q588" s="11" t="s">
        <v>689</v>
      </c>
      <c r="R588" s="238"/>
      <c r="S588" s="238"/>
      <c r="T588" s="238"/>
      <c r="U588" s="238"/>
    </row>
    <row r="589" spans="1:21" hidden="1">
      <c r="A589" s="11"/>
      <c r="B589" s="11"/>
      <c r="C589" s="11"/>
      <c r="D589" s="11"/>
      <c r="E589" s="11"/>
      <c r="F589" s="11"/>
      <c r="G589" s="11"/>
      <c r="H589" s="11">
        <v>2</v>
      </c>
      <c r="I589" s="11">
        <v>127</v>
      </c>
      <c r="J589" s="11" t="s">
        <v>126</v>
      </c>
      <c r="K589" s="11" t="s">
        <v>78</v>
      </c>
      <c r="L589" s="8" t="s">
        <v>71</v>
      </c>
      <c r="M589" s="8">
        <v>1</v>
      </c>
      <c r="N589" s="8" t="s">
        <v>509</v>
      </c>
      <c r="O589" s="8">
        <v>1</v>
      </c>
      <c r="P589" s="8">
        <v>30</v>
      </c>
      <c r="Q589" s="11" t="s">
        <v>783</v>
      </c>
      <c r="R589" s="238"/>
      <c r="S589" s="238"/>
      <c r="T589" s="238"/>
      <c r="U589" s="238"/>
    </row>
    <row r="590" spans="1:21" hidden="1">
      <c r="A590" s="11"/>
      <c r="B590" s="11"/>
      <c r="C590" s="11"/>
      <c r="D590" s="11"/>
      <c r="E590" s="11"/>
      <c r="F590" s="11"/>
      <c r="G590" s="11"/>
      <c r="H590" s="11">
        <v>3</v>
      </c>
      <c r="I590" s="11">
        <v>352</v>
      </c>
      <c r="J590" s="11" t="s">
        <v>3</v>
      </c>
      <c r="K590" s="11" t="s">
        <v>78</v>
      </c>
      <c r="L590" s="8" t="s">
        <v>71</v>
      </c>
      <c r="M590" s="8">
        <v>1</v>
      </c>
      <c r="N590" s="8" t="s">
        <v>509</v>
      </c>
      <c r="O590" s="8">
        <v>1</v>
      </c>
      <c r="P590" s="8">
        <v>80</v>
      </c>
      <c r="Q590" s="18" t="s">
        <v>782</v>
      </c>
      <c r="R590" s="238"/>
      <c r="S590" s="238"/>
      <c r="T590" s="238"/>
      <c r="U590" s="238"/>
    </row>
    <row r="591" spans="1:21" hidden="1">
      <c r="A591" s="75"/>
      <c r="B591" s="75"/>
      <c r="C591" s="75" t="s">
        <v>130</v>
      </c>
      <c r="D591" s="75" t="s">
        <v>126</v>
      </c>
      <c r="E591" s="75"/>
      <c r="F591" s="75"/>
      <c r="G591" s="75"/>
      <c r="H591" s="75"/>
      <c r="I591" s="75"/>
      <c r="J591" s="75"/>
      <c r="K591" s="75" t="s">
        <v>17</v>
      </c>
      <c r="L591" s="17" t="s">
        <v>71</v>
      </c>
      <c r="M591" s="17" t="s">
        <v>525</v>
      </c>
      <c r="N591" s="17"/>
      <c r="O591" s="17"/>
      <c r="P591" s="17"/>
      <c r="Q591" s="78"/>
      <c r="R591" s="238"/>
      <c r="S591" s="238"/>
      <c r="T591" s="238"/>
      <c r="U591" s="238"/>
    </row>
    <row r="592" spans="1:21" hidden="1">
      <c r="A592" s="11"/>
      <c r="B592" s="11"/>
      <c r="C592" s="11"/>
      <c r="D592" s="11"/>
      <c r="E592" s="11"/>
      <c r="F592" s="11"/>
      <c r="G592" s="11"/>
      <c r="H592" s="11">
        <v>1</v>
      </c>
      <c r="I592" s="11">
        <v>128</v>
      </c>
      <c r="J592" s="11" t="s">
        <v>128</v>
      </c>
      <c r="K592" s="11" t="s">
        <v>66</v>
      </c>
      <c r="L592" s="8" t="s">
        <v>65</v>
      </c>
      <c r="M592" s="8">
        <v>1</v>
      </c>
      <c r="N592" s="8" t="s">
        <v>514</v>
      </c>
      <c r="O592" s="8">
        <v>2</v>
      </c>
      <c r="P592" s="8">
        <v>3</v>
      </c>
      <c r="Q592" s="11" t="s">
        <v>689</v>
      </c>
      <c r="R592" s="238"/>
      <c r="S592" s="238"/>
      <c r="T592" s="238"/>
      <c r="U592" s="238"/>
    </row>
    <row r="593" spans="1:21" hidden="1">
      <c r="A593" s="11"/>
      <c r="B593" s="11"/>
      <c r="C593" s="11"/>
      <c r="D593" s="11"/>
      <c r="E593" s="11"/>
      <c r="F593" s="11"/>
      <c r="G593" s="11"/>
      <c r="H593" s="11">
        <v>2</v>
      </c>
      <c r="I593" s="11">
        <v>127</v>
      </c>
      <c r="J593" s="11" t="s">
        <v>126</v>
      </c>
      <c r="K593" s="11" t="s">
        <v>78</v>
      </c>
      <c r="L593" s="8" t="s">
        <v>71</v>
      </c>
      <c r="M593" s="8">
        <v>1</v>
      </c>
      <c r="N593" s="8" t="s">
        <v>509</v>
      </c>
      <c r="O593" s="8">
        <v>1</v>
      </c>
      <c r="P593" s="8">
        <v>30</v>
      </c>
      <c r="Q593" s="11" t="s">
        <v>784</v>
      </c>
      <c r="R593" s="238"/>
      <c r="S593" s="238"/>
      <c r="T593" s="238"/>
      <c r="U593" s="238"/>
    </row>
    <row r="594" spans="1:21" hidden="1">
      <c r="A594" s="11"/>
      <c r="B594" s="11"/>
      <c r="C594" s="11"/>
      <c r="D594" s="11"/>
      <c r="E594" s="11"/>
      <c r="F594" s="11"/>
      <c r="G594" s="11"/>
      <c r="H594" s="11">
        <v>3</v>
      </c>
      <c r="I594" s="11">
        <v>352</v>
      </c>
      <c r="J594" s="11" t="s">
        <v>3</v>
      </c>
      <c r="K594" s="11" t="s">
        <v>78</v>
      </c>
      <c r="L594" s="8" t="s">
        <v>71</v>
      </c>
      <c r="M594" s="8">
        <v>1</v>
      </c>
      <c r="N594" s="8" t="s">
        <v>509</v>
      </c>
      <c r="O594" s="8">
        <v>1</v>
      </c>
      <c r="P594" s="8">
        <v>80</v>
      </c>
      <c r="Q594" s="18" t="s">
        <v>782</v>
      </c>
      <c r="R594" s="238"/>
      <c r="S594" s="238"/>
      <c r="T594" s="238"/>
      <c r="U594" s="238"/>
    </row>
    <row r="595" spans="1:21" hidden="1">
      <c r="A595" s="75"/>
      <c r="B595" s="75"/>
      <c r="C595" s="75" t="s">
        <v>130</v>
      </c>
      <c r="D595" s="75" t="s">
        <v>126</v>
      </c>
      <c r="E595" s="75"/>
      <c r="F595" s="75"/>
      <c r="G595" s="75"/>
      <c r="H595" s="75"/>
      <c r="I595" s="75"/>
      <c r="J595" s="75"/>
      <c r="K595" s="75" t="s">
        <v>17</v>
      </c>
      <c r="L595" s="17" t="s">
        <v>71</v>
      </c>
      <c r="M595" s="17" t="s">
        <v>525</v>
      </c>
      <c r="N595" s="17"/>
      <c r="O595" s="17"/>
      <c r="P595" s="17"/>
      <c r="Q595" s="78"/>
      <c r="R595" s="238"/>
      <c r="S595" s="238"/>
      <c r="T595" s="238"/>
      <c r="U595" s="238"/>
    </row>
    <row r="596" spans="1:21" hidden="1">
      <c r="A596" s="11"/>
      <c r="B596" s="11"/>
      <c r="C596" s="11"/>
      <c r="D596" s="11"/>
      <c r="E596" s="11"/>
      <c r="F596" s="11"/>
      <c r="G596" s="11"/>
      <c r="H596" s="11">
        <v>1</v>
      </c>
      <c r="I596" s="11">
        <v>128</v>
      </c>
      <c r="J596" s="11" t="s">
        <v>128</v>
      </c>
      <c r="K596" s="11" t="s">
        <v>66</v>
      </c>
      <c r="L596" s="8" t="s">
        <v>65</v>
      </c>
      <c r="M596" s="8">
        <v>1</v>
      </c>
      <c r="N596" s="8" t="s">
        <v>514</v>
      </c>
      <c r="O596" s="8">
        <v>2</v>
      </c>
      <c r="P596" s="8">
        <v>3</v>
      </c>
      <c r="Q596" s="11" t="s">
        <v>689</v>
      </c>
      <c r="R596" s="238"/>
      <c r="S596" s="238"/>
      <c r="T596" s="238"/>
      <c r="U596" s="238"/>
    </row>
    <row r="597" spans="1:21" hidden="1">
      <c r="A597" s="11"/>
      <c r="B597" s="11"/>
      <c r="C597" s="11"/>
      <c r="D597" s="11"/>
      <c r="E597" s="11"/>
      <c r="F597" s="11"/>
      <c r="G597" s="11"/>
      <c r="H597" s="11">
        <v>2</v>
      </c>
      <c r="I597" s="11">
        <v>127</v>
      </c>
      <c r="J597" s="11" t="s">
        <v>126</v>
      </c>
      <c r="K597" s="11" t="s">
        <v>78</v>
      </c>
      <c r="L597" s="8" t="s">
        <v>71</v>
      </c>
      <c r="M597" s="8">
        <v>1</v>
      </c>
      <c r="N597" s="8" t="s">
        <v>509</v>
      </c>
      <c r="O597" s="8">
        <v>1</v>
      </c>
      <c r="P597" s="8">
        <v>30</v>
      </c>
      <c r="Q597" s="11" t="s">
        <v>785</v>
      </c>
      <c r="R597" s="238"/>
      <c r="S597" s="238"/>
      <c r="T597" s="238"/>
      <c r="U597" s="238"/>
    </row>
    <row r="598" spans="1:21" hidden="1">
      <c r="A598" s="11"/>
      <c r="B598" s="11"/>
      <c r="C598" s="11"/>
      <c r="D598" s="11"/>
      <c r="E598" s="11"/>
      <c r="F598" s="11"/>
      <c r="G598" s="11"/>
      <c r="H598" s="11">
        <v>3</v>
      </c>
      <c r="I598" s="11">
        <v>352</v>
      </c>
      <c r="J598" s="11" t="s">
        <v>3</v>
      </c>
      <c r="K598" s="11" t="s">
        <v>78</v>
      </c>
      <c r="L598" s="8" t="s">
        <v>71</v>
      </c>
      <c r="M598" s="8">
        <v>1</v>
      </c>
      <c r="N598" s="8" t="s">
        <v>509</v>
      </c>
      <c r="O598" s="8">
        <v>1</v>
      </c>
      <c r="P598" s="8">
        <v>80</v>
      </c>
      <c r="Q598" s="18" t="s">
        <v>786</v>
      </c>
      <c r="R598" s="238"/>
      <c r="S598" s="238"/>
      <c r="T598" s="238"/>
      <c r="U598" s="238"/>
    </row>
    <row r="599" spans="1:21" hidden="1">
      <c r="A599" s="75"/>
      <c r="B599" s="75"/>
      <c r="C599" s="75" t="s">
        <v>130</v>
      </c>
      <c r="D599" s="75" t="s">
        <v>126</v>
      </c>
      <c r="E599" s="75"/>
      <c r="F599" s="75"/>
      <c r="G599" s="75"/>
      <c r="H599" s="75"/>
      <c r="I599" s="75"/>
      <c r="J599" s="75"/>
      <c r="K599" s="75" t="s">
        <v>17</v>
      </c>
      <c r="L599" s="17" t="s">
        <v>71</v>
      </c>
      <c r="M599" s="17" t="s">
        <v>525</v>
      </c>
      <c r="N599" s="17"/>
      <c r="O599" s="17"/>
      <c r="P599" s="17"/>
      <c r="Q599" s="78"/>
      <c r="R599" s="238"/>
      <c r="S599" s="238"/>
      <c r="T599" s="238"/>
      <c r="U599" s="238"/>
    </row>
    <row r="600" spans="1:21" hidden="1">
      <c r="A600" s="11"/>
      <c r="B600" s="11"/>
      <c r="C600" s="11"/>
      <c r="D600" s="11"/>
      <c r="E600" s="11"/>
      <c r="F600" s="11"/>
      <c r="G600" s="11"/>
      <c r="H600" s="11">
        <v>1</v>
      </c>
      <c r="I600" s="11">
        <v>128</v>
      </c>
      <c r="J600" s="11" t="s">
        <v>128</v>
      </c>
      <c r="K600" s="11" t="s">
        <v>66</v>
      </c>
      <c r="L600" s="8" t="s">
        <v>65</v>
      </c>
      <c r="M600" s="8">
        <v>1</v>
      </c>
      <c r="N600" s="8" t="s">
        <v>514</v>
      </c>
      <c r="O600" s="8">
        <v>2</v>
      </c>
      <c r="P600" s="8">
        <v>3</v>
      </c>
      <c r="Q600" s="11" t="s">
        <v>689</v>
      </c>
      <c r="R600" s="238"/>
      <c r="S600" s="238"/>
      <c r="T600" s="238"/>
      <c r="U600" s="238"/>
    </row>
    <row r="601" spans="1:21" hidden="1">
      <c r="A601" s="11"/>
      <c r="B601" s="11"/>
      <c r="C601" s="11"/>
      <c r="D601" s="11"/>
      <c r="E601" s="11"/>
      <c r="F601" s="11"/>
      <c r="G601" s="11"/>
      <c r="H601" s="11">
        <v>2</v>
      </c>
      <c r="I601" s="11">
        <v>127</v>
      </c>
      <c r="J601" s="11" t="s">
        <v>126</v>
      </c>
      <c r="K601" s="11" t="s">
        <v>78</v>
      </c>
      <c r="L601" s="8" t="s">
        <v>71</v>
      </c>
      <c r="M601" s="8">
        <v>1</v>
      </c>
      <c r="N601" s="8" t="s">
        <v>509</v>
      </c>
      <c r="O601" s="8">
        <v>1</v>
      </c>
      <c r="P601" s="8">
        <v>30</v>
      </c>
      <c r="Q601" s="11" t="s">
        <v>787</v>
      </c>
      <c r="R601" s="238"/>
      <c r="S601" s="238"/>
      <c r="T601" s="238"/>
      <c r="U601" s="238"/>
    </row>
    <row r="602" spans="1:21" hidden="1">
      <c r="A602" s="11"/>
      <c r="B602" s="11"/>
      <c r="C602" s="11"/>
      <c r="D602" s="11"/>
      <c r="E602" s="11"/>
      <c r="F602" s="11"/>
      <c r="G602" s="11"/>
      <c r="H602" s="11">
        <v>3</v>
      </c>
      <c r="I602" s="11">
        <v>352</v>
      </c>
      <c r="J602" s="11" t="s">
        <v>3</v>
      </c>
      <c r="K602" s="11" t="s">
        <v>78</v>
      </c>
      <c r="L602" s="8" t="s">
        <v>71</v>
      </c>
      <c r="M602" s="8">
        <v>1</v>
      </c>
      <c r="N602" s="8" t="s">
        <v>509</v>
      </c>
      <c r="O602" s="8">
        <v>1</v>
      </c>
      <c r="P602" s="8">
        <v>80</v>
      </c>
      <c r="Q602" s="18"/>
      <c r="R602" s="238"/>
      <c r="S602" s="238"/>
      <c r="T602" s="238"/>
      <c r="U602" s="238"/>
    </row>
    <row r="603" spans="1:21" hidden="1">
      <c r="A603" s="17"/>
      <c r="B603" s="17"/>
      <c r="C603" s="17" t="s">
        <v>130</v>
      </c>
      <c r="D603" s="17" t="s">
        <v>126</v>
      </c>
      <c r="E603" s="17"/>
      <c r="F603" s="17"/>
      <c r="G603" s="17"/>
      <c r="H603" s="17"/>
      <c r="I603" s="17"/>
      <c r="J603" s="17"/>
      <c r="K603" s="17" t="s">
        <v>17</v>
      </c>
      <c r="L603" s="17" t="s">
        <v>71</v>
      </c>
      <c r="M603" s="17" t="s">
        <v>525</v>
      </c>
      <c r="N603" s="17"/>
      <c r="O603" s="17"/>
      <c r="P603" s="17"/>
      <c r="Q603" s="138"/>
      <c r="R603" s="238"/>
      <c r="S603" s="238"/>
      <c r="T603" s="238"/>
      <c r="U603" s="238"/>
    </row>
    <row r="604" spans="1:21" hidden="1">
      <c r="H604" s="8">
        <v>1</v>
      </c>
      <c r="I604" s="8">
        <v>128</v>
      </c>
      <c r="J604" s="8" t="s">
        <v>128</v>
      </c>
      <c r="K604" s="8" t="s">
        <v>66</v>
      </c>
      <c r="L604" s="8" t="s">
        <v>65</v>
      </c>
      <c r="M604" s="8">
        <v>1</v>
      </c>
      <c r="N604" s="8" t="s">
        <v>514</v>
      </c>
      <c r="O604" s="8">
        <v>2</v>
      </c>
      <c r="P604" s="8">
        <v>3</v>
      </c>
      <c r="Q604" s="8" t="s">
        <v>689</v>
      </c>
      <c r="R604" s="238"/>
      <c r="S604" s="238"/>
      <c r="T604" s="238"/>
      <c r="U604" s="238"/>
    </row>
    <row r="605" spans="1:21" hidden="1">
      <c r="H605" s="8">
        <v>2</v>
      </c>
      <c r="I605" s="8">
        <v>127</v>
      </c>
      <c r="J605" s="8" t="s">
        <v>126</v>
      </c>
      <c r="K605" s="8" t="s">
        <v>78</v>
      </c>
      <c r="L605" s="8" t="s">
        <v>71</v>
      </c>
      <c r="M605" s="8">
        <v>1</v>
      </c>
      <c r="N605" s="8" t="s">
        <v>509</v>
      </c>
      <c r="O605" s="8">
        <v>1</v>
      </c>
      <c r="P605" s="8">
        <v>30</v>
      </c>
      <c r="Q605" s="8" t="s">
        <v>788</v>
      </c>
      <c r="R605" s="238"/>
      <c r="S605" s="238"/>
      <c r="T605" s="238"/>
      <c r="U605" s="238"/>
    </row>
    <row r="606" spans="1:21" hidden="1">
      <c r="H606" s="8">
        <v>3</v>
      </c>
      <c r="I606" s="8">
        <v>352</v>
      </c>
      <c r="J606" s="8" t="s">
        <v>3</v>
      </c>
      <c r="K606" s="8" t="s">
        <v>78</v>
      </c>
      <c r="L606" s="8" t="s">
        <v>71</v>
      </c>
      <c r="M606" s="8">
        <v>1</v>
      </c>
      <c r="N606" s="8" t="s">
        <v>509</v>
      </c>
      <c r="O606" s="8">
        <v>1</v>
      </c>
      <c r="P606" s="8">
        <v>80</v>
      </c>
      <c r="Q606" s="72"/>
      <c r="R606" s="238"/>
      <c r="S606" s="238"/>
      <c r="T606" s="238"/>
      <c r="U606" s="238"/>
    </row>
    <row r="607" spans="1:21" hidden="1">
      <c r="Q607" s="72"/>
      <c r="R607" s="238"/>
      <c r="S607" s="238"/>
      <c r="T607" s="238"/>
      <c r="U607" s="238"/>
    </row>
    <row r="608" spans="1:21">
      <c r="A608" s="17"/>
      <c r="B608" s="17"/>
      <c r="C608" s="17" t="s">
        <v>130</v>
      </c>
      <c r="D608" s="17" t="s">
        <v>126</v>
      </c>
      <c r="E608" s="17"/>
      <c r="F608" s="17"/>
      <c r="G608" s="17"/>
      <c r="H608" s="17"/>
      <c r="I608" s="17"/>
      <c r="J608" s="17"/>
      <c r="K608" s="17" t="s">
        <v>17</v>
      </c>
      <c r="L608" s="17" t="s">
        <v>71</v>
      </c>
      <c r="M608" s="17" t="s">
        <v>525</v>
      </c>
      <c r="N608" s="17"/>
      <c r="O608" s="17"/>
      <c r="P608" s="17"/>
      <c r="Q608" s="138"/>
      <c r="R608" s="238" t="s">
        <v>2449</v>
      </c>
      <c r="S608" s="238" t="s">
        <v>2448</v>
      </c>
      <c r="T608" s="238"/>
      <c r="U608" s="238"/>
    </row>
    <row r="609" spans="1:21" hidden="1" outlineLevel="1">
      <c r="A609" s="24"/>
      <c r="B609" s="24"/>
      <c r="C609" s="24"/>
      <c r="D609" s="24"/>
      <c r="E609" s="24"/>
      <c r="F609" s="24"/>
      <c r="G609" s="24"/>
      <c r="H609" s="11">
        <v>1</v>
      </c>
      <c r="I609" s="11">
        <v>128</v>
      </c>
      <c r="J609" s="11" t="s">
        <v>128</v>
      </c>
      <c r="K609" s="11" t="s">
        <v>66</v>
      </c>
      <c r="L609" s="8" t="s">
        <v>65</v>
      </c>
      <c r="M609" s="8">
        <v>1</v>
      </c>
      <c r="N609" s="8" t="s">
        <v>514</v>
      </c>
      <c r="O609" s="8">
        <v>2</v>
      </c>
      <c r="P609" s="8">
        <v>3</v>
      </c>
      <c r="Q609" s="11" t="s">
        <v>643</v>
      </c>
      <c r="R609" s="238"/>
      <c r="S609" s="238"/>
      <c r="T609" s="238"/>
      <c r="U609" s="238"/>
    </row>
    <row r="610" spans="1:21" hidden="1" outlineLevel="1">
      <c r="A610" s="24"/>
      <c r="B610" s="24"/>
      <c r="C610" s="24"/>
      <c r="D610" s="24"/>
      <c r="E610" s="24"/>
      <c r="F610" s="24"/>
      <c r="G610" s="24"/>
      <c r="H610" s="11">
        <v>2</v>
      </c>
      <c r="I610" s="11">
        <v>127</v>
      </c>
      <c r="J610" s="11" t="s">
        <v>126</v>
      </c>
      <c r="K610" s="11" t="s">
        <v>78</v>
      </c>
      <c r="L610" s="8" t="s">
        <v>71</v>
      </c>
      <c r="M610" s="8">
        <v>1</v>
      </c>
      <c r="N610" s="8" t="s">
        <v>509</v>
      </c>
      <c r="O610" s="8">
        <v>1</v>
      </c>
      <c r="P610" s="8">
        <v>30</v>
      </c>
      <c r="Q610" s="18"/>
      <c r="R610" s="238"/>
      <c r="S610" s="238"/>
      <c r="T610" s="238"/>
      <c r="U610" s="238"/>
    </row>
    <row r="611" spans="1:21" hidden="1" outlineLevel="1">
      <c r="A611" s="24"/>
      <c r="B611" s="24"/>
      <c r="C611" s="24"/>
      <c r="D611" s="24"/>
      <c r="E611" s="24"/>
      <c r="F611" s="24"/>
      <c r="G611" s="24"/>
      <c r="H611" s="11">
        <v>3</v>
      </c>
      <c r="I611" s="11">
        <v>352</v>
      </c>
      <c r="J611" s="11" t="s">
        <v>3</v>
      </c>
      <c r="K611" s="11" t="s">
        <v>78</v>
      </c>
      <c r="L611" s="8" t="s">
        <v>71</v>
      </c>
      <c r="M611" s="8">
        <v>1</v>
      </c>
      <c r="N611" s="8" t="s">
        <v>509</v>
      </c>
      <c r="O611" s="8">
        <v>1</v>
      </c>
      <c r="P611" s="8">
        <v>80</v>
      </c>
      <c r="Q611" s="18"/>
      <c r="R611" s="238"/>
      <c r="S611" s="238"/>
      <c r="T611" s="238"/>
      <c r="U611" s="238"/>
    </row>
    <row r="612" spans="1:21" collapsed="1">
      <c r="A612" s="17"/>
      <c r="B612" s="17"/>
      <c r="C612" s="17" t="s">
        <v>498</v>
      </c>
      <c r="D612" s="17" t="s">
        <v>499</v>
      </c>
      <c r="E612" s="17"/>
      <c r="F612" s="17"/>
      <c r="G612" s="17"/>
      <c r="H612" s="17"/>
      <c r="I612" s="17"/>
      <c r="J612" s="17"/>
      <c r="K612" s="17" t="s">
        <v>17</v>
      </c>
      <c r="L612" s="17" t="s">
        <v>71</v>
      </c>
      <c r="M612" s="17" t="s">
        <v>525</v>
      </c>
      <c r="N612" s="17"/>
      <c r="O612" s="17"/>
      <c r="P612" s="17"/>
      <c r="Q612" s="138"/>
      <c r="R612" s="238" t="s">
        <v>1701</v>
      </c>
      <c r="S612" s="238" t="s">
        <v>2751</v>
      </c>
      <c r="T612" s="238" t="s">
        <v>1702</v>
      </c>
      <c r="U612" s="238" t="s">
        <v>1702</v>
      </c>
    </row>
    <row r="613" spans="1:21" hidden="1" outlineLevel="1">
      <c r="H613" s="8">
        <v>1</v>
      </c>
      <c r="I613" s="8">
        <v>88</v>
      </c>
      <c r="J613" s="8" t="s">
        <v>500</v>
      </c>
      <c r="K613" s="8" t="s">
        <v>66</v>
      </c>
      <c r="L613" s="8" t="s">
        <v>65</v>
      </c>
      <c r="M613" s="8">
        <v>1</v>
      </c>
      <c r="N613" s="8" t="s">
        <v>514</v>
      </c>
      <c r="O613" s="8">
        <v>1</v>
      </c>
      <c r="P613" s="8">
        <v>2</v>
      </c>
      <c r="Q613" s="8" t="s">
        <v>789</v>
      </c>
      <c r="R613" s="238"/>
      <c r="S613" s="238"/>
      <c r="T613" s="238"/>
      <c r="U613" s="238"/>
    </row>
    <row r="614" spans="1:21" ht="28" hidden="1" outlineLevel="1">
      <c r="H614" s="8">
        <v>2</v>
      </c>
      <c r="I614" s="8">
        <v>87</v>
      </c>
      <c r="J614" s="8" t="s">
        <v>499</v>
      </c>
      <c r="K614" s="8" t="s">
        <v>66</v>
      </c>
      <c r="L614" s="8" t="s">
        <v>65</v>
      </c>
      <c r="M614" s="8">
        <v>1</v>
      </c>
      <c r="N614" s="8" t="s">
        <v>509</v>
      </c>
      <c r="O614" s="8">
        <v>1</v>
      </c>
      <c r="P614" s="8">
        <v>48</v>
      </c>
      <c r="Q614" s="70" t="s">
        <v>624</v>
      </c>
      <c r="R614" s="238"/>
      <c r="S614" s="238"/>
      <c r="T614" s="238"/>
      <c r="U614" s="238"/>
    </row>
    <row r="615" spans="1:21" hidden="1" outlineLevel="1">
      <c r="H615" s="8">
        <v>3</v>
      </c>
      <c r="I615" s="8">
        <v>87</v>
      </c>
      <c r="J615" s="8" t="s">
        <v>499</v>
      </c>
      <c r="K615" s="8" t="s">
        <v>17</v>
      </c>
      <c r="L615" s="8" t="s">
        <v>71</v>
      </c>
      <c r="M615" s="8">
        <v>1</v>
      </c>
      <c r="N615" s="8" t="s">
        <v>509</v>
      </c>
      <c r="O615" s="8">
        <v>1</v>
      </c>
      <c r="P615" s="8">
        <v>48</v>
      </c>
      <c r="Q615" s="72"/>
      <c r="R615" s="238"/>
      <c r="S615" s="238"/>
      <c r="T615" s="238"/>
      <c r="U615" s="238"/>
    </row>
    <row r="616" spans="1:21" hidden="1" outlineLevel="1">
      <c r="H616" s="8">
        <v>4</v>
      </c>
      <c r="I616" s="8">
        <v>88</v>
      </c>
      <c r="J616" s="8" t="s">
        <v>500</v>
      </c>
      <c r="K616" s="8" t="s">
        <v>78</v>
      </c>
      <c r="L616" s="8" t="s">
        <v>71</v>
      </c>
      <c r="M616" s="8">
        <v>1</v>
      </c>
      <c r="N616" s="8" t="s">
        <v>514</v>
      </c>
      <c r="O616" s="8">
        <v>1</v>
      </c>
      <c r="P616" s="8">
        <v>2</v>
      </c>
      <c r="Q616" s="8" t="s">
        <v>789</v>
      </c>
      <c r="R616" s="238"/>
      <c r="S616" s="238"/>
      <c r="T616" s="238"/>
      <c r="U616" s="238"/>
    </row>
    <row r="617" spans="1:21" ht="28" hidden="1" outlineLevel="1">
      <c r="H617" s="8">
        <v>5</v>
      </c>
      <c r="I617" s="8">
        <v>87</v>
      </c>
      <c r="J617" s="8" t="s">
        <v>499</v>
      </c>
      <c r="K617" s="8" t="s">
        <v>78</v>
      </c>
      <c r="L617" s="8" t="s">
        <v>71</v>
      </c>
      <c r="M617" s="8">
        <v>1</v>
      </c>
      <c r="N617" s="8" t="s">
        <v>509</v>
      </c>
      <c r="O617" s="8">
        <v>1</v>
      </c>
      <c r="P617" s="8">
        <v>48</v>
      </c>
      <c r="Q617" s="70" t="s">
        <v>624</v>
      </c>
      <c r="R617" s="238"/>
      <c r="S617" s="238"/>
      <c r="T617" s="238"/>
      <c r="U617" s="238"/>
    </row>
    <row r="618" spans="1:21" hidden="1" outlineLevel="1">
      <c r="H618" s="8">
        <v>6</v>
      </c>
      <c r="I618" s="8">
        <v>87</v>
      </c>
      <c r="J618" s="8" t="s">
        <v>499</v>
      </c>
      <c r="K618" s="8" t="s">
        <v>17</v>
      </c>
      <c r="L618" s="8" t="s">
        <v>71</v>
      </c>
      <c r="M618" s="8">
        <v>1</v>
      </c>
      <c r="N618" s="8" t="s">
        <v>509</v>
      </c>
      <c r="O618" s="8">
        <v>1</v>
      </c>
      <c r="P618" s="8">
        <v>48</v>
      </c>
      <c r="Q618" s="72"/>
      <c r="R618" s="238"/>
      <c r="S618" s="238"/>
      <c r="T618" s="238"/>
      <c r="U618" s="238"/>
    </row>
    <row r="619" spans="1:21" hidden="1" collapsed="1">
      <c r="A619" s="17"/>
      <c r="B619" s="17"/>
      <c r="C619" s="17" t="s">
        <v>84</v>
      </c>
      <c r="D619" s="17" t="s">
        <v>428</v>
      </c>
      <c r="E619" s="17"/>
      <c r="F619" s="17"/>
      <c r="G619" s="17"/>
      <c r="H619" s="17"/>
      <c r="I619" s="17"/>
      <c r="J619" s="17"/>
      <c r="K619" s="17" t="s">
        <v>17</v>
      </c>
      <c r="L619" s="17" t="s">
        <v>71</v>
      </c>
      <c r="M619" s="17">
        <v>10</v>
      </c>
      <c r="N619" s="17"/>
      <c r="O619" s="17"/>
      <c r="P619" s="17"/>
      <c r="Q619" s="138"/>
      <c r="R619" s="238"/>
      <c r="S619" s="238"/>
      <c r="T619" s="238"/>
      <c r="U619" s="238"/>
    </row>
    <row r="620" spans="1:21" hidden="1">
      <c r="H620" s="8">
        <v>1</v>
      </c>
      <c r="I620" s="8">
        <v>374</v>
      </c>
      <c r="J620" s="8" t="s">
        <v>82</v>
      </c>
      <c r="K620" s="8" t="s">
        <v>66</v>
      </c>
      <c r="L620" s="8" t="s">
        <v>65</v>
      </c>
      <c r="M620" s="8">
        <v>1</v>
      </c>
      <c r="N620" s="8" t="s">
        <v>514</v>
      </c>
      <c r="O620" s="8">
        <v>3</v>
      </c>
      <c r="P620" s="8">
        <v>3</v>
      </c>
      <c r="Q620" s="8" t="s">
        <v>661</v>
      </c>
      <c r="R620" s="238"/>
      <c r="S620" s="238"/>
      <c r="T620" s="238"/>
      <c r="U620" s="238"/>
    </row>
    <row r="621" spans="1:21" hidden="1">
      <c r="H621" s="8">
        <v>2</v>
      </c>
      <c r="I621" s="8">
        <v>373</v>
      </c>
      <c r="J621" s="8" t="s">
        <v>1</v>
      </c>
      <c r="K621" s="8" t="s">
        <v>78</v>
      </c>
      <c r="L621" s="8" t="s">
        <v>71</v>
      </c>
      <c r="M621" s="8">
        <v>1</v>
      </c>
      <c r="N621" s="8" t="s">
        <v>519</v>
      </c>
      <c r="O621" s="8">
        <v>8</v>
      </c>
      <c r="P621" s="8">
        <v>8</v>
      </c>
      <c r="Q621" s="72"/>
      <c r="R621" s="238"/>
      <c r="S621" s="238"/>
      <c r="T621" s="238"/>
      <c r="U621" s="238"/>
    </row>
    <row r="622" spans="1:21" hidden="1">
      <c r="A622" s="17"/>
      <c r="B622" s="17"/>
      <c r="C622" s="17" t="s">
        <v>84</v>
      </c>
      <c r="D622" s="17" t="s">
        <v>428</v>
      </c>
      <c r="E622" s="17"/>
      <c r="F622" s="17"/>
      <c r="G622" s="17"/>
      <c r="H622" s="17"/>
      <c r="I622" s="17"/>
      <c r="J622" s="17"/>
      <c r="K622" s="17" t="s">
        <v>17</v>
      </c>
      <c r="L622" s="17" t="s">
        <v>71</v>
      </c>
      <c r="M622" s="17">
        <v>10</v>
      </c>
      <c r="N622" s="17"/>
      <c r="O622" s="17"/>
      <c r="P622" s="17"/>
      <c r="Q622" s="138"/>
      <c r="R622" s="238"/>
      <c r="S622" s="238"/>
      <c r="T622" s="238"/>
      <c r="U622" s="238"/>
    </row>
    <row r="623" spans="1:21" hidden="1">
      <c r="H623" s="8">
        <v>1</v>
      </c>
      <c r="I623" s="8">
        <v>374</v>
      </c>
      <c r="J623" s="8" t="s">
        <v>82</v>
      </c>
      <c r="K623" s="8" t="s">
        <v>66</v>
      </c>
      <c r="L623" s="8" t="s">
        <v>65</v>
      </c>
      <c r="M623" s="8">
        <v>1</v>
      </c>
      <c r="N623" s="8" t="s">
        <v>514</v>
      </c>
      <c r="O623" s="8">
        <v>3</v>
      </c>
      <c r="P623" s="8">
        <v>3</v>
      </c>
      <c r="Q623" s="8" t="s">
        <v>790</v>
      </c>
      <c r="R623" s="238"/>
      <c r="S623" s="238"/>
      <c r="T623" s="238"/>
      <c r="U623" s="238"/>
    </row>
    <row r="624" spans="1:21" hidden="1">
      <c r="H624" s="8">
        <v>2</v>
      </c>
      <c r="I624" s="8">
        <v>373</v>
      </c>
      <c r="J624" s="8" t="s">
        <v>1</v>
      </c>
      <c r="K624" s="8" t="s">
        <v>78</v>
      </c>
      <c r="L624" s="8" t="s">
        <v>71</v>
      </c>
      <c r="M624" s="8">
        <v>1</v>
      </c>
      <c r="N624" s="8" t="s">
        <v>519</v>
      </c>
      <c r="O624" s="8">
        <v>8</v>
      </c>
      <c r="P624" s="8">
        <v>8</v>
      </c>
      <c r="Q624" s="72"/>
      <c r="R624" s="238"/>
      <c r="S624" s="238"/>
      <c r="T624" s="238"/>
      <c r="U624" s="238"/>
    </row>
    <row r="625" spans="1:21" hidden="1">
      <c r="A625" s="17"/>
      <c r="B625" s="17"/>
      <c r="C625" s="17" t="s">
        <v>252</v>
      </c>
      <c r="D625" s="17" t="s">
        <v>476</v>
      </c>
      <c r="E625" s="17"/>
      <c r="F625" s="17"/>
      <c r="G625" s="17"/>
      <c r="H625" s="17"/>
      <c r="I625" s="17"/>
      <c r="J625" s="17"/>
      <c r="K625" s="17" t="s">
        <v>17</v>
      </c>
      <c r="L625" s="17" t="s">
        <v>71</v>
      </c>
      <c r="M625" s="17">
        <v>1</v>
      </c>
      <c r="N625" s="17"/>
      <c r="O625" s="17"/>
      <c r="P625" s="17"/>
      <c r="Q625" s="138"/>
      <c r="R625" s="238"/>
      <c r="S625" s="238"/>
      <c r="T625" s="238"/>
      <c r="U625" s="238"/>
    </row>
    <row r="626" spans="1:21" ht="28" hidden="1">
      <c r="H626" s="8">
        <v>1</v>
      </c>
      <c r="I626" s="8">
        <v>98</v>
      </c>
      <c r="J626" s="8" t="s">
        <v>156</v>
      </c>
      <c r="K626" s="8" t="s">
        <v>66</v>
      </c>
      <c r="L626" s="8" t="s">
        <v>65</v>
      </c>
      <c r="M626" s="8">
        <v>1</v>
      </c>
      <c r="N626" s="8" t="s">
        <v>514</v>
      </c>
      <c r="O626" s="8">
        <v>2</v>
      </c>
      <c r="P626" s="8">
        <v>3</v>
      </c>
      <c r="Q626" s="70" t="s">
        <v>624</v>
      </c>
      <c r="R626" s="238"/>
      <c r="S626" s="238"/>
      <c r="T626" s="238"/>
      <c r="U626" s="238"/>
    </row>
    <row r="627" spans="1:21" hidden="1">
      <c r="H627" s="8">
        <v>2</v>
      </c>
      <c r="I627" s="8">
        <v>100</v>
      </c>
      <c r="J627" s="8" t="s">
        <v>249</v>
      </c>
      <c r="K627" s="8" t="s">
        <v>66</v>
      </c>
      <c r="L627" s="8" t="s">
        <v>65</v>
      </c>
      <c r="M627" s="8">
        <v>1</v>
      </c>
      <c r="N627" s="8" t="s">
        <v>514</v>
      </c>
      <c r="O627" s="8">
        <v>3</v>
      </c>
      <c r="P627" s="8">
        <v>3</v>
      </c>
      <c r="Q627" s="72"/>
      <c r="R627" s="238"/>
      <c r="S627" s="238"/>
      <c r="T627" s="238"/>
      <c r="U627" s="238"/>
    </row>
    <row r="628" spans="1:21" hidden="1">
      <c r="A628" s="34" t="s">
        <v>501</v>
      </c>
      <c r="B628" s="35"/>
      <c r="C628" s="35"/>
      <c r="D628" s="35"/>
      <c r="E628" s="35"/>
      <c r="F628" s="35"/>
      <c r="G628" s="35"/>
      <c r="H628" s="35"/>
      <c r="I628" s="35"/>
      <c r="J628" s="35"/>
      <c r="K628" s="35"/>
      <c r="L628" s="35"/>
      <c r="M628" s="35"/>
      <c r="N628" s="35"/>
      <c r="O628" s="35"/>
      <c r="P628" s="35"/>
      <c r="Q628" s="35"/>
      <c r="R628" s="238"/>
      <c r="S628" s="238"/>
      <c r="T628" s="238"/>
      <c r="U628" s="238"/>
    </row>
    <row r="629" spans="1:21" s="8" customFormat="1" ht="84" hidden="1" customHeight="1">
      <c r="A629" s="404" t="s">
        <v>502</v>
      </c>
      <c r="B629" s="404"/>
      <c r="C629" s="404"/>
      <c r="D629" s="404"/>
      <c r="E629" s="404"/>
      <c r="F629" s="404"/>
      <c r="G629" s="404"/>
      <c r="H629" s="404"/>
      <c r="I629" s="404"/>
      <c r="J629" s="404"/>
      <c r="K629" s="404"/>
      <c r="L629" s="293"/>
      <c r="M629" s="293"/>
      <c r="N629" s="293"/>
      <c r="O629" s="293"/>
      <c r="P629" s="293"/>
      <c r="Q629" s="80" t="s">
        <v>791</v>
      </c>
      <c r="R629" s="238"/>
      <c r="S629" s="238"/>
      <c r="T629" s="238"/>
      <c r="U629" s="238"/>
    </row>
    <row r="630" spans="1:21" s="8" customFormat="1" hidden="1">
      <c r="A630" s="17" t="s">
        <v>440</v>
      </c>
      <c r="B630" s="17" t="s">
        <v>441</v>
      </c>
      <c r="C630" s="17"/>
      <c r="D630" s="17"/>
      <c r="E630" s="17"/>
      <c r="F630" s="17"/>
      <c r="G630" s="17"/>
      <c r="H630" s="17"/>
      <c r="I630" s="17"/>
      <c r="J630" s="17"/>
      <c r="K630" s="17" t="s">
        <v>66</v>
      </c>
      <c r="L630" s="17" t="s">
        <v>65</v>
      </c>
      <c r="M630" s="17">
        <v>200000</v>
      </c>
      <c r="N630" s="17"/>
      <c r="O630" s="17"/>
      <c r="P630" s="17"/>
      <c r="Q630" s="17"/>
      <c r="R630" s="238"/>
      <c r="S630" s="238"/>
      <c r="T630" s="238"/>
      <c r="U630" s="238"/>
    </row>
    <row r="631" spans="1:21" s="8" customFormat="1" hidden="1">
      <c r="A631" s="17"/>
      <c r="B631" s="17"/>
      <c r="C631" s="17" t="s">
        <v>440</v>
      </c>
      <c r="D631" s="17" t="s">
        <v>441</v>
      </c>
      <c r="E631" s="17"/>
      <c r="F631" s="17"/>
      <c r="G631" s="17"/>
      <c r="H631" s="17"/>
      <c r="I631" s="17"/>
      <c r="J631" s="17"/>
      <c r="K631" s="17" t="s">
        <v>66</v>
      </c>
      <c r="L631" s="17" t="s">
        <v>65</v>
      </c>
      <c r="M631" s="17">
        <v>1</v>
      </c>
      <c r="N631" s="17"/>
      <c r="O631" s="17"/>
      <c r="P631" s="17"/>
      <c r="Q631" s="17"/>
      <c r="R631" s="238"/>
      <c r="S631" s="238"/>
      <c r="T631" s="238"/>
      <c r="U631" s="238"/>
    </row>
    <row r="632" spans="1:21" s="8" customFormat="1" ht="42" hidden="1">
      <c r="H632" s="8">
        <v>1</v>
      </c>
      <c r="I632" s="8">
        <v>628</v>
      </c>
      <c r="J632" s="8" t="s">
        <v>442</v>
      </c>
      <c r="K632" s="8" t="s">
        <v>66</v>
      </c>
      <c r="L632" s="8" t="s">
        <v>65</v>
      </c>
      <c r="M632" s="8">
        <v>1</v>
      </c>
      <c r="N632" s="8" t="s">
        <v>509</v>
      </c>
      <c r="O632" s="8">
        <v>1</v>
      </c>
      <c r="P632" s="8">
        <v>12</v>
      </c>
      <c r="Q632" s="18" t="s">
        <v>776</v>
      </c>
      <c r="R632" s="238"/>
      <c r="S632" s="238"/>
      <c r="T632" s="238"/>
      <c r="U632" s="238"/>
    </row>
    <row r="633" spans="1:21" s="8" customFormat="1" ht="70" hidden="1">
      <c r="H633" s="8">
        <v>2</v>
      </c>
      <c r="I633" s="8">
        <v>734</v>
      </c>
      <c r="J633" s="8" t="s">
        <v>443</v>
      </c>
      <c r="K633" s="8" t="s">
        <v>17</v>
      </c>
      <c r="L633" s="8" t="s">
        <v>71</v>
      </c>
      <c r="M633" s="8">
        <v>1</v>
      </c>
      <c r="N633" s="8" t="s">
        <v>509</v>
      </c>
      <c r="O633" s="8">
        <v>1</v>
      </c>
      <c r="P633" s="8">
        <v>12</v>
      </c>
      <c r="Q633" s="18" t="s">
        <v>792</v>
      </c>
      <c r="R633" s="238"/>
      <c r="S633" s="238"/>
      <c r="T633" s="238"/>
      <c r="U633" s="238"/>
    </row>
    <row r="634" spans="1:21" s="8" customFormat="1" hidden="1">
      <c r="H634" s="8">
        <v>3</v>
      </c>
      <c r="I634" s="8">
        <v>735</v>
      </c>
      <c r="J634" s="8" t="s">
        <v>444</v>
      </c>
      <c r="K634" s="8" t="s">
        <v>66</v>
      </c>
      <c r="L634" s="8" t="s">
        <v>65</v>
      </c>
      <c r="M634" s="8">
        <v>1</v>
      </c>
      <c r="N634" s="8" t="s">
        <v>514</v>
      </c>
      <c r="O634" s="8">
        <v>1</v>
      </c>
      <c r="P634" s="8">
        <v>2</v>
      </c>
      <c r="Q634" s="8" t="s">
        <v>793</v>
      </c>
      <c r="R634" s="238"/>
      <c r="S634" s="238"/>
      <c r="T634" s="238"/>
      <c r="U634" s="238"/>
    </row>
    <row r="635" spans="1:21" s="8" customFormat="1" hidden="1">
      <c r="H635" s="8">
        <v>4</v>
      </c>
      <c r="I635" s="8">
        <v>736</v>
      </c>
      <c r="J635" s="8" t="s">
        <v>445</v>
      </c>
      <c r="K635" s="8" t="s">
        <v>17</v>
      </c>
      <c r="L635" s="8" t="s">
        <v>71</v>
      </c>
      <c r="M635" s="8">
        <v>1</v>
      </c>
      <c r="N635" s="8" t="s">
        <v>514</v>
      </c>
      <c r="O635" s="8">
        <v>1</v>
      </c>
      <c r="P635" s="8">
        <v>1</v>
      </c>
      <c r="Q635" s="18" t="s">
        <v>794</v>
      </c>
      <c r="R635" s="238"/>
      <c r="S635" s="238"/>
      <c r="T635" s="238"/>
      <c r="U635" s="238"/>
    </row>
    <row r="636" spans="1:21" hidden="1">
      <c r="A636" s="17"/>
      <c r="B636" s="17"/>
      <c r="C636" s="17" t="s">
        <v>424</v>
      </c>
      <c r="D636" s="17" t="s">
        <v>425</v>
      </c>
      <c r="E636" s="17"/>
      <c r="F636" s="17"/>
      <c r="G636" s="17"/>
      <c r="H636" s="17"/>
      <c r="I636" s="17"/>
      <c r="J636" s="17"/>
      <c r="K636" s="17" t="s">
        <v>17</v>
      </c>
      <c r="L636" s="17" t="s">
        <v>71</v>
      </c>
      <c r="M636" s="17">
        <v>1</v>
      </c>
      <c r="N636" s="17"/>
      <c r="O636" s="17"/>
      <c r="P636" s="17"/>
      <c r="Q636" s="17"/>
      <c r="R636" s="238"/>
      <c r="S636" s="238"/>
      <c r="T636" s="238"/>
      <c r="U636" s="238"/>
    </row>
    <row r="637" spans="1:21" hidden="1">
      <c r="H637" s="8">
        <v>1</v>
      </c>
      <c r="I637" s="8">
        <v>350</v>
      </c>
      <c r="J637" s="8" t="s">
        <v>108</v>
      </c>
      <c r="K637" s="8" t="s">
        <v>17</v>
      </c>
      <c r="L637" s="8" t="s">
        <v>71</v>
      </c>
      <c r="M637" s="8">
        <v>1</v>
      </c>
      <c r="N637" s="8" t="s">
        <v>509</v>
      </c>
      <c r="O637" s="8">
        <v>1</v>
      </c>
      <c r="P637" s="8">
        <v>20</v>
      </c>
      <c r="Q637" s="72"/>
      <c r="R637" s="238"/>
      <c r="S637" s="238"/>
      <c r="T637" s="238"/>
      <c r="U637" s="238"/>
    </row>
    <row r="638" spans="1:21" ht="28" hidden="1">
      <c r="H638" s="8">
        <v>2</v>
      </c>
      <c r="I638" s="8">
        <v>235</v>
      </c>
      <c r="J638" s="8" t="s">
        <v>90</v>
      </c>
      <c r="K638" s="8" t="s">
        <v>66</v>
      </c>
      <c r="L638" s="8" t="s">
        <v>65</v>
      </c>
      <c r="M638" s="8">
        <v>1</v>
      </c>
      <c r="N638" s="8" t="s">
        <v>514</v>
      </c>
      <c r="O638" s="8">
        <v>2</v>
      </c>
      <c r="P638" s="8">
        <v>2</v>
      </c>
      <c r="Q638" s="70" t="s">
        <v>624</v>
      </c>
      <c r="R638" s="238"/>
      <c r="S638" s="238"/>
      <c r="T638" s="238"/>
      <c r="U638" s="238"/>
    </row>
    <row r="639" spans="1:21" hidden="1">
      <c r="H639" s="8">
        <v>3</v>
      </c>
      <c r="I639" s="8">
        <v>234</v>
      </c>
      <c r="J639" s="8" t="s">
        <v>88</v>
      </c>
      <c r="K639" s="8" t="s">
        <v>66</v>
      </c>
      <c r="L639" s="8" t="s">
        <v>65</v>
      </c>
      <c r="M639" s="8">
        <v>1</v>
      </c>
      <c r="N639" s="8" t="s">
        <v>509</v>
      </c>
      <c r="O639" s="8">
        <v>1</v>
      </c>
      <c r="P639" s="8">
        <v>48</v>
      </c>
      <c r="R639" s="238"/>
      <c r="S639" s="238"/>
      <c r="T639" s="238"/>
      <c r="U639" s="238"/>
    </row>
    <row r="640" spans="1:21" ht="28" hidden="1">
      <c r="H640" s="8">
        <v>4</v>
      </c>
      <c r="I640" s="8">
        <v>235</v>
      </c>
      <c r="J640" s="8" t="s">
        <v>90</v>
      </c>
      <c r="K640" s="8" t="s">
        <v>78</v>
      </c>
      <c r="L640" s="8" t="s">
        <v>71</v>
      </c>
      <c r="M640" s="8">
        <v>1</v>
      </c>
      <c r="N640" s="8" t="s">
        <v>514</v>
      </c>
      <c r="O640" s="8">
        <v>2</v>
      </c>
      <c r="P640" s="8">
        <v>2</v>
      </c>
      <c r="Q640" s="70" t="s">
        <v>624</v>
      </c>
      <c r="R640" s="238"/>
      <c r="S640" s="238"/>
      <c r="T640" s="238"/>
      <c r="U640" s="238"/>
    </row>
    <row r="641" spans="1:21" hidden="1">
      <c r="H641" s="8">
        <v>5</v>
      </c>
      <c r="I641" s="8">
        <v>234</v>
      </c>
      <c r="J641" s="8" t="s">
        <v>88</v>
      </c>
      <c r="K641" s="8" t="s">
        <v>78</v>
      </c>
      <c r="L641" s="8" t="s">
        <v>71</v>
      </c>
      <c r="M641" s="8">
        <v>1</v>
      </c>
      <c r="N641" s="8" t="s">
        <v>509</v>
      </c>
      <c r="O641" s="8">
        <v>1</v>
      </c>
      <c r="P641" s="8">
        <v>48</v>
      </c>
      <c r="R641" s="238"/>
      <c r="S641" s="238"/>
      <c r="T641" s="238"/>
      <c r="U641" s="238"/>
    </row>
    <row r="642" spans="1:21" ht="28" hidden="1">
      <c r="H642" s="8">
        <v>6</v>
      </c>
      <c r="I642" s="8">
        <v>235</v>
      </c>
      <c r="J642" s="8" t="s">
        <v>90</v>
      </c>
      <c r="K642" s="8" t="s">
        <v>78</v>
      </c>
      <c r="L642" s="8" t="s">
        <v>71</v>
      </c>
      <c r="M642" s="8">
        <v>1</v>
      </c>
      <c r="N642" s="8" t="s">
        <v>514</v>
      </c>
      <c r="O642" s="8">
        <v>2</v>
      </c>
      <c r="P642" s="8">
        <v>2</v>
      </c>
      <c r="Q642" s="70" t="s">
        <v>624</v>
      </c>
      <c r="R642" s="238"/>
      <c r="S642" s="238"/>
      <c r="T642" s="238"/>
      <c r="U642" s="238"/>
    </row>
    <row r="643" spans="1:21" hidden="1">
      <c r="H643" s="8">
        <v>7</v>
      </c>
      <c r="I643" s="8">
        <v>234</v>
      </c>
      <c r="J643" s="8" t="s">
        <v>88</v>
      </c>
      <c r="K643" s="8" t="s">
        <v>78</v>
      </c>
      <c r="L643" s="8" t="s">
        <v>71</v>
      </c>
      <c r="M643" s="8">
        <v>1</v>
      </c>
      <c r="N643" s="8" t="s">
        <v>509</v>
      </c>
      <c r="O643" s="8">
        <v>1</v>
      </c>
      <c r="P643" s="8">
        <v>48</v>
      </c>
      <c r="R643" s="238"/>
      <c r="S643" s="238"/>
      <c r="T643" s="238"/>
      <c r="U643" s="238"/>
    </row>
    <row r="644" spans="1:21" ht="28" hidden="1">
      <c r="H644" s="8">
        <v>8</v>
      </c>
      <c r="I644" s="8">
        <v>235</v>
      </c>
      <c r="J644" s="8" t="s">
        <v>90</v>
      </c>
      <c r="K644" s="8" t="s">
        <v>78</v>
      </c>
      <c r="L644" s="8" t="s">
        <v>71</v>
      </c>
      <c r="M644" s="8">
        <v>1</v>
      </c>
      <c r="N644" s="8" t="s">
        <v>514</v>
      </c>
      <c r="O644" s="8">
        <v>2</v>
      </c>
      <c r="P644" s="8">
        <v>2</v>
      </c>
      <c r="Q644" s="70" t="s">
        <v>624</v>
      </c>
      <c r="R644" s="238"/>
      <c r="S644" s="238"/>
      <c r="T644" s="238"/>
      <c r="U644" s="238"/>
    </row>
    <row r="645" spans="1:21" hidden="1">
      <c r="H645" s="8">
        <v>9</v>
      </c>
      <c r="I645" s="8">
        <v>234</v>
      </c>
      <c r="J645" s="8" t="s">
        <v>88</v>
      </c>
      <c r="K645" s="8" t="s">
        <v>78</v>
      </c>
      <c r="L645" s="8" t="s">
        <v>71</v>
      </c>
      <c r="M645" s="8">
        <v>1</v>
      </c>
      <c r="N645" s="8" t="s">
        <v>509</v>
      </c>
      <c r="O645" s="8">
        <v>1</v>
      </c>
      <c r="P645" s="8">
        <v>48</v>
      </c>
      <c r="R645" s="238"/>
      <c r="S645" s="238"/>
      <c r="T645" s="238"/>
      <c r="U645" s="238"/>
    </row>
    <row r="646" spans="1:21" ht="28" hidden="1">
      <c r="H646" s="8">
        <v>10</v>
      </c>
      <c r="I646" s="8">
        <v>235</v>
      </c>
      <c r="J646" s="8" t="s">
        <v>90</v>
      </c>
      <c r="K646" s="8" t="s">
        <v>78</v>
      </c>
      <c r="L646" s="8" t="s">
        <v>71</v>
      </c>
      <c r="M646" s="8">
        <v>1</v>
      </c>
      <c r="N646" s="8" t="s">
        <v>514</v>
      </c>
      <c r="O646" s="8">
        <v>2</v>
      </c>
      <c r="P646" s="8">
        <v>2</v>
      </c>
      <c r="Q646" s="70" t="s">
        <v>624</v>
      </c>
      <c r="R646" s="238"/>
      <c r="S646" s="238"/>
      <c r="T646" s="238"/>
      <c r="U646" s="238"/>
    </row>
    <row r="647" spans="1:21" hidden="1">
      <c r="H647" s="8">
        <v>11</v>
      </c>
      <c r="I647" s="8">
        <v>234</v>
      </c>
      <c r="J647" s="8" t="s">
        <v>88</v>
      </c>
      <c r="K647" s="8" t="s">
        <v>78</v>
      </c>
      <c r="L647" s="8" t="s">
        <v>71</v>
      </c>
      <c r="M647" s="8">
        <v>1</v>
      </c>
      <c r="N647" s="8" t="s">
        <v>509</v>
      </c>
      <c r="O647" s="8">
        <v>1</v>
      </c>
      <c r="P647" s="8">
        <v>48</v>
      </c>
      <c r="R647" s="238"/>
      <c r="S647" s="238"/>
      <c r="T647" s="238"/>
      <c r="U647" s="238"/>
    </row>
    <row r="648" spans="1:21" ht="28" hidden="1">
      <c r="H648" s="8">
        <v>12</v>
      </c>
      <c r="I648" s="8">
        <v>235</v>
      </c>
      <c r="J648" s="8" t="s">
        <v>90</v>
      </c>
      <c r="K648" s="8" t="s">
        <v>78</v>
      </c>
      <c r="L648" s="8" t="s">
        <v>71</v>
      </c>
      <c r="M648" s="8">
        <v>1</v>
      </c>
      <c r="N648" s="8" t="s">
        <v>514</v>
      </c>
      <c r="O648" s="8">
        <v>2</v>
      </c>
      <c r="P648" s="8">
        <v>2</v>
      </c>
      <c r="Q648" s="70" t="s">
        <v>624</v>
      </c>
      <c r="R648" s="238"/>
      <c r="S648" s="238"/>
      <c r="T648" s="238"/>
      <c r="U648" s="238"/>
    </row>
    <row r="649" spans="1:21" hidden="1">
      <c r="H649" s="8">
        <v>13</v>
      </c>
      <c r="I649" s="8">
        <v>234</v>
      </c>
      <c r="J649" s="8" t="s">
        <v>88</v>
      </c>
      <c r="K649" s="8" t="s">
        <v>78</v>
      </c>
      <c r="L649" s="8" t="s">
        <v>71</v>
      </c>
      <c r="M649" s="8">
        <v>1</v>
      </c>
      <c r="N649" s="8" t="s">
        <v>509</v>
      </c>
      <c r="O649" s="8">
        <v>1</v>
      </c>
      <c r="P649" s="8">
        <v>48</v>
      </c>
      <c r="R649" s="238"/>
      <c r="S649" s="238"/>
      <c r="T649" s="238"/>
      <c r="U649" s="238"/>
    </row>
    <row r="650" spans="1:21" hidden="1">
      <c r="A650" s="17"/>
      <c r="B650" s="17"/>
      <c r="C650" s="17" t="s">
        <v>483</v>
      </c>
      <c r="D650" s="17" t="s">
        <v>484</v>
      </c>
      <c r="E650" s="17"/>
      <c r="F650" s="17"/>
      <c r="G650" s="17"/>
      <c r="H650" s="17"/>
      <c r="I650" s="17"/>
      <c r="J650" s="17"/>
      <c r="K650" s="17" t="s">
        <v>17</v>
      </c>
      <c r="L650" s="17" t="s">
        <v>71</v>
      </c>
      <c r="M650" s="17">
        <v>1</v>
      </c>
      <c r="N650" s="17"/>
      <c r="O650" s="17"/>
      <c r="P650" s="17"/>
      <c r="Q650" s="17"/>
      <c r="R650" s="238"/>
      <c r="S650" s="238"/>
      <c r="T650" s="238"/>
      <c r="U650" s="238"/>
    </row>
    <row r="651" spans="1:21" hidden="1">
      <c r="G651" s="19"/>
      <c r="H651" s="19">
        <v>1</v>
      </c>
      <c r="I651" s="19">
        <v>350</v>
      </c>
      <c r="J651" s="19" t="s">
        <v>108</v>
      </c>
      <c r="K651" s="19" t="s">
        <v>17</v>
      </c>
      <c r="L651" s="19" t="s">
        <v>174</v>
      </c>
      <c r="M651" s="19">
        <v>1</v>
      </c>
      <c r="N651" s="19" t="s">
        <v>509</v>
      </c>
      <c r="O651" s="19">
        <v>1</v>
      </c>
      <c r="P651" s="19">
        <v>20</v>
      </c>
      <c r="Q651" s="19"/>
      <c r="R651" s="238"/>
      <c r="S651" s="238"/>
      <c r="T651" s="238"/>
      <c r="U651" s="238"/>
    </row>
    <row r="652" spans="1:21" hidden="1">
      <c r="H652" s="8">
        <v>2</v>
      </c>
      <c r="I652" s="8">
        <v>382</v>
      </c>
      <c r="J652" s="8" t="s">
        <v>485</v>
      </c>
      <c r="K652" s="8" t="s">
        <v>66</v>
      </c>
      <c r="L652" s="8" t="s">
        <v>65</v>
      </c>
      <c r="M652" s="8">
        <v>1</v>
      </c>
      <c r="N652" s="8" t="s">
        <v>438</v>
      </c>
      <c r="O652" s="8">
        <v>1</v>
      </c>
      <c r="P652" s="8">
        <v>10</v>
      </c>
      <c r="Q652" s="72"/>
      <c r="R652" s="238"/>
      <c r="S652" s="238"/>
      <c r="T652" s="238"/>
      <c r="U652" s="238"/>
    </row>
    <row r="653" spans="1:21" ht="28" hidden="1">
      <c r="H653" s="8">
        <v>3</v>
      </c>
      <c r="I653" s="8">
        <v>355</v>
      </c>
      <c r="J653" s="8" t="s">
        <v>103</v>
      </c>
      <c r="K653" s="8" t="s">
        <v>66</v>
      </c>
      <c r="L653" s="8" t="s">
        <v>65</v>
      </c>
      <c r="M653" s="8">
        <v>1</v>
      </c>
      <c r="N653" s="8" t="s">
        <v>514</v>
      </c>
      <c r="O653" s="8">
        <v>2</v>
      </c>
      <c r="P653" s="8">
        <v>2</v>
      </c>
      <c r="Q653" s="70" t="s">
        <v>624</v>
      </c>
      <c r="R653" s="238"/>
      <c r="S653" s="238"/>
      <c r="T653" s="238"/>
      <c r="U653" s="238"/>
    </row>
    <row r="654" spans="1:21" hidden="1">
      <c r="A654" s="75"/>
      <c r="B654" s="75"/>
      <c r="C654" s="75" t="s">
        <v>498</v>
      </c>
      <c r="D654" s="75" t="s">
        <v>499</v>
      </c>
      <c r="E654" s="75"/>
      <c r="F654" s="75"/>
      <c r="G654" s="75"/>
      <c r="H654" s="75"/>
      <c r="I654" s="75"/>
      <c r="J654" s="75"/>
      <c r="K654" s="75" t="s">
        <v>17</v>
      </c>
      <c r="L654" s="17" t="s">
        <v>71</v>
      </c>
      <c r="M654" s="17" t="s">
        <v>525</v>
      </c>
      <c r="N654" s="17"/>
      <c r="O654" s="17"/>
      <c r="P654" s="17"/>
      <c r="Q654" s="78"/>
      <c r="R654" s="238"/>
      <c r="S654" s="238"/>
      <c r="T654" s="238"/>
      <c r="U654" s="238"/>
    </row>
    <row r="655" spans="1:21" hidden="1">
      <c r="A655" s="11"/>
      <c r="B655" s="11"/>
      <c r="C655" s="11"/>
      <c r="D655" s="11"/>
      <c r="E655" s="11"/>
      <c r="F655" s="11"/>
      <c r="G655" s="11"/>
      <c r="H655" s="11">
        <v>1</v>
      </c>
      <c r="I655" s="11">
        <v>88</v>
      </c>
      <c r="J655" s="11" t="s">
        <v>500</v>
      </c>
      <c r="K655" s="11" t="s">
        <v>66</v>
      </c>
      <c r="L655" s="8" t="s">
        <v>65</v>
      </c>
      <c r="M655" s="8">
        <v>1</v>
      </c>
      <c r="N655" s="8" t="s">
        <v>514</v>
      </c>
      <c r="O655" s="8">
        <v>1</v>
      </c>
      <c r="P655" s="8">
        <v>2</v>
      </c>
      <c r="Q655" s="11" t="s">
        <v>789</v>
      </c>
      <c r="R655" s="238"/>
      <c r="S655" s="238"/>
      <c r="T655" s="238"/>
      <c r="U655" s="238"/>
    </row>
    <row r="656" spans="1:21" ht="28" hidden="1">
      <c r="A656" s="11"/>
      <c r="B656" s="11"/>
      <c r="C656" s="11"/>
      <c r="D656" s="11"/>
      <c r="E656" s="11"/>
      <c r="F656" s="11"/>
      <c r="G656" s="11"/>
      <c r="H656" s="11">
        <v>2</v>
      </c>
      <c r="I656" s="11">
        <v>87</v>
      </c>
      <c r="J656" s="11" t="s">
        <v>499</v>
      </c>
      <c r="K656" s="11" t="s">
        <v>66</v>
      </c>
      <c r="L656" s="8" t="s">
        <v>65</v>
      </c>
      <c r="M656" s="8">
        <v>1</v>
      </c>
      <c r="N656" s="8" t="s">
        <v>509</v>
      </c>
      <c r="O656" s="8">
        <v>1</v>
      </c>
      <c r="P656" s="8">
        <v>48</v>
      </c>
      <c r="Q656" s="70" t="s">
        <v>624</v>
      </c>
      <c r="R656" s="238"/>
      <c r="S656" s="238"/>
      <c r="T656" s="238"/>
      <c r="U656" s="238"/>
    </row>
    <row r="657" spans="1:21" hidden="1">
      <c r="A657" s="11"/>
      <c r="B657" s="11"/>
      <c r="C657" s="11"/>
      <c r="D657" s="11"/>
      <c r="E657" s="11"/>
      <c r="F657" s="11"/>
      <c r="G657" s="11"/>
      <c r="H657" s="11">
        <v>3</v>
      </c>
      <c r="I657" s="11">
        <v>87</v>
      </c>
      <c r="J657" s="11" t="s">
        <v>499</v>
      </c>
      <c r="K657" s="11" t="s">
        <v>17</v>
      </c>
      <c r="L657" s="8" t="s">
        <v>71</v>
      </c>
      <c r="M657" s="8">
        <v>1</v>
      </c>
      <c r="N657" s="8" t="s">
        <v>509</v>
      </c>
      <c r="O657" s="8">
        <v>1</v>
      </c>
      <c r="P657" s="8">
        <v>48</v>
      </c>
      <c r="Q657" s="18"/>
      <c r="R657" s="238"/>
      <c r="S657" s="238"/>
      <c r="T657" s="238"/>
      <c r="U657" s="238"/>
    </row>
    <row r="658" spans="1:21" hidden="1">
      <c r="A658" s="11"/>
      <c r="B658" s="11"/>
      <c r="C658" s="11"/>
      <c r="D658" s="11"/>
      <c r="E658" s="11"/>
      <c r="F658" s="11"/>
      <c r="G658" s="11"/>
      <c r="H658" s="11">
        <v>4</v>
      </c>
      <c r="I658" s="11">
        <v>88</v>
      </c>
      <c r="J658" s="11" t="s">
        <v>500</v>
      </c>
      <c r="K658" s="11" t="s">
        <v>78</v>
      </c>
      <c r="L658" s="8" t="s">
        <v>71</v>
      </c>
      <c r="M658" s="8">
        <v>1</v>
      </c>
      <c r="N658" s="8" t="s">
        <v>514</v>
      </c>
      <c r="O658" s="8">
        <v>1</v>
      </c>
      <c r="P658" s="8">
        <v>2</v>
      </c>
      <c r="Q658" s="11" t="s">
        <v>789</v>
      </c>
      <c r="R658" s="238"/>
      <c r="S658" s="238"/>
      <c r="T658" s="238"/>
      <c r="U658" s="238"/>
    </row>
    <row r="659" spans="1:21" ht="28" hidden="1">
      <c r="A659" s="11"/>
      <c r="B659" s="11"/>
      <c r="C659" s="11"/>
      <c r="D659" s="11"/>
      <c r="E659" s="11"/>
      <c r="F659" s="11"/>
      <c r="G659" s="11"/>
      <c r="H659" s="11">
        <v>5</v>
      </c>
      <c r="I659" s="11">
        <v>87</v>
      </c>
      <c r="J659" s="11" t="s">
        <v>499</v>
      </c>
      <c r="K659" s="11" t="s">
        <v>78</v>
      </c>
      <c r="L659" s="8" t="s">
        <v>71</v>
      </c>
      <c r="M659" s="8">
        <v>1</v>
      </c>
      <c r="N659" s="8" t="s">
        <v>509</v>
      </c>
      <c r="O659" s="8">
        <v>1</v>
      </c>
      <c r="P659" s="8">
        <v>48</v>
      </c>
      <c r="Q659" s="70" t="s">
        <v>624</v>
      </c>
      <c r="R659" s="238"/>
      <c r="S659" s="238"/>
      <c r="T659" s="238"/>
      <c r="U659" s="238"/>
    </row>
    <row r="660" spans="1:21" hidden="1">
      <c r="A660" s="11"/>
      <c r="B660" s="11"/>
      <c r="C660" s="11"/>
      <c r="D660" s="11"/>
      <c r="E660" s="11"/>
      <c r="F660" s="11"/>
      <c r="G660" s="11"/>
      <c r="H660" s="11">
        <v>6</v>
      </c>
      <c r="I660" s="11">
        <v>87</v>
      </c>
      <c r="J660" s="11" t="s">
        <v>499</v>
      </c>
      <c r="K660" s="11" t="s">
        <v>17</v>
      </c>
      <c r="L660" s="8" t="s">
        <v>71</v>
      </c>
      <c r="M660" s="8">
        <v>1</v>
      </c>
      <c r="N660" s="8" t="s">
        <v>509</v>
      </c>
      <c r="O660" s="8">
        <v>1</v>
      </c>
      <c r="P660" s="8">
        <v>48</v>
      </c>
      <c r="Q660" s="18"/>
      <c r="R660" s="238"/>
      <c r="S660" s="238"/>
      <c r="T660" s="238"/>
      <c r="U660" s="238"/>
    </row>
    <row r="661" spans="1:21">
      <c r="A661" s="21" t="s">
        <v>508</v>
      </c>
      <c r="B661" s="21"/>
      <c r="C661" s="21"/>
      <c r="D661" s="21"/>
      <c r="E661" s="21"/>
      <c r="F661" s="21"/>
      <c r="G661" s="21"/>
      <c r="H661" s="21"/>
      <c r="I661" s="21"/>
      <c r="J661" s="21"/>
      <c r="K661" s="21"/>
      <c r="L661" s="21"/>
      <c r="M661" s="21"/>
      <c r="N661" s="21"/>
      <c r="O661" s="21"/>
      <c r="P661" s="21"/>
      <c r="Q661" s="21"/>
      <c r="R661" s="238"/>
      <c r="S661" s="238"/>
      <c r="T661" s="238"/>
      <c r="U661" s="238"/>
    </row>
    <row r="662" spans="1:21">
      <c r="A662" s="17"/>
      <c r="B662" s="17"/>
      <c r="C662" s="17" t="s">
        <v>75</v>
      </c>
      <c r="D662" s="17" t="s">
        <v>429</v>
      </c>
      <c r="E662" s="17"/>
      <c r="F662" s="17"/>
      <c r="G662" s="17"/>
      <c r="H662" s="17"/>
      <c r="I662" s="17"/>
      <c r="J662" s="17"/>
      <c r="K662" s="17" t="s">
        <v>17</v>
      </c>
      <c r="L662" s="17" t="s">
        <v>71</v>
      </c>
      <c r="M662" s="75">
        <v>1</v>
      </c>
      <c r="N662" s="75"/>
      <c r="O662" s="75"/>
      <c r="P662" s="75"/>
      <c r="Q662" s="17"/>
      <c r="R662" s="238" t="s">
        <v>1171</v>
      </c>
      <c r="S662" s="238"/>
      <c r="T662" s="238"/>
      <c r="U662" s="238"/>
    </row>
    <row r="663" spans="1:21">
      <c r="H663" s="8">
        <v>1</v>
      </c>
      <c r="I663" s="8">
        <v>354</v>
      </c>
      <c r="J663" s="8" t="s">
        <v>74</v>
      </c>
      <c r="K663" s="8" t="s">
        <v>66</v>
      </c>
      <c r="L663" s="8" t="s">
        <v>65</v>
      </c>
      <c r="M663" s="11">
        <v>1</v>
      </c>
      <c r="N663" s="11" t="s">
        <v>510</v>
      </c>
      <c r="O663" s="11">
        <v>1</v>
      </c>
      <c r="P663" s="11">
        <v>6</v>
      </c>
      <c r="Q663" s="10"/>
      <c r="S663" s="206"/>
      <c r="T663" s="215"/>
      <c r="U663" s="215"/>
    </row>
    <row r="664" spans="1:21">
      <c r="S664" s="206"/>
      <c r="T664" s="215"/>
      <c r="U664" s="215"/>
    </row>
    <row r="665" spans="1:21">
      <c r="A665" s="223"/>
      <c r="B665" s="223"/>
      <c r="C665" s="223"/>
      <c r="D665" s="223"/>
      <c r="E665" s="223"/>
      <c r="F665" s="223"/>
      <c r="G665" s="223"/>
      <c r="H665" s="223"/>
      <c r="I665" s="223"/>
      <c r="J665" s="223"/>
      <c r="K665" s="223"/>
      <c r="L665" s="223"/>
      <c r="M665" s="223"/>
      <c r="N665" s="223"/>
      <c r="O665" s="223"/>
      <c r="P665" s="223"/>
      <c r="Q665" s="223"/>
      <c r="S665" s="206"/>
      <c r="T665" s="215"/>
      <c r="U665" s="215"/>
    </row>
    <row r="666" spans="1:21">
      <c r="A666" s="223"/>
      <c r="B666" s="223"/>
      <c r="C666" s="223"/>
      <c r="D666" s="223"/>
      <c r="E666" s="223"/>
      <c r="F666" s="223"/>
      <c r="G666" s="223"/>
      <c r="H666" s="223"/>
      <c r="I666" s="223"/>
      <c r="J666" s="407" t="s">
        <v>1703</v>
      </c>
      <c r="K666" s="407"/>
      <c r="L666" s="223"/>
      <c r="M666" s="223"/>
      <c r="N666" s="223"/>
      <c r="O666" s="223"/>
      <c r="P666" s="223"/>
      <c r="Q666" s="223"/>
    </row>
    <row r="667" spans="1:21" ht="14.5" thickBot="1">
      <c r="J667" s="407"/>
      <c r="K667" s="407"/>
    </row>
    <row r="668" spans="1:21">
      <c r="J668" s="288" t="s">
        <v>1033</v>
      </c>
      <c r="K668" s="287"/>
    </row>
    <row r="669" spans="1:21">
      <c r="J669" s="224" t="s">
        <v>1704</v>
      </c>
      <c r="K669" s="285"/>
    </row>
    <row r="670" spans="1:21">
      <c r="J670" s="226" t="s">
        <v>1705</v>
      </c>
      <c r="K670" s="285"/>
    </row>
    <row r="671" spans="1:21">
      <c r="J671" s="226" t="s">
        <v>1034</v>
      </c>
      <c r="K671" s="285" t="s">
        <v>1706</v>
      </c>
    </row>
    <row r="672" spans="1:21">
      <c r="J672" s="226" t="s">
        <v>1707</v>
      </c>
      <c r="K672" s="285"/>
    </row>
    <row r="673" spans="10:21" s="8" customFormat="1" ht="28">
      <c r="J673" s="227" t="s">
        <v>1708</v>
      </c>
      <c r="K673" s="285" t="s">
        <v>2737</v>
      </c>
      <c r="R673" s="10"/>
      <c r="S673" s="10"/>
      <c r="T673" s="93"/>
      <c r="U673" s="93"/>
    </row>
    <row r="674" spans="10:21" s="8" customFormat="1">
      <c r="J674" s="226" t="s">
        <v>1710</v>
      </c>
      <c r="K674" s="285"/>
      <c r="R674" s="10"/>
      <c r="S674" s="10"/>
      <c r="T674" s="93"/>
      <c r="U674" s="93"/>
    </row>
    <row r="675" spans="10:21" s="8" customFormat="1">
      <c r="J675" s="226" t="s">
        <v>1711</v>
      </c>
      <c r="K675" s="285"/>
      <c r="R675" s="10"/>
      <c r="S675" s="10"/>
      <c r="T675" s="93"/>
      <c r="U675" s="93"/>
    </row>
    <row r="676" spans="10:21" s="8" customFormat="1" ht="42">
      <c r="J676" s="284" t="s">
        <v>1712</v>
      </c>
      <c r="K676" s="283" t="s">
        <v>1713</v>
      </c>
      <c r="R676" s="10"/>
      <c r="S676" s="10"/>
      <c r="T676" s="93"/>
      <c r="U676" s="93"/>
    </row>
    <row r="677" spans="10:21" s="8" customFormat="1">
      <c r="J677" s="286" t="s">
        <v>1700</v>
      </c>
      <c r="K677" s="285"/>
      <c r="R677" s="10"/>
      <c r="S677" s="10"/>
      <c r="T677" s="93"/>
      <c r="U677" s="93"/>
    </row>
    <row r="678" spans="10:21" s="8" customFormat="1">
      <c r="J678" s="226" t="s">
        <v>1714</v>
      </c>
      <c r="K678" s="285"/>
      <c r="R678" s="10"/>
      <c r="S678" s="10"/>
      <c r="T678" s="93"/>
      <c r="U678" s="93"/>
    </row>
    <row r="679" spans="10:21" s="8" customFormat="1" ht="70">
      <c r="J679" s="282" t="s">
        <v>1715</v>
      </c>
      <c r="K679" s="283" t="s">
        <v>1716</v>
      </c>
      <c r="R679" s="10"/>
      <c r="S679" s="10"/>
      <c r="T679" s="93"/>
      <c r="U679" s="93"/>
    </row>
    <row r="680" spans="10:21" s="8" customFormat="1">
      <c r="J680" s="286" t="s">
        <v>1717</v>
      </c>
      <c r="K680" s="285"/>
      <c r="R680" s="10"/>
      <c r="S680" s="10"/>
      <c r="T680" s="93"/>
      <c r="U680" s="93"/>
    </row>
    <row r="681" spans="10:21" s="8" customFormat="1">
      <c r="J681" s="286" t="s">
        <v>1718</v>
      </c>
      <c r="K681" s="285"/>
      <c r="R681" s="10"/>
      <c r="S681" s="10"/>
      <c r="T681" s="93"/>
      <c r="U681" s="93"/>
    </row>
    <row r="682" spans="10:21" s="8" customFormat="1">
      <c r="J682" s="286" t="s">
        <v>1039</v>
      </c>
      <c r="K682" s="285"/>
      <c r="R682" s="10"/>
      <c r="S682" s="10"/>
      <c r="T682" s="93"/>
      <c r="U682" s="93"/>
    </row>
    <row r="683" spans="10:21" s="8" customFormat="1">
      <c r="J683" s="226" t="s">
        <v>1707</v>
      </c>
      <c r="K683" s="285"/>
      <c r="R683" s="10"/>
      <c r="S683" s="10"/>
      <c r="T683" s="93"/>
      <c r="U683" s="93"/>
    </row>
    <row r="684" spans="10:21" s="8" customFormat="1" ht="28">
      <c r="J684" s="227" t="s">
        <v>1719</v>
      </c>
      <c r="K684" s="285" t="s">
        <v>2738</v>
      </c>
      <c r="R684" s="10"/>
      <c r="S684" s="10"/>
      <c r="T684" s="93"/>
      <c r="U684" s="93"/>
    </row>
    <row r="685" spans="10:21" s="8" customFormat="1">
      <c r="J685" s="226" t="s">
        <v>1040</v>
      </c>
      <c r="K685" s="285"/>
      <c r="R685" s="10"/>
      <c r="S685" s="10"/>
      <c r="T685" s="93"/>
      <c r="U685" s="93"/>
    </row>
    <row r="686" spans="10:21" s="8" customFormat="1">
      <c r="J686" s="226" t="s">
        <v>1721</v>
      </c>
      <c r="K686" s="285"/>
      <c r="R686" s="10"/>
      <c r="S686" s="10"/>
      <c r="T686" s="93"/>
      <c r="U686" s="93"/>
    </row>
    <row r="687" spans="10:21" s="8" customFormat="1" ht="42">
      <c r="J687" s="284" t="s">
        <v>1722</v>
      </c>
      <c r="K687" s="283" t="s">
        <v>1723</v>
      </c>
      <c r="R687" s="10"/>
      <c r="S687" s="10"/>
      <c r="T687" s="93"/>
      <c r="U687" s="93"/>
    </row>
    <row r="688" spans="10:21" s="8" customFormat="1">
      <c r="J688" s="282" t="s">
        <v>1700</v>
      </c>
      <c r="K688" s="281"/>
      <c r="R688" s="10"/>
      <c r="S688" s="10"/>
      <c r="T688" s="93"/>
      <c r="U688" s="93"/>
    </row>
    <row r="689" spans="10:21" s="8" customFormat="1">
      <c r="J689" s="282" t="s">
        <v>1714</v>
      </c>
      <c r="K689" s="281"/>
      <c r="R689" s="10"/>
      <c r="S689" s="10"/>
      <c r="T689" s="93"/>
      <c r="U689" s="93"/>
    </row>
    <row r="690" spans="10:21" s="8" customFormat="1" ht="70">
      <c r="J690" s="282" t="s">
        <v>1724</v>
      </c>
      <c r="K690" s="281" t="s">
        <v>1725</v>
      </c>
      <c r="R690" s="10"/>
      <c r="S690" s="10"/>
      <c r="T690" s="93"/>
      <c r="U690" s="93"/>
    </row>
    <row r="691" spans="10:21" s="8" customFormat="1">
      <c r="J691" s="226" t="s">
        <v>1769</v>
      </c>
      <c r="K691" s="280"/>
      <c r="R691" s="10"/>
      <c r="S691" s="10"/>
      <c r="T691" s="93"/>
      <c r="U691" s="93"/>
    </row>
    <row r="692" spans="10:21" s="8" customFormat="1">
      <c r="J692" s="226" t="s">
        <v>1773</v>
      </c>
      <c r="K692" s="280"/>
      <c r="R692" s="10"/>
      <c r="S692" s="10"/>
      <c r="T692" s="93"/>
      <c r="U692" s="93"/>
    </row>
    <row r="693" spans="10:21" s="8" customFormat="1">
      <c r="J693" s="226" t="s">
        <v>1771</v>
      </c>
      <c r="K693" s="280"/>
      <c r="R693" s="10"/>
      <c r="S693" s="10"/>
      <c r="T693" s="93"/>
      <c r="U693" s="93"/>
    </row>
    <row r="694" spans="10:21" s="8" customFormat="1" ht="14.5" thickBot="1">
      <c r="J694" s="279" t="s">
        <v>1772</v>
      </c>
      <c r="K694" s="278"/>
      <c r="R694" s="10"/>
      <c r="S694" s="10"/>
      <c r="T694" s="93"/>
      <c r="U694" s="93"/>
    </row>
    <row r="695" spans="10:21" s="8" customFormat="1" ht="14.5" thickBot="1">
      <c r="R695" s="10"/>
      <c r="S695" s="10"/>
      <c r="T695" s="93"/>
      <c r="U695" s="93"/>
    </row>
    <row r="696" spans="10:21" s="8" customFormat="1">
      <c r="J696" s="408" t="s">
        <v>1726</v>
      </c>
      <c r="K696" s="409"/>
      <c r="R696" s="10"/>
      <c r="S696" s="10"/>
      <c r="T696" s="93"/>
      <c r="U696" s="93"/>
    </row>
    <row r="697" spans="10:21" s="8" customFormat="1">
      <c r="J697" s="410"/>
      <c r="K697" s="411"/>
      <c r="R697" s="10"/>
      <c r="S697" s="10"/>
      <c r="T697" s="93"/>
      <c r="U697" s="93"/>
    </row>
    <row r="698" spans="10:21" s="8" customFormat="1" ht="15.5">
      <c r="J698" s="226" t="s">
        <v>1033</v>
      </c>
      <c r="K698" s="225"/>
      <c r="R698" s="10"/>
      <c r="S698" s="10"/>
      <c r="T698" s="93"/>
      <c r="U698" s="93"/>
    </row>
    <row r="699" spans="10:21" s="8" customFormat="1" ht="15.5">
      <c r="J699" s="224" t="s">
        <v>1704</v>
      </c>
      <c r="K699" s="225"/>
      <c r="R699" s="10"/>
      <c r="S699" s="10"/>
      <c r="T699" s="93"/>
      <c r="U699" s="93"/>
    </row>
    <row r="700" spans="10:21" s="8" customFormat="1" ht="15.5">
      <c r="J700" s="226" t="s">
        <v>1705</v>
      </c>
      <c r="K700" s="225"/>
      <c r="R700" s="10"/>
      <c r="S700" s="10"/>
      <c r="T700" s="93"/>
      <c r="U700" s="93"/>
    </row>
    <row r="701" spans="10:21" s="8" customFormat="1" ht="15.5">
      <c r="J701" s="226" t="s">
        <v>1034</v>
      </c>
      <c r="K701" s="225" t="s">
        <v>1706</v>
      </c>
      <c r="R701" s="10"/>
      <c r="S701" s="10"/>
      <c r="T701" s="93"/>
      <c r="U701" s="93"/>
    </row>
    <row r="702" spans="10:21" s="8" customFormat="1" ht="15.5">
      <c r="J702" s="226" t="s">
        <v>1707</v>
      </c>
      <c r="K702" s="225"/>
      <c r="R702" s="10"/>
      <c r="S702" s="10"/>
      <c r="T702" s="93"/>
      <c r="U702" s="93"/>
    </row>
    <row r="703" spans="10:21" s="8" customFormat="1" ht="15.5">
      <c r="J703" s="227" t="s">
        <v>1708</v>
      </c>
      <c r="K703" s="225" t="s">
        <v>1709</v>
      </c>
      <c r="R703" s="10"/>
      <c r="S703" s="10"/>
      <c r="T703" s="93"/>
      <c r="U703" s="93"/>
    </row>
    <row r="704" spans="10:21" s="8" customFormat="1" ht="15.5">
      <c r="J704" s="226" t="s">
        <v>1710</v>
      </c>
      <c r="K704" s="225"/>
      <c r="R704" s="10"/>
      <c r="S704" s="10"/>
      <c r="T704" s="93"/>
      <c r="U704" s="93"/>
    </row>
    <row r="705" spans="10:21" s="8" customFormat="1" ht="15.5">
      <c r="J705" s="226" t="s">
        <v>1711</v>
      </c>
      <c r="K705" s="225"/>
      <c r="R705" s="10"/>
      <c r="S705" s="10"/>
      <c r="T705" s="93"/>
      <c r="U705" s="93"/>
    </row>
    <row r="706" spans="10:21" s="8" customFormat="1" ht="31">
      <c r="J706" s="226" t="s">
        <v>1712</v>
      </c>
      <c r="K706" s="225" t="s">
        <v>1727</v>
      </c>
      <c r="R706" s="10"/>
      <c r="S706" s="10"/>
      <c r="T706" s="93"/>
      <c r="U706" s="93"/>
    </row>
    <row r="707" spans="10:21" s="8" customFormat="1" ht="15.5">
      <c r="J707" s="226" t="s">
        <v>1700</v>
      </c>
      <c r="K707" s="225"/>
      <c r="R707" s="10"/>
      <c r="S707" s="10"/>
      <c r="T707" s="93"/>
      <c r="U707" s="93"/>
    </row>
    <row r="708" spans="10:21" s="8" customFormat="1" ht="15.5">
      <c r="J708" s="226" t="s">
        <v>1714</v>
      </c>
      <c r="K708" s="225"/>
      <c r="R708" s="10"/>
      <c r="S708" s="10"/>
      <c r="T708" s="93"/>
      <c r="U708" s="93"/>
    </row>
    <row r="709" spans="10:21" s="8" customFormat="1" ht="62">
      <c r="J709" s="222" t="s">
        <v>1728</v>
      </c>
      <c r="K709" s="225" t="s">
        <v>1729</v>
      </c>
      <c r="R709" s="10"/>
      <c r="S709" s="10"/>
      <c r="T709" s="93"/>
      <c r="U709" s="93"/>
    </row>
    <row r="710" spans="10:21" s="8" customFormat="1" ht="15.5">
      <c r="J710" s="226" t="s">
        <v>1039</v>
      </c>
      <c r="K710" s="225"/>
      <c r="R710" s="10"/>
      <c r="S710" s="10"/>
      <c r="T710" s="93"/>
      <c r="U710" s="93"/>
    </row>
    <row r="711" spans="10:21" s="8" customFormat="1" ht="15.5">
      <c r="J711" s="226" t="s">
        <v>1707</v>
      </c>
      <c r="K711" s="225"/>
      <c r="R711" s="10"/>
      <c r="S711" s="10"/>
      <c r="T711" s="93"/>
      <c r="U711" s="93"/>
    </row>
    <row r="712" spans="10:21" s="8" customFormat="1" ht="15.5">
      <c r="J712" s="227" t="s">
        <v>1719</v>
      </c>
      <c r="K712" s="225" t="s">
        <v>1720</v>
      </c>
      <c r="R712" s="10"/>
      <c r="S712" s="10"/>
      <c r="T712" s="93"/>
      <c r="U712" s="93"/>
    </row>
    <row r="713" spans="10:21" s="8" customFormat="1" ht="15.5">
      <c r="J713" s="226" t="s">
        <v>1040</v>
      </c>
      <c r="K713" s="225"/>
      <c r="R713" s="10"/>
      <c r="S713" s="10"/>
      <c r="T713" s="93"/>
      <c r="U713" s="93"/>
    </row>
    <row r="714" spans="10:21" s="8" customFormat="1" ht="15.5">
      <c r="J714" s="226" t="s">
        <v>1721</v>
      </c>
      <c r="K714" s="225"/>
      <c r="R714" s="10"/>
      <c r="S714" s="10"/>
      <c r="T714" s="93"/>
      <c r="U714" s="93"/>
    </row>
    <row r="715" spans="10:21" s="8" customFormat="1" ht="46.5">
      <c r="J715" s="226" t="s">
        <v>1722</v>
      </c>
      <c r="K715" s="225" t="s">
        <v>1730</v>
      </c>
      <c r="R715" s="10"/>
      <c r="S715" s="10"/>
      <c r="T715" s="93"/>
      <c r="U715" s="93"/>
    </row>
    <row r="716" spans="10:21" s="8" customFormat="1" ht="15.5">
      <c r="J716" s="226" t="s">
        <v>1700</v>
      </c>
      <c r="K716" s="225"/>
      <c r="R716" s="10"/>
      <c r="S716" s="10"/>
      <c r="T716" s="93"/>
      <c r="U716" s="93"/>
    </row>
    <row r="717" spans="10:21" s="8" customFormat="1" ht="15.5">
      <c r="J717" s="226" t="s">
        <v>1714</v>
      </c>
      <c r="K717" s="225"/>
      <c r="R717" s="10"/>
      <c r="S717" s="10"/>
      <c r="T717" s="93"/>
      <c r="U717" s="93"/>
    </row>
    <row r="718" spans="10:21" s="8" customFormat="1" ht="47" thickBot="1">
      <c r="J718" s="229" t="s">
        <v>1731</v>
      </c>
      <c r="K718" s="228" t="s">
        <v>1732</v>
      </c>
      <c r="R718" s="10"/>
      <c r="S718" s="10"/>
      <c r="T718" s="93"/>
      <c r="U718" s="93"/>
    </row>
    <row r="720" spans="10:21" s="8" customFormat="1" ht="14.5" thickBot="1">
      <c r="R720" s="10"/>
      <c r="S720" s="10"/>
      <c r="T720" s="93"/>
      <c r="U720" s="93"/>
    </row>
    <row r="721" spans="10:21" s="8" customFormat="1">
      <c r="J721" s="402" t="s">
        <v>1733</v>
      </c>
      <c r="K721" s="403"/>
      <c r="R721" s="10"/>
      <c r="S721" s="10"/>
      <c r="T721" s="93"/>
      <c r="U721" s="93"/>
    </row>
    <row r="722" spans="10:21" s="8" customFormat="1">
      <c r="J722" s="277" t="s">
        <v>1734</v>
      </c>
      <c r="K722" s="276"/>
      <c r="R722" s="10"/>
      <c r="S722" s="10"/>
      <c r="T722" s="93"/>
      <c r="U722" s="93"/>
    </row>
    <row r="723" spans="10:21" s="8" customFormat="1">
      <c r="J723" s="277" t="s">
        <v>1735</v>
      </c>
      <c r="K723" s="276"/>
      <c r="R723" s="10"/>
      <c r="S723" s="10"/>
      <c r="T723" s="93"/>
      <c r="U723" s="93"/>
    </row>
    <row r="724" spans="10:21" s="8" customFormat="1">
      <c r="J724" s="277" t="s">
        <v>1033</v>
      </c>
      <c r="K724" s="276"/>
      <c r="R724" s="10"/>
      <c r="S724" s="10"/>
      <c r="T724" s="93"/>
      <c r="U724" s="93"/>
    </row>
    <row r="725" spans="10:21" s="8" customFormat="1">
      <c r="J725" s="277" t="s">
        <v>1736</v>
      </c>
      <c r="K725" s="276"/>
      <c r="R725" s="10"/>
      <c r="S725" s="10"/>
      <c r="T725" s="93"/>
      <c r="U725" s="93"/>
    </row>
    <row r="726" spans="10:21" s="8" customFormat="1">
      <c r="J726" s="277" t="s">
        <v>1737</v>
      </c>
      <c r="K726" s="276"/>
      <c r="R726" s="10"/>
      <c r="S726" s="10"/>
      <c r="T726" s="93"/>
      <c r="U726" s="93"/>
    </row>
    <row r="727" spans="10:21" s="8" customFormat="1">
      <c r="J727" s="277" t="s">
        <v>1034</v>
      </c>
      <c r="K727" s="276"/>
      <c r="R727" s="10"/>
      <c r="S727" s="10"/>
      <c r="T727" s="93"/>
      <c r="U727" s="93"/>
    </row>
    <row r="728" spans="10:21" s="8" customFormat="1">
      <c r="J728" s="277" t="s">
        <v>1707</v>
      </c>
      <c r="K728" s="276" t="s">
        <v>1738</v>
      </c>
      <c r="R728" s="10"/>
      <c r="S728" s="10"/>
      <c r="T728" s="93"/>
      <c r="U728" s="93"/>
    </row>
    <row r="729" spans="10:21" s="8" customFormat="1">
      <c r="J729" s="277" t="s">
        <v>1739</v>
      </c>
      <c r="K729" s="276"/>
      <c r="R729" s="10"/>
      <c r="S729" s="10"/>
      <c r="T729" s="93"/>
      <c r="U729" s="93"/>
    </row>
    <row r="730" spans="10:21" s="8" customFormat="1">
      <c r="J730" s="277" t="s">
        <v>1710</v>
      </c>
      <c r="K730" s="276"/>
      <c r="R730" s="10"/>
      <c r="S730" s="10"/>
      <c r="T730" s="93"/>
      <c r="U730" s="93"/>
    </row>
    <row r="731" spans="10:21" s="8" customFormat="1">
      <c r="J731" s="277" t="s">
        <v>1740</v>
      </c>
      <c r="K731" s="276"/>
      <c r="R731" s="10"/>
      <c r="S731" s="10"/>
      <c r="T731" s="93"/>
      <c r="U731" s="93"/>
    </row>
    <row r="732" spans="10:21" s="8" customFormat="1" ht="28">
      <c r="J732" s="277" t="s">
        <v>1741</v>
      </c>
      <c r="K732" s="276" t="s">
        <v>1742</v>
      </c>
      <c r="R732" s="10"/>
      <c r="S732" s="10"/>
      <c r="T732" s="93"/>
      <c r="U732" s="93"/>
    </row>
    <row r="733" spans="10:21" s="8" customFormat="1">
      <c r="J733" s="277" t="s">
        <v>1743</v>
      </c>
      <c r="K733" s="276"/>
      <c r="R733" s="10"/>
      <c r="S733" s="10"/>
      <c r="T733" s="93"/>
      <c r="U733" s="93"/>
    </row>
    <row r="734" spans="10:21" s="8" customFormat="1">
      <c r="J734" s="277" t="s">
        <v>1714</v>
      </c>
      <c r="K734" s="276"/>
      <c r="R734" s="10"/>
      <c r="S734" s="10"/>
      <c r="T734" s="93"/>
      <c r="U734" s="93"/>
    </row>
    <row r="735" spans="10:21" s="8" customFormat="1" ht="42">
      <c r="J735" s="277" t="s">
        <v>1744</v>
      </c>
      <c r="K735" s="276" t="s">
        <v>1745</v>
      </c>
      <c r="R735" s="10"/>
      <c r="S735" s="10"/>
      <c r="T735" s="93"/>
      <c r="U735" s="93"/>
    </row>
    <row r="736" spans="10:21" s="8" customFormat="1">
      <c r="J736" s="277" t="s">
        <v>1039</v>
      </c>
      <c r="K736" s="276"/>
      <c r="R736" s="10"/>
      <c r="S736" s="10"/>
      <c r="T736" s="93"/>
      <c r="U736" s="93"/>
    </row>
    <row r="737" spans="10:21" s="8" customFormat="1">
      <c r="J737" s="277" t="s">
        <v>1707</v>
      </c>
      <c r="K737" s="276" t="s">
        <v>1746</v>
      </c>
      <c r="R737" s="10"/>
      <c r="S737" s="10"/>
      <c r="T737" s="93"/>
      <c r="U737" s="93"/>
    </row>
    <row r="738" spans="10:21" s="8" customFormat="1">
      <c r="J738" s="277" t="s">
        <v>1747</v>
      </c>
      <c r="K738" s="276"/>
      <c r="R738" s="10"/>
      <c r="S738" s="10"/>
      <c r="T738" s="93"/>
      <c r="U738" s="93"/>
    </row>
    <row r="739" spans="10:21" s="8" customFormat="1">
      <c r="J739" s="277" t="s">
        <v>1748</v>
      </c>
      <c r="K739" s="276"/>
      <c r="R739" s="10"/>
      <c r="S739" s="10"/>
      <c r="T739" s="93"/>
      <c r="U739" s="93"/>
    </row>
    <row r="740" spans="10:21" s="8" customFormat="1">
      <c r="J740" s="277" t="s">
        <v>1749</v>
      </c>
      <c r="K740" s="276"/>
      <c r="R740" s="10"/>
      <c r="S740" s="10"/>
      <c r="T740" s="93"/>
      <c r="U740" s="93"/>
    </row>
    <row r="741" spans="10:21" s="8" customFormat="1" ht="56">
      <c r="J741" s="277" t="s">
        <v>1750</v>
      </c>
      <c r="K741" s="276" t="s">
        <v>1751</v>
      </c>
      <c r="R741" s="10"/>
      <c r="S741" s="10"/>
      <c r="T741" s="93"/>
      <c r="U741" s="93"/>
    </row>
    <row r="742" spans="10:21" s="8" customFormat="1">
      <c r="J742" s="277" t="s">
        <v>1752</v>
      </c>
      <c r="K742" s="276"/>
      <c r="R742" s="10"/>
      <c r="S742" s="10"/>
      <c r="T742" s="93"/>
      <c r="U742" s="93"/>
    </row>
    <row r="743" spans="10:21" s="8" customFormat="1">
      <c r="J743" s="277" t="s">
        <v>1714</v>
      </c>
      <c r="K743" s="276"/>
      <c r="R743" s="10"/>
      <c r="S743" s="10"/>
      <c r="T743" s="93"/>
      <c r="U743" s="93"/>
    </row>
    <row r="744" spans="10:21" s="8" customFormat="1">
      <c r="J744" s="277" t="s">
        <v>1041</v>
      </c>
      <c r="K744" s="276"/>
      <c r="R744" s="10"/>
      <c r="S744" s="10"/>
      <c r="T744" s="93"/>
      <c r="U744" s="93"/>
    </row>
    <row r="745" spans="10:21" s="8" customFormat="1">
      <c r="J745" s="277" t="s">
        <v>1707</v>
      </c>
      <c r="K745" s="276" t="s">
        <v>1753</v>
      </c>
      <c r="R745" s="10"/>
      <c r="S745" s="10"/>
      <c r="T745" s="93"/>
      <c r="U745" s="93"/>
    </row>
    <row r="746" spans="10:21" s="8" customFormat="1">
      <c r="J746" s="277" t="s">
        <v>1754</v>
      </c>
      <c r="K746" s="276"/>
      <c r="R746" s="10"/>
      <c r="S746" s="10"/>
      <c r="T746" s="93"/>
      <c r="U746" s="93"/>
    </row>
    <row r="747" spans="10:21" s="8" customFormat="1">
      <c r="J747" s="277" t="s">
        <v>1755</v>
      </c>
      <c r="K747" s="276"/>
      <c r="R747" s="10"/>
      <c r="S747" s="10"/>
      <c r="T747" s="93"/>
      <c r="U747" s="93"/>
    </row>
    <row r="748" spans="10:21" s="8" customFormat="1">
      <c r="J748" s="277" t="s">
        <v>1756</v>
      </c>
      <c r="K748" s="276"/>
      <c r="R748" s="10"/>
      <c r="S748" s="10"/>
      <c r="T748" s="93"/>
      <c r="U748" s="93"/>
    </row>
    <row r="749" spans="10:21" s="8" customFormat="1">
      <c r="J749" s="277" t="s">
        <v>1750</v>
      </c>
      <c r="K749" s="276"/>
      <c r="R749" s="10"/>
      <c r="S749" s="10"/>
      <c r="T749" s="93"/>
      <c r="U749" s="93"/>
    </row>
    <row r="750" spans="10:21" s="8" customFormat="1">
      <c r="J750" s="277" t="s">
        <v>1752</v>
      </c>
      <c r="K750" s="276"/>
      <c r="R750" s="10"/>
      <c r="S750" s="10"/>
      <c r="T750" s="93"/>
      <c r="U750" s="93"/>
    </row>
    <row r="751" spans="10:21" s="8" customFormat="1">
      <c r="J751" s="277" t="s">
        <v>1714</v>
      </c>
      <c r="K751" s="276"/>
      <c r="R751" s="10"/>
      <c r="S751" s="10"/>
      <c r="T751" s="93"/>
      <c r="U751" s="93"/>
    </row>
    <row r="752" spans="10:21" s="8" customFormat="1">
      <c r="J752" s="277" t="s">
        <v>1153</v>
      </c>
      <c r="K752" s="276"/>
      <c r="R752" s="10"/>
      <c r="S752" s="10"/>
      <c r="T752" s="93"/>
      <c r="U752" s="93"/>
    </row>
    <row r="753" spans="10:21" s="8" customFormat="1">
      <c r="J753" s="277" t="s">
        <v>1707</v>
      </c>
      <c r="K753" s="276" t="s">
        <v>1757</v>
      </c>
      <c r="R753" s="10"/>
      <c r="S753" s="10"/>
      <c r="T753" s="93"/>
      <c r="U753" s="93"/>
    </row>
    <row r="754" spans="10:21" s="8" customFormat="1">
      <c r="J754" s="277" t="s">
        <v>1758</v>
      </c>
      <c r="K754" s="276"/>
      <c r="R754" s="10"/>
      <c r="S754" s="10"/>
      <c r="T754" s="93"/>
      <c r="U754" s="93"/>
    </row>
    <row r="755" spans="10:21" s="8" customFormat="1">
      <c r="J755" s="277" t="s">
        <v>1759</v>
      </c>
      <c r="K755" s="276"/>
      <c r="R755" s="10"/>
      <c r="S755" s="10"/>
      <c r="T755" s="93"/>
      <c r="U755" s="93"/>
    </row>
    <row r="756" spans="10:21" s="8" customFormat="1">
      <c r="J756" s="277" t="s">
        <v>1760</v>
      </c>
      <c r="K756" s="276"/>
      <c r="R756" s="10"/>
      <c r="S756" s="10"/>
      <c r="T756" s="93"/>
      <c r="U756" s="93"/>
    </row>
    <row r="757" spans="10:21" s="8" customFormat="1">
      <c r="J757" s="277" t="s">
        <v>1750</v>
      </c>
      <c r="K757" s="276"/>
      <c r="R757" s="10"/>
      <c r="S757" s="10"/>
      <c r="T757" s="93"/>
      <c r="U757" s="93"/>
    </row>
    <row r="758" spans="10:21" s="8" customFormat="1">
      <c r="J758" s="277" t="s">
        <v>1752</v>
      </c>
      <c r="K758" s="276"/>
      <c r="R758" s="10"/>
      <c r="S758" s="10"/>
      <c r="T758" s="93"/>
      <c r="U758" s="93"/>
    </row>
    <row r="759" spans="10:21" s="8" customFormat="1">
      <c r="J759" s="277" t="s">
        <v>1714</v>
      </c>
      <c r="K759" s="276"/>
      <c r="R759" s="10"/>
      <c r="S759" s="10"/>
      <c r="T759" s="93"/>
      <c r="U759" s="93"/>
    </row>
    <row r="760" spans="10:21" s="8" customFormat="1">
      <c r="J760" s="277" t="s">
        <v>1159</v>
      </c>
      <c r="K760" s="276"/>
      <c r="R760" s="10"/>
      <c r="S760" s="10"/>
      <c r="T760" s="93"/>
      <c r="U760" s="93"/>
    </row>
    <row r="761" spans="10:21" s="8" customFormat="1">
      <c r="J761" s="277" t="s">
        <v>1707</v>
      </c>
      <c r="K761" s="276" t="s">
        <v>1761</v>
      </c>
      <c r="R761" s="10"/>
      <c r="S761" s="10"/>
      <c r="T761" s="93"/>
      <c r="U761" s="93"/>
    </row>
    <row r="762" spans="10:21" s="8" customFormat="1">
      <c r="J762" s="277" t="s">
        <v>1762</v>
      </c>
      <c r="K762" s="276"/>
      <c r="R762" s="10"/>
      <c r="S762" s="10"/>
      <c r="T762" s="93"/>
      <c r="U762" s="93"/>
    </row>
    <row r="763" spans="10:21" s="8" customFormat="1">
      <c r="J763" s="277" t="s">
        <v>1763</v>
      </c>
      <c r="K763" s="276"/>
      <c r="R763" s="10"/>
      <c r="S763" s="10"/>
      <c r="T763" s="93"/>
      <c r="U763" s="93"/>
    </row>
    <row r="764" spans="10:21" s="8" customFormat="1">
      <c r="J764" s="277" t="s">
        <v>1764</v>
      </c>
      <c r="K764" s="276"/>
      <c r="R764" s="10"/>
      <c r="S764" s="10"/>
      <c r="T764" s="93"/>
      <c r="U764" s="93"/>
    </row>
    <row r="765" spans="10:21" s="8" customFormat="1">
      <c r="J765" s="277" t="s">
        <v>1750</v>
      </c>
      <c r="K765" s="276"/>
      <c r="R765" s="10"/>
      <c r="S765" s="10"/>
      <c r="T765" s="93"/>
      <c r="U765" s="93"/>
    </row>
    <row r="766" spans="10:21" s="8" customFormat="1">
      <c r="J766" s="277" t="s">
        <v>1752</v>
      </c>
      <c r="K766" s="276"/>
      <c r="R766" s="10"/>
      <c r="S766" s="10"/>
      <c r="T766" s="93"/>
      <c r="U766" s="93"/>
    </row>
    <row r="767" spans="10:21" s="8" customFormat="1">
      <c r="J767" s="277" t="s">
        <v>1714</v>
      </c>
      <c r="K767" s="276"/>
      <c r="R767" s="10"/>
      <c r="S767" s="10"/>
      <c r="T767" s="93"/>
      <c r="U767" s="93"/>
    </row>
    <row r="768" spans="10:21" s="8" customFormat="1">
      <c r="J768" s="277" t="s">
        <v>1165</v>
      </c>
      <c r="K768" s="276"/>
      <c r="R768" s="10"/>
      <c r="S768" s="10"/>
      <c r="T768" s="93"/>
      <c r="U768" s="93"/>
    </row>
    <row r="769" spans="10:21" s="8" customFormat="1">
      <c r="J769" s="277" t="s">
        <v>1707</v>
      </c>
      <c r="K769" s="276" t="s">
        <v>1765</v>
      </c>
      <c r="R769" s="10"/>
      <c r="S769" s="10"/>
      <c r="T769" s="93"/>
      <c r="U769" s="93"/>
    </row>
    <row r="770" spans="10:21" s="8" customFormat="1">
      <c r="J770" s="277" t="s">
        <v>1766</v>
      </c>
      <c r="K770" s="276"/>
      <c r="R770" s="10"/>
      <c r="S770" s="10"/>
      <c r="T770" s="93"/>
      <c r="U770" s="93"/>
    </row>
    <row r="771" spans="10:21" s="8" customFormat="1">
      <c r="J771" s="277" t="s">
        <v>1767</v>
      </c>
      <c r="K771" s="276"/>
      <c r="R771" s="10"/>
      <c r="S771" s="10"/>
      <c r="T771" s="93"/>
      <c r="U771" s="93"/>
    </row>
    <row r="772" spans="10:21" s="8" customFormat="1">
      <c r="J772" s="277" t="s">
        <v>1768</v>
      </c>
      <c r="K772" s="276"/>
      <c r="R772" s="10"/>
      <c r="S772" s="10"/>
      <c r="T772" s="93"/>
      <c r="U772" s="93"/>
    </row>
    <row r="773" spans="10:21" s="8" customFormat="1">
      <c r="J773" s="277" t="s">
        <v>1750</v>
      </c>
      <c r="K773" s="276"/>
      <c r="R773" s="10"/>
      <c r="S773" s="10"/>
      <c r="T773" s="93"/>
      <c r="U773" s="93"/>
    </row>
    <row r="774" spans="10:21" s="8" customFormat="1">
      <c r="J774" s="277" t="s">
        <v>1752</v>
      </c>
      <c r="K774" s="276"/>
      <c r="R774" s="10"/>
      <c r="S774" s="10"/>
      <c r="T774" s="93"/>
      <c r="U774" s="93"/>
    </row>
    <row r="775" spans="10:21" s="8" customFormat="1">
      <c r="J775" s="277" t="s">
        <v>1714</v>
      </c>
      <c r="K775" s="276"/>
      <c r="R775" s="10"/>
      <c r="S775" s="10"/>
      <c r="T775" s="93"/>
      <c r="U775" s="93"/>
    </row>
    <row r="776" spans="10:21" s="8" customFormat="1">
      <c r="J776" s="277" t="s">
        <v>1769</v>
      </c>
      <c r="K776" s="276"/>
      <c r="R776" s="10"/>
      <c r="S776" s="10"/>
      <c r="T776" s="93"/>
      <c r="U776" s="93"/>
    </row>
    <row r="777" spans="10:21" s="8" customFormat="1">
      <c r="J777" s="277" t="s">
        <v>1770</v>
      </c>
      <c r="K777" s="276"/>
      <c r="R777" s="10"/>
      <c r="S777" s="10"/>
      <c r="T777" s="93"/>
      <c r="U777" s="93"/>
    </row>
    <row r="778" spans="10:21" s="8" customFormat="1">
      <c r="J778" s="277" t="s">
        <v>1771</v>
      </c>
      <c r="K778" s="276"/>
      <c r="R778" s="10"/>
      <c r="S778" s="10"/>
      <c r="T778" s="93"/>
      <c r="U778" s="93"/>
    </row>
    <row r="779" spans="10:21" s="8" customFormat="1" ht="14.5" thickBot="1">
      <c r="J779" s="275" t="s">
        <v>1772</v>
      </c>
      <c r="K779" s="274"/>
      <c r="R779" s="10"/>
      <c r="S779" s="10"/>
      <c r="T779" s="93"/>
      <c r="U779" s="93"/>
    </row>
  </sheetData>
  <mergeCells count="11">
    <mergeCell ref="J721:K721"/>
    <mergeCell ref="A40:L40"/>
    <mergeCell ref="A325:L325"/>
    <mergeCell ref="A417:L417"/>
    <mergeCell ref="A418:L418"/>
    <mergeCell ref="A450:K450"/>
    <mergeCell ref="A451:K451"/>
    <mergeCell ref="A483:K483"/>
    <mergeCell ref="A629:K629"/>
    <mergeCell ref="J666:K667"/>
    <mergeCell ref="J696:K697"/>
  </mergeCells>
  <pageMargins left="0.7" right="0.7" top="0.78740157499999996" bottom="0.78740157499999996" header="0.3" footer="0.3"/>
  <pageSetup paperSize="9" orientation="portrait" r:id="rId1"/>
  <customProperties>
    <customPr name="IbpWorksheetKeyString_GUID" r:id="rId2"/>
  </customPropertie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1 6 " ? > < D a t a M a s h u p   x m l n s = " h t t p : / / s c h e m a s . m i c r o s o f t . c o m / D a t a M a s h u p " > A A A A A B s H A A B Q S w M E F A A C A A g A 4 Y x c U e n 8 W i q m A A A A + A A A A B I A H A B D b 2 5 m a W c v U G F j a 2 F n Z S 5 4 b W w g o h g A K K A U A A A A A A A A A A A A A A A A A A A A A A A A A A A A h Y 8 x D o I w G E a v Q r r T F s R A y E 8 Z X C U x I R r X p l R o h G J o s d z N w S N 5 B U k U d X P 8 X t 7 w v s f t D v n U t d 5 V D k b 1 O k M B p s i T W v S V 0 n W G R n v y E 5 Q z 2 H F x 5 r X 0 Z l m b d D J V h h p r L y k h z j n s V r g f a h J S G p B j s S 1 F I z u O P r L 6 L / t K G 8 u 1 k I j B 4 R X D Q h w n e B 1 H F E d J A G T B U C j 9 V c K 5 G F M g P x A 2 Y 2 v H Q T K p / X 0 J Z J l A 3 i / Y E 1 B L A w Q U A A I A C A D h j F x R D 8 r p q 6 Q A A A D p A A A A E w A c A F t D b 2 5 0 Z W 5 0 X 1 R 5 c G V z X S 5 4 b W w g o h g A K K A U A A A A A A A A A A A A A A A A A A A A A A A A A A A A b Y 5 L D s I w D E S v E n m f u r B A C D V l A d y A C 0 T B / Y j m o 8 Z F 4 W w s O B J X I G 1 3 i K V n 5 n n m 8 3 p X x 2 Q H 8 a A x 9 t 4 p 2 B Q l C H L G 3 3 r X K p i 4 k X s 4 1 t X 1 G S i K H H V R Q c c c D o j R d G R 1 L H w g l 5 3 G j 1 Z z P s c W g z Z 3 3 R J u y 3 K H x j s m x 5 L n H 1 B X Z 2 r 0 N L C 4 p C y v t R k H c V p z c 5 U C p s S 4 y P i X s D 9 5 H c L Q G 8 3 Z x C R t l H Y h c R l e f w F Q S w M E F A A C A A g A 4 Y x c U Q r 7 R + Y T B A A A 5 S A A A B M A H A B G b 3 J t d W x h c y 9 T Z W N 0 a W 9 u M S 5 t I K I Y A C i g F A A A A A A A A A A A A A A A A A A A A A A A A A A A A O 2 Y U U 8 b R x C A 3 5 H 4 D 6 v L C 0 g u 6 p 1 t Q h v 5 w T X Q k L Q u 5 Z x W a l y N l r v B X u W 8 a + 3 t A S b i v 3 e N i Q i Z m b a g K i 8 9 H g y e s e / 2 2 9 n 9 2 J s a i 2 C c V f n m d / p q e 2 t 7 q 5 5 r j 6 U a u c Y G v z p r K q z V Q F U Y t r d U / M l d 4 w u M k V F 9 u X f o i m a B N u w c m w r 3 R s 6 G + K b e S U b f T 9 / V 6 O v p y c H + y / 2 D d P q L x U N v L l F 9 o / L h q c q P p r 9 P c n X s q h L 9 9 P N b 7 Y X r k O x 2 3 h 9 i Z R Y m o B 8 k n a Q T R 1 M 1 C 1 s P + m l H H d n C l c b O B m n W z z r q 1 8 Y F z M O q w s H D n 3 t j Z / H P 3 c 5 m z C + S 0 V z b G a r J a o l J H P t E n 8 f P T L y 2 9 Y X z i 8 3 V 1 8 l 6 Z 8 P X + f g x 2 U T T e P c Q M y r g d b j t q E / x T I h 3 h X h P i P e F + L 4 Q f y n E D 4 T 4 d 0 I 8 / V Z K S M S p h J x K z K k E n U r U q Y S d S t y p B J 5 K 5 J l E n o m 1 l s g z i T y T y D O J P J P I M 4 k 8 k 8 g z i b w r k X c l 8 q 6 4 z C X y r k T e l c i 7 E n l X I u 9 K 5 F 2 J v C e R 9 y T y n k T e E 3 e 4 R N 6 T y H s S e U 8 i 7 0 n k P Y m 8 L 5 H 3 H 5 P f P s j y 1 L t F F G m p X q O O f q 4 f j H m f u Y / v P P Z q R 7 2 / z w + r K i 9 0 p X 0 9 C L 6 h H i 7 / j Y i Z c a y t z N C s / 3 s Y r E k G a G 2 B V h V o P Y F W E m g N g V Y P a N 2 A V g x o r Y D R M T A m B k b C w P g X G P U C Y 1 1 g h A u M a 4 H R L D C G B U a u w H g V G K U C Y 1 N g R A q M Q 4 H R J z D m B E a a w P g S G F U C Y 0 l g B A m M G 4 H R I j B G B E a G w H g Q G A U C Y z 9 g x A e M 8 4 D R H T C m A 0 Z y w P g N G L U B Y z V g h A Z f u O x v z J T + o 5 r K 5 7 k p f b K c 0 j s 7 n d h L Z + L x + O 4 s S 8 i G f h b P x 8 Z q m m n q 4 H V l h A w T / w G r m W k W N O 7 1 j a m o J b X V J b 1 K f m X C D f p K 2 5 J + Z R 4 P 9 V y U G X + c G 7 c 4 Z 4 Y 5 c n X Q 6 s w U T O o G i 7 k 6 w 2 V z X p m C p H 9 E v 9 B 2 R e K H a B f a f 6 A T V c 2 Q m 6 i j o t G l 8 z Q + W y 0 D n Z C l N p Z E j 4 1 l p + g 4 r o 2 C z t E 7 a 9 Y r 4 2 1 8 S C k d L d F r Z 2 f q b X y h m c b O t K f M J 7 a M z z M 1 Q x c z X N Q j O 9 6 T o C t 6 9 T d 6 q S n z p 8 I o d x E H 6 5 H e 5 a f m G h f n 8 X m J g v z s v C s K R + N 4 b b h w 3 J A r D m 9 s + K K O M c w 3 y 5 b u s r H z V 5 p S j v F K / Y G a n Z d T 9 A 0 N x v V v l k t j m Z 1 8 6 v j r N O i D W y 9 3 y n j q f G h m m m 7 N M x f X O c O Y 6 6 Y 0 a u g 1 t 6 / y u L b 0 M p a F Z i p 3 q T 9 w X 7 n C E m m d 7 x d r H n R g Q H 9 D i z d N X E 3 0 c q 4 J c z W 8 8 F / u 7 d v d 7 S 1 j e a t + 3 m F 4 k T z q M U y w D s l X 7 D T c 3 f C / a j f E I T 7 v l N u 2 G 9 p 2 A 0 m 0 7 Q a S a N s N J P G / b T d 8 t T N 9 2 3 B o G w 6 q b T h s Y m 3 D 4 Q k N h / T J d s r a j k P b c X i I t h 2 H t u P w O N d 2 H J 7 R c c i S V 3 8 B U E s B A i 0 A F A A C A A g A 4 Y x c U e n 8 W i q m A A A A + A A A A B I A A A A A A A A A A A A A A A A A A A A A A E N v b m Z p Z y 9 Q Y W N r Y W d l L n h t b F B L A Q I t A B Q A A g A I A O G M X F E P y u m r p A A A A O k A A A A T A A A A A A A A A A A A A A A A A P I A A A B b Q 2 9 u d G V u d F 9 U e X B l c 1 0 u e G 1 s U E s B A i 0 A F A A C A A g A 4 Y x c U Q r 7 R + Y T B A A A 5 S A A A B M A A A A A A A A A A A A A A A A A 4 w E A A E Z v c m 1 1 b G F z L 1 N l Y 3 R p b 2 4 x L m 1 Q S w U G A A A A A A M A A w D C A A A A Q w Y A A A A A E A E A A O + 7 v z w / e G 1 s I H Z l c n N p b 2 4 9 I j E u M C I g Z W 5 j b 2 R p b m c 9 I n V 0 Z i 0 4 I j 8 + P F B l c m 1 p c 3 N p b 2 5 M a X N 0 I H h t b G 5 z O n h z Z D 0 i a H R 0 c D o v L 3 d 3 d y 5 3 M y 5 v c m c v M j A w M S 9 Y T U x T Y 2 h l b W E i I H h t b G 5 z O n h z a T 0 i a H R 0 c D o v L 3 d 3 d y 5 3 M y 5 v c m c v M j A w M S 9 Y T U x T Y 2 h l b W E t a W 5 z d G F u Y 2 U i P j x D Y W 5 F d m F s d W F 0 Z U Z 1 d H V y Z V B h Y 2 t h Z 2 V z P m Z h b H N l P C 9 D Y W 5 F d m F s d W F 0 Z U Z 1 d H V y Z V B h Y 2 t h Z 2 V z P j x G a X J l d 2 F s b E V u Y W J s Z W Q + d H J 1 Z T w v R m l y Z X d h b G x F b m F i b G V k P j w v U G V y b W l z c 2 l v b k x p c 3 Q + A U 8 A A A A A A A D f T g A A 7 7 u / P D 9 4 b W w g d m V y c 2 l v b j 0 i M S 4 w I i B l b m N v Z G l u Z z 0 i d X R m L T g i P z 4 8 T G 9 j Y W x Q Y W N r Y W d l T W V 0 Y W R h d G F G a W x l I H h t b G 5 z O n h z Z D 0 i a H R 0 c D o v L 3 d 3 d y 5 3 M y 5 v c m c v M j A w M S 9 Y T U x T Y 2 h l b W E i I H h t b G 5 z O n h z a T 0 i a H R 0 c D o v L 3 d 3 d y 5 3 M y 5 v c m c v M j A w M S 9 Y T U x T Y 2 h l b W E t a W 5 z d G F u Y 2 U i P j x J d G V t c z 4 8 S X R l b T 4 8 S X R l b U x v Y 2 F 0 a W 9 u P j x J d G V t V H l w Z T 5 B b G x G b 3 J t d W x h c z w v S X R l b V R 5 c G U + P E l 0 Z W 1 Q Y X R o I C 8 + P C 9 J d G V t T G 9 j Y X R p b 2 4 + P F N 0 Y W J s Z U V u d H J p Z X M + P E V u d H J 5 I F R 5 c G U 9 I l J l b G F 0 a W 9 u c 2 h p c H M i I F Z h b H V l P S J z Q U F B Q U F B P T 0 i I C 8 + P C 9 T d G F i b G V F b n R y a W V z P j w v S X R l b T 4 8 S X R l b T 4 8 S X R l b U x v Y 2 F 0 a W 9 u P j x J d G V t V H l w Z T 5 G b 3 J t d W x h P C 9 J d G V t V H l w Z T 4 8 S X R l b V B h d G g + U 2 V j d G l v b j E v Q 2 9 1 b n R y e V J 1 b G V z P C 9 J d G V t U G F 0 a D 4 8 L 0 l 0 Z W 1 M b 2 N h d G l v b j 4 8 U 3 R h Y m x l R W 5 0 c m l l c z 4 8 R W 5 0 c n k g V H l w Z T 0 i S X N Q c m l 2 Y X R l I i B W Y W x 1 Z T 0 i b D A i I C 8 + P E V u d H J 5 I F R 5 c G U 9 I k Z p b G x F b m F i b G V k I i B W Y W x 1 Z T 0 i b D E i I C 8 + P E V u d H J 5 I F R 5 c G U 9 I k Z p b G x P Y m p l Y 3 R U e X B l I i B W Y W x 1 Z T 0 i c 1 R h Y m x l I i A v P j x F b n R y e S B U e X B l P S J G a W x s V G 9 E Y X R h T W 9 k Z W x F b m F i b G V k I i B W Y W x 1 Z T 0 i b D A i I C 8 + P E V u d H J 5 I F R 5 c G U 9 I k J 1 Z m Z l c k 5 l e H R S Z W Z y Z X N o I i B W Y W x 1 Z T 0 i b D E i I C 8 + P E V u d H J 5 I F R 5 c G U 9 I l J l c 3 V s d F R 5 c G U i I F Z h b H V l P S J z V G F i b G U i I C 8 + P E V u d H J 5 I F R 5 c G U 9 I k 5 h b W V V c G R h d G V k Q W Z 0 Z X J G a W x s I i B W Y W x 1 Z T 0 i b D A i I C 8 + P E V u d H J 5 I F R 5 c G U 9 I k 5 h d m l n Y X R p b 2 5 T d G V w T m F t Z S I g V m F s d W U 9 I n N O Y X Z p Z 2 F 0 a W 9 u I i A v P j x F b n R y e S B U e X B l P S J G a W x s V G F y Z 2 V 0 I i B W Y W x 1 Z T 0 i c 0 N v d W 5 0 c n l S d W x l c y I g L z 4 8 R W 5 0 c n k g V H l w Z T 0 i R m l s b G V k Q 2 9 t c G x l d G V S Z X N 1 b H R U b 1 d v c m t z a G V l d C I g V m F s d W U 9 I m w x I i A v P j x F b n R y e S B U e X B l P S J S Z W x h d G l v b n N o a X B J b m Z v Q 2 9 u d G F p b m V y I i B W Y W x 1 Z T 0 i c 3 s m c X V v d D t j b 2 x 1 b W 5 D b 3 V u d C Z x d W 9 0 O z o 1 M S w m c X V v d D t r Z X l D b 2 x 1 b W 5 O Y W 1 l c y Z x d W 9 0 O z p b X S w m c X V v d D t x d W V y e V J l b G F 0 a W 9 u c 2 h p c H M m c X V v d D s 6 W 1 0 s J n F 1 b 3 Q 7 Y 2 9 s d W 1 u S W R l b n R p d G l l c y Z x d W 9 0 O z p b J n F 1 b 3 Q 7 U 2 V j d G l v b j E v Q 2 9 1 b n R y e V J 1 b G V z L 0 N o Y W 5 n Z W Q g V H l w Z T E u e 0 l u d m 9 p Y 2 U g U n V s Z X M s M H 0 m c X V v d D s s J n F 1 b 3 Q 7 U 2 V j d G l v b j E v Q 2 9 1 b n R y e V J 1 b G V z L 0 N o Y W 5 n Z W Q g V H l w Z T E u e 0 F y Z 2 V u d G l u Y S w x f S Z x d W 9 0 O y w m c X V v d D t T Z W N 0 a W 9 u M S 9 D b 3 V u d H J 5 U n V s Z X M v Q 2 h h b m d l Z C B U e X B l M S 5 7 Q X V z d H J h b G l h L D J 9 J n F 1 b 3 Q 7 L C Z x d W 9 0 O 1 N l Y 3 R p b 2 4 x L 0 N v d W 5 0 c n l S d W x l c y 9 D a G F u Z 2 V k I F R 5 c G U x L n t B d X N 0 c m l h L D N 9 J n F 1 b 3 Q 7 L C Z x d W 9 0 O 1 N l Y 3 R p b 2 4 x L 0 N v d W 5 0 c n l S d W x l c y 9 D a G F u Z 2 V k I F R 5 c G U x L n t C Z W x n a X V t L D R 9 J n F 1 b 3 Q 7 L C Z x d W 9 0 O 1 N l Y 3 R p b 2 4 x L 0 N v d W 5 0 c n l S d W x l c y 9 D a G F u Z 2 V k I F R 5 c G U x L n t C c m F 6 a W w s N X 0 m c X V v d D s s J n F 1 b 3 Q 7 U 2 V j d G l v b j E v Q 2 9 1 b n R y e V J 1 b G V z L 0 N o Y W 5 n Z W Q g V H l w Z T E u e 0 N h b m F k Y S w 2 f S Z x d W 9 0 O y w m c X V v d D t T Z W N 0 a W 9 u M S 9 D b 3 V u d H J 5 U n V s Z X M v Q 2 h h b m d l Z C B U e X B l M S 5 7 U 3 d p d H p l c m x h b m Q s N 3 0 m c X V v d D s s J n F 1 b 3 Q 7 U 2 V j d G l v b j E v Q 2 9 1 b n R y e V J 1 b G V z L 0 N o Y W 5 n Z W Q g V H l w Z T E u e 0 N o a W x l L D h 9 J n F 1 b 3 Q 7 L C Z x d W 9 0 O 1 N l Y 3 R p b 2 4 x L 0 N v d W 5 0 c n l S d W x l c y 9 D a G F u Z 2 V k I F R 5 c G U x L n t D a G l u Y S w 5 f S Z x d W 9 0 O y w m c X V v d D t T Z W N 0 a W 9 u M S 9 D b 3 V u d H J 5 U n V s Z X M v Q 2 h h b m d l Z C B U e X B l M S 5 7 Q 2 9 s b 2 1 i a W E s M T B 9 J n F 1 b 3 Q 7 L C Z x d W 9 0 O 1 N l Y 3 R p b 2 4 x L 0 N v d W 5 0 c n l S d W x l c y 9 D a G F u Z 2 V k I F R 5 c G U x L n t D b 3 N 0 Y S B S a W N h L D E x f S Z x d W 9 0 O y w m c X V v d D t T Z W N 0 a W 9 u M S 9 D b 3 V u d H J 5 U n V s Z X M v Q 2 h h b m d l Z C B U e X B l M S 5 7 Q 3 p l Y 2 g g U m V w d W J s a W M s M T J 9 J n F 1 b 3 Q 7 L C Z x d W 9 0 O 1 N l Y 3 R p b 2 4 x L 0 N v d W 5 0 c n l S d W x l c y 9 D a G F u Z 2 V k I F R 5 c G U x L n t H Z X J t Y W 5 5 L D E z f S Z x d W 9 0 O y w m c X V v d D t T Z W N 0 a W 9 u M S 9 D b 3 V u d H J 5 U n V s Z X M v Q 2 h h b m d l Z C B U e X B l M S 5 7 R G V u b W F y a y w x N H 0 m c X V v d D s s J n F 1 b 3 Q 7 U 2 V j d G l v b j E v Q 2 9 1 b n R y e V J 1 b G V z L 0 N o Y W 5 n Z W Q g V H l w Z T E u e 0 F s Z 2 V y a W E s M T V 9 J n F 1 b 3 Q 7 L C Z x d W 9 0 O 1 N l Y 3 R p b 2 4 x L 0 N v d W 5 0 c n l S d W x l c y 9 D a G F u Z 2 V k I F R 5 c G U x L n t F Y 3 V h Z G 9 y L D E 2 f S Z x d W 9 0 O y w m c X V v d D t T Z W N 0 a W 9 u M S 9 D b 3 V u d H J 5 U n V s Z X M v Q 2 h h b m d l Z C B U e X B l M S 5 7 R W d 5 c H Q s M T d 9 J n F 1 b 3 Q 7 L C Z x d W 9 0 O 1 N l Y 3 R p b 2 4 x L 0 N v d W 5 0 c n l S d W x l c y 9 D a G F u Z 2 V k I F R 5 c G U x L n t T c G F p b i w x O H 0 m c X V v d D s s J n F 1 b 3 Q 7 U 2 V j d G l v b j E v Q 2 9 1 b n R y e V J 1 b G V z L 0 N o Y W 5 n Z W Q g V H l w Z T E u e 0 Z p b m x h b m Q s M T l 9 J n F 1 b 3 Q 7 L C Z x d W 9 0 O 1 N l Y 3 R p b 2 4 x L 0 N v d W 5 0 c n l S d W x l c y 9 D a G F u Z 2 V k I F R 5 c G U x L n t G c m F u Y 2 U s M j B 9 J n F 1 b 3 Q 7 L C Z x d W 9 0 O 1 N l Y 3 R p b 2 4 x L 0 N v d W 5 0 c n l S d W x l c y 9 D a G F u Z 2 V k I F R 5 c G U x L n t V b m l 0 Z W Q g S 2 l u Z 2 R v b S w y M X 0 m c X V v d D s s J n F 1 b 3 Q 7 U 2 V j d G l v b j E v Q 2 9 1 b n R y e V J 1 b G V z L 0 N o Y W 5 n Z W Q g V H l w Z T E u e 0 h v b m c g S 2 9 u Z y w y M n 0 m c X V v d D s s J n F 1 b 3 Q 7 U 2 V j d G l v b j E v Q 2 9 1 b n R y e V J 1 b G V z L 0 N o Y W 5 n Z W Q g V H l w Z T E u e 0 h 1 b m d h c n k s M j N 9 J n F 1 b 3 Q 7 L C Z x d W 9 0 O 1 N l Y 3 R p b 2 4 x L 0 N v d W 5 0 c n l S d W x l c y 9 D a G F u Z 2 V k I F R 5 c G U x L n t J b m R v b m V z a W E s M j R 9 J n F 1 b 3 Q 7 L C Z x d W 9 0 O 1 N l Y 3 R p b 2 4 x L 0 N v d W 5 0 c n l S d W x l c y 9 D a G F u Z 2 V k I F R 5 c G U x L n t J b m R p Y S w y N X 0 m c X V v d D s s J n F 1 b 3 Q 7 U 2 V j d G l v b j E v Q 2 9 1 b n R y e V J 1 b G V z L 0 N o Y W 5 n Z W Q g V H l w Z T E u e 0 l y Z W x h b m Q s M j Z 9 J n F 1 b 3 Q 7 L C Z x d W 9 0 O 1 N l Y 3 R p b 2 4 x L 0 N v d W 5 0 c n l S d W x l c y 9 D a G F u Z 2 V k I F R 5 c G U x L n t J d G F s e S w y N 3 0 m c X V v d D s s J n F 1 b 3 Q 7 U 2 V j d G l v b j E v Q 2 9 1 b n R y e V J 1 b G V z L 0 N o Y W 5 n Z W Q g V H l w Z T E u e 0 p h c G F u L D I 4 f S Z x d W 9 0 O y w m c X V v d D t T Z W N 0 a W 9 u M S 9 D b 3 V u d H J 5 U n V s Z X M v Q 2 h h b m d l Z C B U e X B l M S 5 7 U m V w d W J s a W M g b 2 Y g S 2 9 y Z W E s M j l 9 J n F 1 b 3 Q 7 L C Z x d W 9 0 O 1 N l Y 3 R p b 2 4 x L 0 N v d W 5 0 c n l S d W x l c y 9 D a G F u Z 2 V k I F R 5 c G U x L n t M d X h l b W J v d X J n L D M w f S Z x d W 9 0 O y w m c X V v d D t T Z W N 0 a W 9 u M S 9 D b 3 V u d H J 5 U n V s Z X M v Q 2 h h b m d l Z C B U e X B l M S 5 7 T W 9 y b 2 N j b y w z M X 0 m c X V v d D s s J n F 1 b 3 Q 7 U 2 V j d G l v b j E v Q 2 9 1 b n R y e V J 1 b G V z L 0 N o Y W 5 n Z W Q g V H l w Z T E u e 0 1 l e G l j b y w z M n 0 m c X V v d D s s J n F 1 b 3 Q 7 U 2 V j d G l v b j E v Q 2 9 1 b n R y e V J 1 b G V z L 0 N o Y W 5 n Z W Q g V H l w Z T E u e 0 1 h b G F 5 c 2 l h L D M z f S Z x d W 9 0 O y w m c X V v d D t T Z W N 0 a W 9 u M S 9 D b 3 V u d H J 5 U n V s Z X M v Q 2 h h b m d l Z C B U e X B l M S 5 7 T m l n Z X J p Y S w z N H 0 m c X V v d D s s J n F 1 b 3 Q 7 U 2 V j d G l v b j E v Q 2 9 1 b n R y e V J 1 b G V z L 0 N o Y W 5 n Z W Q g V H l w Z T E u e 0 5 l d G h l c m x h b m R z L D M 1 f S Z x d W 9 0 O y w m c X V v d D t T Z W N 0 a W 9 u M S 9 D b 3 V u d H J 5 U n V s Z X M v Q 2 h h b m d l Z C B U e X B l M S 5 7 T m 9 y d 2 F 5 L D M 2 f S Z x d W 9 0 O y w m c X V v d D t T Z W N 0 a W 9 u M S 9 D b 3 V u d H J 5 U n V s Z X M v Q 2 h h b m d l Z C B U e X B l M S 5 7 T m V 3 I F p l Y W x h b m Q s M z d 9 J n F 1 b 3 Q 7 L C Z x d W 9 0 O 1 N l Y 3 R p b 2 4 x L 0 N v d W 5 0 c n l S d W x l c y 9 D a G F u Z 2 V k I F R 5 c G U x L n t Q Z X J 1 L D M 4 f S Z x d W 9 0 O y w m c X V v d D t T Z W N 0 a W 9 u M S 9 D b 3 V u d H J 5 U n V s Z X M v Q 2 h h b m d l Z C B U e X B l M S 5 7 U G h p b G l w c G l u Z X M s M z l 9 J n F 1 b 3 Q 7 L C Z x d W 9 0 O 1 N l Y 3 R p b 2 4 x L 0 N v d W 5 0 c n l S d W x l c y 9 D a G F u Z 2 V k I F R 5 c G U x L n t Q b 2 x h b m Q s N D B 9 J n F 1 b 3 Q 7 L C Z x d W 9 0 O 1 N l Y 3 R p b 2 4 x L 0 N v d W 5 0 c n l S d W x l c y 9 D a G F u Z 2 V k I F R 5 c G U x L n t Q d W V y d G 8 g U m l j b y w 0 M X 0 m c X V v d D s s J n F 1 b 3 Q 7 U 2 V j d G l v b j E v Q 2 9 1 b n R y e V J 1 b G V z L 0 N o Y W 5 n Z W Q g V H l w Z T E u e 1 B v c n R 1 Z 2 F s L D Q y f S Z x d W 9 0 O y w m c X V v d D t T Z W N 0 a W 9 u M S 9 D b 3 V u d H J 5 U n V s Z X M v Q 2 h h b m d l Z C B U e X B l M S 5 7 U m 9 t Y W 5 p Y S w 0 M 3 0 m c X V v d D s s J n F 1 b 3 Q 7 U 2 V j d G l v b j E v Q 2 9 1 b n R y e V J 1 b G V z L 0 N o Y W 5 n Z W Q g V H l w Z T E u e 1 N h d W R p I E F y Y W J p Y S w 0 N H 0 m c X V v d D s s J n F 1 b 3 Q 7 U 2 V j d G l v b j E v Q 2 9 1 b n R y e V J 1 b G V z L 0 N o Y W 5 n Z W Q g V H l w Z T E u e 1 N p b m d h c G 9 y Z S w 0 N X 0 m c X V v d D s s J n F 1 b 3 Q 7 U 2 V j d G l v b j E v Q 2 9 1 b n R y e V J 1 b G V z L 0 N o Y W 5 n Z W Q g V H l w Z T E u e 1 N s b 3 Z h a 2 l h L D Q 2 f S Z x d W 9 0 O y w m c X V v d D t T Z W N 0 a W 9 u M S 9 D b 3 V u d H J 5 U n V s Z X M v Q 2 h h b m d l Z C B U e X B l M S 5 7 U 3 d l Z G V u L D Q 3 f S Z x d W 9 0 O y w m c X V v d D t T Z W N 0 a W 9 u M S 9 D b 3 V u d H J 5 U n V s Z X M v Q 2 h h b m d l Z C B U e X B l M S 5 7 V W 5 p d G V k I F N 0 Y X R l c y w 0 O H 0 m c X V v d D s s J n F 1 b 3 Q 7 U 2 V j d G l v b j E v Q 2 9 1 b n R y e V J 1 b G V z L 0 N o Y W 5 n Z W Q g V H l w Z T E u e 1 Z l b m V 6 d W V s Y S w 0 O X 0 m c X V v d D s s J n F 1 b 3 Q 7 U 2 V j d G l v b j E v Q 2 9 1 b n R y e V J 1 b G V z L 0 N o Y W 5 n Z W Q g V H l w Z T E u e 1 N v d X R o I E F m c m l j Y S w 1 M H 0 m c X V v d D t d L C Z x d W 9 0 O 0 N v b H V t b k N v d W 5 0 J n F 1 b 3 Q 7 O j U x L C Z x d W 9 0 O 0 t l e U N v b H V t b k 5 h b W V z J n F 1 b 3 Q 7 O l t d L C Z x d W 9 0 O 0 N v b H V t b k l k Z W 5 0 a X R p Z X M m c X V v d D s 6 W y Z x d W 9 0 O 1 N l Y 3 R p b 2 4 x L 0 N v d W 5 0 c n l S d W x l c y 9 D a G F u Z 2 V k I F R 5 c G U x L n t J b n Z v a W N l I F J 1 b G V z L D B 9 J n F 1 b 3 Q 7 L C Z x d W 9 0 O 1 N l Y 3 R p b 2 4 x L 0 N v d W 5 0 c n l S d W x l c y 9 D a G F u Z 2 V k I F R 5 c G U x L n t B c m d l b n R p b m E s M X 0 m c X V v d D s s J n F 1 b 3 Q 7 U 2 V j d G l v b j E v Q 2 9 1 b n R y e V J 1 b G V z L 0 N o Y W 5 n Z W Q g V H l w Z T E u e 0 F 1 c 3 R y Y W x p Y S w y f S Z x d W 9 0 O y w m c X V v d D t T Z W N 0 a W 9 u M S 9 D b 3 V u d H J 5 U n V s Z X M v Q 2 h h b m d l Z C B U e X B l M S 5 7 Q X V z d H J p Y S w z f S Z x d W 9 0 O y w m c X V v d D t T Z W N 0 a W 9 u M S 9 D b 3 V u d H J 5 U n V s Z X M v Q 2 h h b m d l Z C B U e X B l M S 5 7 Q m V s Z 2 l 1 b S w 0 f S Z x d W 9 0 O y w m c X V v d D t T Z W N 0 a W 9 u M S 9 D b 3 V u d H J 5 U n V s Z X M v Q 2 h h b m d l Z C B U e X B l M S 5 7 Q n J h e m l s L D V 9 J n F 1 b 3 Q 7 L C Z x d W 9 0 O 1 N l Y 3 R p b 2 4 x L 0 N v d W 5 0 c n l S d W x l c y 9 D a G F u Z 2 V k I F R 5 c G U x L n t D Y W 5 h Z G E s N n 0 m c X V v d D s s J n F 1 b 3 Q 7 U 2 V j d G l v b j E v Q 2 9 1 b n R y e V J 1 b G V z L 0 N o Y W 5 n Z W Q g V H l w Z T E u e 1 N 3 a X R 6 Z X J s Y W 5 k L D d 9 J n F 1 b 3 Q 7 L C Z x d W 9 0 O 1 N l Y 3 R p b 2 4 x L 0 N v d W 5 0 c n l S d W x l c y 9 D a G F u Z 2 V k I F R 5 c G U x L n t D a G l s Z S w 4 f S Z x d W 9 0 O y w m c X V v d D t T Z W N 0 a W 9 u M S 9 D b 3 V u d H J 5 U n V s Z X M v Q 2 h h b m d l Z C B U e X B l M S 5 7 Q 2 h p b m E s O X 0 m c X V v d D s s J n F 1 b 3 Q 7 U 2 V j d G l v b j E v Q 2 9 1 b n R y e V J 1 b G V z L 0 N o Y W 5 n Z W Q g V H l w Z T E u e 0 N v b G 9 t Y m l h L D E w f S Z x d W 9 0 O y w m c X V v d D t T Z W N 0 a W 9 u M S 9 D b 3 V u d H J 5 U n V s Z X M v Q 2 h h b m d l Z C B U e X B l M S 5 7 Q 2 9 z d G E g U m l j Y S w x M X 0 m c X V v d D s s J n F 1 b 3 Q 7 U 2 V j d G l v b j E v Q 2 9 1 b n R y e V J 1 b G V z L 0 N o Y W 5 n Z W Q g V H l w Z T E u e 0 N 6 Z W N o I F J l c H V i b G l j L D E y f S Z x d W 9 0 O y w m c X V v d D t T Z W N 0 a W 9 u M S 9 D b 3 V u d H J 5 U n V s Z X M v Q 2 h h b m d l Z C B U e X B l M S 5 7 R 2 V y b W F u e S w x M 3 0 m c X V v d D s s J n F 1 b 3 Q 7 U 2 V j d G l v b j E v Q 2 9 1 b n R y e V J 1 b G V z L 0 N o Y W 5 n Z W Q g V H l w Z T E u e 0 R l b m 1 h c m s s M T R 9 J n F 1 b 3 Q 7 L C Z x d W 9 0 O 1 N l Y 3 R p b 2 4 x L 0 N v d W 5 0 c n l S d W x l c y 9 D a G F u Z 2 V k I F R 5 c G U x L n t B b G d l c m l h L D E 1 f S Z x d W 9 0 O y w m c X V v d D t T Z W N 0 a W 9 u M S 9 D b 3 V u d H J 5 U n V s Z X M v Q 2 h h b m d l Z C B U e X B l M S 5 7 R W N 1 Y W R v c i w x N n 0 m c X V v d D s s J n F 1 b 3 Q 7 U 2 V j d G l v b j E v Q 2 9 1 b n R y e V J 1 b G V z L 0 N o Y W 5 n Z W Q g V H l w Z T E u e 0 V n e X B 0 L D E 3 f S Z x d W 9 0 O y w m c X V v d D t T Z W N 0 a W 9 u M S 9 D b 3 V u d H J 5 U n V s Z X M v Q 2 h h b m d l Z C B U e X B l M S 5 7 U 3 B h a W 4 s M T h 9 J n F 1 b 3 Q 7 L C Z x d W 9 0 O 1 N l Y 3 R p b 2 4 x L 0 N v d W 5 0 c n l S d W x l c y 9 D a G F u Z 2 V k I F R 5 c G U x L n t G a W 5 s Y W 5 k L D E 5 f S Z x d W 9 0 O y w m c X V v d D t T Z W N 0 a W 9 u M S 9 D b 3 V u d H J 5 U n V s Z X M v Q 2 h h b m d l Z C B U e X B l M S 5 7 R n J h b m N l L D I w f S Z x d W 9 0 O y w m c X V v d D t T Z W N 0 a W 9 u M S 9 D b 3 V u d H J 5 U n V s Z X M v Q 2 h h b m d l Z C B U e X B l M S 5 7 V W 5 p d G V k I E t p b m d k b 2 0 s M j F 9 J n F 1 b 3 Q 7 L C Z x d W 9 0 O 1 N l Y 3 R p b 2 4 x L 0 N v d W 5 0 c n l S d W x l c y 9 D a G F u Z 2 V k I F R 5 c G U x L n t I b 2 5 n I E t v b m c s M j J 9 J n F 1 b 3 Q 7 L C Z x d W 9 0 O 1 N l Y 3 R p b 2 4 x L 0 N v d W 5 0 c n l S d W x l c y 9 D a G F u Z 2 V k I F R 5 c G U x L n t I d W 5 n Y X J 5 L D I z f S Z x d W 9 0 O y w m c X V v d D t T Z W N 0 a W 9 u M S 9 D b 3 V u d H J 5 U n V s Z X M v Q 2 h h b m d l Z C B U e X B l M S 5 7 S W 5 k b 2 5 l c 2 l h L D I 0 f S Z x d W 9 0 O y w m c X V v d D t T Z W N 0 a W 9 u M S 9 D b 3 V u d H J 5 U n V s Z X M v Q 2 h h b m d l Z C B U e X B l M S 5 7 S W 5 k a W E s M j V 9 J n F 1 b 3 Q 7 L C Z x d W 9 0 O 1 N l Y 3 R p b 2 4 x L 0 N v d W 5 0 c n l S d W x l c y 9 D a G F u Z 2 V k I F R 5 c G U x L n t J c m V s Y W 5 k L D I 2 f S Z x d W 9 0 O y w m c X V v d D t T Z W N 0 a W 9 u M S 9 D b 3 V u d H J 5 U n V s Z X M v Q 2 h h b m d l Z C B U e X B l M S 5 7 S X R h b H k s M j d 9 J n F 1 b 3 Q 7 L C Z x d W 9 0 O 1 N l Y 3 R p b 2 4 x L 0 N v d W 5 0 c n l S d W x l c y 9 D a G F u Z 2 V k I F R 5 c G U x L n t K Y X B h b i w y O H 0 m c X V v d D s s J n F 1 b 3 Q 7 U 2 V j d G l v b j E v Q 2 9 1 b n R y e V J 1 b G V z L 0 N o Y W 5 n Z W Q g V H l w Z T E u e 1 J l c H V i b G l j I G 9 m I E t v c m V h L D I 5 f S Z x d W 9 0 O y w m c X V v d D t T Z W N 0 a W 9 u M S 9 D b 3 V u d H J 5 U n V s Z X M v Q 2 h h b m d l Z C B U e X B l M S 5 7 T H V 4 Z W 1 i b 3 V y Z y w z M H 0 m c X V v d D s s J n F 1 b 3 Q 7 U 2 V j d G l v b j E v Q 2 9 1 b n R y e V J 1 b G V z L 0 N o Y W 5 n Z W Q g V H l w Z T E u e 0 1 v c m 9 j Y 2 8 s M z F 9 J n F 1 b 3 Q 7 L C Z x d W 9 0 O 1 N l Y 3 R p b 2 4 x L 0 N v d W 5 0 c n l S d W x l c y 9 D a G F u Z 2 V k I F R 5 c G U x L n t N Z X h p Y 2 8 s M z J 9 J n F 1 b 3 Q 7 L C Z x d W 9 0 O 1 N l Y 3 R p b 2 4 x L 0 N v d W 5 0 c n l S d W x l c y 9 D a G F u Z 2 V k I F R 5 c G U x L n t N Y W x h e X N p Y S w z M 3 0 m c X V v d D s s J n F 1 b 3 Q 7 U 2 V j d G l v b j E v Q 2 9 1 b n R y e V J 1 b G V z L 0 N o Y W 5 n Z W Q g V H l w Z T E u e 0 5 p Z 2 V y a W E s M z R 9 J n F 1 b 3 Q 7 L C Z x d W 9 0 O 1 N l Y 3 R p b 2 4 x L 0 N v d W 5 0 c n l S d W x l c y 9 D a G F u Z 2 V k I F R 5 c G U x L n t O Z X R o Z X J s Y W 5 k c y w z N X 0 m c X V v d D s s J n F 1 b 3 Q 7 U 2 V j d G l v b j E v Q 2 9 1 b n R y e V J 1 b G V z L 0 N o Y W 5 n Z W Q g V H l w Z T E u e 0 5 v c n d h e S w z N n 0 m c X V v d D s s J n F 1 b 3 Q 7 U 2 V j d G l v b j E v Q 2 9 1 b n R y e V J 1 b G V z L 0 N o Y W 5 n Z W Q g V H l w Z T E u e 0 5 l d y B a Z W F s Y W 5 k L D M 3 f S Z x d W 9 0 O y w m c X V v d D t T Z W N 0 a W 9 u M S 9 D b 3 V u d H J 5 U n V s Z X M v Q 2 h h b m d l Z C B U e X B l M S 5 7 U G V y d S w z O H 0 m c X V v d D s s J n F 1 b 3 Q 7 U 2 V j d G l v b j E v Q 2 9 1 b n R y e V J 1 b G V z L 0 N o Y W 5 n Z W Q g V H l w Z T E u e 1 B o a W x p c H B p b m V z L D M 5 f S Z x d W 9 0 O y w m c X V v d D t T Z W N 0 a W 9 u M S 9 D b 3 V u d H J 5 U n V s Z X M v Q 2 h h b m d l Z C B U e X B l M S 5 7 U G 9 s Y W 5 k L D Q w f S Z x d W 9 0 O y w m c X V v d D t T Z W N 0 a W 9 u M S 9 D b 3 V u d H J 5 U n V s Z X M v Q 2 h h b m d l Z C B U e X B l M S 5 7 U H V l c n R v I F J p Y 2 8 s N D F 9 J n F 1 b 3 Q 7 L C Z x d W 9 0 O 1 N l Y 3 R p b 2 4 x L 0 N v d W 5 0 c n l S d W x l c y 9 D a G F u Z 2 V k I F R 5 c G U x L n t Q b 3 J 0 d W d h b C w 0 M n 0 m c X V v d D s s J n F 1 b 3 Q 7 U 2 V j d G l v b j E v Q 2 9 1 b n R y e V J 1 b G V z L 0 N o Y W 5 n Z W Q g V H l w Z T E u e 1 J v b W F u a W E s N D N 9 J n F 1 b 3 Q 7 L C Z x d W 9 0 O 1 N l Y 3 R p b 2 4 x L 0 N v d W 5 0 c n l S d W x l c y 9 D a G F u Z 2 V k I F R 5 c G U x L n t T Y X V k a S B B c m F i a W E s N D R 9 J n F 1 b 3 Q 7 L C Z x d W 9 0 O 1 N l Y 3 R p b 2 4 x L 0 N v d W 5 0 c n l S d W x l c y 9 D a G F u Z 2 V k I F R 5 c G U x L n t T a W 5 n Y X B v c m U s N D V 9 J n F 1 b 3 Q 7 L C Z x d W 9 0 O 1 N l Y 3 R p b 2 4 x L 0 N v d W 5 0 c n l S d W x l c y 9 D a G F u Z 2 V k I F R 5 c G U x L n t T b G 9 2 Y W t p Y S w 0 N n 0 m c X V v d D s s J n F 1 b 3 Q 7 U 2 V j d G l v b j E v Q 2 9 1 b n R y e V J 1 b G V z L 0 N o Y W 5 n Z W Q g V H l w Z T E u e 1 N 3 Z W R l b i w 0 N 3 0 m c X V v d D s s J n F 1 b 3 Q 7 U 2 V j d G l v b j E v Q 2 9 1 b n R y e V J 1 b G V z L 0 N o Y W 5 n Z W Q g V H l w Z T E u e 1 V u a X R l Z C B T d G F 0 Z X M s N D h 9 J n F 1 b 3 Q 7 L C Z x d W 9 0 O 1 N l Y 3 R p b 2 4 x L 0 N v d W 5 0 c n l S d W x l c y 9 D a G F u Z 2 V k I F R 5 c G U x L n t W Z W 5 l e n V l b G E s N D l 9 J n F 1 b 3 Q 7 L C Z x d W 9 0 O 1 N l Y 3 R p b 2 4 x L 0 N v d W 5 0 c n l S d W x l c y 9 D a G F u Z 2 V k I F R 5 c G U x L n t T b 3 V 0 a C B B Z n J p Y 2 E s N T B 9 J n F 1 b 3 Q 7 X S w m c X V v d D t S Z W x h d G l v b n N o a X B J b m Z v J n F 1 b 3 Q 7 O l t d f S I g L z 4 8 R W 5 0 c n k g V H l w Z T 0 i R m l s b F N 0 Y X R 1 c y I g V m F s d W U 9 I n N D b 2 1 w b G V 0 Z S I g L z 4 8 R W 5 0 c n k g V H l w Z T 0 i R m l s b E N v b H V t b k 5 h b W V z I i B W Y W x 1 Z T 0 i c 1 s m c X V v d D t J b n Z v a W N l I F J 1 b G V z J n F 1 b 3 Q 7 L C Z x d W 9 0 O 0 F y Z 2 V u d G l u Y S Z x d W 9 0 O y w m c X V v d D t B d X N 0 c m F s a W E m c X V v d D s s J n F 1 b 3 Q 7 Q X V z d H J p Y S Z x d W 9 0 O y w m c X V v d D t C Z W x n a X V t J n F 1 b 3 Q 7 L C Z x d W 9 0 O 0 J y Y X p p b C Z x d W 9 0 O y w m c X V v d D t D Y W 5 h Z G E m c X V v d D s s J n F 1 b 3 Q 7 U 3 d p d H p l c m x h b m Q m c X V v d D s s J n F 1 b 3 Q 7 Q 2 h p b G U m c X V v d D s s J n F 1 b 3 Q 7 Q 2 h p b m E m c X V v d D s s J n F 1 b 3 Q 7 Q 2 9 s b 2 1 i a W E m c X V v d D s s J n F 1 b 3 Q 7 Q 2 9 z d G E g U m l j Y S Z x d W 9 0 O y w m c X V v d D t D e m V j a C B S Z X B 1 Y m x p Y y Z x d W 9 0 O y w m c X V v d D t H Z X J t Y W 5 5 J n F 1 b 3 Q 7 L C Z x d W 9 0 O 0 R l b m 1 h c m s m c X V v d D s s J n F 1 b 3 Q 7 Q W x n Z X J p Y S Z x d W 9 0 O y w m c X V v d D t F Y 3 V h Z G 9 y J n F 1 b 3 Q 7 L C Z x d W 9 0 O 0 V n e X B 0 J n F 1 b 3 Q 7 L C Z x d W 9 0 O 1 N w Y W l u J n F 1 b 3 Q 7 L C Z x d W 9 0 O 0 Z p b m x h b m Q m c X V v d D s s J n F 1 b 3 Q 7 R n J h b m N l J n F 1 b 3 Q 7 L C Z x d W 9 0 O 1 V u a X R l Z C B L a W 5 n Z G 9 t J n F 1 b 3 Q 7 L C Z x d W 9 0 O 0 h v b m c g S 2 9 u Z y Z x d W 9 0 O y w m c X V v d D t I d W 5 n Y X J 5 J n F 1 b 3 Q 7 L C Z x d W 9 0 O 0 l u Z G 9 u Z X N p Y S Z x d W 9 0 O y w m c X V v d D t J b m R p Y S Z x d W 9 0 O y w m c X V v d D t J c m V s Y W 5 k J n F 1 b 3 Q 7 L C Z x d W 9 0 O 0 l 0 Y W x 5 J n F 1 b 3 Q 7 L C Z x d W 9 0 O 0 p h c G F u J n F 1 b 3 Q 7 L C Z x d W 9 0 O 1 J l c H V i b G l j I G 9 m I E t v c m V h J n F 1 b 3 Q 7 L C Z x d W 9 0 O 0 x 1 e G V t Y m 9 1 c m c m c X V v d D s s J n F 1 b 3 Q 7 T W 9 y b 2 N j b y Z x d W 9 0 O y w m c X V v d D t N Z X h p Y 2 8 m c X V v d D s s J n F 1 b 3 Q 7 T W F s Y X l z a W E m c X V v d D s s J n F 1 b 3 Q 7 T m l n Z X J p Y S Z x d W 9 0 O y w m c X V v d D t O Z X R o Z X J s Y W 5 k c y Z x d W 9 0 O y w m c X V v d D t O b 3 J 3 Y X k m c X V v d D s s J n F 1 b 3 Q 7 T m V 3 I F p l Y W x h b m Q m c X V v d D s s J n F 1 b 3 Q 7 U G V y d S Z x d W 9 0 O y w m c X V v d D t Q a G l s a X B w a W 5 l c y Z x d W 9 0 O y w m c X V v d D t Q b 2 x h b m Q m c X V v d D s s J n F 1 b 3 Q 7 U H V l c n R v I F J p Y 2 8 m c X V v d D s s J n F 1 b 3 Q 7 U G 9 y d H V n Y W w m c X V v d D s s J n F 1 b 3 Q 7 U m 9 t Y W 5 p Y S Z x d W 9 0 O y w m c X V v d D t T Y X V k a S B B c m F i a W E m c X V v d D s s J n F 1 b 3 Q 7 U 2 l u Z 2 F w b 3 J l J n F 1 b 3 Q 7 L C Z x d W 9 0 O 1 N s b 3 Z h a 2 l h J n F 1 b 3 Q 7 L C Z x d W 9 0 O 1 N 3 Z W R l b i Z x d W 9 0 O y w m c X V v d D t V b m l 0 Z W Q g U 3 R h d G V z J n F 1 b 3 Q 7 L C Z x d W 9 0 O 1 Z l b m V 6 d W V s Y S Z x d W 9 0 O y w m c X V v d D t T b 3 V 0 a C B B Z n J p Y 2 E m c X V v d D t d I i A v P j x F b n R y e S B U e X B l P S J G a W x s Q 2 9 s d W 1 u V H l w Z X M i I F Z h b H V l P S J z Q m d Z R 0 J n W U d C Z 1 l H Q m d Z R 0 J n W U d C Z 1 l H Q m d Z R 0 J n W U d C Z 1 l H Q m d Z R 0 J n W U d C Z 1 l H Q m d Z R 0 J n W U d C Z 1 l H Q m d Z R 0 J n W U c i I C 8 + P E V u d H J 5 I F R 5 c G U 9 I k Z p b G x M Y X N 0 V X B k Y X R l Z C I g V m F s d W U 9 I m Q y M D I w L T E w L T I 4 V D I x O j M z O j Q 4 L j E 1 M z Q x N z l a I i A v P j x F b n R y e S B U e X B l P S J G a W x s R X J y b 3 J D b 3 V u d C I g V m F s d W U 9 I m w w I i A v P j x F b n R y e S B U e X B l P S J G a W x s R X J y b 3 J D b 2 R l I i B W Y W x 1 Z T 0 i c 1 V u a 2 5 v d 2 4 i I C 8 + P E V u d H J 5 I F R 5 c G U 9 I k Z p b G x D b 3 V u d C I g V m F s d W U 9 I m w 1 O S I g L z 4 8 R W 5 0 c n k g V H l w Z T 0 i Q W R k Z W R U b 0 R h d G F N b 2 R l b C I g V m F s d W U 9 I m w w I i A v P j w v U 3 R h Y m x l R W 5 0 c m l l c z 4 8 L 0 l 0 Z W 0 + P E l 0 Z W 0 + P E l 0 Z W 1 M b 2 N h d G l v b j 4 8 S X R l b V R 5 c G U + R m 9 y b X V s Y T w v S X R l b V R 5 c G U + P E l 0 Z W 1 Q Y X R o P l N l Y 3 R p b 2 4 x L 0 N v d W 5 0 c n l S d W x l c y 9 T b 3 V y Y 2 U 8 L 0 l 0 Z W 1 Q Y X R o P j w v S X R l b U x v Y 2 F 0 a W 9 u P j x T d G F i b G V F b n R y a W V z I C 8 + P C 9 J d G V t P j x J d G V t P j x J d G V t T G 9 j Y X R p b 2 4 + P E l 0 Z W 1 U e X B l P k Z v c m 1 1 b G E 8 L 0 l 0 Z W 1 U e X B l P j x J d G V t U G F 0 a D 5 T Z W N 0 a W 9 u M S 9 D b 3 V u d H J 5 U n V s Z X M v Q 2 h h b m d l J T I w V H l w Z T w v S X R l b V B h d G g + P C 9 J d G V t T G 9 j Y X R p b 2 4 + P F N 0 Y W J s Z U V u d H J p Z X M g L z 4 8 L 0 l 0 Z W 0 + P E l 0 Z W 0 + P E l 0 Z W 1 M b 2 N h d G l v b j 4 8 S X R l b V R 5 c G U + R m 9 y b X V s Y T w v S X R l b V R 5 c G U + P E l 0 Z W 1 Q Y X R o P l N l Y 3 R p b 2 4 x L 0 N v d W 5 0 c n l S d W x l c y 9 Q c m 9 t b 3 R l Z C U y M E h l Y W R l c n M 8 L 0 l 0 Z W 1 Q Y X R o P j w v S X R l b U x v Y 2 F 0 a W 9 u P j x T d G F i b G V F b n R y a W V z I C 8 + P C 9 J d G V t P j x J d G V t P j x J d G V t T G 9 j Y X R p b 2 4 + P E l 0 Z W 1 U e X B l P k Z v c m 1 1 b G E 8 L 0 l 0 Z W 1 U e X B l P j x J d G V t U G F 0 a D 5 T Z W N 0 a W 9 u M S 9 D b 3 V u d H J 5 U n V s Z X M v Q 2 h h b m d l Z C U y M F R 5 c G U 8 L 0 l 0 Z W 1 Q Y X R o P j w v S X R l b U x v Y 2 F 0 a W 9 u P j x T d G F i b G V F b n R y a W V z I C 8 + P C 9 J d G V t P j x J d G V t P j x J d G V t T G 9 j Y X R p b 2 4 + P E l 0 Z W 1 U e X B l P k Z v c m 1 1 b G E 8 L 0 l 0 Z W 1 U e X B l P j x J d G V t U G F 0 a D 5 T Z W N 0 a W 9 u M S 9 D b 3 V u d H J 5 U n V s Z X M v U H J v b W 9 0 Z W Q l M j B I Z W F k Z X J z M T w v S X R l b V B h d G g + P C 9 J d G V t T G 9 j Y X R p b 2 4 + P F N 0 Y W J s Z U V u d H J p Z X M g L z 4 8 L 0 l 0 Z W 0 + P E l 0 Z W 0 + P E l 0 Z W 1 M b 2 N h d G l v b j 4 8 S X R l b V R 5 c G U + R m 9 y b X V s Y T w v S X R l b V R 5 c G U + P E l 0 Z W 1 Q Y X R o P l N l Y 3 R p b 2 4 x L 0 N v d W 5 0 c n l S d W x l c y 9 D a G F u Z 2 V k J T I w V H l w Z T E 8 L 0 l 0 Z W 1 Q Y X R o P j w v S X R l b U x v Y 2 F 0 a W 9 u P j x T d G F i b G V F b n R y a W V z I C 8 + P C 9 J d G V t P j x J d G V t P j x J d G V t T G 9 j Y X R p b 2 4 + P E l 0 Z W 1 U e X B l P k Z v c m 1 1 b G E 8 L 0 l 0 Z W 1 U e X B l P j x J d G V t U G F 0 a D 5 T Z W N 0 a W 9 u M S 9 D b 3 V u d H J 5 U n V s Z X M l M j B U Z X N 0 P C 9 J d G V t U G F 0 a D 4 8 L 0 l 0 Z W 1 M b 2 N h d G l v b j 4 8 U 3 R h Y m x l R W 5 0 c m l l c z 4 8 R W 5 0 c n k g V H l w Z T 0 i S X N Q c m l 2 Y X R l I i B W Y W x 1 Z T 0 i b D A i I C 8 + P E V u d H J 5 I F R 5 c G U 9 I k Z p b G x F b m F i b G V k I i B W Y W x 1 Z T 0 i b D E i I C 8 + P E V u d H J 5 I F R 5 c G U 9 I k Z p b G x P Y m p l Y 3 R U e X B l I i B W Y W x 1 Z T 0 i c 1 R h Y m x l I i A v P j x F b n R y e S B U e X B l P S J G a W x s V G 9 E Y X R h T W 9 k Z W x F b m F i b G V k I i B W Y W x 1 Z T 0 i b D A i I C 8 + P E V u d H J 5 I F R 5 c G U 9 I k J 1 Z m Z l c k 5 l e H R S Z W Z y Z X N o I i B W Y W x 1 Z T 0 i b D E i I C 8 + P E V u d H J 5 I F R 5 c G U 9 I l J l c 3 V s d F R 5 c G U i I F Z h b H V l P S J z V G F i b G U i I C 8 + P E V u d H J 5 I F R 5 c G U 9 I k 5 h b W V V c G R h d G V k Q W Z 0 Z X J G a W x s I i B W Y W x 1 Z T 0 i b D A i I C 8 + P E V u d H J 5 I F R 5 c G U 9 I k 5 h d m l n Y X R p b 2 5 T d G V w T m F t Z S I g V m F s d W U 9 I n N O Y X Z p Z 2 F 0 a W 9 u I i A v P j x F b n R y e S B U e X B l P S J G a W x s V G F y Z 2 V 0 I i B W Y W x 1 Z T 0 i c 0 N v d W 5 0 c n l S d W x l c 1 9 U Z X N 0 I i A v P j x F b n R y e S B U e X B l P S J G a W x s Z W R D b 2 1 w b G V 0 Z V J l c 3 V s d F R v V 2 9 y a 3 N o Z W V 0 I i B W Y W x 1 Z T 0 i b D E i I C 8 + P E V u d H J 5 I F R 5 c G U 9 I l J l b G F 0 a W 9 u c 2 h p c E l u Z m 9 D b 2 5 0 Y W l u Z X I i I F Z h b H V l P S J z e y Z x d W 9 0 O 2 N v b H V t b k N v d W 5 0 J n F 1 b 3 Q 7 O j U x L C Z x d W 9 0 O 2 t l e U N v b H V t b k 5 h b W V z J n F 1 b 3 Q 7 O l t d L C Z x d W 9 0 O 3 F 1 Z X J 5 U m V s Y X R p b 2 5 z a G l w c y Z x d W 9 0 O z p b X S w m c X V v d D t j b 2 x 1 b W 5 J Z G V u d G l 0 a W V z J n F 1 b 3 Q 7 O l s m c X V v d D t T Z W N 0 a W 9 u M S 9 D b 3 V u d H J 5 U n V s Z X M g V G V z d C 9 D a G F u Z 2 V k I F R 5 c G U y L n t J b n Z v a W N l I F J 1 b G V z L D B 9 J n F 1 b 3 Q 7 L C Z x d W 9 0 O 1 N l Y 3 R p b 2 4 x L 0 N v d W 5 0 c n l S d W x l c y B U Z X N 0 L 0 N o Y W 5 n Z W Q g V H l w Z T I u e 0 F y Z 2 V u d G l u Y S w x f S Z x d W 9 0 O y w m c X V v d D t T Z W N 0 a W 9 u M S 9 D b 3 V u d H J 5 U n V s Z X M g V G V z d C 9 D a G F u Z 2 V k I F R 5 c G U y L n t B d X N 0 c m F s a W E s M n 0 m c X V v d D s s J n F 1 b 3 Q 7 U 2 V j d G l v b j E v Q 2 9 1 b n R y e V J 1 b G V z I F R l c 3 Q v Q 2 h h b m d l Z C B U e X B l M i 5 7 Q X V z d H J p Y S w z f S Z x d W 9 0 O y w m c X V v d D t T Z W N 0 a W 9 u M S 9 D b 3 V u d H J 5 U n V s Z X M g V G V z d C 9 D a G F u Z 2 V k I F R 5 c G U y L n t C Z W x n a X V t L D R 9 J n F 1 b 3 Q 7 L C Z x d W 9 0 O 1 N l Y 3 R p b 2 4 x L 0 N v d W 5 0 c n l S d W x l c y B U Z X N 0 L 0 N o Y W 5 n Z W Q g V H l w Z T I u e 0 J y Y X p p b C w 1 f S Z x d W 9 0 O y w m c X V v d D t T Z W N 0 a W 9 u M S 9 D b 3 V u d H J 5 U n V s Z X M g V G V z d C 9 D a G F u Z 2 V k I F R 5 c G U y L n t D Y W 5 h Z G E s N n 0 m c X V v d D s s J n F 1 b 3 Q 7 U 2 V j d G l v b j E v Q 2 9 1 b n R y e V J 1 b G V z I F R l c 3 Q v Q 2 h h b m d l Z C B U e X B l M i 5 7 U 3 d p d H p l c m x h b m Q s N 3 0 m c X V v d D s s J n F 1 b 3 Q 7 U 2 V j d G l v b j E v Q 2 9 1 b n R y e V J 1 b G V z I F R l c 3 Q v Q 2 h h b m d l Z C B U e X B l M i 5 7 Q 2 h p b G U s O H 0 m c X V v d D s s J n F 1 b 3 Q 7 U 2 V j d G l v b j E v Q 2 9 1 b n R y e V J 1 b G V z I F R l c 3 Q v Q 2 h h b m d l Z C B U e X B l M i 5 7 Q 2 h p b m E s O X 0 m c X V v d D s s J n F 1 b 3 Q 7 U 2 V j d G l v b j E v Q 2 9 1 b n R y e V J 1 b G V z I F R l c 3 Q v Q 2 h h b m d l Z C B U e X B l M i 5 7 Q 2 9 s b 2 1 i a W E s M T B 9 J n F 1 b 3 Q 7 L C Z x d W 9 0 O 1 N l Y 3 R p b 2 4 x L 0 N v d W 5 0 c n l S d W x l c y B U Z X N 0 L 0 N o Y W 5 n Z W Q g V H l w Z T I u e 0 N v c 3 R h I F J p Y 2 E s M T F 9 J n F 1 b 3 Q 7 L C Z x d W 9 0 O 1 N l Y 3 R p b 2 4 x L 0 N v d W 5 0 c n l S d W x l c y B U Z X N 0 L 0 N o Y W 5 n Z W Q g V H l w Z T I u e 0 N 6 Z W N o I F J l c H V i b G l j L D E y f S Z x d W 9 0 O y w m c X V v d D t T Z W N 0 a W 9 u M S 9 D b 3 V u d H J 5 U n V s Z X M g V G V z d C 9 D a G F u Z 2 V k I F R 5 c G U y L n t H Z X J t Y W 5 5 L D E z f S Z x d W 9 0 O y w m c X V v d D t T Z W N 0 a W 9 u M S 9 D b 3 V u d H J 5 U n V s Z X M g V G V z d C 9 D a G F u Z 2 V k I F R 5 c G U y L n t E Z W 5 t Y X J r L D E 0 f S Z x d W 9 0 O y w m c X V v d D t T Z W N 0 a W 9 u M S 9 D b 3 V u d H J 5 U n V s Z X M g V G V z d C 9 D a G F u Z 2 V k I F R 5 c G U y L n t B b G d l c m l h L D E 1 f S Z x d W 9 0 O y w m c X V v d D t T Z W N 0 a W 9 u M S 9 D b 3 V u d H J 5 U n V s Z X M g V G V z d C 9 D a G F u Z 2 V k I F R 5 c G U y L n t F Y 3 V h Z G 9 y L D E 2 f S Z x d W 9 0 O y w m c X V v d D t T Z W N 0 a W 9 u M S 9 D b 3 V u d H J 5 U n V s Z X M g V G V z d C 9 D a G F u Z 2 V k I F R 5 c G U y L n t F Z 3 l w d C w x N 3 0 m c X V v d D s s J n F 1 b 3 Q 7 U 2 V j d G l v b j E v Q 2 9 1 b n R y e V J 1 b G V z I F R l c 3 Q v Q 2 h h b m d l Z C B U e X B l M i 5 7 U 3 B h a W 4 s M T h 9 J n F 1 b 3 Q 7 L C Z x d W 9 0 O 1 N l Y 3 R p b 2 4 x L 0 N v d W 5 0 c n l S d W x l c y B U Z X N 0 L 0 N o Y W 5 n Z W Q g V H l w Z T I u e 0 Z p b m x h b m Q s M T l 9 J n F 1 b 3 Q 7 L C Z x d W 9 0 O 1 N l Y 3 R p b 2 4 x L 0 N v d W 5 0 c n l S d W x l c y B U Z X N 0 L 0 N o Y W 5 n Z W Q g V H l w Z T I u e 0 Z y Y W 5 j Z S w y M H 0 m c X V v d D s s J n F 1 b 3 Q 7 U 2 V j d G l v b j E v Q 2 9 1 b n R y e V J 1 b G V z I F R l c 3 Q v Q 2 h h b m d l Z C B U e X B l M i 5 7 V W 5 p d G V k I E t p b m d k b 2 0 s M j F 9 J n F 1 b 3 Q 7 L C Z x d W 9 0 O 1 N l Y 3 R p b 2 4 x L 0 N v d W 5 0 c n l S d W x l c y B U Z X N 0 L 0 N o Y W 5 n Z W Q g V H l w Z T I u e 0 h v b m c g S 2 9 u Z y w y M n 0 m c X V v d D s s J n F 1 b 3 Q 7 U 2 V j d G l v b j E v Q 2 9 1 b n R y e V J 1 b G V z I F R l c 3 Q v Q 2 h h b m d l Z C B U e X B l M i 5 7 S H V u Z 2 F y e S w y M 3 0 m c X V v d D s s J n F 1 b 3 Q 7 U 2 V j d G l v b j E v Q 2 9 1 b n R y e V J 1 b G V z I F R l c 3 Q v Q 2 h h b m d l Z C B U e X B l M i 5 7 S W 5 k b 2 5 l c 2 l h L D I 0 f S Z x d W 9 0 O y w m c X V v d D t T Z W N 0 a W 9 u M S 9 D b 3 V u d H J 5 U n V s Z X M g V G V z d C 9 D a G F u Z 2 V k I F R 5 c G U y L n t J b m R p Y S w y N X 0 m c X V v d D s s J n F 1 b 3 Q 7 U 2 V j d G l v b j E v Q 2 9 1 b n R y e V J 1 b G V z I F R l c 3 Q v Q 2 h h b m d l Z C B U e X B l M i 5 7 S X J l b G F u Z C w y N n 0 m c X V v d D s s J n F 1 b 3 Q 7 U 2 V j d G l v b j E v Q 2 9 1 b n R y e V J 1 b G V z I F R l c 3 Q v Q 2 h h b m d l Z C B U e X B l M i 5 7 S X R h b H k s M j d 9 J n F 1 b 3 Q 7 L C Z x d W 9 0 O 1 N l Y 3 R p b 2 4 x L 0 N v d W 5 0 c n l S d W x l c y B U Z X N 0 L 0 N o Y W 5 n Z W Q g V H l w Z T I u e 0 p h c G F u L D I 4 f S Z x d W 9 0 O y w m c X V v d D t T Z W N 0 a W 9 u M S 9 D b 3 V u d H J 5 U n V s Z X M g V G V z d C 9 D a G F u Z 2 V k I F R 5 c G U y L n t S Z X B 1 Y m x p Y y B v Z i B L b 3 J l Y S w y O X 0 m c X V v d D s s J n F 1 b 3 Q 7 U 2 V j d G l v b j E v Q 2 9 1 b n R y e V J 1 b G V z I F R l c 3 Q v Q 2 h h b m d l Z C B U e X B l M i 5 7 T H V 4 Z W 1 i b 3 V y Z y w z M H 0 m c X V v d D s s J n F 1 b 3 Q 7 U 2 V j d G l v b j E v Q 2 9 1 b n R y e V J 1 b G V z I F R l c 3 Q v Q 2 h h b m d l Z C B U e X B l M i 5 7 T W 9 y b 2 N j b y w z M X 0 m c X V v d D s s J n F 1 b 3 Q 7 U 2 V j d G l v b j E v Q 2 9 1 b n R y e V J 1 b G V z I F R l c 3 Q v Q 2 h h b m d l Z C B U e X B l M i 5 7 T W V 4 a W N v L D M y f S Z x d W 9 0 O y w m c X V v d D t T Z W N 0 a W 9 u M S 9 D b 3 V u d H J 5 U n V s Z X M g V G V z d C 9 D a G F u Z 2 V k I F R 5 c G U y L n t N Y W x h e X N p Y S w z M 3 0 m c X V v d D s s J n F 1 b 3 Q 7 U 2 V j d G l v b j E v Q 2 9 1 b n R y e V J 1 b G V z I F R l c 3 Q v Q 2 h h b m d l Z C B U e X B l M i 5 7 T m l n Z X J p Y S w z N H 0 m c X V v d D s s J n F 1 b 3 Q 7 U 2 V j d G l v b j E v Q 2 9 1 b n R y e V J 1 b G V z I F R l c 3 Q v Q 2 h h b m d l Z C B U e X B l M i 5 7 T m V 0 a G V y b G F u Z H M s M z V 9 J n F 1 b 3 Q 7 L C Z x d W 9 0 O 1 N l Y 3 R p b 2 4 x L 0 N v d W 5 0 c n l S d W x l c y B U Z X N 0 L 0 N o Y W 5 n Z W Q g V H l w Z T I u e 0 5 v c n d h e S w z N n 0 m c X V v d D s s J n F 1 b 3 Q 7 U 2 V j d G l v b j E v Q 2 9 1 b n R y e V J 1 b G V z I F R l c 3 Q v Q 2 h h b m d l Z C B U e X B l M i 5 7 T m V 3 I F p l Y W x h b m Q s M z d 9 J n F 1 b 3 Q 7 L C Z x d W 9 0 O 1 N l Y 3 R p b 2 4 x L 0 N v d W 5 0 c n l S d W x l c y B U Z X N 0 L 0 N o Y W 5 n Z W Q g V H l w Z T I u e 1 B l c n U s M z h 9 J n F 1 b 3 Q 7 L C Z x d W 9 0 O 1 N l Y 3 R p b 2 4 x L 0 N v d W 5 0 c n l S d W x l c y B U Z X N 0 L 0 N o Y W 5 n Z W Q g V H l w Z T I u e 1 B o a W x p c H B p b m V z L D M 5 f S Z x d W 9 0 O y w m c X V v d D t T Z W N 0 a W 9 u M S 9 D b 3 V u d H J 5 U n V s Z X M g V G V z d C 9 D a G F u Z 2 V k I F R 5 c G U y L n t Q b 2 x h b m Q s N D B 9 J n F 1 b 3 Q 7 L C Z x d W 9 0 O 1 N l Y 3 R p b 2 4 x L 0 N v d W 5 0 c n l S d W x l c y B U Z X N 0 L 0 N o Y W 5 n Z W Q g V H l w Z T I u e 1 B 1 Z X J 0 b y B S a W N v L D Q x f S Z x d W 9 0 O y w m c X V v d D t T Z W N 0 a W 9 u M S 9 D b 3 V u d H J 5 U n V s Z X M g V G V z d C 9 D a G F u Z 2 V k I F R 5 c G U y L n t Q b 3 J 0 d W d h b C w 0 M n 0 m c X V v d D s s J n F 1 b 3 Q 7 U 2 V j d G l v b j E v Q 2 9 1 b n R y e V J 1 b G V z I F R l c 3 Q v Q 2 h h b m d l Z C B U e X B l M i 5 7 U m 9 t Y W 5 p Y S w 0 M 3 0 m c X V v d D s s J n F 1 b 3 Q 7 U 2 V j d G l v b j E v Q 2 9 1 b n R y e V J 1 b G V z I F R l c 3 Q v Q 2 h h b m d l Z C B U e X B l M i 5 7 U 2 F 1 Z G k g Q X J h Y m l h L D Q 0 f S Z x d W 9 0 O y w m c X V v d D t T Z W N 0 a W 9 u M S 9 D b 3 V u d H J 5 U n V s Z X M g V G V z d C 9 D a G F u Z 2 V k I F R 5 c G U y L n t T a W 5 n Y X B v c m U s N D V 9 J n F 1 b 3 Q 7 L C Z x d W 9 0 O 1 N l Y 3 R p b 2 4 x L 0 N v d W 5 0 c n l S d W x l c y B U Z X N 0 L 0 N o Y W 5 n Z W Q g V H l w Z T I u e 1 N s b 3 Z h a 2 l h L D Q 2 f S Z x d W 9 0 O y w m c X V v d D t T Z W N 0 a W 9 u M S 9 D b 3 V u d H J 5 U n V s Z X M g V G V z d C 9 D a G F u Z 2 V k I F R 5 c G U y L n t T d 2 V k Z W 4 s N D d 9 J n F 1 b 3 Q 7 L C Z x d W 9 0 O 1 N l Y 3 R p b 2 4 x L 0 N v d W 5 0 c n l S d W x l c y B U Z X N 0 L 0 N o Y W 5 n Z W Q g V H l w Z T I u e 1 V u a X R l Z C B T d G F 0 Z X M s N D h 9 J n F 1 b 3 Q 7 L C Z x d W 9 0 O 1 N l Y 3 R p b 2 4 x L 0 N v d W 5 0 c n l S d W x l c y B U Z X N 0 L 0 N o Y W 5 n Z W Q g V H l w Z T I u e 1 Z l b m V 6 d W V s Y S w 0 O X 0 m c X V v d D s s J n F 1 b 3 Q 7 U 2 V j d G l v b j E v Q 2 9 1 b n R y e V J 1 b G V z I F R l c 3 Q v Q 2 h h b m d l Z C B U e X B l M i 5 7 U 2 9 1 d G g g Q W Z y a W N h L D U w f S Z x d W 9 0 O 1 0 s J n F 1 b 3 Q 7 Q 2 9 s d W 1 u Q 2 9 1 b n Q m c X V v d D s 6 N T E s J n F 1 b 3 Q 7 S 2 V 5 Q 2 9 s d W 1 u T m F t Z X M m c X V v d D s 6 W 1 0 s J n F 1 b 3 Q 7 Q 2 9 s d W 1 u S W R l b n R p d G l l c y Z x d W 9 0 O z p b J n F 1 b 3 Q 7 U 2 V j d G l v b j E v Q 2 9 1 b n R y e V J 1 b G V z I F R l c 3 Q v Q 2 h h b m d l Z C B U e X B l M i 5 7 S W 5 2 b 2 l j Z S B S d W x l c y w w f S Z x d W 9 0 O y w m c X V v d D t T Z W N 0 a W 9 u M S 9 D b 3 V u d H J 5 U n V s Z X M g V G V z d C 9 D a G F u Z 2 V k I F R 5 c G U y L n t B c m d l b n R p b m E s M X 0 m c X V v d D s s J n F 1 b 3 Q 7 U 2 V j d G l v b j E v Q 2 9 1 b n R y e V J 1 b G V z I F R l c 3 Q v Q 2 h h b m d l Z C B U e X B l M i 5 7 Q X V z d H J h b G l h L D J 9 J n F 1 b 3 Q 7 L C Z x d W 9 0 O 1 N l Y 3 R p b 2 4 x L 0 N v d W 5 0 c n l S d W x l c y B U Z X N 0 L 0 N o Y W 5 n Z W Q g V H l w Z T I u e 0 F 1 c 3 R y a W E s M 3 0 m c X V v d D s s J n F 1 b 3 Q 7 U 2 V j d G l v b j E v Q 2 9 1 b n R y e V J 1 b G V z I F R l c 3 Q v Q 2 h h b m d l Z C B U e X B l M i 5 7 Q m V s Z 2 l 1 b S w 0 f S Z x d W 9 0 O y w m c X V v d D t T Z W N 0 a W 9 u M S 9 D b 3 V u d H J 5 U n V s Z X M g V G V z d C 9 D a G F u Z 2 V k I F R 5 c G U y L n t C c m F 6 a W w s N X 0 m c X V v d D s s J n F 1 b 3 Q 7 U 2 V j d G l v b j E v Q 2 9 1 b n R y e V J 1 b G V z I F R l c 3 Q v Q 2 h h b m d l Z C B U e X B l M i 5 7 Q 2 F u Y W R h L D Z 9 J n F 1 b 3 Q 7 L C Z x d W 9 0 O 1 N l Y 3 R p b 2 4 x L 0 N v d W 5 0 c n l S d W x l c y B U Z X N 0 L 0 N o Y W 5 n Z W Q g V H l w Z T I u e 1 N 3 a X R 6 Z X J s Y W 5 k L D d 9 J n F 1 b 3 Q 7 L C Z x d W 9 0 O 1 N l Y 3 R p b 2 4 x L 0 N v d W 5 0 c n l S d W x l c y B U Z X N 0 L 0 N o Y W 5 n Z W Q g V H l w Z T I u e 0 N o a W x l L D h 9 J n F 1 b 3 Q 7 L C Z x d W 9 0 O 1 N l Y 3 R p b 2 4 x L 0 N v d W 5 0 c n l S d W x l c y B U Z X N 0 L 0 N o Y W 5 n Z W Q g V H l w Z T I u e 0 N o a W 5 h L D l 9 J n F 1 b 3 Q 7 L C Z x d W 9 0 O 1 N l Y 3 R p b 2 4 x L 0 N v d W 5 0 c n l S d W x l c y B U Z X N 0 L 0 N o Y W 5 n Z W Q g V H l w Z T I u e 0 N v b G 9 t Y m l h L D E w f S Z x d W 9 0 O y w m c X V v d D t T Z W N 0 a W 9 u M S 9 D b 3 V u d H J 5 U n V s Z X M g V G V z d C 9 D a G F u Z 2 V k I F R 5 c G U y L n t D b 3 N 0 Y S B S a W N h L D E x f S Z x d W 9 0 O y w m c X V v d D t T Z W N 0 a W 9 u M S 9 D b 3 V u d H J 5 U n V s Z X M g V G V z d C 9 D a G F u Z 2 V k I F R 5 c G U y L n t D e m V j a C B S Z X B 1 Y m x p Y y w x M n 0 m c X V v d D s s J n F 1 b 3 Q 7 U 2 V j d G l v b j E v Q 2 9 1 b n R y e V J 1 b G V z I F R l c 3 Q v Q 2 h h b m d l Z C B U e X B l M i 5 7 R 2 V y b W F u e S w x M 3 0 m c X V v d D s s J n F 1 b 3 Q 7 U 2 V j d G l v b j E v Q 2 9 1 b n R y e V J 1 b G V z I F R l c 3 Q v Q 2 h h b m d l Z C B U e X B l M i 5 7 R G V u b W F y a y w x N H 0 m c X V v d D s s J n F 1 b 3 Q 7 U 2 V j d G l v b j E v Q 2 9 1 b n R y e V J 1 b G V z I F R l c 3 Q v Q 2 h h b m d l Z C B U e X B l M i 5 7 Q W x n Z X J p Y S w x N X 0 m c X V v d D s s J n F 1 b 3 Q 7 U 2 V j d G l v b j E v Q 2 9 1 b n R y e V J 1 b G V z I F R l c 3 Q v Q 2 h h b m d l Z C B U e X B l M i 5 7 R W N 1 Y W R v c i w x N n 0 m c X V v d D s s J n F 1 b 3 Q 7 U 2 V j d G l v b j E v Q 2 9 1 b n R y e V J 1 b G V z I F R l c 3 Q v Q 2 h h b m d l Z C B U e X B l M i 5 7 R W d 5 c H Q s M T d 9 J n F 1 b 3 Q 7 L C Z x d W 9 0 O 1 N l Y 3 R p b 2 4 x L 0 N v d W 5 0 c n l S d W x l c y B U Z X N 0 L 0 N o Y W 5 n Z W Q g V H l w Z T I u e 1 N w Y W l u L D E 4 f S Z x d W 9 0 O y w m c X V v d D t T Z W N 0 a W 9 u M S 9 D b 3 V u d H J 5 U n V s Z X M g V G V z d C 9 D a G F u Z 2 V k I F R 5 c G U y L n t G a W 5 s Y W 5 k L D E 5 f S Z x d W 9 0 O y w m c X V v d D t T Z W N 0 a W 9 u M S 9 D b 3 V u d H J 5 U n V s Z X M g V G V z d C 9 D a G F u Z 2 V k I F R 5 c G U y L n t G c m F u Y 2 U s M j B 9 J n F 1 b 3 Q 7 L C Z x d W 9 0 O 1 N l Y 3 R p b 2 4 x L 0 N v d W 5 0 c n l S d W x l c y B U Z X N 0 L 0 N o Y W 5 n Z W Q g V H l w Z T I u e 1 V u a X R l Z C B L a W 5 n Z G 9 t L D I x f S Z x d W 9 0 O y w m c X V v d D t T Z W N 0 a W 9 u M S 9 D b 3 V u d H J 5 U n V s Z X M g V G V z d C 9 D a G F u Z 2 V k I F R 5 c G U y L n t I b 2 5 n I E t v b m c s M j J 9 J n F 1 b 3 Q 7 L C Z x d W 9 0 O 1 N l Y 3 R p b 2 4 x L 0 N v d W 5 0 c n l S d W x l c y B U Z X N 0 L 0 N o Y W 5 n Z W Q g V H l w Z T I u e 0 h 1 b m d h c n k s M j N 9 J n F 1 b 3 Q 7 L C Z x d W 9 0 O 1 N l Y 3 R p b 2 4 x L 0 N v d W 5 0 c n l S d W x l c y B U Z X N 0 L 0 N o Y W 5 n Z W Q g V H l w Z T I u e 0 l u Z G 9 u Z X N p Y S w y N H 0 m c X V v d D s s J n F 1 b 3 Q 7 U 2 V j d G l v b j E v Q 2 9 1 b n R y e V J 1 b G V z I F R l c 3 Q v Q 2 h h b m d l Z C B U e X B l M i 5 7 S W 5 k a W E s M j V 9 J n F 1 b 3 Q 7 L C Z x d W 9 0 O 1 N l Y 3 R p b 2 4 x L 0 N v d W 5 0 c n l S d W x l c y B U Z X N 0 L 0 N o Y W 5 n Z W Q g V H l w Z T I u e 0 l y Z W x h b m Q s M j Z 9 J n F 1 b 3 Q 7 L C Z x d W 9 0 O 1 N l Y 3 R p b 2 4 x L 0 N v d W 5 0 c n l S d W x l c y B U Z X N 0 L 0 N o Y W 5 n Z W Q g V H l w Z T I u e 0 l 0 Y W x 5 L D I 3 f S Z x d W 9 0 O y w m c X V v d D t T Z W N 0 a W 9 u M S 9 D b 3 V u d H J 5 U n V s Z X M g V G V z d C 9 D a G F u Z 2 V k I F R 5 c G U y L n t K Y X B h b i w y O H 0 m c X V v d D s s J n F 1 b 3 Q 7 U 2 V j d G l v b j E v Q 2 9 1 b n R y e V J 1 b G V z I F R l c 3 Q v Q 2 h h b m d l Z C B U e X B l M i 5 7 U m V w d W J s a W M g b 2 Y g S 2 9 y Z W E s M j l 9 J n F 1 b 3 Q 7 L C Z x d W 9 0 O 1 N l Y 3 R p b 2 4 x L 0 N v d W 5 0 c n l S d W x l c y B U Z X N 0 L 0 N o Y W 5 n Z W Q g V H l w Z T I u e 0 x 1 e G V t Y m 9 1 c m c s M z B 9 J n F 1 b 3 Q 7 L C Z x d W 9 0 O 1 N l Y 3 R p b 2 4 x L 0 N v d W 5 0 c n l S d W x l c y B U Z X N 0 L 0 N o Y W 5 n Z W Q g V H l w Z T I u e 0 1 v c m 9 j Y 2 8 s M z F 9 J n F 1 b 3 Q 7 L C Z x d W 9 0 O 1 N l Y 3 R p b 2 4 x L 0 N v d W 5 0 c n l S d W x l c y B U Z X N 0 L 0 N o Y W 5 n Z W Q g V H l w Z T I u e 0 1 l e G l j b y w z M n 0 m c X V v d D s s J n F 1 b 3 Q 7 U 2 V j d G l v b j E v Q 2 9 1 b n R y e V J 1 b G V z I F R l c 3 Q v Q 2 h h b m d l Z C B U e X B l M i 5 7 T W F s Y X l z a W E s M z N 9 J n F 1 b 3 Q 7 L C Z x d W 9 0 O 1 N l Y 3 R p b 2 4 x L 0 N v d W 5 0 c n l S d W x l c y B U Z X N 0 L 0 N o Y W 5 n Z W Q g V H l w Z T I u e 0 5 p Z 2 V y a W E s M z R 9 J n F 1 b 3 Q 7 L C Z x d W 9 0 O 1 N l Y 3 R p b 2 4 x L 0 N v d W 5 0 c n l S d W x l c y B U Z X N 0 L 0 N o Y W 5 n Z W Q g V H l w Z T I u e 0 5 l d G h l c m x h b m R z L D M 1 f S Z x d W 9 0 O y w m c X V v d D t T Z W N 0 a W 9 u M S 9 D b 3 V u d H J 5 U n V s Z X M g V G V z d C 9 D a G F u Z 2 V k I F R 5 c G U y L n t O b 3 J 3 Y X k s M z Z 9 J n F 1 b 3 Q 7 L C Z x d W 9 0 O 1 N l Y 3 R p b 2 4 x L 0 N v d W 5 0 c n l S d W x l c y B U Z X N 0 L 0 N o Y W 5 n Z W Q g V H l w Z T I u e 0 5 l d y B a Z W F s Y W 5 k L D M 3 f S Z x d W 9 0 O y w m c X V v d D t T Z W N 0 a W 9 u M S 9 D b 3 V u d H J 5 U n V s Z X M g V G V z d C 9 D a G F u Z 2 V k I F R 5 c G U y L n t Q Z X J 1 L D M 4 f S Z x d W 9 0 O y w m c X V v d D t T Z W N 0 a W 9 u M S 9 D b 3 V u d H J 5 U n V s Z X M g V G V z d C 9 D a G F u Z 2 V k I F R 5 c G U y L n t Q a G l s a X B w a W 5 l c y w z O X 0 m c X V v d D s s J n F 1 b 3 Q 7 U 2 V j d G l v b j E v Q 2 9 1 b n R y e V J 1 b G V z I F R l c 3 Q v Q 2 h h b m d l Z C B U e X B l M i 5 7 U G 9 s Y W 5 k L D Q w f S Z x d W 9 0 O y w m c X V v d D t T Z W N 0 a W 9 u M S 9 D b 3 V u d H J 5 U n V s Z X M g V G V z d C 9 D a G F u Z 2 V k I F R 5 c G U y L n t Q d W V y d G 8 g U m l j b y w 0 M X 0 m c X V v d D s s J n F 1 b 3 Q 7 U 2 V j d G l v b j E v Q 2 9 1 b n R y e V J 1 b G V z I F R l c 3 Q v Q 2 h h b m d l Z C B U e X B l M i 5 7 U G 9 y d H V n Y W w s N D J 9 J n F 1 b 3 Q 7 L C Z x d W 9 0 O 1 N l Y 3 R p b 2 4 x L 0 N v d W 5 0 c n l S d W x l c y B U Z X N 0 L 0 N o Y W 5 n Z W Q g V H l w Z T I u e 1 J v b W F u a W E s N D N 9 J n F 1 b 3 Q 7 L C Z x d W 9 0 O 1 N l Y 3 R p b 2 4 x L 0 N v d W 5 0 c n l S d W x l c y B U Z X N 0 L 0 N o Y W 5 n Z W Q g V H l w Z T I u e 1 N h d W R p I E F y Y W J p Y S w 0 N H 0 m c X V v d D s s J n F 1 b 3 Q 7 U 2 V j d G l v b j E v Q 2 9 1 b n R y e V J 1 b G V z I F R l c 3 Q v Q 2 h h b m d l Z C B U e X B l M i 5 7 U 2 l u Z 2 F w b 3 J l L D Q 1 f S Z x d W 9 0 O y w m c X V v d D t T Z W N 0 a W 9 u M S 9 D b 3 V u d H J 5 U n V s Z X M g V G V z d C 9 D a G F u Z 2 V k I F R 5 c G U y L n t T b G 9 2 Y W t p Y S w 0 N n 0 m c X V v d D s s J n F 1 b 3 Q 7 U 2 V j d G l v b j E v Q 2 9 1 b n R y e V J 1 b G V z I F R l c 3 Q v Q 2 h h b m d l Z C B U e X B l M i 5 7 U 3 d l Z G V u L D Q 3 f S Z x d W 9 0 O y w m c X V v d D t T Z W N 0 a W 9 u M S 9 D b 3 V u d H J 5 U n V s Z X M g V G V z d C 9 D a G F u Z 2 V k I F R 5 c G U y L n t V b m l 0 Z W Q g U 3 R h d G V z L D Q 4 f S Z x d W 9 0 O y w m c X V v d D t T Z W N 0 a W 9 u M S 9 D b 3 V u d H J 5 U n V s Z X M g V G V z d C 9 D a G F u Z 2 V k I F R 5 c G U y L n t W Z W 5 l e n V l b G E s N D l 9 J n F 1 b 3 Q 7 L C Z x d W 9 0 O 1 N l Y 3 R p b 2 4 x L 0 N v d W 5 0 c n l S d W x l c y B U Z X N 0 L 0 N o Y W 5 n Z W Q g V H l w Z T I u e 1 N v d X R o I E F m c m l j Y S w 1 M H 0 m c X V v d D t d L C Z x d W 9 0 O 1 J l b G F 0 a W 9 u c 2 h p c E l u Z m 8 m c X V v d D s 6 W 1 1 9 I i A v P j x F b n R y e S B U e X B l P S J G a W x s U 3 R h d H V z I i B W Y W x 1 Z T 0 i c 0 N v b X B s Z X R l I i A v P j x F b n R y e S B U e X B l P S J G a W x s Q 2 9 s d W 1 u T m F t Z X M i I F Z h b H V l P S J z W y Z x d W 9 0 O 0 l u d m 9 p Y 2 U g U n V s Z X M m c X V v d D s s J n F 1 b 3 Q 7 Q X J n Z W 5 0 a W 5 h J n F 1 b 3 Q 7 L C Z x d W 9 0 O 0 F 1 c 3 R y Y W x p Y S Z x d W 9 0 O y w m c X V v d D t B d X N 0 c m l h J n F 1 b 3 Q 7 L C Z x d W 9 0 O 0 J l b G d p d W 0 m c X V v d D s s J n F 1 b 3 Q 7 Q n J h e m l s J n F 1 b 3 Q 7 L C Z x d W 9 0 O 0 N h b m F k Y S Z x d W 9 0 O y w m c X V v d D t T d 2 l 0 e m V y b G F u Z C Z x d W 9 0 O y w m c X V v d D t D a G l s Z S Z x d W 9 0 O y w m c X V v d D t D a G l u Y S Z x d W 9 0 O y w m c X V v d D t D b 2 x v b W J p Y S Z x d W 9 0 O y w m c X V v d D t D b 3 N 0 Y S B S a W N h J n F 1 b 3 Q 7 L C Z x d W 9 0 O 0 N 6 Z W N o I F J l c H V i b G l j J n F 1 b 3 Q 7 L C Z x d W 9 0 O 0 d l c m 1 h b n k m c X V v d D s s J n F 1 b 3 Q 7 R G V u b W F y a y Z x d W 9 0 O y w m c X V v d D t B b G d l c m l h J n F 1 b 3 Q 7 L C Z x d W 9 0 O 0 V j d W F k b 3 I m c X V v d D s s J n F 1 b 3 Q 7 R W d 5 c H Q m c X V v d D s s J n F 1 b 3 Q 7 U 3 B h a W 4 m c X V v d D s s J n F 1 b 3 Q 7 R m l u b G F u Z C Z x d W 9 0 O y w m c X V v d D t G c m F u Y 2 U m c X V v d D s s J n F 1 b 3 Q 7 V W 5 p d G V k I E t p b m d k b 2 0 m c X V v d D s s J n F 1 b 3 Q 7 S G 9 u Z y B L b 2 5 n J n F 1 b 3 Q 7 L C Z x d W 9 0 O 0 h 1 b m d h c n k m c X V v d D s s J n F 1 b 3 Q 7 S W 5 k b 2 5 l c 2 l h J n F 1 b 3 Q 7 L C Z x d W 9 0 O 0 l u Z G l h J n F 1 b 3 Q 7 L C Z x d W 9 0 O 0 l y Z W x h b m Q m c X V v d D s s J n F 1 b 3 Q 7 S X R h b H k m c X V v d D s s J n F 1 b 3 Q 7 S m F w Y W 4 m c X V v d D s s J n F 1 b 3 Q 7 U m V w d W J s a W M g b 2 Y g S 2 9 y Z W E m c X V v d D s s J n F 1 b 3 Q 7 T H V 4 Z W 1 i b 3 V y Z y Z x d W 9 0 O y w m c X V v d D t N b 3 J v Y 2 N v J n F 1 b 3 Q 7 L C Z x d W 9 0 O 0 1 l e G l j b y Z x d W 9 0 O y w m c X V v d D t N Y W x h e X N p Y S Z x d W 9 0 O y w m c X V v d D t O a W d l c m l h J n F 1 b 3 Q 7 L C Z x d W 9 0 O 0 5 l d G h l c m x h b m R z J n F 1 b 3 Q 7 L C Z x d W 9 0 O 0 5 v c n d h e S Z x d W 9 0 O y w m c X V v d D t O Z X c g W m V h b G F u Z C Z x d W 9 0 O y w m c X V v d D t Q Z X J 1 J n F 1 b 3 Q 7 L C Z x d W 9 0 O 1 B o a W x p c H B p b m V z J n F 1 b 3 Q 7 L C Z x d W 9 0 O 1 B v b G F u Z C Z x d W 9 0 O y w m c X V v d D t Q d W V y d G 8 g U m l j b y Z x d W 9 0 O y w m c X V v d D t Q b 3 J 0 d W d h b C Z x d W 9 0 O y w m c X V v d D t S b 2 1 h b m l h J n F 1 b 3 Q 7 L C Z x d W 9 0 O 1 N h d W R p I E F y Y W J p Y S Z x d W 9 0 O y w m c X V v d D t T a W 5 n Y X B v c m U m c X V v d D s s J n F 1 b 3 Q 7 U 2 x v d m F r a W E m c X V v d D s s J n F 1 b 3 Q 7 U 3 d l Z G V u J n F 1 b 3 Q 7 L C Z x d W 9 0 O 1 V u a X R l Z C B T d G F 0 Z X M m c X V v d D s s J n F 1 b 3 Q 7 V m V u Z X p 1 Z W x h J n F 1 b 3 Q 7 L C Z x d W 9 0 O 1 N v d X R o I E F m c m l j Y S Z x d W 9 0 O 1 0 i I C 8 + P E V u d H J 5 I F R 5 c G U 9 I k Z p b G x D b 2 x 1 b W 5 U e X B l c y I g V m F s d W U 9 I n N C Z 1 l H Q m d Z R 0 J n W U d C Z 1 l H Q m d Z R 0 J n W U d C Z 1 l H Q m d Z R 0 J n W U d C Z 1 l H Q m d Z R 0 J n W U d C Z 1 l H Q m d Z R 0 J n W U d C Z 1 l H Q m d Z R y I g L z 4 8 R W 5 0 c n k g V H l w Z T 0 i R m l s b E x h c 3 R V c G R h d G V k I i B W Y W x 1 Z T 0 i Z D I w M j A t M T A t M j h U M j E 6 M z c 6 M z Q u O D Q 4 O T I y N F o i I C 8 + P E V u d H J 5 I F R 5 c G U 9 I k Z p b G x F c n J v c k N v d W 5 0 I i B W Y W x 1 Z T 0 i b D A i I C 8 + P E V u d H J 5 I F R 5 c G U 9 I k Z p b G x F c n J v c k N v Z G U i I F Z h b H V l P S J z V W 5 r b m 9 3 b i I g L z 4 8 R W 5 0 c n k g V H l w Z T 0 i R m l s b E N v d W 5 0 I i B W Y W x 1 Z T 0 i b D U 5 I i A v P j x F b n R y e S B U e X B l P S J B Z G R l Z F R v R G F 0 Y U 1 v Z G V s I i B W Y W x 1 Z T 0 i b D A i I C 8 + P C 9 T d G F i b G V F b n R y a W V z P j w v S X R l b T 4 8 S X R l b T 4 8 S X R l b U x v Y 2 F 0 a W 9 u P j x J d G V t V H l w Z T 5 G b 3 J t d W x h P C 9 J d G V t V H l w Z T 4 8 S X R l b V B h d G g + U 2 V j d G l v b j E v Q 2 9 1 b n R y e V J 1 b G V z J T I w V G V z d C 9 T b 3 V y Y 2 U 8 L 0 l 0 Z W 1 Q Y X R o P j w v S X R l b U x v Y 2 F 0 a W 9 u P j x T d G F i b G V F b n R y a W V z I C 8 + P C 9 J d G V t P j x J d G V t P j x J d G V t T G 9 j Y X R p b 2 4 + P E l 0 Z W 1 U e X B l P k Z v c m 1 1 b G E 8 L 0 l 0 Z W 1 U e X B l P j x J d G V t U G F 0 a D 5 T Z W N 0 a W 9 u M S 9 D b 3 V u d H J 5 U n V s Z X M l M j B U Z X N 0 L 0 N o Y W 5 n Z W Q l M j B U e X B l P C 9 J d G V t U G F 0 a D 4 8 L 0 l 0 Z W 1 M b 2 N h d G l v b j 4 8 U 3 R h Y m x l R W 5 0 c m l l c y A v P j w v S X R l b T 4 8 S X R l b T 4 8 S X R l b U x v Y 2 F 0 a W 9 u P j x J d G V t V H l w Z T 5 G b 3 J t d W x h P C 9 J d G V t V H l w Z T 4 8 S X R l b V B h d G g + U 2 V j d G l v b j E v Q 2 9 1 b n R y e V J 1 b G V z J T I w V G V z d C 9 Q c m 9 t b 3 R l Z C U y M E h l Y W R l c n M 8 L 0 l 0 Z W 1 Q Y X R o P j w v S X R l b U x v Y 2 F 0 a W 9 u P j x T d G F i b G V F b n R y a W V z I C 8 + P C 9 J d G V t P j x J d G V t P j x J d G V t T G 9 j Y X R p b 2 4 + P E l 0 Z W 1 U e X B l P k Z v c m 1 1 b G E 8 L 0 l 0 Z W 1 U e X B l P j x J d G V t U G F 0 a D 5 T Z W N 0 a W 9 u M S 9 D b 3 V u d H J 5 U n V s Z X M l M j B U Z X N 0 L 0 N o Y W 5 n Z W Q l M j B U e X B l M T w v S X R l b V B h d G g + P C 9 J d G V t T G 9 j Y X R p b 2 4 + P F N 0 Y W J s Z U V u d H J p Z X M g L z 4 8 L 0 l 0 Z W 0 + P E l 0 Z W 0 + P E l 0 Z W 1 M b 2 N h d G l v b j 4 8 S X R l b V R 5 c G U + R m 9 y b X V s Y T w v S X R l b V R 5 c G U + P E l 0 Z W 1 Q Y X R o P l N l Y 3 R p b 2 4 x L 0 N v d W 5 0 c n l S d W x l c y U y M F R l c 3 Q v U H J v b W 9 0 Z W Q l M j B I Z W F k Z X J z M T w v S X R l b V B h d G g + P C 9 J d G V t T G 9 j Y X R p b 2 4 + P F N 0 Y W J s Z U V u d H J p Z X M g L z 4 8 L 0 l 0 Z W 0 + P E l 0 Z W 0 + P E l 0 Z W 1 M b 2 N h d G l v b j 4 8 S X R l b V R 5 c G U + R m 9 y b X V s Y T w v S X R l b V R 5 c G U + P E l 0 Z W 1 Q Y X R o P l N l Y 3 R p b 2 4 x L 0 N v d W 5 0 c n l S d W x l c y U y M F R l c 3 Q v Q 2 h h b m d l Z C U y M F R 5 c G U y P C 9 J d G V t U G F 0 a D 4 8 L 0 l 0 Z W 1 M b 2 N h d G l v b j 4 8 U 3 R h Y m x l R W 5 0 c m l l c y A v P j w v S X R l b T 4 8 L 0 l 0 Z W 1 z P j w v T G 9 j Y W x Q Y W N r Y W d l T W V 0 Y W R h d G F G a W x l P h Y A A A B Q S w U G A A A A A A A A A A A A A A A A A A A A A A A A 2 g A A A A E A A A D Q j J 3 f A R X R E Y x 6 A M B P w p f r A Q A A A I W a + k 9 i W p l L o g s N e j O j u 4 Y A A A A A A g A A A A A A A 2 Y A A M A A A A A Q A A A A 6 w J F c J r u / G Z y r U 5 L 1 f z X q A A A A A A E g A A A o A A A A B A A A A A d P w y p F e A i H l J + Y B 3 e W F l C U A A A A D 2 N E Y T P G Y h L E y 9 O L H + 9 m u j O 4 g L h K m m J Y d l g h p V L b d A M X 2 c K E e e g d F B I I r e e + J U d D a C / W p D q y 3 W W U + A R r 0 L k 8 h V Y d g s V f s 6 J V b Y A E u h C x n S B F A A A A M 1 u 8 7 C r + t c z m c B U y Q R c N 6 y b I W Q 4 < / D a t a M a s h u p > 
</file>

<file path=customXml/item3.xml><?xml version="1.0" encoding="utf-8"?>
<ct:contentTypeSchema xmlns:ct="http://schemas.microsoft.com/office/2006/metadata/contentType" xmlns:ma="http://schemas.microsoft.com/office/2006/metadata/properties/metaAttributes" ct:_="" ma:_="" ma:contentTypeName="Document" ma:contentTypeID="0x010100169F41D390E3AE4E9D205BF08E91E43B" ma:contentTypeVersion="4" ma:contentTypeDescription="Create a new document." ma:contentTypeScope="" ma:versionID="166286c88c80ae290a14f6faa21aef51">
  <xsd:schema xmlns:xsd="http://www.w3.org/2001/XMLSchema" xmlns:xs="http://www.w3.org/2001/XMLSchema" xmlns:p="http://schemas.microsoft.com/office/2006/metadata/properties" xmlns:ns2="da9af27d-6a87-4d35-9044-e2815b5de5de" targetNamespace="http://schemas.microsoft.com/office/2006/metadata/properties" ma:root="true" ma:fieldsID="22e087c32dba792c61ee44851a5b7737" ns2:_="">
    <xsd:import namespace="da9af27d-6a87-4d35-9044-e2815b5de5de"/>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a9af27d-6a87-4d35-9044-e2815b5de5d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C9E4C4ED-D0AE-4A86-84E1-0EF28E0CCE0D}">
  <ds:schemaRefs>
    <ds:schemaRef ds:uri="http://schemas.microsoft.com/office/2006/documentManagement/types"/>
    <ds:schemaRef ds:uri="http://schemas.microsoft.com/office/infopath/2007/PartnerControls"/>
    <ds:schemaRef ds:uri="f7c671b8-1a97-4c58-b6a9-b872d1c47c8e"/>
    <ds:schemaRef ds:uri="http://purl.org/dc/elements/1.1/"/>
    <ds:schemaRef ds:uri="http://schemas.microsoft.com/office/2006/metadata/properties"/>
    <ds:schemaRef ds:uri="54a4fa2c-6341-4596-b8d8-a2e023346efc"/>
    <ds:schemaRef ds:uri="http://purl.org/dc/terms/"/>
    <ds:schemaRef ds:uri="http://schemas.openxmlformats.org/package/2006/metadata/core-properties"/>
    <ds:schemaRef ds:uri="http://www.w3.org/XML/1998/namespace"/>
    <ds:schemaRef ds:uri="http://purl.org/dc/dcmitype/"/>
  </ds:schemaRefs>
</ds:datastoreItem>
</file>

<file path=customXml/itemProps2.xml><?xml version="1.0" encoding="utf-8"?>
<ds:datastoreItem xmlns:ds="http://schemas.openxmlformats.org/officeDocument/2006/customXml" ds:itemID="{0EA21E18-8807-4E7E-893F-8A05F4EB89CF}">
  <ds:schemaRefs>
    <ds:schemaRef ds:uri="http://schemas.microsoft.com/DataMashup"/>
  </ds:schemaRefs>
</ds:datastoreItem>
</file>

<file path=customXml/itemProps3.xml><?xml version="1.0" encoding="utf-8"?>
<ds:datastoreItem xmlns:ds="http://schemas.openxmlformats.org/officeDocument/2006/customXml" ds:itemID="{C925D898-43E8-4CD3-8AB0-BC78DF0A117F}"/>
</file>

<file path=customXml/itemProps4.xml><?xml version="1.0" encoding="utf-8"?>
<ds:datastoreItem xmlns:ds="http://schemas.openxmlformats.org/officeDocument/2006/customXml" ds:itemID="{3AD27868-3CD8-465C-B157-33CFCBE97D74}">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21</vt:i4>
      </vt:variant>
      <vt:variant>
        <vt:lpstr>Named Ranges</vt:lpstr>
      </vt:variant>
      <vt:variant>
        <vt:i4>3</vt:i4>
      </vt:variant>
    </vt:vector>
  </HeadingPairs>
  <TitlesOfParts>
    <vt:vector size="24" baseType="lpstr">
      <vt:lpstr>Cover</vt:lpstr>
      <vt:lpstr>Read Me</vt:lpstr>
      <vt:lpstr>EDI samples</vt:lpstr>
      <vt:lpstr>Version History</vt:lpstr>
      <vt:lpstr>Buyer Process Requirement </vt:lpstr>
      <vt:lpstr>850 Outbound</vt:lpstr>
      <vt:lpstr>860 Outbound</vt:lpstr>
      <vt:lpstr>855 Inbound</vt:lpstr>
      <vt:lpstr>856 Inbound SOI</vt:lpstr>
      <vt:lpstr>856 Inbound SOPI</vt:lpstr>
      <vt:lpstr>OC ASN Requirements</vt:lpstr>
      <vt:lpstr>IN810 Inbound</vt:lpstr>
      <vt:lpstr>Invoice Status Table</vt:lpstr>
      <vt:lpstr>RC861_Outbound</vt:lpstr>
      <vt:lpstr>824 Outbound</vt:lpstr>
      <vt:lpstr>AN_Rules_All</vt:lpstr>
      <vt:lpstr>TEST_CountryBased_Rules</vt:lpstr>
      <vt:lpstr>PROD_Country_Based_Rules</vt:lpstr>
      <vt:lpstr>Support</vt:lpstr>
      <vt:lpstr>Closure Cover </vt:lpstr>
      <vt:lpstr>List Values</vt:lpstr>
      <vt:lpstr>'RC861_Outbound'!_FilterDatabase</vt:lpstr>
      <vt:lpstr>'RC861_Outbound'!Print_Area</vt:lpstr>
      <vt:lpstr>'RC861_Outbound'!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ao, Lakshmi</dc:creator>
  <cp:lastModifiedBy>Feliciano, Elizabeth</cp:lastModifiedBy>
  <cp:lastPrinted>2020-02-25T00:58:01Z</cp:lastPrinted>
  <dcterms:created xsi:type="dcterms:W3CDTF">2018-09-24T00:36:54Z</dcterms:created>
  <dcterms:modified xsi:type="dcterms:W3CDTF">2023-08-14T22:07:0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ContentTypeId">
    <vt:lpwstr>0x010100169F41D390E3AE4E9D205BF08E91E43B</vt:lpwstr>
  </property>
  <property fmtid="{D5CDD505-2E9C-101B-9397-08002B2CF9AE}" pid="4" name="IbpWorkbookKeyString_GUID">
    <vt:lpwstr>b388b830-d514-4d8b-a575-6fcf859448ee</vt:lpwstr>
  </property>
</Properties>
</file>